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1155083108\Desktop\Apr 15\"/>
    </mc:Choice>
  </mc:AlternateContent>
  <bookViews>
    <workbookView xWindow="0" yWindow="0" windowWidth="21570" windowHeight="8055"/>
  </bookViews>
  <sheets>
    <sheet name="Sheet2" sheetId="1" r:id="rId1"/>
    <sheet name="Neg" sheetId="2" r:id="rId2"/>
    <sheet name="Pos" sheetId="3" r:id="rId3"/>
  </sheets>
  <definedNames>
    <definedName name="_xlnm._FilterDatabase" localSheetId="0" hidden="1">Sheet2!$C$1:$H$15342</definedName>
  </definedNames>
  <calcPr calcId="162913" concurrentCalc="0"/>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15344" i="1" l="1"/>
  <c r="A15350" i="1"/>
  <c r="A15348" i="1"/>
  <c r="A15346" i="1"/>
  <c r="A15343" i="1"/>
  <c r="A15347" i="1"/>
  <c r="A15349" i="1"/>
  <c r="A15345" i="1"/>
  <c r="A12086" i="1"/>
  <c r="A12128" i="1"/>
  <c r="A12145" i="1"/>
  <c r="A12129" i="1"/>
  <c r="A12184" i="1"/>
  <c r="A12269" i="1"/>
  <c r="A12256" i="1"/>
  <c r="A12237" i="1"/>
  <c r="A12278" i="1"/>
  <c r="A12279" i="1"/>
  <c r="A12280" i="1"/>
  <c r="A12360" i="1"/>
  <c r="A12284" i="1"/>
  <c r="A12351" i="1"/>
  <c r="A12350" i="1"/>
  <c r="A12355" i="1"/>
  <c r="A12810" i="1"/>
  <c r="A13011" i="1"/>
  <c r="A13037" i="1"/>
  <c r="A12542" i="1"/>
  <c r="A12885" i="1"/>
  <c r="A12746" i="1"/>
  <c r="A13090" i="1"/>
  <c r="A13089" i="1"/>
  <c r="A13205" i="1"/>
  <c r="A13311" i="1"/>
  <c r="A13206" i="1"/>
  <c r="A13377" i="1"/>
  <c r="A13330" i="1"/>
  <c r="A13334" i="1"/>
  <c r="A13336" i="1"/>
  <c r="A13388" i="1"/>
  <c r="A13448" i="1"/>
  <c r="A13469" i="1"/>
  <c r="A13451" i="1"/>
  <c r="A13548" i="1"/>
  <c r="A13600" i="1"/>
  <c r="A13918" i="1"/>
  <c r="A13586" i="1"/>
  <c r="A13690" i="1"/>
  <c r="A13854" i="1"/>
  <c r="A13765" i="1"/>
  <c r="A14455" i="1"/>
  <c r="A14459" i="1"/>
  <c r="A14016" i="1"/>
  <c r="A14000" i="1"/>
  <c r="A14321" i="1"/>
  <c r="A14393" i="1"/>
  <c r="A14465" i="1"/>
  <c r="A14679" i="1"/>
  <c r="A14638" i="1"/>
  <c r="A14822" i="1"/>
  <c r="A14749" i="1"/>
  <c r="A14921" i="1"/>
  <c r="A14891" i="1"/>
  <c r="A15032" i="1"/>
  <c r="A14837" i="1"/>
  <c r="A14866" i="1"/>
  <c r="A15083" i="1"/>
  <c r="A15139" i="1"/>
  <c r="A15049" i="1"/>
  <c r="A15109" i="1"/>
  <c r="A15250" i="1"/>
  <c r="A15178" i="1"/>
  <c r="A15276" i="1"/>
  <c r="A2703" i="1"/>
  <c r="A15313" i="1"/>
  <c r="A7100" i="1"/>
  <c r="A4332" i="1"/>
  <c r="A7474" i="1"/>
  <c r="A7806" i="1"/>
  <c r="A9610" i="1"/>
  <c r="A7643" i="1"/>
  <c r="A9472" i="1"/>
  <c r="A11995" i="1"/>
  <c r="A13673" i="1"/>
  <c r="A14898" i="1"/>
  <c r="A8793" i="1"/>
  <c r="A8826" i="1"/>
  <c r="A8839" i="1"/>
  <c r="A8842" i="1"/>
  <c r="A8865" i="1"/>
  <c r="A8856" i="1"/>
  <c r="A8887" i="1"/>
  <c r="A8889" i="1"/>
  <c r="A8888" i="1"/>
  <c r="A8901" i="1"/>
  <c r="A8910" i="1"/>
  <c r="A8904" i="1"/>
  <c r="A8917" i="1"/>
  <c r="A8920" i="1"/>
  <c r="A8979" i="1"/>
  <c r="A8945" i="1"/>
  <c r="A8985" i="1"/>
  <c r="A8967" i="1"/>
  <c r="A8973" i="1"/>
  <c r="A8993" i="1"/>
  <c r="A8994" i="1"/>
  <c r="A9012" i="1"/>
  <c r="A9005" i="1"/>
  <c r="A8995" i="1"/>
  <c r="A9020" i="1"/>
  <c r="A9011" i="1"/>
  <c r="A9023" i="1"/>
  <c r="A9058" i="1"/>
  <c r="A9063" i="1"/>
  <c r="A9042" i="1"/>
  <c r="A9078" i="1"/>
  <c r="A9065" i="1"/>
  <c r="A9070" i="1"/>
  <c r="A9104" i="1"/>
  <c r="A9103" i="1"/>
  <c r="A9105" i="1"/>
  <c r="A9115" i="1"/>
  <c r="A9114" i="1"/>
  <c r="A9110" i="1"/>
  <c r="A9123" i="1"/>
  <c r="A9131" i="1"/>
  <c r="A9124" i="1"/>
  <c r="A9177" i="1"/>
  <c r="A9144" i="1"/>
  <c r="A9189" i="1"/>
  <c r="A9138" i="1"/>
  <c r="A9199" i="1"/>
  <c r="A9145" i="1"/>
  <c r="A9174" i="1"/>
  <c r="A9213" i="1"/>
  <c r="A9202" i="1"/>
  <c r="A9238" i="1"/>
  <c r="A9214" i="1"/>
  <c r="A9227" i="1"/>
  <c r="A9221" i="1"/>
  <c r="A9254" i="1"/>
  <c r="A9263" i="1"/>
  <c r="A9269" i="1"/>
  <c r="A9280" i="1"/>
  <c r="A9294" i="1"/>
  <c r="A9316" i="1"/>
  <c r="A9301" i="1"/>
  <c r="A9312" i="1"/>
  <c r="A9304" i="1"/>
  <c r="A9365" i="1"/>
  <c r="A9337" i="1"/>
  <c r="A9354" i="1"/>
  <c r="A9376" i="1"/>
  <c r="A9430" i="1"/>
  <c r="A9457" i="1"/>
  <c r="A9443" i="1"/>
  <c r="A9444" i="1"/>
  <c r="A9470" i="1"/>
  <c r="A9478" i="1"/>
  <c r="A9471" i="1"/>
  <c r="A9494" i="1"/>
  <c r="A9481" i="1"/>
  <c r="A9477" i="1"/>
  <c r="A9519" i="1"/>
  <c r="A9513" i="1"/>
  <c r="A9506" i="1"/>
  <c r="A9532" i="1"/>
  <c r="A9520" i="1"/>
  <c r="A9551" i="1"/>
  <c r="A9521" i="1"/>
  <c r="A9552" i="1"/>
  <c r="A9559" i="1"/>
  <c r="A9553" i="1"/>
  <c r="A9564" i="1"/>
  <c r="A9598" i="1"/>
  <c r="A9588" i="1"/>
  <c r="A9589" i="1"/>
  <c r="A9619" i="1"/>
  <c r="A9618" i="1"/>
  <c r="A9606" i="1"/>
  <c r="A9614" i="1"/>
  <c r="A9605" i="1"/>
  <c r="A9626" i="1"/>
  <c r="A9627" i="1"/>
  <c r="A9629" i="1"/>
  <c r="A9648" i="1"/>
  <c r="A9666" i="1"/>
  <c r="A9674" i="1"/>
  <c r="A9675" i="1"/>
  <c r="A9708" i="1"/>
  <c r="A9700" i="1"/>
  <c r="A9680" i="1"/>
  <c r="A9676" i="1"/>
  <c r="A9683" i="1"/>
  <c r="A9684" i="1"/>
  <c r="A9727" i="1"/>
  <c r="A9728" i="1"/>
  <c r="A9733" i="1"/>
  <c r="A9739" i="1"/>
  <c r="A9750" i="1"/>
  <c r="A9762" i="1"/>
  <c r="A9748" i="1"/>
  <c r="A9767" i="1"/>
  <c r="A9774" i="1"/>
  <c r="A9785" i="1"/>
  <c r="A9786" i="1"/>
  <c r="A9787" i="1"/>
  <c r="A9796" i="1"/>
  <c r="A9801" i="1"/>
  <c r="A9797" i="1"/>
  <c r="A9802" i="1"/>
  <c r="A9822" i="1"/>
  <c r="A9803" i="1"/>
  <c r="A9860" i="1"/>
  <c r="A9828" i="1"/>
  <c r="A9881" i="1"/>
  <c r="A9835" i="1"/>
  <c r="A9901" i="1"/>
  <c r="A9883" i="1"/>
  <c r="A9905" i="1"/>
  <c r="A9896" i="1"/>
  <c r="A9934" i="1"/>
  <c r="A9912" i="1"/>
  <c r="A9925" i="1"/>
  <c r="A9946" i="1"/>
  <c r="A9956" i="1"/>
  <c r="A10059" i="1"/>
  <c r="A10027" i="1"/>
  <c r="A10005" i="1"/>
  <c r="A10029" i="1"/>
  <c r="A10072" i="1"/>
  <c r="A10104" i="1"/>
  <c r="A10061" i="1"/>
  <c r="A10107" i="1"/>
  <c r="A10116" i="1"/>
  <c r="A10115" i="1"/>
  <c r="A10113" i="1"/>
  <c r="A10141" i="1"/>
  <c r="A10131" i="1"/>
  <c r="A10163" i="1"/>
  <c r="A10127" i="1"/>
  <c r="A10173" i="1"/>
  <c r="A10177" i="1"/>
  <c r="A10175" i="1"/>
  <c r="A10187" i="1"/>
  <c r="A10194" i="1"/>
  <c r="A10208" i="1"/>
  <c r="A10209" i="1"/>
  <c r="A10201" i="1"/>
  <c r="A10236" i="1"/>
  <c r="A10231" i="1"/>
  <c r="A10239" i="1"/>
  <c r="A10248" i="1"/>
  <c r="A10272" i="1"/>
  <c r="A10256" i="1"/>
  <c r="A10284" i="1"/>
  <c r="A10259" i="1"/>
  <c r="A10338" i="1"/>
  <c r="A10322" i="1"/>
  <c r="A10323" i="1"/>
  <c r="A10303" i="1"/>
  <c r="A10295" i="1"/>
  <c r="A10369" i="1"/>
  <c r="A10365" i="1"/>
  <c r="A10352" i="1"/>
  <c r="A10385" i="1"/>
  <c r="A10417" i="1"/>
  <c r="A10388" i="1"/>
  <c r="A10452" i="1"/>
  <c r="A10446" i="1"/>
  <c r="A10464" i="1"/>
  <c r="A10463" i="1"/>
  <c r="A10455" i="1"/>
  <c r="A10456" i="1"/>
  <c r="A10488" i="1"/>
  <c r="A10498" i="1"/>
  <c r="A10489" i="1"/>
  <c r="A10497" i="1"/>
  <c r="A10475" i="1"/>
  <c r="A10487" i="1"/>
  <c r="A10533" i="1"/>
  <c r="A10529" i="1"/>
  <c r="A10523" i="1"/>
  <c r="A10512" i="1"/>
  <c r="A10513" i="1"/>
  <c r="A10575" i="1"/>
  <c r="A10538" i="1"/>
  <c r="A10547" i="1"/>
  <c r="A10585" i="1"/>
  <c r="A10580" i="1"/>
  <c r="A10596" i="1"/>
  <c r="A10600" i="1"/>
  <c r="A10599" i="1"/>
  <c r="A10604" i="1"/>
  <c r="A10611" i="1"/>
  <c r="A10617" i="1"/>
  <c r="A10607" i="1"/>
  <c r="A10612" i="1"/>
  <c r="A10659" i="1"/>
  <c r="A10724" i="1"/>
  <c r="A10640" i="1"/>
  <c r="A10655" i="1"/>
  <c r="A10734" i="1"/>
  <c r="A10790" i="1"/>
  <c r="A10822" i="1"/>
  <c r="A10782" i="1"/>
  <c r="A10771" i="1"/>
  <c r="A10809" i="1"/>
  <c r="A10848" i="1"/>
  <c r="A10831" i="1"/>
  <c r="A10825" i="1"/>
  <c r="A10852" i="1"/>
  <c r="A10908" i="1"/>
  <c r="A10863" i="1"/>
  <c r="A10924" i="1"/>
  <c r="A10859" i="1"/>
  <c r="A10902" i="1"/>
  <c r="A10950" i="1"/>
  <c r="A10911" i="1"/>
  <c r="A10873" i="1"/>
  <c r="A10967" i="1"/>
  <c r="A10999" i="1"/>
  <c r="A10959" i="1"/>
  <c r="A10980" i="1"/>
  <c r="A10971" i="1"/>
  <c r="A10995" i="1"/>
  <c r="A11001" i="1"/>
  <c r="A10985" i="1"/>
  <c r="A11012" i="1"/>
  <c r="A11002" i="1"/>
  <c r="A11007" i="1"/>
  <c r="A11019" i="1"/>
  <c r="A11050" i="1"/>
  <c r="A11040" i="1"/>
  <c r="A11058" i="1"/>
  <c r="A11086" i="1"/>
  <c r="A11063" i="1"/>
  <c r="A11059" i="1"/>
  <c r="A11091" i="1"/>
  <c r="A11080" i="1"/>
  <c r="A11111" i="1"/>
  <c r="A11112" i="1"/>
  <c r="A11095" i="1"/>
  <c r="A11114" i="1"/>
  <c r="A11177" i="1"/>
  <c r="A11124" i="1"/>
  <c r="A11138" i="1"/>
  <c r="A11129" i="1"/>
  <c r="A11187" i="1"/>
  <c r="A11201" i="1"/>
  <c r="A11206" i="1"/>
  <c r="A11205" i="1"/>
  <c r="A11185" i="1"/>
  <c r="A11178" i="1"/>
  <c r="A11229" i="1"/>
  <c r="A11224" i="1"/>
  <c r="A11226" i="1"/>
  <c r="A11225" i="1"/>
  <c r="A11227" i="1"/>
  <c r="A11247" i="1"/>
  <c r="A11259" i="1"/>
  <c r="A11234" i="1"/>
  <c r="A11238" i="1"/>
  <c r="A11251" i="1"/>
  <c r="A11239" i="1"/>
  <c r="A11248" i="1"/>
  <c r="A11327" i="1"/>
  <c r="A11272" i="1"/>
  <c r="A11262" i="1"/>
  <c r="A11300" i="1"/>
  <c r="A11263" i="1"/>
  <c r="A11400" i="1"/>
  <c r="A11337" i="1"/>
  <c r="A11328" i="1"/>
  <c r="A11371" i="1"/>
  <c r="A11378" i="1"/>
  <c r="A11364" i="1"/>
  <c r="A11383" i="1"/>
  <c r="A11404" i="1"/>
  <c r="A11425" i="1"/>
  <c r="A11418" i="1"/>
  <c r="A11413" i="1"/>
  <c r="A11405" i="1"/>
  <c r="A11429" i="1"/>
  <c r="A11444" i="1"/>
  <c r="A11441" i="1"/>
  <c r="A11483" i="1"/>
  <c r="A11477" i="1"/>
  <c r="A11505" i="1"/>
  <c r="A11464" i="1"/>
  <c r="A11516" i="1"/>
  <c r="A11528" i="1"/>
  <c r="A11510" i="1"/>
  <c r="A11523" i="1"/>
  <c r="A11517" i="1"/>
  <c r="A11575" i="1"/>
  <c r="A11600" i="1"/>
  <c r="A11565" i="1"/>
  <c r="A11537" i="1"/>
  <c r="A11611" i="1"/>
  <c r="A11606" i="1"/>
  <c r="A11533" i="1"/>
  <c r="A11557" i="1"/>
  <c r="A11617" i="1"/>
  <c r="A11612" i="1"/>
  <c r="A11618" i="1"/>
  <c r="A11620" i="1"/>
  <c r="A11619" i="1"/>
  <c r="A11621" i="1"/>
  <c r="A11646" i="1"/>
  <c r="A11627" i="1"/>
  <c r="A11645" i="1"/>
  <c r="A11655" i="1"/>
  <c r="A11697" i="1"/>
  <c r="A11651" i="1"/>
  <c r="A11674" i="1"/>
  <c r="A11749" i="1"/>
  <c r="A11720" i="1"/>
  <c r="A11754" i="1"/>
  <c r="A11775" i="1"/>
  <c r="A11779" i="1"/>
  <c r="A11817" i="1"/>
  <c r="A11812" i="1"/>
  <c r="A11780" i="1"/>
  <c r="A11813" i="1"/>
  <c r="A11849" i="1"/>
  <c r="A11864" i="1"/>
  <c r="A11840" i="1"/>
  <c r="A11846" i="1"/>
  <c r="A11874" i="1"/>
  <c r="A11847" i="1"/>
  <c r="A11882" i="1"/>
  <c r="A11938" i="1"/>
  <c r="A11875" i="1"/>
  <c r="A11925" i="1"/>
  <c r="A11905" i="1"/>
  <c r="A11980" i="1"/>
  <c r="A11960" i="1"/>
  <c r="A11971" i="1"/>
  <c r="A11953" i="1"/>
  <c r="A11984" i="1"/>
  <c r="A11993" i="1"/>
  <c r="A11989" i="1"/>
  <c r="A11994" i="1"/>
  <c r="A11990" i="1"/>
  <c r="A12002" i="1"/>
  <c r="A12039" i="1"/>
  <c r="A12025" i="1"/>
  <c r="A12010" i="1"/>
  <c r="A12123" i="1"/>
  <c r="A12085" i="1"/>
  <c r="A12117" i="1"/>
  <c r="A12098" i="1"/>
  <c r="A12044" i="1"/>
  <c r="A12151" i="1"/>
  <c r="A12153" i="1"/>
  <c r="A12158" i="1"/>
  <c r="A12154" i="1"/>
  <c r="A12164" i="1"/>
  <c r="A12172" i="1"/>
  <c r="A12202" i="1"/>
  <c r="A12222" i="1"/>
  <c r="A12216" i="1"/>
  <c r="A12221" i="1"/>
  <c r="A12209" i="1"/>
  <c r="A12304" i="1"/>
  <c r="A12302" i="1"/>
  <c r="A12247" i="1"/>
  <c r="A12252" i="1"/>
  <c r="A12236" i="1"/>
  <c r="A12253" i="1"/>
  <c r="A12268" i="1"/>
  <c r="A12303" i="1"/>
  <c r="A12319" i="1"/>
  <c r="A12320" i="1"/>
  <c r="A12331" i="1"/>
  <c r="A12348" i="1"/>
  <c r="A12364" i="1"/>
  <c r="A12354" i="1"/>
  <c r="A12378" i="1"/>
  <c r="A12349" i="1"/>
  <c r="A12429" i="1"/>
  <c r="A12394" i="1"/>
  <c r="A12400" i="1"/>
  <c r="A12434" i="1"/>
  <c r="A12444" i="1"/>
  <c r="A12439" i="1"/>
  <c r="A12443" i="1"/>
  <c r="A12455" i="1"/>
  <c r="A12480" i="1"/>
  <c r="A12483" i="1"/>
  <c r="A12463" i="1"/>
  <c r="A12488" i="1"/>
  <c r="A12541" i="1"/>
  <c r="A12505" i="1"/>
  <c r="A12501" i="1"/>
  <c r="A12559" i="1"/>
  <c r="A12557" i="1"/>
  <c r="A12567" i="1"/>
  <c r="A12551" i="1"/>
  <c r="A12581" i="1"/>
  <c r="A12588" i="1"/>
  <c r="A12589" i="1"/>
  <c r="A12587" i="1"/>
  <c r="A12694" i="1"/>
  <c r="A12703" i="1"/>
  <c r="A12609" i="1"/>
  <c r="A12657" i="1"/>
  <c r="A12658" i="1"/>
  <c r="A12620" i="1"/>
  <c r="A12678" i="1"/>
  <c r="A12654" i="1"/>
  <c r="A12734" i="1"/>
  <c r="A12749" i="1"/>
  <c r="A12742" i="1"/>
  <c r="A12748" i="1"/>
  <c r="A12704" i="1"/>
  <c r="A12751" i="1"/>
  <c r="A12764" i="1"/>
  <c r="A12750" i="1"/>
  <c r="A12791" i="1"/>
  <c r="A12770" i="1"/>
  <c r="A12797" i="1"/>
  <c r="A12792" i="1"/>
  <c r="A12800" i="1"/>
  <c r="A12796" i="1"/>
  <c r="A12801" i="1"/>
  <c r="A12793" i="1"/>
  <c r="A12798" i="1"/>
  <c r="A12825" i="1"/>
  <c r="A12804" i="1"/>
  <c r="A12816" i="1"/>
  <c r="A12805" i="1"/>
  <c r="A12803" i="1"/>
  <c r="A12817" i="1"/>
  <c r="A12830" i="1"/>
  <c r="A12809" i="1"/>
  <c r="A12835" i="1"/>
  <c r="A12855" i="1"/>
  <c r="A12859" i="1"/>
  <c r="A12831" i="1"/>
  <c r="A12862" i="1"/>
  <c r="A12871" i="1"/>
  <c r="A12863" i="1"/>
  <c r="A12900" i="1"/>
  <c r="A12876" i="1"/>
  <c r="A12911" i="1"/>
  <c r="A13001" i="1"/>
  <c r="A12940" i="1"/>
  <c r="A13000" i="1"/>
  <c r="A12950" i="1"/>
  <c r="A12930" i="1"/>
  <c r="A12925" i="1"/>
  <c r="A13213" i="1"/>
  <c r="A13128" i="1"/>
  <c r="A13183" i="1"/>
  <c r="A13214" i="1"/>
  <c r="A13184" i="1"/>
  <c r="A13019" i="1"/>
  <c r="A13247" i="1"/>
  <c r="A13262" i="1"/>
  <c r="A13253" i="1"/>
  <c r="A13310" i="1"/>
  <c r="A13295" i="1"/>
  <c r="A13316" i="1"/>
  <c r="A13349" i="1"/>
  <c r="A13344" i="1"/>
  <c r="A13347" i="1"/>
  <c r="A13333" i="1"/>
  <c r="A13350" i="1"/>
  <c r="A13360" i="1"/>
  <c r="A13356" i="1"/>
  <c r="A13359" i="1"/>
  <c r="A13355" i="1"/>
  <c r="A13374" i="1"/>
  <c r="A13384" i="1"/>
  <c r="A13392" i="1"/>
  <c r="A13364" i="1"/>
  <c r="A13365" i="1"/>
  <c r="A13416" i="1"/>
  <c r="A13396" i="1"/>
  <c r="A13417" i="1"/>
  <c r="A13422" i="1"/>
  <c r="A13415" i="1"/>
  <c r="A13435" i="1"/>
  <c r="A13429" i="1"/>
  <c r="A13477" i="1"/>
  <c r="A13439" i="1"/>
  <c r="A13473" i="1"/>
  <c r="A13481" i="1"/>
  <c r="A13590" i="1"/>
  <c r="A13542" i="1"/>
  <c r="A13524" i="1"/>
  <c r="A13573" i="1"/>
  <c r="A13487" i="1"/>
  <c r="A13559" i="1"/>
  <c r="A13619" i="1"/>
  <c r="A13603" i="1"/>
  <c r="A13610" i="1"/>
  <c r="A13618" i="1"/>
  <c r="A13614" i="1"/>
  <c r="A13607" i="1"/>
  <c r="A13685" i="1"/>
  <c r="A13762" i="1"/>
  <c r="A13742" i="1"/>
  <c r="A13711" i="1"/>
  <c r="A13761" i="1"/>
  <c r="A13714" i="1"/>
  <c r="A13682" i="1"/>
  <c r="A13694" i="1"/>
  <c r="A13792" i="1"/>
  <c r="A13798" i="1"/>
  <c r="A13790" i="1"/>
  <c r="A13770" i="1"/>
  <c r="A13800" i="1"/>
  <c r="A13815" i="1"/>
  <c r="A13799" i="1"/>
  <c r="A13827" i="1"/>
  <c r="A13868" i="1"/>
  <c r="A13873" i="1"/>
  <c r="A13864" i="1"/>
  <c r="A13880" i="1"/>
  <c r="A13872" i="1"/>
  <c r="A13887" i="1"/>
  <c r="A13913" i="1"/>
  <c r="A13940" i="1"/>
  <c r="A13881" i="1"/>
  <c r="A13935" i="1"/>
  <c r="A13953" i="1"/>
  <c r="A13976" i="1"/>
  <c r="A14005" i="1"/>
  <c r="A13994" i="1"/>
  <c r="A13995" i="1"/>
  <c r="A13964" i="1"/>
  <c r="A14051" i="1"/>
  <c r="A14015" i="1"/>
  <c r="A14024" i="1"/>
  <c r="A14021" i="1"/>
  <c r="A14078" i="1"/>
  <c r="A14084" i="1"/>
  <c r="A14073" i="1"/>
  <c r="A14067" i="1"/>
  <c r="A14053" i="1"/>
  <c r="A14087" i="1"/>
  <c r="A14093" i="1"/>
  <c r="A14148" i="1"/>
  <c r="A14191" i="1"/>
  <c r="A14129" i="1"/>
  <c r="A14160" i="1"/>
  <c r="A14131" i="1"/>
  <c r="A14204" i="1"/>
  <c r="A14212" i="1"/>
  <c r="A14200" i="1"/>
  <c r="A14194" i="1"/>
  <c r="A14199" i="1"/>
  <c r="A14253" i="1"/>
  <c r="A14290" i="1"/>
  <c r="A14241" i="1"/>
  <c r="A14311" i="1"/>
  <c r="A14267" i="1"/>
  <c r="A14220" i="1"/>
  <c r="A14324" i="1"/>
  <c r="A14332" i="1"/>
  <c r="A14325" i="1"/>
  <c r="A14343" i="1"/>
  <c r="A14347" i="1"/>
  <c r="A14389" i="1"/>
  <c r="A14352" i="1"/>
  <c r="A14351" i="1"/>
  <c r="A14430" i="1"/>
  <c r="A14397" i="1"/>
  <c r="A14392" i="1"/>
  <c r="A14391" i="1"/>
  <c r="A14474" i="1"/>
  <c r="A14461" i="1"/>
  <c r="A14484" i="1"/>
  <c r="A14469" i="1"/>
  <c r="A14478" i="1"/>
  <c r="A14435" i="1"/>
  <c r="A14497" i="1"/>
  <c r="A14528" i="1"/>
  <c r="A14485" i="1"/>
  <c r="A14522" i="1"/>
  <c r="A14555" i="1"/>
  <c r="A14556" i="1"/>
  <c r="A14560" i="1"/>
  <c r="A14607" i="1"/>
  <c r="A14596" i="1"/>
  <c r="A14602" i="1"/>
  <c r="A14625" i="1"/>
  <c r="A14614" i="1"/>
  <c r="A14619" i="1"/>
  <c r="A14626" i="1"/>
  <c r="A14634" i="1"/>
  <c r="A14631" i="1"/>
  <c r="A14678" i="1"/>
  <c r="A14697" i="1"/>
  <c r="A14669" i="1"/>
  <c r="A14657" i="1"/>
  <c r="A14708" i="1"/>
  <c r="A14721" i="1"/>
  <c r="A14713" i="1"/>
  <c r="A14760" i="1"/>
  <c r="A14748" i="1"/>
  <c r="A14737" i="1"/>
  <c r="A14794" i="1"/>
  <c r="A14817" i="1"/>
  <c r="A14816" i="1"/>
  <c r="A14827" i="1"/>
  <c r="A14832" i="1"/>
  <c r="A14838" i="1"/>
  <c r="A14836" i="1"/>
  <c r="A14881" i="1"/>
  <c r="A14871" i="1"/>
  <c r="A14882" i="1"/>
  <c r="A14897" i="1"/>
  <c r="A14886" i="1"/>
  <c r="A14909" i="1"/>
  <c r="A14926" i="1"/>
  <c r="A14914" i="1"/>
  <c r="A14931" i="1"/>
  <c r="A14927" i="1"/>
  <c r="A14976" i="1"/>
  <c r="A14981" i="1"/>
  <c r="A15008" i="1"/>
  <c r="A15013" i="1"/>
  <c r="A15007" i="1"/>
  <c r="A14998" i="1"/>
  <c r="A15018" i="1"/>
  <c r="A15017" i="1"/>
  <c r="A15022" i="1"/>
  <c r="A15015" i="1"/>
  <c r="A15016" i="1"/>
  <c r="A15052" i="1"/>
  <c r="A15053" i="1"/>
  <c r="A15024" i="1"/>
  <c r="A15078" i="1"/>
  <c r="A15081" i="1"/>
  <c r="A15108" i="1"/>
  <c r="A15103" i="1"/>
  <c r="A15082" i="1"/>
  <c r="A15123" i="1"/>
  <c r="A15131" i="1"/>
  <c r="A15176" i="1"/>
  <c r="A15141" i="1"/>
  <c r="A15164" i="1"/>
  <c r="A15145" i="1"/>
  <c r="A15130" i="1"/>
  <c r="A15165" i="1"/>
  <c r="A15180" i="1"/>
  <c r="A15198" i="1"/>
  <c r="A15199" i="1"/>
  <c r="A15213" i="1"/>
  <c r="A15224" i="1"/>
  <c r="A15228" i="1"/>
  <c r="A15275" i="1"/>
  <c r="A15241" i="1"/>
  <c r="A15273" i="1"/>
  <c r="A15231" i="1"/>
  <c r="A15281" i="1"/>
  <c r="A15326" i="1"/>
  <c r="A15286" i="1"/>
  <c r="A15307" i="1"/>
  <c r="A15327" i="1"/>
  <c r="A15287" i="1"/>
  <c r="A15332" i="1"/>
  <c r="A22" i="1"/>
  <c r="A63" i="1"/>
  <c r="A154" i="1"/>
  <c r="A15335" i="1"/>
  <c r="A354" i="1"/>
  <c r="A367" i="1"/>
  <c r="A368" i="1"/>
  <c r="A230" i="1"/>
  <c r="A420" i="1"/>
  <c r="A410" i="1"/>
  <c r="A644" i="1"/>
  <c r="A700" i="1"/>
  <c r="A488" i="1"/>
  <c r="A718" i="1"/>
  <c r="A486" i="1"/>
  <c r="A859" i="1"/>
  <c r="A886" i="1"/>
  <c r="A876" i="1"/>
  <c r="A924" i="1"/>
  <c r="A946" i="1"/>
  <c r="A923" i="1"/>
  <c r="A1005" i="1"/>
  <c r="A995" i="1"/>
  <c r="A1008" i="1"/>
  <c r="A1026" i="1"/>
  <c r="A1109" i="1"/>
  <c r="A1145" i="1"/>
  <c r="A1132" i="1"/>
  <c r="A1424" i="1"/>
  <c r="A1235" i="1"/>
  <c r="A1276" i="1"/>
  <c r="A1692" i="1"/>
  <c r="A1720" i="1"/>
  <c r="A1478" i="1"/>
  <c r="A1745" i="1"/>
  <c r="A1852" i="1"/>
  <c r="A1845" i="1"/>
  <c r="A1795" i="1"/>
  <c r="A1810" i="1"/>
  <c r="A2158" i="1"/>
  <c r="A1897" i="1"/>
  <c r="A2140" i="1"/>
  <c r="A2125" i="1"/>
  <c r="A2238" i="1"/>
  <c r="A2438" i="1"/>
  <c r="A2369" i="1"/>
  <c r="A2378" i="1"/>
  <c r="A2432" i="1"/>
  <c r="A2426" i="1"/>
  <c r="A2626" i="1"/>
  <c r="A2586" i="1"/>
  <c r="A2550" i="1"/>
  <c r="A2817" i="1"/>
  <c r="A2662" i="1"/>
  <c r="A2783" i="1"/>
  <c r="A2882" i="1"/>
  <c r="A2766" i="1"/>
  <c r="A2887" i="1"/>
  <c r="A2978" i="1"/>
  <c r="A2920" i="1"/>
  <c r="A2965" i="1"/>
  <c r="A2989" i="1"/>
  <c r="A3061" i="1"/>
  <c r="A3122" i="1"/>
  <c r="A3450" i="1"/>
  <c r="A3321" i="1"/>
  <c r="A3258" i="1"/>
  <c r="A3429" i="1"/>
  <c r="A3364" i="1"/>
  <c r="A3679" i="1"/>
  <c r="A3516" i="1"/>
  <c r="A3559" i="1"/>
  <c r="A3642" i="1"/>
  <c r="A3910" i="1"/>
  <c r="A3780" i="1"/>
  <c r="A3808" i="1"/>
  <c r="A3687" i="1"/>
  <c r="A3938" i="1"/>
  <c r="A3918" i="1"/>
  <c r="A3980" i="1"/>
  <c r="A3944" i="1"/>
  <c r="A4101" i="1"/>
  <c r="A4251" i="1"/>
  <c r="A4015" i="1"/>
  <c r="A4343" i="1"/>
  <c r="A4107" i="1"/>
  <c r="A4385" i="1"/>
  <c r="A4404" i="1"/>
  <c r="A4392" i="1"/>
  <c r="A4509" i="1"/>
  <c r="A4561" i="1"/>
  <c r="A4556" i="1"/>
  <c r="A4544" i="1"/>
  <c r="A4466" i="1"/>
  <c r="A4410" i="1"/>
  <c r="A4646" i="1"/>
  <c r="A4645" i="1"/>
  <c r="A4853" i="1"/>
  <c r="A4655" i="1"/>
  <c r="A4686" i="1"/>
  <c r="A4936" i="1"/>
  <c r="A4974" i="1"/>
  <c r="A4859" i="1"/>
  <c r="A4975" i="1"/>
  <c r="A5110" i="1"/>
  <c r="A5198" i="1"/>
  <c r="A5224" i="1"/>
  <c r="A5264" i="1"/>
  <c r="A5020" i="1"/>
  <c r="A5284" i="1"/>
  <c r="A5796" i="1"/>
  <c r="A5607" i="1"/>
  <c r="A6118" i="1"/>
  <c r="A6013" i="1"/>
  <c r="A5823" i="1"/>
  <c r="A6134" i="1"/>
  <c r="A5814" i="1"/>
  <c r="A6151" i="1"/>
  <c r="A6302" i="1"/>
  <c r="A6251" i="1"/>
  <c r="A6157" i="1"/>
  <c r="A6201" i="1"/>
  <c r="A6178" i="1"/>
  <c r="A6368" i="1"/>
  <c r="A6381" i="1"/>
  <c r="A6420" i="1"/>
  <c r="A6475" i="1"/>
  <c r="A6663" i="1"/>
  <c r="A6709" i="1"/>
  <c r="A6591" i="1"/>
  <c r="A6701" i="1"/>
  <c r="A6719" i="1"/>
  <c r="A6904" i="1"/>
  <c r="A6715" i="1"/>
  <c r="A6991" i="1"/>
  <c r="A6977" i="1"/>
  <c r="A6983" i="1"/>
  <c r="A6958" i="1"/>
  <c r="A7038" i="1"/>
  <c r="A7126" i="1"/>
  <c r="A7054" i="1"/>
  <c r="A6992" i="1"/>
  <c r="A7106" i="1"/>
  <c r="A7027" i="1"/>
  <c r="A7217" i="1"/>
  <c r="A7234" i="1"/>
  <c r="A7330" i="1"/>
  <c r="A7268" i="1"/>
  <c r="A7357" i="1"/>
  <c r="A7343" i="1"/>
  <c r="A7495" i="1"/>
  <c r="A7614" i="1"/>
  <c r="A7690" i="1"/>
  <c r="A7502" i="1"/>
  <c r="A7691" i="1"/>
  <c r="A7770" i="1"/>
  <c r="A7839" i="1"/>
  <c r="A7861" i="1"/>
  <c r="A7746" i="1"/>
  <c r="A8046" i="1"/>
  <c r="A7741" i="1"/>
  <c r="A7798" i="1"/>
  <c r="A8144" i="1"/>
  <c r="A8169" i="1"/>
  <c r="A8170" i="1"/>
  <c r="A8175" i="1"/>
  <c r="A8194" i="1"/>
  <c r="A8202" i="1"/>
  <c r="A8231" i="1"/>
  <c r="A8301" i="1"/>
  <c r="A8358" i="1"/>
  <c r="A8294" i="1"/>
  <c r="A8420" i="1"/>
  <c r="A8443" i="1"/>
  <c r="A8457" i="1"/>
  <c r="A8480" i="1"/>
  <c r="A8481" i="1"/>
  <c r="A8421" i="1"/>
  <c r="A8674" i="1"/>
  <c r="A8607" i="1"/>
  <c r="A8496" i="1"/>
  <c r="A8682" i="1"/>
  <c r="A8734" i="1"/>
  <c r="A8722" i="1"/>
  <c r="A8503" i="1"/>
  <c r="A8806" i="1"/>
  <c r="A8763" i="1"/>
  <c r="A8823" i="1"/>
  <c r="A8882" i="1"/>
  <c r="A8881" i="1"/>
  <c r="A8827" i="1"/>
  <c r="A8949" i="1"/>
  <c r="A9013" i="1"/>
  <c r="A9097" i="1"/>
  <c r="A9046" i="1"/>
  <c r="A9317" i="1"/>
  <c r="A9233" i="1"/>
  <c r="A9313" i="1"/>
  <c r="A9194" i="1"/>
  <c r="A9465" i="1"/>
  <c r="A9514" i="1"/>
  <c r="A9487" i="1"/>
  <c r="A9537" i="1"/>
  <c r="A9585" i="1"/>
  <c r="A9515" i="1"/>
  <c r="A9758" i="1"/>
  <c r="A9812" i="1"/>
  <c r="A9734" i="1"/>
  <c r="A9768" i="1"/>
  <c r="A9701" i="1"/>
  <c r="A9839" i="1"/>
  <c r="A10056" i="1"/>
  <c r="A10046" i="1"/>
  <c r="A9957" i="1"/>
  <c r="A10098" i="1"/>
  <c r="A10117" i="1"/>
  <c r="A10146" i="1"/>
  <c r="A10305" i="1"/>
  <c r="A10260" i="1"/>
  <c r="A10316" i="1"/>
  <c r="A10291" i="1"/>
  <c r="A10714" i="1"/>
  <c r="A10530" i="1"/>
  <c r="A10465" i="1"/>
  <c r="A10662" i="1"/>
  <c r="A10864" i="1"/>
  <c r="A10802" i="1"/>
  <c r="A11054" i="1"/>
  <c r="A10886" i="1"/>
  <c r="A11023" i="1"/>
  <c r="A11034" i="1"/>
  <c r="A11125" i="1"/>
  <c r="A11189" i="1"/>
  <c r="A11057" i="1"/>
  <c r="A11096" i="1"/>
  <c r="A11215" i="1"/>
  <c r="A11289" i="1"/>
  <c r="A11401" i="1"/>
  <c r="A11571" i="1"/>
  <c r="A11524" i="1"/>
  <c r="A11465" i="1"/>
  <c r="A11793" i="1"/>
  <c r="A11656" i="1"/>
  <c r="A11681" i="1"/>
  <c r="A11820" i="1"/>
  <c r="A11821" i="1"/>
  <c r="A11889" i="1"/>
  <c r="A11930" i="1"/>
  <c r="A12074" i="1"/>
  <c r="A11974" i="1"/>
  <c r="A12053" i="1"/>
  <c r="A233" i="1"/>
  <c r="A219" i="1"/>
  <c r="A263" i="1"/>
  <c r="A294" i="1"/>
  <c r="A318" i="1"/>
  <c r="A330" i="1"/>
  <c r="A335" i="1"/>
  <c r="A336" i="1"/>
  <c r="A342" i="1"/>
  <c r="A360" i="1"/>
  <c r="A345" i="1"/>
  <c r="A346" i="1"/>
  <c r="A381" i="1"/>
  <c r="A375" i="1"/>
  <c r="A387" i="1"/>
  <c r="A363" i="1"/>
  <c r="A388" i="1"/>
  <c r="A406" i="1"/>
  <c r="A402" i="1"/>
  <c r="A394" i="1"/>
  <c r="A482" i="1"/>
  <c r="A451" i="1"/>
  <c r="A465" i="1"/>
  <c r="A471" i="1"/>
  <c r="A476" i="1"/>
  <c r="A491" i="1"/>
  <c r="A503" i="1"/>
  <c r="A502" i="1"/>
  <c r="A559" i="1"/>
  <c r="A556" i="1"/>
  <c r="A529" i="1"/>
  <c r="A622" i="1"/>
  <c r="A594" i="1"/>
  <c r="A629" i="1"/>
  <c r="A628" i="1"/>
  <c r="A789" i="1"/>
  <c r="A727" i="1"/>
  <c r="A768" i="1"/>
  <c r="A767" i="1"/>
  <c r="A661" i="1"/>
  <c r="A676" i="1"/>
  <c r="A653" i="1"/>
  <c r="A809" i="1"/>
  <c r="A790" i="1"/>
  <c r="A804" i="1"/>
  <c r="A803" i="1"/>
  <c r="A853" i="1"/>
  <c r="A870" i="1"/>
  <c r="A823" i="1"/>
  <c r="A864" i="1"/>
  <c r="A890" i="1"/>
  <c r="A908" i="1"/>
  <c r="A906" i="1"/>
  <c r="A920" i="1"/>
  <c r="A927" i="1"/>
  <c r="A938" i="1"/>
  <c r="A949" i="1"/>
  <c r="A964" i="1"/>
  <c r="A967" i="1"/>
  <c r="A1037" i="1"/>
  <c r="A996" i="1"/>
  <c r="A978" i="1"/>
  <c r="A993" i="1"/>
  <c r="A1004" i="1"/>
  <c r="A1077" i="1"/>
  <c r="A1057" i="1"/>
  <c r="A1097" i="1"/>
  <c r="A1076" i="1"/>
  <c r="A1103" i="1"/>
  <c r="A1131" i="1"/>
  <c r="A1107" i="1"/>
  <c r="A1168" i="1"/>
  <c r="A1189" i="1"/>
  <c r="A1225" i="1"/>
  <c r="A1198" i="1"/>
  <c r="A1228" i="1"/>
  <c r="A1239" i="1"/>
  <c r="A1251" i="1"/>
  <c r="A1249" i="1"/>
  <c r="A1259" i="1"/>
  <c r="A1263" i="1"/>
  <c r="A1272" i="1"/>
  <c r="A1252" i="1"/>
  <c r="A1256" i="1"/>
  <c r="A1303" i="1"/>
  <c r="A1283" i="1"/>
  <c r="A1280" i="1"/>
  <c r="A1281" i="1"/>
  <c r="A1298" i="1"/>
  <c r="A1323" i="1"/>
  <c r="A1322" i="1"/>
  <c r="A1313" i="1"/>
  <c r="A1324" i="1"/>
  <c r="A1318" i="1"/>
  <c r="A1368" i="1"/>
  <c r="A1339" i="1"/>
  <c r="A1351" i="1"/>
  <c r="A1364" i="1"/>
  <c r="A1373" i="1"/>
  <c r="A1376" i="1"/>
  <c r="A1380" i="1"/>
  <c r="A1401" i="1"/>
  <c r="A1385" i="1"/>
  <c r="A1388" i="1"/>
  <c r="A1394" i="1"/>
  <c r="A1405" i="1"/>
  <c r="A1406" i="1"/>
  <c r="A1407" i="1"/>
  <c r="A1430" i="1"/>
  <c r="A1420" i="1"/>
  <c r="A1425" i="1"/>
  <c r="A1444" i="1"/>
  <c r="A1433" i="1"/>
  <c r="A1456" i="1"/>
  <c r="A1454" i="1"/>
  <c r="A1473" i="1"/>
  <c r="A1455" i="1"/>
  <c r="A1463" i="1"/>
  <c r="A1481" i="1"/>
  <c r="A1482" i="1"/>
  <c r="A1484" i="1"/>
  <c r="A1529" i="1"/>
  <c r="A1560" i="1"/>
  <c r="A1511" i="1"/>
  <c r="A1557" i="1"/>
  <c r="A1609" i="1"/>
  <c r="A1587" i="1"/>
  <c r="A1564" i="1"/>
  <c r="A1580" i="1"/>
  <c r="A1644" i="1"/>
  <c r="A1691" i="1"/>
  <c r="A1695" i="1"/>
  <c r="A1647" i="1"/>
  <c r="A1712" i="1"/>
  <c r="A1704" i="1"/>
  <c r="A1709" i="1"/>
  <c r="A1744" i="1"/>
  <c r="A1759" i="1"/>
  <c r="A1715" i="1"/>
  <c r="A1734" i="1"/>
  <c r="A1802" i="1"/>
  <c r="A1793" i="1"/>
  <c r="A1769" i="1"/>
  <c r="A1766" i="1"/>
  <c r="A1794" i="1"/>
  <c r="A1772" i="1"/>
  <c r="A1807" i="1"/>
  <c r="A1830" i="1"/>
  <c r="A1832" i="1"/>
  <c r="A1831" i="1"/>
  <c r="A1863" i="1"/>
  <c r="A1851" i="1"/>
  <c r="A1837" i="1"/>
  <c r="A1840" i="1"/>
  <c r="A1857" i="1"/>
  <c r="A1914" i="1"/>
  <c r="A1928" i="1"/>
  <c r="A1896" i="1"/>
  <c r="A1924" i="1"/>
  <c r="A2008" i="1"/>
  <c r="A1943" i="1"/>
  <c r="A1932" i="1"/>
  <c r="A2000" i="1"/>
  <c r="A2013" i="1"/>
  <c r="A2044" i="1"/>
  <c r="A2018" i="1"/>
  <c r="A2043" i="1"/>
  <c r="A2075" i="1"/>
  <c r="A2153" i="1"/>
  <c r="A2078" i="1"/>
  <c r="A2121" i="1"/>
  <c r="A2122" i="1"/>
  <c r="A2057" i="1"/>
  <c r="A2196" i="1"/>
  <c r="A2210" i="1"/>
  <c r="A2213" i="1"/>
  <c r="A2182" i="1"/>
  <c r="A2219" i="1"/>
  <c r="A2243" i="1"/>
  <c r="A2220" i="1"/>
  <c r="A2316" i="1"/>
  <c r="A2270" i="1"/>
  <c r="A2256" i="1"/>
  <c r="A2271" i="1"/>
  <c r="A2327" i="1"/>
  <c r="A2328" i="1"/>
  <c r="A2339" i="1"/>
  <c r="A2358" i="1"/>
  <c r="A2349" i="1"/>
  <c r="A2346" i="1"/>
  <c r="A2340" i="1"/>
  <c r="A2364" i="1"/>
  <c r="A2415" i="1"/>
  <c r="A2387" i="1"/>
  <c r="A2431" i="1"/>
  <c r="A2399" i="1"/>
  <c r="A2482" i="1"/>
  <c r="A2489" i="1"/>
  <c r="A2448" i="1"/>
  <c r="A2477" i="1"/>
  <c r="A2549" i="1"/>
  <c r="A2561" i="1"/>
  <c r="A2543" i="1"/>
  <c r="A2562" i="1"/>
  <c r="A2505" i="1"/>
  <c r="A2617" i="1"/>
  <c r="A2582" i="1"/>
  <c r="A2596" i="1"/>
  <c r="A2595" i="1"/>
  <c r="A2570" i="1"/>
  <c r="A2637" i="1"/>
  <c r="A2636" i="1"/>
  <c r="A2629" i="1"/>
  <c r="A2625" i="1"/>
  <c r="A2684" i="1"/>
  <c r="A2688" i="1"/>
  <c r="A2675" i="1"/>
  <c r="A2638" i="1"/>
  <c r="A2687" i="1"/>
  <c r="A2689" i="1"/>
  <c r="A2717" i="1"/>
  <c r="A2695" i="1"/>
  <c r="A2716" i="1"/>
  <c r="A2715" i="1"/>
  <c r="A2727" i="1"/>
  <c r="A2778" i="1"/>
  <c r="A2777" i="1"/>
  <c r="A2737" i="1"/>
  <c r="A2756" i="1"/>
  <c r="A2789" i="1"/>
  <c r="A2809" i="1"/>
  <c r="A2833" i="1"/>
  <c r="A2794" i="1"/>
  <c r="A2859" i="1"/>
  <c r="A2862" i="1"/>
  <c r="A2863" i="1"/>
  <c r="A2853" i="1"/>
  <c r="A2842" i="1"/>
  <c r="A2864" i="1"/>
  <c r="A2869" i="1"/>
  <c r="A2866" i="1"/>
  <c r="A2865" i="1"/>
  <c r="A2870" i="1"/>
  <c r="A2886" i="1"/>
  <c r="A2915" i="1"/>
  <c r="A2906" i="1"/>
  <c r="A2881" i="1"/>
  <c r="A2930" i="1"/>
  <c r="A2927" i="1"/>
  <c r="A2926" i="1"/>
  <c r="A2933" i="1"/>
  <c r="A2957" i="1"/>
  <c r="A2968" i="1"/>
  <c r="A2954" i="1"/>
  <c r="A2977" i="1"/>
  <c r="A2970" i="1"/>
  <c r="A3000" i="1"/>
  <c r="A2971" i="1"/>
  <c r="A2972" i="1"/>
  <c r="A3002" i="1"/>
  <c r="A3001" i="1"/>
  <c r="A3011" i="1"/>
  <c r="A3027" i="1"/>
  <c r="A3021" i="1"/>
  <c r="A3013" i="1"/>
  <c r="A3031" i="1"/>
  <c r="A3032" i="1"/>
  <c r="A3067" i="1"/>
  <c r="A3040" i="1"/>
  <c r="A3054" i="1"/>
  <c r="A3049" i="1"/>
  <c r="A3087" i="1"/>
  <c r="A3099" i="1"/>
  <c r="A3084" i="1"/>
  <c r="A3106" i="1"/>
  <c r="A3091" i="1"/>
  <c r="A3068" i="1"/>
  <c r="A3137" i="1"/>
  <c r="A3119" i="1"/>
  <c r="A3126" i="1"/>
  <c r="A3129" i="1"/>
  <c r="A3139" i="1"/>
  <c r="A3145" i="1"/>
  <c r="A3156" i="1"/>
  <c r="A3167" i="1"/>
  <c r="A3144" i="1"/>
  <c r="A3157" i="1"/>
  <c r="A3189" i="1"/>
  <c r="A3204" i="1"/>
  <c r="A3190" i="1"/>
  <c r="A3205" i="1"/>
  <c r="A3214" i="1"/>
  <c r="A3224" i="1"/>
  <c r="A3219" i="1"/>
  <c r="A3240" i="1"/>
  <c r="A3237" i="1"/>
  <c r="A3239" i="1"/>
  <c r="A3294" i="1"/>
  <c r="A3315" i="1"/>
  <c r="A3245" i="1"/>
  <c r="A3257" i="1"/>
  <c r="A3303" i="1"/>
  <c r="A3251" i="1"/>
  <c r="A3343" i="1"/>
  <c r="A3327" i="1"/>
  <c r="A3336" i="1"/>
  <c r="A3363" i="1"/>
  <c r="A3347" i="1"/>
  <c r="A3358" i="1"/>
  <c r="A3387" i="1"/>
  <c r="A3414" i="1"/>
  <c r="A3401" i="1"/>
  <c r="A3391" i="1"/>
  <c r="A3456" i="1"/>
  <c r="A3460" i="1"/>
  <c r="A3424" i="1"/>
  <c r="A3457" i="1"/>
  <c r="A3443" i="1"/>
  <c r="A3419" i="1"/>
  <c r="A3487" i="1"/>
  <c r="A3465" i="1"/>
  <c r="A3461" i="1"/>
  <c r="A3472" i="1"/>
  <c r="A3506" i="1"/>
  <c r="A3488" i="1"/>
  <c r="A3515" i="1"/>
  <c r="A3489" i="1"/>
  <c r="A3507" i="1"/>
  <c r="A3525" i="1"/>
  <c r="A3524" i="1"/>
  <c r="A3530" i="1"/>
  <c r="A3558" i="1"/>
  <c r="A3533" i="1"/>
  <c r="A3587" i="1"/>
  <c r="A3575" i="1"/>
  <c r="A3585" i="1"/>
  <c r="A3566" i="1"/>
  <c r="A3574" i="1"/>
  <c r="A3571" i="1"/>
  <c r="A3588" i="1"/>
  <c r="A3616" i="1"/>
  <c r="A3598" i="1"/>
  <c r="A3636" i="1"/>
  <c r="A3617" i="1"/>
  <c r="A3641" i="1"/>
  <c r="A3650" i="1"/>
  <c r="A3649" i="1"/>
  <c r="A3662" i="1"/>
  <c r="A3654" i="1"/>
  <c r="A3653" i="1"/>
  <c r="A3659" i="1"/>
  <c r="A3671" i="1"/>
  <c r="A3670" i="1"/>
  <c r="A3678" i="1"/>
  <c r="A3702" i="1"/>
  <c r="A3703" i="1"/>
  <c r="A3690" i="1"/>
  <c r="A3683" i="1"/>
  <c r="A3714" i="1"/>
  <c r="A3720" i="1"/>
  <c r="A3770" i="1"/>
  <c r="A3761" i="1"/>
  <c r="A3779" i="1"/>
  <c r="A3773" i="1"/>
  <c r="A3790" i="1"/>
  <c r="A3785" i="1"/>
  <c r="A3721" i="1"/>
  <c r="A3791" i="1"/>
  <c r="A3800" i="1"/>
  <c r="A3831" i="1"/>
  <c r="A3807" i="1"/>
  <c r="A3838" i="1"/>
  <c r="A3839" i="1"/>
  <c r="A3806" i="1"/>
  <c r="A3837" i="1"/>
  <c r="A3830" i="1"/>
  <c r="A3825" i="1"/>
  <c r="A3860" i="1"/>
  <c r="A3884" i="1"/>
  <c r="A3873" i="1"/>
  <c r="A3885" i="1"/>
  <c r="A3914" i="1"/>
  <c r="A3922" i="1"/>
  <c r="A3896" i="1"/>
  <c r="A3906" i="1"/>
  <c r="A3889" i="1"/>
  <c r="A3893" i="1"/>
  <c r="A3960" i="1"/>
  <c r="A3956" i="1"/>
  <c r="A3923" i="1"/>
  <c r="A3927" i="1"/>
  <c r="A3979" i="1"/>
  <c r="A4013" i="1"/>
  <c r="A3997" i="1"/>
  <c r="A4005" i="1"/>
  <c r="A4012" i="1"/>
  <c r="A4004" i="1"/>
  <c r="A4060" i="1"/>
  <c r="A4046" i="1"/>
  <c r="A4055" i="1"/>
  <c r="A4082" i="1"/>
  <c r="A4099" i="1"/>
  <c r="A4048" i="1"/>
  <c r="A4014" i="1"/>
  <c r="A4137" i="1"/>
  <c r="A4100" i="1"/>
  <c r="A4106" i="1"/>
  <c r="A4139" i="1"/>
  <c r="A4151" i="1"/>
  <c r="A4152" i="1"/>
  <c r="A4159" i="1"/>
  <c r="A4210" i="1"/>
  <c r="A4166" i="1"/>
  <c r="A4177" i="1"/>
  <c r="A4199" i="1"/>
  <c r="A4187" i="1"/>
  <c r="A4209" i="1"/>
  <c r="A4220" i="1"/>
  <c r="A4221" i="1"/>
  <c r="A4250" i="1"/>
  <c r="A4222" i="1"/>
  <c r="A4229" i="1"/>
  <c r="A4233" i="1"/>
  <c r="A4289" i="1"/>
  <c r="A4257" i="1"/>
  <c r="A4285" i="1"/>
  <c r="A4319" i="1"/>
  <c r="A4320" i="1"/>
  <c r="A4321" i="1"/>
  <c r="A4311" i="1"/>
  <c r="A4322" i="1"/>
  <c r="A4339" i="1"/>
  <c r="A4340" i="1"/>
  <c r="A4336" i="1"/>
  <c r="A4352" i="1"/>
  <c r="A4375" i="1"/>
  <c r="A4391" i="1"/>
  <c r="A4418" i="1"/>
  <c r="A4438" i="1"/>
  <c r="A4390" i="1"/>
  <c r="A4383" i="1"/>
  <c r="A4470" i="1"/>
  <c r="A4447" i="1"/>
  <c r="A4475" i="1"/>
  <c r="A4483" i="1"/>
  <c r="A4495" i="1"/>
  <c r="A4524" i="1"/>
  <c r="A4525" i="1"/>
  <c r="A4526" i="1"/>
  <c r="A4531" i="1"/>
  <c r="A4607" i="1"/>
  <c r="A4543" i="1"/>
  <c r="A4559" i="1"/>
  <c r="A4560" i="1"/>
  <c r="A4624" i="1"/>
  <c r="A4632" i="1"/>
  <c r="A4549" i="1"/>
  <c r="A4617" i="1"/>
  <c r="A4681" i="1"/>
  <c r="A4654" i="1"/>
  <c r="A4683" i="1"/>
  <c r="A4644" i="1"/>
  <c r="A4641" i="1"/>
  <c r="A4682" i="1"/>
  <c r="A4760" i="1"/>
  <c r="A4725" i="1"/>
  <c r="A4724" i="1"/>
  <c r="A4767" i="1"/>
  <c r="A4786" i="1"/>
  <c r="A4795" i="1"/>
  <c r="A4781" i="1"/>
  <c r="A4815" i="1"/>
  <c r="A4883" i="1"/>
  <c r="A4852" i="1"/>
  <c r="A4884" i="1"/>
  <c r="A4889" i="1"/>
  <c r="A4896" i="1"/>
  <c r="A4918" i="1"/>
  <c r="A4951" i="1"/>
  <c r="A4923" i="1"/>
  <c r="A4943" i="1"/>
  <c r="A4972" i="1"/>
  <c r="A4968" i="1"/>
  <c r="A4944" i="1"/>
  <c r="A4948" i="1"/>
  <c r="A5019" i="1"/>
  <c r="A5006" i="1"/>
  <c r="A4981" i="1"/>
  <c r="A4980" i="1"/>
  <c r="A4973" i="1"/>
  <c r="A5040" i="1"/>
  <c r="A5032" i="1"/>
  <c r="A5033" i="1"/>
  <c r="A5025" i="1"/>
  <c r="A5042" i="1"/>
  <c r="A5060" i="1"/>
  <c r="A5074" i="1"/>
  <c r="A5096" i="1"/>
  <c r="A5059" i="1"/>
  <c r="A5058" i="1"/>
  <c r="A5097" i="1"/>
  <c r="A5105" i="1"/>
  <c r="A5171" i="1"/>
  <c r="A5125" i="1"/>
  <c r="A5123" i="1"/>
  <c r="A5183" i="1"/>
  <c r="A5240" i="1"/>
  <c r="A5218" i="1"/>
  <c r="A5295" i="1"/>
  <c r="A5288" i="1"/>
  <c r="A5257" i="1"/>
  <c r="A5283" i="1"/>
  <c r="A5304" i="1"/>
  <c r="A5315" i="1"/>
  <c r="A5323" i="1"/>
  <c r="A5305" i="1"/>
  <c r="A5311" i="1"/>
  <c r="A5384" i="1"/>
  <c r="A5361" i="1"/>
  <c r="A5374" i="1"/>
  <c r="A5336" i="1"/>
  <c r="A5394" i="1"/>
  <c r="A5445" i="1"/>
  <c r="A5426" i="1"/>
  <c r="A5452" i="1"/>
  <c r="A5397" i="1"/>
  <c r="A5475" i="1"/>
  <c r="A5481" i="1"/>
  <c r="A5476" i="1"/>
  <c r="A5488" i="1"/>
  <c r="A5546" i="1"/>
  <c r="A5505" i="1"/>
  <c r="A5547" i="1"/>
  <c r="A5525" i="1"/>
  <c r="A5526" i="1"/>
  <c r="A5527" i="1"/>
  <c r="A5552" i="1"/>
  <c r="A5556" i="1"/>
  <c r="A5557" i="1"/>
  <c r="A5574" i="1"/>
  <c r="A5568" i="1"/>
  <c r="A5629" i="1"/>
  <c r="A5620" i="1"/>
  <c r="A5644" i="1"/>
  <c r="A5645" i="1"/>
  <c r="A5653" i="1"/>
  <c r="A5712" i="1"/>
  <c r="A5693" i="1"/>
  <c r="A5685" i="1"/>
  <c r="A5692" i="1"/>
  <c r="A5731" i="1"/>
  <c r="A5719" i="1"/>
  <c r="A5733" i="1"/>
  <c r="A5742" i="1"/>
  <c r="A5746" i="1"/>
  <c r="A5757" i="1"/>
  <c r="A5751" i="1"/>
  <c r="A5772" i="1"/>
  <c r="A5763" i="1"/>
  <c r="A5784" i="1"/>
  <c r="A5780" i="1"/>
  <c r="A5785" i="1"/>
  <c r="A5845" i="1"/>
  <c r="A5853" i="1"/>
  <c r="A5795" i="1"/>
  <c r="A5827" i="1"/>
  <c r="A5804" i="1"/>
  <c r="A5898" i="1"/>
  <c r="A5914" i="1"/>
  <c r="A5929" i="1"/>
  <c r="A5911" i="1"/>
  <c r="A5924" i="1"/>
  <c r="A5951" i="1"/>
  <c r="A5955" i="1"/>
  <c r="A5941" i="1"/>
  <c r="A5945" i="1"/>
  <c r="A5947" i="1"/>
  <c r="A5977" i="1"/>
  <c r="A5979" i="1"/>
  <c r="A5972" i="1"/>
  <c r="A5992" i="1"/>
  <c r="A6002" i="1"/>
  <c r="A6004" i="1"/>
  <c r="A6018" i="1"/>
  <c r="A6019" i="1"/>
  <c r="A6012" i="1"/>
  <c r="A6034" i="1"/>
  <c r="A6077" i="1"/>
  <c r="A6074" i="1"/>
  <c r="A6082" i="1"/>
  <c r="A6031" i="1"/>
  <c r="A6038" i="1"/>
  <c r="A6083" i="1"/>
  <c r="A6115" i="1"/>
  <c r="A6094" i="1"/>
  <c r="A6114" i="1"/>
  <c r="A6106" i="1"/>
  <c r="A6117" i="1"/>
  <c r="A6122" i="1"/>
  <c r="A6123" i="1"/>
  <c r="A6121" i="1"/>
  <c r="A6126" i="1"/>
  <c r="A6139" i="1"/>
  <c r="A6133" i="1"/>
  <c r="A6156" i="1"/>
  <c r="A6161" i="1"/>
  <c r="A6160" i="1"/>
  <c r="A6150" i="1"/>
  <c r="A6215" i="1"/>
  <c r="A6189" i="1"/>
  <c r="A6214" i="1"/>
  <c r="A6185" i="1"/>
  <c r="A6172" i="1"/>
  <c r="A6173" i="1"/>
  <c r="A6239" i="1"/>
  <c r="A6218" i="1"/>
  <c r="A6238" i="1"/>
  <c r="A6250" i="1"/>
  <c r="A6282" i="1"/>
  <c r="A6293" i="1"/>
  <c r="A6301" i="1"/>
  <c r="A6322" i="1"/>
  <c r="A6354" i="1"/>
  <c r="A6355" i="1"/>
  <c r="A6346" i="1"/>
  <c r="A6397" i="1"/>
  <c r="A6377" i="1"/>
  <c r="A6371" i="1"/>
  <c r="A6405" i="1"/>
  <c r="A6398" i="1"/>
  <c r="A6431" i="1"/>
  <c r="A6422" i="1"/>
  <c r="A6432" i="1"/>
  <c r="A6442" i="1"/>
  <c r="A6450" i="1"/>
  <c r="A6474" i="1"/>
  <c r="A6503" i="1"/>
  <c r="A6451" i="1"/>
  <c r="A6529" i="1"/>
  <c r="A6535" i="1"/>
  <c r="A6539" i="1"/>
  <c r="A6552" i="1"/>
  <c r="A6540" i="1"/>
  <c r="A6551" i="1"/>
  <c r="A6563" i="1"/>
  <c r="A6553" i="1"/>
  <c r="A6562" i="1"/>
  <c r="A6571" i="1"/>
  <c r="A6589" i="1"/>
  <c r="A6570" i="1"/>
  <c r="A6600" i="1"/>
  <c r="A6627" i="1"/>
  <c r="A6601" i="1"/>
  <c r="A6621" i="1"/>
  <c r="A6590" i="1"/>
  <c r="A6628" i="1"/>
  <c r="A6662" i="1"/>
  <c r="A6633" i="1"/>
  <c r="A6688" i="1"/>
  <c r="A6693" i="1"/>
  <c r="A6692" i="1"/>
  <c r="A6718" i="1"/>
  <c r="A6714" i="1"/>
  <c r="A6704" i="1"/>
  <c r="A6736" i="1"/>
  <c r="A6761" i="1"/>
  <c r="A6746" i="1"/>
  <c r="A6798" i="1"/>
  <c r="A6797" i="1"/>
  <c r="A6777" i="1"/>
  <c r="A6811" i="1"/>
  <c r="A6801" i="1"/>
  <c r="A6805" i="1"/>
  <c r="A6871" i="1"/>
  <c r="A6814" i="1"/>
  <c r="A6837" i="1"/>
  <c r="A6830" i="1"/>
  <c r="A6843" i="1"/>
  <c r="A6819" i="1"/>
  <c r="A6836" i="1"/>
  <c r="A6926" i="1"/>
  <c r="A6918" i="1"/>
  <c r="A6902" i="1"/>
  <c r="A6929" i="1"/>
  <c r="A6937" i="1"/>
  <c r="A7067" i="1"/>
  <c r="A6976" i="1"/>
  <c r="A6966" i="1"/>
  <c r="A7026" i="1"/>
  <c r="A7032" i="1"/>
  <c r="A6952" i="1"/>
  <c r="A6990" i="1"/>
  <c r="A7083" i="1"/>
  <c r="A7072" i="1"/>
  <c r="A7082" i="1"/>
  <c r="A7089" i="1"/>
  <c r="A7084" i="1"/>
  <c r="A7090" i="1"/>
  <c r="A7121" i="1"/>
  <c r="A7102" i="1"/>
  <c r="A7091" i="1"/>
  <c r="A7123" i="1"/>
  <c r="A7122" i="1"/>
  <c r="A7124" i="1"/>
  <c r="A7132" i="1"/>
  <c r="A7144" i="1"/>
  <c r="A7151" i="1"/>
  <c r="A7146" i="1"/>
  <c r="A7165" i="1"/>
  <c r="A7164" i="1"/>
  <c r="A7152" i="1"/>
  <c r="A7153" i="1"/>
  <c r="A7169" i="1"/>
  <c r="A7209" i="1"/>
  <c r="A7168" i="1"/>
  <c r="A7199" i="1"/>
  <c r="A7248" i="1"/>
  <c r="A7233" i="1"/>
  <c r="A7230" i="1"/>
  <c r="A7253" i="1"/>
  <c r="A7273" i="1"/>
  <c r="A7254" i="1"/>
  <c r="A7264" i="1"/>
  <c r="A7281" i="1"/>
  <c r="A7279" i="1"/>
  <c r="A7287" i="1"/>
  <c r="A7282" i="1"/>
  <c r="A7291" i="1"/>
  <c r="A7290" i="1"/>
  <c r="A7342" i="1"/>
  <c r="A7313" i="1"/>
  <c r="A7317" i="1"/>
  <c r="A7356" i="1"/>
  <c r="A7364" i="1"/>
  <c r="A7371" i="1"/>
  <c r="A7405" i="1"/>
  <c r="A7353" i="1"/>
  <c r="A7448" i="1"/>
  <c r="A7412" i="1"/>
  <c r="A7434" i="1"/>
  <c r="A7419" i="1"/>
  <c r="A7453" i="1"/>
  <c r="A7466" i="1"/>
  <c r="A7473" i="1"/>
  <c r="A7465" i="1"/>
  <c r="A7552" i="1"/>
  <c r="A7521" i="1"/>
  <c r="A7537" i="1"/>
  <c r="A7501" i="1"/>
  <c r="A7563" i="1"/>
  <c r="A7494" i="1"/>
  <c r="A7596" i="1"/>
  <c r="A7584" i="1"/>
  <c r="A7573" i="1"/>
  <c r="A7618" i="1"/>
  <c r="A7597" i="1"/>
  <c r="A7619" i="1"/>
  <c r="A7603" i="1"/>
  <c r="A7651" i="1"/>
  <c r="A7638" i="1"/>
  <c r="A7631" i="1"/>
  <c r="A7639" i="1"/>
  <c r="A7658" i="1"/>
  <c r="A7668" i="1"/>
  <c r="A7669" i="1"/>
  <c r="A7670" i="1"/>
  <c r="A7681" i="1"/>
  <c r="A7672" i="1"/>
  <c r="A7716" i="1"/>
  <c r="A7728" i="1"/>
  <c r="A7706" i="1"/>
  <c r="A7745" i="1"/>
  <c r="A7753" i="1"/>
  <c r="A7773" i="1"/>
  <c r="A7772" i="1"/>
  <c r="A7759" i="1"/>
  <c r="A7758" i="1"/>
  <c r="A7777" i="1"/>
  <c r="A7791" i="1"/>
  <c r="A7801" i="1"/>
  <c r="A7797" i="1"/>
  <c r="A7808" i="1"/>
  <c r="A7805" i="1"/>
  <c r="A7809" i="1"/>
  <c r="A7810" i="1"/>
  <c r="A7813" i="1"/>
  <c r="A7838" i="1"/>
  <c r="A7847" i="1"/>
  <c r="A7843" i="1"/>
  <c r="A7849" i="1"/>
  <c r="A7848" i="1"/>
  <c r="A7873" i="1"/>
  <c r="A7860" i="1"/>
  <c r="A7854" i="1"/>
  <c r="A7879" i="1"/>
  <c r="A7895" i="1"/>
  <c r="A7882" i="1"/>
  <c r="A7908" i="1"/>
  <c r="A7917" i="1"/>
  <c r="A7918" i="1"/>
  <c r="A7896" i="1"/>
  <c r="A7897" i="1"/>
  <c r="A7929" i="1"/>
  <c r="A7935" i="1"/>
  <c r="A7919" i="1"/>
  <c r="A7943" i="1"/>
  <c r="A7960" i="1"/>
  <c r="A7942" i="1"/>
  <c r="A7964" i="1"/>
  <c r="A7998" i="1"/>
  <c r="A7990" i="1"/>
  <c r="A7989" i="1"/>
  <c r="A7995" i="1"/>
  <c r="A8021" i="1"/>
  <c r="A8008" i="1"/>
  <c r="A8052" i="1"/>
  <c r="A8049" i="1"/>
  <c r="A7999" i="1"/>
  <c r="A8068" i="1"/>
  <c r="A8079" i="1"/>
  <c r="A8072" i="1"/>
  <c r="A8059" i="1"/>
  <c r="A8080" i="1"/>
  <c r="A8073" i="1"/>
  <c r="A8093" i="1"/>
  <c r="A8090" i="1"/>
  <c r="A8081" i="1"/>
  <c r="A8100" i="1"/>
  <c r="A8089" i="1"/>
  <c r="A8099" i="1"/>
  <c r="A8132" i="1"/>
  <c r="A8129" i="1"/>
  <c r="A8119" i="1"/>
  <c r="A8120" i="1"/>
  <c r="A8127" i="1"/>
  <c r="A8150" i="1"/>
  <c r="A8151" i="1"/>
  <c r="A8143" i="1"/>
  <c r="A8168" i="1"/>
  <c r="A8133" i="1"/>
  <c r="A8158" i="1"/>
  <c r="A8183" i="1"/>
  <c r="A8184" i="1"/>
  <c r="A8209" i="1"/>
  <c r="A8213" i="1"/>
  <c r="A8230" i="1"/>
  <c r="A8225" i="1"/>
  <c r="A8210" i="1"/>
  <c r="A8244" i="1"/>
  <c r="A8236" i="1"/>
  <c r="A8237" i="1"/>
  <c r="A8235" i="1"/>
  <c r="A8269" i="1"/>
  <c r="A8270" i="1"/>
  <c r="A8250" i="1"/>
  <c r="A8286" i="1"/>
  <c r="A8280" i="1"/>
  <c r="A8275" i="1"/>
  <c r="A8279" i="1"/>
  <c r="A8300" i="1"/>
  <c r="A8287" i="1"/>
  <c r="A8299" i="1"/>
  <c r="A8290" i="1"/>
  <c r="A8311" i="1"/>
  <c r="A8318" i="1"/>
  <c r="A8312" i="1"/>
  <c r="A8313" i="1"/>
  <c r="A8343" i="1"/>
  <c r="A8337" i="1"/>
  <c r="A8344" i="1"/>
  <c r="A8357" i="1"/>
  <c r="A8352" i="1"/>
  <c r="A8345" i="1"/>
  <c r="A8353" i="1"/>
  <c r="A8371" i="1"/>
  <c r="A8397" i="1"/>
  <c r="A8391" i="1"/>
  <c r="A8398" i="1"/>
  <c r="A8412" i="1"/>
  <c r="A8411" i="1"/>
  <c r="A8433" i="1"/>
  <c r="A8448" i="1"/>
  <c r="A8438" i="1"/>
  <c r="A8413" i="1"/>
  <c r="A8442" i="1"/>
  <c r="A8451" i="1"/>
  <c r="A8479" i="1"/>
  <c r="A8487" i="1"/>
  <c r="A8494" i="1"/>
  <c r="A8488" i="1"/>
  <c r="A8513" i="1"/>
  <c r="A8554" i="1"/>
  <c r="A8523" i="1"/>
  <c r="A8587" i="1"/>
  <c r="A8595" i="1"/>
  <c r="A8594" i="1"/>
  <c r="A8614" i="1"/>
  <c r="A8613" i="1"/>
  <c r="A8619" i="1"/>
  <c r="A8642" i="1"/>
  <c r="A8628" i="1"/>
  <c r="A8635" i="1"/>
  <c r="A8687" i="1"/>
  <c r="A8721" i="1"/>
  <c r="A8652" i="1"/>
  <c r="A8788" i="1"/>
  <c r="A8748" i="1"/>
  <c r="A8744" i="1"/>
  <c r="A8774" i="1"/>
  <c r="A8792" i="1"/>
  <c r="A4921" i="1"/>
  <c r="A4922" i="1"/>
  <c r="A4917" i="1"/>
  <c r="A4947" i="1"/>
  <c r="A5018" i="1"/>
  <c r="A4971" i="1"/>
  <c r="A4967" i="1"/>
  <c r="A5015" i="1"/>
  <c r="A4928" i="1"/>
  <c r="A5079" i="1"/>
  <c r="A5068" i="1"/>
  <c r="A5031" i="1"/>
  <c r="A5063" i="1"/>
  <c r="A5092" i="1"/>
  <c r="A5104" i="1"/>
  <c r="A5087" i="1"/>
  <c r="A5124" i="1"/>
  <c r="A5136" i="1"/>
  <c r="A5135" i="1"/>
  <c r="A5148" i="1"/>
  <c r="A5140" i="1"/>
  <c r="A5194" i="1"/>
  <c r="A5180" i="1"/>
  <c r="A5196" i="1"/>
  <c r="A5157" i="1"/>
  <c r="A5197" i="1"/>
  <c r="A5167" i="1"/>
  <c r="A5205" i="1"/>
  <c r="A5214" i="1"/>
  <c r="A5206" i="1"/>
  <c r="A5252" i="1"/>
  <c r="A5263" i="1"/>
  <c r="A5229" i="1"/>
  <c r="A5270" i="1"/>
  <c r="A5340" i="1"/>
  <c r="A5345" i="1"/>
  <c r="A5298" i="1"/>
  <c r="A5310" i="1"/>
  <c r="A5348" i="1"/>
  <c r="A5378" i="1"/>
  <c r="A5358" i="1"/>
  <c r="A5356" i="1"/>
  <c r="A5357" i="1"/>
  <c r="A5411" i="1"/>
  <c r="A5379" i="1"/>
  <c r="A5383" i="1"/>
  <c r="A5402" i="1"/>
  <c r="A5424" i="1"/>
  <c r="A5425" i="1"/>
  <c r="A5380" i="1"/>
  <c r="A5444" i="1"/>
  <c r="A5471" i="1"/>
  <c r="A5436" i="1"/>
  <c r="A5472" i="1"/>
  <c r="A5497" i="1"/>
  <c r="A5474" i="1"/>
  <c r="A5515" i="1"/>
  <c r="A5522" i="1"/>
  <c r="A5524" i="1"/>
  <c r="A5577" i="1"/>
  <c r="A5530" i="1"/>
  <c r="A5573" i="1"/>
  <c r="A5545" i="1"/>
  <c r="A5580" i="1"/>
  <c r="A5609" i="1"/>
  <c r="A5583" i="1"/>
  <c r="A5587" i="1"/>
  <c r="A5661" i="1"/>
  <c r="A5588" i="1"/>
  <c r="A5628" i="1"/>
  <c r="A5662" i="1"/>
  <c r="A5723" i="1"/>
  <c r="A5714" i="1"/>
  <c r="A5716" i="1"/>
  <c r="A5727" i="1"/>
  <c r="A5762" i="1"/>
  <c r="A5794" i="1"/>
  <c r="A5750" i="1"/>
  <c r="A5832" i="1"/>
  <c r="A5893" i="1"/>
  <c r="A5894" i="1"/>
  <c r="A5864" i="1"/>
  <c r="A5870" i="1"/>
  <c r="A5878" i="1"/>
  <c r="A5922" i="1"/>
  <c r="A5928" i="1"/>
  <c r="A5902" i="1"/>
  <c r="A5923" i="1"/>
  <c r="A5943" i="1"/>
  <c r="A5944" i="1"/>
  <c r="A5946" i="1"/>
  <c r="A5950" i="1"/>
  <c r="A5954" i="1"/>
  <c r="A5963" i="1"/>
  <c r="A5991" i="1"/>
  <c r="A5989" i="1"/>
  <c r="A6063" i="1"/>
  <c r="A6057" i="1"/>
  <c r="A6059" i="1"/>
  <c r="A6030" i="1"/>
  <c r="A6068" i="1"/>
  <c r="A6125" i="1"/>
  <c r="A6069" i="1"/>
  <c r="A6081" i="1"/>
  <c r="A6071" i="1"/>
  <c r="A6130" i="1"/>
  <c r="A6136" i="1"/>
  <c r="A6135" i="1"/>
  <c r="A6137" i="1"/>
  <c r="A6138" i="1"/>
  <c r="A6177" i="1"/>
  <c r="A6198" i="1"/>
  <c r="A6208" i="1"/>
  <c r="A6159" i="1"/>
  <c r="A6255" i="1"/>
  <c r="A6222" i="1"/>
  <c r="A6217" i="1"/>
  <c r="A6254" i="1"/>
  <c r="A6265" i="1"/>
  <c r="A6259" i="1"/>
  <c r="A6266" i="1"/>
  <c r="A6264" i="1"/>
  <c r="A6292" i="1"/>
  <c r="A6306" i="1"/>
  <c r="A6281" i="1"/>
  <c r="A6288" i="1"/>
  <c r="A6313" i="1"/>
  <c r="A6327" i="1"/>
  <c r="A6335" i="1"/>
  <c r="A6345" i="1"/>
  <c r="A6359" i="1"/>
  <c r="A6348" i="1"/>
  <c r="A6387" i="1"/>
  <c r="A6415" i="1"/>
  <c r="A6386" i="1"/>
  <c r="A6416" i="1"/>
  <c r="A6408" i="1"/>
  <c r="A6440" i="1"/>
  <c r="A6439" i="1"/>
  <c r="A6429" i="1"/>
  <c r="A6421" i="1"/>
  <c r="A6430" i="1"/>
  <c r="A6441" i="1"/>
  <c r="A6446" i="1"/>
  <c r="A6462" i="1"/>
  <c r="A6467" i="1"/>
  <c r="A6501" i="1"/>
  <c r="A6509" i="1"/>
  <c r="A6518" i="1"/>
  <c r="A6516" i="1"/>
  <c r="A6517" i="1"/>
  <c r="A6528" i="1"/>
  <c r="A6527" i="1"/>
  <c r="A6534" i="1"/>
  <c r="A6557" i="1"/>
  <c r="A6567" i="1"/>
  <c r="A6568" i="1"/>
  <c r="A6599" i="1"/>
  <c r="A6546" i="1"/>
  <c r="A6569" i="1"/>
  <c r="A6612" i="1"/>
  <c r="A6620" i="1"/>
  <c r="A6617" i="1"/>
  <c r="A6635" i="1"/>
  <c r="A6618" i="1"/>
  <c r="A6642" i="1"/>
  <c r="A6653" i="1"/>
  <c r="A6669" i="1"/>
  <c r="A6717" i="1"/>
  <c r="A6713" i="1"/>
  <c r="A6678" i="1"/>
  <c r="A6683" i="1"/>
  <c r="A6658" i="1"/>
  <c r="A6752" i="1"/>
  <c r="A6729" i="1"/>
  <c r="A6740" i="1"/>
  <c r="A6753" i="1"/>
  <c r="A6771" i="1"/>
  <c r="A6784" i="1"/>
  <c r="A6789" i="1"/>
  <c r="A6794" i="1"/>
  <c r="A6790" i="1"/>
  <c r="A6900" i="1"/>
  <c r="A6829" i="1"/>
  <c r="A6915" i="1"/>
  <c r="A6973" i="1"/>
  <c r="A6901" i="1"/>
  <c r="A7025" i="1"/>
  <c r="A6989" i="1"/>
  <c r="A7022" i="1"/>
  <c r="A7005" i="1"/>
  <c r="A7043" i="1"/>
  <c r="A7064" i="1"/>
  <c r="A7066" i="1"/>
  <c r="A7037" i="1"/>
  <c r="A7065" i="1"/>
  <c r="A7077" i="1"/>
  <c r="A7081" i="1"/>
  <c r="A7071" i="1"/>
  <c r="A7075" i="1"/>
  <c r="A7076" i="1"/>
  <c r="A7131" i="1"/>
  <c r="A7143" i="1"/>
  <c r="A7112" i="1"/>
  <c r="A7113" i="1"/>
  <c r="A7088" i="1"/>
  <c r="A7130" i="1"/>
  <c r="A7150" i="1"/>
  <c r="A7145" i="1"/>
  <c r="A7190" i="1"/>
  <c r="A7171" i="1"/>
  <c r="A7302" i="1"/>
  <c r="A7261" i="1"/>
  <c r="A7243" i="1"/>
  <c r="A7267" i="1"/>
  <c r="A7307" i="1"/>
  <c r="A7337" i="1"/>
  <c r="A7325" i="1"/>
  <c r="A7333" i="1"/>
  <c r="A7352" i="1"/>
  <c r="A7347" i="1"/>
  <c r="A7363" i="1"/>
  <c r="A7338" i="1"/>
  <c r="A7348" i="1"/>
  <c r="A7392" i="1"/>
  <c r="A7384" i="1"/>
  <c r="A7389" i="1"/>
  <c r="A7411" i="1"/>
  <c r="A7404" i="1"/>
  <c r="A7456" i="1"/>
  <c r="A7401" i="1"/>
  <c r="A7400" i="1"/>
  <c r="A7464" i="1"/>
  <c r="A7457" i="1"/>
  <c r="A7470" i="1"/>
  <c r="A7458" i="1"/>
  <c r="A7471" i="1"/>
  <c r="A7497" i="1"/>
  <c r="A7500" i="1"/>
  <c r="A7472" i="1"/>
  <c r="A7562" i="1"/>
  <c r="A7568" i="1"/>
  <c r="A7567" i="1"/>
  <c r="A7536" i="1"/>
  <c r="A7595" i="1"/>
  <c r="A7539" i="1"/>
  <c r="A7512" i="1"/>
  <c r="A7607" i="1"/>
  <c r="A7608" i="1"/>
  <c r="A7642" i="1"/>
  <c r="A7657" i="1"/>
  <c r="A7663" i="1"/>
  <c r="A7667" i="1"/>
  <c r="A7660" i="1"/>
  <c r="A7649" i="1"/>
  <c r="A7715" i="1"/>
  <c r="A7757" i="1"/>
  <c r="A7684" i="1"/>
  <c r="A7765" i="1"/>
  <c r="A7683" i="1"/>
  <c r="A7769" i="1"/>
  <c r="A7727" i="1"/>
  <c r="A7800" i="1"/>
  <c r="A7796" i="1"/>
  <c r="A7776" i="1"/>
  <c r="A7788" i="1"/>
  <c r="A7804" i="1"/>
  <c r="A7859" i="1"/>
  <c r="A7816" i="1"/>
  <c r="A7815" i="1"/>
  <c r="A7842" i="1"/>
  <c r="A7817" i="1"/>
  <c r="A7836" i="1"/>
  <c r="A7868" i="1"/>
  <c r="A7916" i="1"/>
  <c r="A7963" i="1"/>
  <c r="A7931" i="1"/>
  <c r="A7971" i="1"/>
  <c r="A7925" i="1"/>
  <c r="A7984" i="1"/>
  <c r="A7987" i="1"/>
  <c r="A8007" i="1"/>
  <c r="A8066" i="1"/>
  <c r="A8067" i="1"/>
  <c r="A8098" i="1"/>
  <c r="A8105" i="1"/>
  <c r="A8110" i="1"/>
  <c r="A8109" i="1"/>
  <c r="A8125" i="1"/>
  <c r="A8126" i="1"/>
  <c r="A8111" i="1"/>
  <c r="A8137" i="1"/>
  <c r="A8317" i="1"/>
  <c r="A8234" i="1"/>
  <c r="A8257" i="1"/>
  <c r="A8310" i="1"/>
  <c r="A8154" i="1"/>
  <c r="A8325" i="1"/>
  <c r="A8366" i="1"/>
  <c r="A8351" i="1"/>
  <c r="A8375" i="1"/>
  <c r="A8370" i="1"/>
  <c r="A8384" i="1"/>
  <c r="A8410" i="1"/>
  <c r="A8437" i="1"/>
  <c r="A8429" i="1"/>
  <c r="A8430" i="1"/>
  <c r="A8476" i="1"/>
  <c r="A8531" i="1"/>
  <c r="A8578" i="1"/>
  <c r="A8545" i="1"/>
  <c r="A8466" i="1"/>
  <c r="A8585" i="1"/>
  <c r="A8586" i="1"/>
  <c r="A8621" i="1"/>
  <c r="A8582" i="1"/>
  <c r="A8634" i="1"/>
  <c r="A8627" i="1"/>
  <c r="A8728" i="1"/>
  <c r="A8681" i="1"/>
  <c r="A8742" i="1"/>
  <c r="A8680" i="1"/>
  <c r="A8686" i="1"/>
  <c r="A8733" i="1"/>
  <c r="A8691" i="1"/>
  <c r="A8705" i="1"/>
  <c r="A8753" i="1"/>
  <c r="A8747" i="1"/>
  <c r="A8759" i="1"/>
  <c r="A8773" i="1"/>
  <c r="A8743" i="1"/>
  <c r="A8782" i="1"/>
  <c r="A8781" i="1"/>
  <c r="A8783" i="1"/>
  <c r="A8798" i="1"/>
  <c r="A8787" i="1"/>
  <c r="A8797" i="1"/>
  <c r="A8810" i="1"/>
  <c r="A8854" i="1"/>
  <c r="A8818" i="1"/>
  <c r="A8833" i="1"/>
  <c r="A8863" i="1"/>
  <c r="A8855" i="1"/>
  <c r="A8864" i="1"/>
  <c r="A8894" i="1"/>
  <c r="A8903" i="1"/>
  <c r="A8933" i="1"/>
  <c r="A8944" i="1"/>
  <c r="A8898" i="1"/>
  <c r="A8936" i="1"/>
  <c r="A8990" i="1"/>
  <c r="A8989" i="1"/>
  <c r="A9003" i="1"/>
  <c r="A9062" i="1"/>
  <c r="A9004" i="1"/>
  <c r="A9028" i="1"/>
  <c r="A9029" i="1"/>
  <c r="A9019" i="1"/>
  <c r="A9100" i="1"/>
  <c r="A9069" i="1"/>
  <c r="A9088" i="1"/>
  <c r="A9113" i="1"/>
  <c r="A9096" i="1"/>
  <c r="A9130" i="1"/>
  <c r="A9142" i="1"/>
  <c r="A9143" i="1"/>
  <c r="A9168" i="1"/>
  <c r="A9160" i="1"/>
  <c r="A9206" i="1"/>
  <c r="A9261" i="1"/>
  <c r="A9198" i="1"/>
  <c r="A9173" i="1"/>
  <c r="A9237" i="1"/>
  <c r="A9188" i="1"/>
  <c r="A9267" i="1"/>
  <c r="A9262" i="1"/>
  <c r="A9268" i="1"/>
  <c r="A9290" i="1"/>
  <c r="A9284" i="1"/>
  <c r="A9289" i="1"/>
  <c r="A9288" i="1"/>
  <c r="A9303" i="1"/>
  <c r="A9351" i="1"/>
  <c r="A9340" i="1"/>
  <c r="A9347" i="1"/>
  <c r="A9329" i="1"/>
  <c r="A9371" i="1"/>
  <c r="A9346" i="1"/>
  <c r="A9424" i="1"/>
  <c r="A9404" i="1"/>
  <c r="A9408" i="1"/>
  <c r="A9398" i="1"/>
  <c r="A9486" i="1"/>
  <c r="A9469" i="1"/>
  <c r="A9442" i="1"/>
  <c r="A9464" i="1"/>
  <c r="A9503" i="1"/>
  <c r="A9505" i="1"/>
  <c r="A9527" i="1"/>
  <c r="A9528" i="1"/>
  <c r="A9625" i="1"/>
  <c r="A9543" i="1"/>
  <c r="A9558" i="1"/>
  <c r="A9580" i="1"/>
  <c r="A9660" i="1"/>
  <c r="A9647" i="1"/>
  <c r="A9636" i="1"/>
  <c r="A9646" i="1"/>
  <c r="A9635" i="1"/>
  <c r="A9703" i="1"/>
  <c r="A9706" i="1"/>
  <c r="A9679" i="1"/>
  <c r="A9692" i="1"/>
  <c r="A9731" i="1"/>
  <c r="A9732" i="1"/>
  <c r="A9761" i="1"/>
  <c r="A9707" i="1"/>
  <c r="A9738" i="1"/>
  <c r="A9853" i="1"/>
  <c r="A9867" i="1"/>
  <c r="A9900" i="1"/>
  <c r="A9811" i="1"/>
  <c r="A9964" i="1"/>
  <c r="A9914" i="1"/>
  <c r="A9904" i="1"/>
  <c r="A9986" i="1"/>
  <c r="A9987" i="1"/>
  <c r="A10023" i="1"/>
  <c r="A10017" i="1"/>
  <c r="A10103" i="1"/>
  <c r="A10079" i="1"/>
  <c r="A10036" i="1"/>
  <c r="A10090" i="1"/>
  <c r="A10123" i="1"/>
  <c r="A10135" i="1"/>
  <c r="A10136" i="1"/>
  <c r="A10216" i="1"/>
  <c r="A10140" i="1"/>
  <c r="A10247" i="1"/>
  <c r="A10223" i="1"/>
  <c r="A10242" i="1"/>
  <c r="A10243" i="1"/>
  <c r="A10250" i="1"/>
  <c r="A10232" i="1"/>
  <c r="A10255" i="1"/>
  <c r="A10294" i="1"/>
  <c r="A10319" i="1"/>
  <c r="A10302" i="1"/>
  <c r="A10320" i="1"/>
  <c r="A10360" i="1"/>
  <c r="A10341" i="1"/>
  <c r="A10398" i="1"/>
  <c r="A10409" i="1"/>
  <c r="A10406" i="1"/>
  <c r="A10410" i="1"/>
  <c r="A10374" i="1"/>
  <c r="A10405" i="1"/>
  <c r="A10379" i="1"/>
  <c r="A10416" i="1"/>
  <c r="A10422" i="1"/>
  <c r="A10432" i="1"/>
  <c r="A10426" i="1"/>
  <c r="A10443" i="1"/>
  <c r="A10470" i="1"/>
  <c r="A10450" i="1"/>
  <c r="A10511" i="1"/>
  <c r="A10477" i="1"/>
  <c r="A10560" i="1"/>
  <c r="A10561" i="1"/>
  <c r="A10553" i="1"/>
  <c r="A10545" i="1"/>
  <c r="A10567" i="1"/>
  <c r="A10546" i="1"/>
  <c r="A10574" i="1"/>
  <c r="A10595" i="1"/>
  <c r="A10615" i="1"/>
  <c r="A10587" i="1"/>
  <c r="A10654" i="1"/>
  <c r="A10622" i="1"/>
  <c r="A10639" i="1"/>
  <c r="A10616" i="1"/>
  <c r="A10631" i="1"/>
  <c r="A10623" i="1"/>
  <c r="A10713" i="1"/>
  <c r="A10678" i="1"/>
  <c r="A10668" i="1"/>
  <c r="A10711" i="1"/>
  <c r="A10733" i="1"/>
  <c r="A10727" i="1"/>
  <c r="A10746" i="1"/>
  <c r="A10757" i="1"/>
  <c r="A10767" i="1"/>
  <c r="A10766" i="1"/>
  <c r="A10770" i="1"/>
  <c r="A10777" i="1"/>
  <c r="A10778" i="1"/>
  <c r="A10789" i="1"/>
  <c r="A10769" i="1"/>
  <c r="A10839" i="1"/>
  <c r="A10805" i="1"/>
  <c r="A10793" i="1"/>
  <c r="A10846" i="1"/>
  <c r="A10847" i="1"/>
  <c r="A10845" i="1"/>
  <c r="A10869" i="1"/>
  <c r="A10866" i="1"/>
  <c r="A10872" i="1"/>
  <c r="A10867" i="1"/>
  <c r="A10868" i="1"/>
  <c r="A10904" i="1"/>
  <c r="A10885" i="1"/>
  <c r="A10889" i="1"/>
  <c r="A10879" i="1"/>
  <c r="A10914" i="1"/>
  <c r="A10916" i="1"/>
  <c r="A10984" i="1"/>
  <c r="A10917" i="1"/>
  <c r="A10943" i="1"/>
  <c r="A10992" i="1"/>
  <c r="A10954" i="1"/>
  <c r="A11018" i="1"/>
  <c r="A11017" i="1"/>
  <c r="A11011" i="1"/>
  <c r="A11010" i="1"/>
  <c r="A11039" i="1"/>
  <c r="A11033" i="1"/>
  <c r="A11056" i="1"/>
  <c r="A11049" i="1"/>
  <c r="A11030" i="1"/>
  <c r="A11061" i="1"/>
  <c r="A11062" i="1"/>
  <c r="A11071" i="1"/>
  <c r="A11066" i="1"/>
  <c r="A11070" i="1"/>
  <c r="A11076" i="1"/>
  <c r="A11082" i="1"/>
  <c r="A11083" i="1"/>
  <c r="A11089" i="1"/>
  <c r="A11128" i="1"/>
  <c r="A11094" i="1"/>
  <c r="A11140" i="1"/>
  <c r="A11145" i="1"/>
  <c r="A11169" i="1"/>
  <c r="A11144" i="1"/>
  <c r="A11181" i="1"/>
  <c r="A11171" i="1"/>
  <c r="A11170" i="1"/>
  <c r="A11184" i="1"/>
  <c r="A11183" i="1"/>
  <c r="A11186" i="1"/>
  <c r="A11213" i="1"/>
  <c r="A11214" i="1"/>
  <c r="A11220" i="1"/>
  <c r="A11222" i="1"/>
  <c r="A11223" i="1"/>
  <c r="A11276" i="1"/>
  <c r="A11298" i="1"/>
  <c r="A11246" i="1"/>
  <c r="A11232" i="1"/>
  <c r="A11308" i="1"/>
  <c r="A11303" i="1"/>
  <c r="A11309" i="1"/>
  <c r="A11313" i="1"/>
  <c r="A11334" i="1"/>
  <c r="A11336" i="1"/>
  <c r="A11356" i="1"/>
  <c r="A11348" i="1"/>
  <c r="A11386" i="1"/>
  <c r="A11361" i="1"/>
  <c r="A11370" i="1"/>
  <c r="A11410" i="1"/>
  <c r="A11387" i="1"/>
  <c r="A11411" i="1"/>
  <c r="A11412" i="1"/>
  <c r="A11417" i="1"/>
  <c r="A11437" i="1"/>
  <c r="A11435" i="1"/>
  <c r="A11440" i="1"/>
  <c r="A11439" i="1"/>
  <c r="A11438" i="1"/>
  <c r="A11443" i="1"/>
  <c r="A11460" i="1"/>
  <c r="A11470" i="1"/>
  <c r="A11491" i="1"/>
  <c r="A11490" i="1"/>
  <c r="A11476" i="1"/>
  <c r="A11498" i="1"/>
  <c r="A11482" i="1"/>
  <c r="A11500" i="1"/>
  <c r="A11521" i="1"/>
  <c r="A11522" i="1"/>
  <c r="A11515" i="1"/>
  <c r="A11519" i="1"/>
  <c r="A11547" i="1"/>
  <c r="A11548" i="1"/>
  <c r="A11564" i="1"/>
  <c r="A11574" i="1"/>
  <c r="A11562" i="1"/>
  <c r="A11569" i="1"/>
  <c r="A11579" i="1"/>
  <c r="A11599" i="1"/>
  <c r="A11596" i="1"/>
  <c r="A11616" i="1"/>
  <c r="A11615" i="1"/>
  <c r="A11626" i="1"/>
  <c r="A11643" i="1"/>
  <c r="A11663" i="1"/>
  <c r="A11642" i="1"/>
  <c r="A11666" i="1"/>
  <c r="A11673" i="1"/>
  <c r="A11703" i="1"/>
  <c r="A11725" i="1"/>
  <c r="A11678" i="1"/>
  <c r="A11724" i="1"/>
  <c r="A11667" i="1"/>
  <c r="A11769" i="1"/>
  <c r="A11765" i="1"/>
  <c r="A11786" i="1"/>
  <c r="A11810" i="1"/>
  <c r="A11816" i="1"/>
  <c r="A11796" i="1"/>
  <c r="A11809" i="1"/>
  <c r="A11787" i="1"/>
  <c r="A11826" i="1"/>
  <c r="A11836" i="1"/>
  <c r="A11863" i="1"/>
  <c r="A11835" i="1"/>
  <c r="A11860" i="1"/>
  <c r="A11871" i="1"/>
  <c r="A11924" i="1"/>
  <c r="A11920" i="1"/>
  <c r="A11929" i="1"/>
  <c r="A11877" i="1"/>
  <c r="A11965" i="1"/>
  <c r="A11952" i="1"/>
  <c r="A11970" i="1"/>
  <c r="A11943" i="1"/>
  <c r="A11956" i="1"/>
  <c r="A11957" i="1"/>
  <c r="A11969" i="1"/>
  <c r="A11936" i="1"/>
  <c r="A12016" i="1"/>
  <c r="A11988" i="1"/>
  <c r="A12015" i="1"/>
  <c r="A12024" i="1"/>
  <c r="A12069" i="1"/>
  <c r="A12051" i="1"/>
  <c r="A12060" i="1"/>
  <c r="A12038" i="1"/>
  <c r="A12070" i="1"/>
  <c r="A12072" i="1"/>
  <c r="A12083" i="1"/>
  <c r="A12089" i="1"/>
  <c r="A12116" i="1"/>
  <c r="A12141" i="1"/>
  <c r="A12131" i="1"/>
  <c r="A12171" i="1"/>
  <c r="A12177" i="1"/>
  <c r="A12213" i="1"/>
  <c r="A12188" i="1"/>
  <c r="A12201" i="1"/>
  <c r="A12235" i="1"/>
  <c r="A12229" i="1"/>
  <c r="A12245" i="1"/>
  <c r="A12246" i="1"/>
  <c r="A12308" i="1"/>
  <c r="A12259" i="1"/>
  <c r="A12314" i="1"/>
  <c r="A12399" i="1"/>
  <c r="A12332" i="1"/>
  <c r="A12393" i="1"/>
  <c r="A12459" i="1"/>
  <c r="A12497" i="1"/>
  <c r="A12494" i="1"/>
  <c r="A12424" i="1"/>
  <c r="A12423" i="1"/>
  <c r="A12428" i="1"/>
  <c r="A12572" i="1"/>
  <c r="A12517" i="1"/>
  <c r="A12510" i="1"/>
  <c r="A12596" i="1"/>
  <c r="A12627" i="1"/>
  <c r="A12649" i="1"/>
  <c r="A12714" i="1"/>
  <c r="A12702" i="1"/>
  <c r="A12698" i="1"/>
  <c r="A12789" i="1"/>
  <c r="A12790" i="1"/>
  <c r="A12812" i="1"/>
  <c r="A12814" i="1"/>
  <c r="A12848" i="1"/>
  <c r="A12834" i="1"/>
  <c r="A12874" i="1"/>
  <c r="A12824" i="1"/>
  <c r="A12910" i="1"/>
  <c r="A12965" i="1"/>
  <c r="A13010" i="1"/>
  <c r="A12976" i="1"/>
  <c r="A12893" i="1"/>
  <c r="A13026" i="1"/>
  <c r="A12915" i="1"/>
  <c r="A13042" i="1"/>
  <c r="A13047" i="1"/>
  <c r="A13107" i="1"/>
  <c r="A13060" i="1"/>
  <c r="A13157" i="1"/>
  <c r="A13108" i="1"/>
  <c r="A13212" i="1"/>
  <c r="A13161" i="1"/>
  <c r="A13162" i="1"/>
  <c r="A13246" i="1"/>
  <c r="A13223" i="1"/>
  <c r="A13239" i="1"/>
  <c r="A13273" i="1"/>
  <c r="A13272" i="1"/>
  <c r="A12301" i="1"/>
  <c r="A12293" i="1"/>
  <c r="A12243" i="1"/>
  <c r="A12267" i="1"/>
  <c r="A12325" i="1"/>
  <c r="A12377" i="1"/>
  <c r="A12389" i="1"/>
  <c r="A12327" i="1"/>
  <c r="A12412" i="1"/>
  <c r="A12476" i="1"/>
  <c r="A12436" i="1"/>
  <c r="A12415" i="1"/>
  <c r="A12405" i="1"/>
  <c r="A12414" i="1"/>
  <c r="A12537" i="1"/>
  <c r="A12536" i="1"/>
  <c r="A12586" i="1"/>
  <c r="A12615" i="1"/>
  <c r="A12619" i="1"/>
  <c r="A12626" i="1"/>
  <c r="A12686" i="1"/>
  <c r="A12699" i="1"/>
  <c r="A12683" i="1"/>
  <c r="A12733" i="1"/>
  <c r="A12779" i="1"/>
  <c r="A12802" i="1"/>
  <c r="A12815" i="1"/>
  <c r="A12888" i="1"/>
  <c r="A12820" i="1"/>
  <c r="A12849" i="1"/>
  <c r="A12875" i="1"/>
  <c r="A12924" i="1"/>
  <c r="A12889" i="1"/>
  <c r="A12997" i="1"/>
  <c r="A13016" i="1"/>
  <c r="A13018" i="1"/>
  <c r="A12996" i="1"/>
  <c r="A12944" i="1"/>
  <c r="A13056" i="1"/>
  <c r="A13062" i="1"/>
  <c r="A13029" i="1"/>
  <c r="A13106" i="1"/>
  <c r="A13116" i="1"/>
  <c r="A13158" i="1"/>
  <c r="A13163" i="1"/>
  <c r="A13211" i="1"/>
  <c r="A13164" i="1"/>
  <c r="A13233" i="1"/>
  <c r="A13234" i="1"/>
  <c r="A13224" i="1"/>
  <c r="A13282" i="1"/>
  <c r="A13287" i="1"/>
  <c r="A13305" i="1"/>
  <c r="A13309" i="1"/>
  <c r="A13300" i="1"/>
  <c r="A13343" i="1"/>
  <c r="A13323" i="1"/>
  <c r="A13358" i="1"/>
  <c r="A13381" i="1"/>
  <c r="A13379" i="1"/>
  <c r="A13387" i="1"/>
  <c r="A13395" i="1"/>
  <c r="A13383" i="1"/>
  <c r="A13391" i="1"/>
  <c r="A13394" i="1"/>
  <c r="A13410" i="1"/>
  <c r="A13403" i="1"/>
  <c r="A13434" i="1"/>
  <c r="A13419" i="1"/>
  <c r="A13428" i="1"/>
  <c r="A13432" i="1"/>
  <c r="A13447" i="1"/>
  <c r="A13438" i="1"/>
  <c r="A13443" i="1"/>
  <c r="A13517" i="1"/>
  <c r="A13498" i="1"/>
  <c r="A13476" i="1"/>
  <c r="A13563" i="1"/>
  <c r="A13547" i="1"/>
  <c r="A13546" i="1"/>
  <c r="A13595" i="1"/>
  <c r="A13582" i="1"/>
  <c r="A13569" i="1"/>
  <c r="A13581" i="1"/>
  <c r="A13572" i="1"/>
  <c r="A13626" i="1"/>
  <c r="A13596" i="1"/>
  <c r="A13627" i="1"/>
  <c r="A13609" i="1"/>
  <c r="A13636" i="1"/>
  <c r="A13628" i="1"/>
  <c r="A13681" i="1"/>
  <c r="A13666" i="1"/>
  <c r="A13661" i="1"/>
  <c r="A13643" i="1"/>
  <c r="A13637" i="1"/>
  <c r="A13710" i="1"/>
  <c r="A13726" i="1"/>
  <c r="A13733" i="1"/>
  <c r="A13746" i="1"/>
  <c r="A13853" i="1"/>
  <c r="A13767" i="1"/>
  <c r="A13826" i="1"/>
  <c r="A13777" i="1"/>
  <c r="A13831" i="1"/>
  <c r="A13871" i="1"/>
  <c r="A13885" i="1"/>
  <c r="A13879" i="1"/>
  <c r="A13886" i="1"/>
  <c r="A14031" i="1"/>
  <c r="A13928" i="1"/>
  <c r="A13985" i="1"/>
  <c r="A13890" i="1"/>
  <c r="A14066" i="1"/>
  <c r="A14096" i="1"/>
  <c r="A14081" i="1"/>
  <c r="A14102" i="1"/>
  <c r="A14095" i="1"/>
  <c r="A14103" i="1"/>
  <c r="A14146" i="1"/>
  <c r="A14124" i="1"/>
  <c r="A14139" i="1"/>
  <c r="A14118" i="1"/>
  <c r="A14232" i="1"/>
  <c r="A14165" i="1"/>
  <c r="A14152" i="1"/>
  <c r="A14188" i="1"/>
  <c r="A14159" i="1"/>
  <c r="A14193" i="1"/>
  <c r="A14275" i="1"/>
  <c r="A14264" i="1"/>
  <c r="A14286" i="1"/>
  <c r="A14289" i="1"/>
  <c r="A14274" i="1"/>
  <c r="A14293" i="1"/>
  <c r="A14292" i="1"/>
  <c r="A14320" i="1"/>
  <c r="A14372" i="1"/>
  <c r="A14341" i="1"/>
  <c r="A14342" i="1"/>
  <c r="A14350" i="1"/>
  <c r="A14396" i="1"/>
  <c r="A14384" i="1"/>
  <c r="A14414" i="1"/>
  <c r="A14505" i="1"/>
  <c r="A14406" i="1"/>
  <c r="A14400" i="1"/>
  <c r="A14481" i="1"/>
  <c r="A14550" i="1"/>
  <c r="A14546" i="1"/>
  <c r="A14539" i="1"/>
  <c r="A14559" i="1"/>
  <c r="A14587" i="1"/>
  <c r="A14576" i="1"/>
  <c r="A14618" i="1"/>
  <c r="A14623" i="1"/>
  <c r="A14624" i="1"/>
  <c r="A14613" i="1"/>
  <c r="A14591" i="1"/>
  <c r="A14592" i="1"/>
  <c r="A14588" i="1"/>
  <c r="A14606" i="1"/>
  <c r="A14642" i="1"/>
  <c r="A14630" i="1"/>
  <c r="A14643" i="1"/>
  <c r="A14707" i="1"/>
  <c r="A14666" i="1"/>
  <c r="A14719" i="1"/>
  <c r="A14768" i="1"/>
  <c r="A14785" i="1"/>
  <c r="A14729" i="1"/>
  <c r="A14732" i="1"/>
  <c r="A14720" i="1"/>
  <c r="A14765" i="1"/>
  <c r="A14815" i="1"/>
  <c r="A14806" i="1"/>
  <c r="A14801" i="1"/>
  <c r="A14807" i="1"/>
  <c r="A14885" i="1"/>
  <c r="A14844" i="1"/>
  <c r="A14890" i="1"/>
  <c r="A14920" i="1"/>
  <c r="A14929" i="1"/>
  <c r="A14930" i="1"/>
  <c r="A14933" i="1"/>
  <c r="A14985" i="1"/>
  <c r="A14937" i="1"/>
  <c r="A14936" i="1"/>
  <c r="A14975" i="1"/>
  <c r="A15021" i="1"/>
  <c r="A14986" i="1"/>
  <c r="A15014" i="1"/>
  <c r="A15035" i="1"/>
  <c r="A15023" i="1"/>
  <c r="A15048" i="1"/>
  <c r="A15071" i="1"/>
  <c r="A15075" i="1"/>
  <c r="A15076" i="1"/>
  <c r="A15077" i="1"/>
  <c r="A15118" i="1"/>
  <c r="A15087" i="1"/>
  <c r="A15111" i="1"/>
  <c r="A15137" i="1"/>
  <c r="A15122" i="1"/>
  <c r="A15161" i="1"/>
  <c r="A15136" i="1"/>
  <c r="A15177" i="1"/>
  <c r="A15175" i="1"/>
  <c r="A15162" i="1"/>
  <c r="A15183" i="1"/>
  <c r="A15196" i="1"/>
  <c r="A15212" i="1"/>
  <c r="A15223" i="1"/>
  <c r="A15197" i="1"/>
  <c r="A15312" i="1"/>
  <c r="A15239" i="1"/>
  <c r="A15322" i="1"/>
  <c r="A15323" i="1"/>
  <c r="A15301" i="1"/>
  <c r="A15240" i="1"/>
  <c r="A15245" i="1"/>
  <c r="A15339" i="1"/>
  <c r="A15338" i="1"/>
  <c r="A15330" i="1"/>
  <c r="A15342" i="1"/>
  <c r="A20" i="1"/>
  <c r="A19" i="1"/>
  <c r="A31" i="1"/>
  <c r="A133" i="1"/>
  <c r="A145" i="1"/>
  <c r="A50" i="1"/>
  <c r="A44" i="1"/>
  <c r="A127" i="1"/>
  <c r="A136" i="1"/>
  <c r="A35" i="1"/>
  <c r="A168" i="1"/>
  <c r="A150" i="1"/>
  <c r="A197" i="1"/>
  <c r="A181" i="1"/>
  <c r="A179" i="1"/>
  <c r="A198" i="1"/>
  <c r="A14378" i="1"/>
  <c r="A14381" i="1"/>
  <c r="A14375" i="1"/>
  <c r="A14380" i="1"/>
  <c r="A14383" i="1"/>
  <c r="A14379" i="1"/>
  <c r="A14382" i="1"/>
  <c r="A14388" i="1"/>
  <c r="A14387" i="1"/>
  <c r="A14390" i="1"/>
  <c r="A14399" i="1"/>
  <c r="A14403" i="1"/>
  <c r="A14395" i="1"/>
  <c r="A14394" i="1"/>
  <c r="A14405" i="1"/>
  <c r="A14409" i="1"/>
  <c r="A14410" i="1"/>
  <c r="A14404" i="1"/>
  <c r="A14417" i="1"/>
  <c r="A14416" i="1"/>
  <c r="A14412" i="1"/>
  <c r="A14413" i="1"/>
  <c r="A14411" i="1"/>
  <c r="A14422" i="1"/>
  <c r="A14418" i="1"/>
  <c r="A14421" i="1"/>
  <c r="A14420" i="1"/>
  <c r="A14424" i="1"/>
  <c r="A14425" i="1"/>
  <c r="A14429" i="1"/>
  <c r="A14428" i="1"/>
  <c r="A14427" i="1"/>
  <c r="A14436" i="1"/>
  <c r="A14431" i="1"/>
  <c r="A14437" i="1"/>
  <c r="A14441" i="1"/>
  <c r="A14442" i="1"/>
  <c r="A14434" i="1"/>
  <c r="A14443" i="1"/>
  <c r="A14446" i="1"/>
  <c r="A14445" i="1"/>
  <c r="A14449" i="1"/>
  <c r="A14448" i="1"/>
  <c r="A14452" i="1"/>
  <c r="A14450" i="1"/>
  <c r="A14453" i="1"/>
  <c r="A14451" i="1"/>
  <c r="A14463" i="1"/>
  <c r="A14454" i="1"/>
  <c r="A14458" i="1"/>
  <c r="A14462" i="1"/>
  <c r="A14460" i="1"/>
  <c r="A14467" i="1"/>
  <c r="A14468" i="1"/>
  <c r="A14464" i="1"/>
  <c r="A14471" i="1"/>
  <c r="A14476" i="1"/>
  <c r="A14472" i="1"/>
  <c r="A14473" i="1"/>
  <c r="A14480" i="1"/>
  <c r="A14477" i="1"/>
  <c r="A14488" i="1"/>
  <c r="A14482" i="1"/>
  <c r="A14489" i="1"/>
  <c r="A14483" i="1"/>
  <c r="A14492" i="1"/>
  <c r="A14494" i="1"/>
  <c r="A14496" i="1"/>
  <c r="A14491" i="1"/>
  <c r="A14507" i="1"/>
  <c r="A14508" i="1"/>
  <c r="A14501" i="1"/>
  <c r="A14499" i="1"/>
  <c r="A14500" i="1"/>
  <c r="A14514" i="1"/>
  <c r="A14509" i="1"/>
  <c r="A14510" i="1"/>
  <c r="A14513" i="1"/>
  <c r="A14518" i="1"/>
  <c r="A14517" i="1"/>
  <c r="A14521" i="1"/>
  <c r="A14520" i="1"/>
  <c r="A14526" i="1"/>
  <c r="A14524" i="1"/>
  <c r="A14525" i="1"/>
  <c r="A14523" i="1"/>
  <c r="A14530" i="1"/>
  <c r="A14531" i="1"/>
  <c r="A14529" i="1"/>
  <c r="A14527" i="1"/>
  <c r="A14532" i="1"/>
  <c r="A14533" i="1"/>
  <c r="A14536" i="1"/>
  <c r="A14537" i="1"/>
  <c r="A14534" i="1"/>
  <c r="A14535" i="1"/>
  <c r="A14545" i="1"/>
  <c r="A14544" i="1"/>
  <c r="A14543" i="1"/>
  <c r="A14538" i="1"/>
  <c r="A14542" i="1"/>
  <c r="A14541" i="1"/>
  <c r="A14558" i="1"/>
  <c r="A14563" i="1"/>
  <c r="A14562" i="1"/>
  <c r="A14547" i="1"/>
  <c r="A14549" i="1"/>
  <c r="A14553" i="1"/>
  <c r="A14548" i="1"/>
  <c r="A14552" i="1"/>
  <c r="A14554" i="1"/>
  <c r="A14566" i="1"/>
  <c r="A14564" i="1"/>
  <c r="A14568" i="1"/>
  <c r="A14567" i="1"/>
  <c r="A14570" i="1"/>
  <c r="A14565" i="1"/>
  <c r="A14572" i="1"/>
  <c r="A14573" i="1"/>
  <c r="A14571" i="1"/>
  <c r="A14574" i="1"/>
  <c r="A14585" i="1"/>
  <c r="A14594" i="1"/>
  <c r="A14590" i="1"/>
  <c r="A14575" i="1"/>
  <c r="A14580" i="1"/>
  <c r="A14586" i="1"/>
  <c r="A14583" i="1"/>
  <c r="A14595" i="1"/>
  <c r="A14599" i="1"/>
  <c r="A14598" i="1"/>
  <c r="A14600" i="1"/>
  <c r="A14597" i="1"/>
  <c r="A14601" i="1"/>
  <c r="A14603" i="1"/>
  <c r="A14604" i="1"/>
  <c r="A14610" i="1"/>
  <c r="A14611" i="1"/>
  <c r="A14608" i="1"/>
  <c r="A14605" i="1"/>
  <c r="A14609" i="1"/>
  <c r="A14616" i="1"/>
  <c r="A14612" i="1"/>
  <c r="A14615" i="1"/>
  <c r="A14617" i="1"/>
  <c r="A14621" i="1"/>
  <c r="A14622" i="1"/>
  <c r="A14628" i="1"/>
  <c r="A14629" i="1"/>
  <c r="A14632" i="1"/>
  <c r="A14633" i="1"/>
  <c r="A14636" i="1"/>
  <c r="A14637" i="1"/>
  <c r="A14640" i="1"/>
  <c r="A14645" i="1"/>
  <c r="A14641" i="1"/>
  <c r="A14639" i="1"/>
  <c r="A14650" i="1"/>
  <c r="A14651" i="1"/>
  <c r="A14649" i="1"/>
  <c r="A14648" i="1"/>
  <c r="A14646" i="1"/>
  <c r="A14647" i="1"/>
  <c r="A14652" i="1"/>
  <c r="A14655" i="1"/>
  <c r="A14653" i="1"/>
  <c r="A14656" i="1"/>
  <c r="A14654" i="1"/>
  <c r="A14659" i="1"/>
  <c r="A14660" i="1"/>
  <c r="A14661" i="1"/>
  <c r="A14663" i="1"/>
  <c r="A14662" i="1"/>
  <c r="A14664" i="1"/>
  <c r="A14665" i="1"/>
  <c r="A14668" i="1"/>
  <c r="A14671" i="1"/>
  <c r="A14667" i="1"/>
  <c r="A14672" i="1"/>
  <c r="A14673" i="1"/>
  <c r="A14675" i="1"/>
  <c r="A14676" i="1"/>
  <c r="A14683" i="1"/>
  <c r="A14682" i="1"/>
  <c r="A14680" i="1"/>
  <c r="A14677" i="1"/>
  <c r="A14681" i="1"/>
  <c r="A14689" i="1"/>
  <c r="A14684" i="1"/>
  <c r="A14695" i="1"/>
  <c r="A14693" i="1"/>
  <c r="A14688" i="1"/>
  <c r="A14692" i="1"/>
  <c r="A14702" i="1"/>
  <c r="A14696" i="1"/>
  <c r="A14706" i="1"/>
  <c r="A14703" i="1"/>
  <c r="A14700" i="1"/>
  <c r="A14701" i="1"/>
  <c r="A14712" i="1"/>
  <c r="A14711" i="1"/>
  <c r="A14718" i="1"/>
  <c r="A14716" i="1"/>
  <c r="A14730" i="1"/>
  <c r="A14727" i="1"/>
  <c r="A14723" i="1"/>
  <c r="A14717" i="1"/>
  <c r="A14722" i="1"/>
  <c r="A14728" i="1"/>
  <c r="A14725" i="1"/>
  <c r="A14731" i="1"/>
  <c r="A14736" i="1"/>
  <c r="A14734" i="1"/>
  <c r="A14735" i="1"/>
  <c r="A14740" i="1"/>
  <c r="A14744" i="1"/>
  <c r="A14745" i="1"/>
  <c r="A14754" i="1"/>
  <c r="A14751" i="1"/>
  <c r="A14755" i="1"/>
  <c r="A14747" i="1"/>
  <c r="A14750" i="1"/>
  <c r="A14752" i="1"/>
  <c r="A14746" i="1"/>
  <c r="A14766" i="1"/>
  <c r="A14764" i="1"/>
  <c r="A14758" i="1"/>
  <c r="A14756" i="1"/>
  <c r="A14759" i="1"/>
  <c r="A14762" i="1"/>
  <c r="A14763" i="1"/>
  <c r="A14757" i="1"/>
  <c r="A14774" i="1"/>
  <c r="A14767" i="1"/>
  <c r="A14770" i="1"/>
  <c r="A14776" i="1"/>
  <c r="A14769" i="1"/>
  <c r="A14777" i="1"/>
  <c r="A14775" i="1"/>
  <c r="A14784" i="1"/>
  <c r="A14782" i="1"/>
  <c r="A14783" i="1"/>
  <c r="A14789" i="1"/>
  <c r="A14788" i="1"/>
  <c r="A14792" i="1"/>
  <c r="A14790" i="1"/>
  <c r="A14793" i="1"/>
  <c r="A14796" i="1"/>
  <c r="A14798" i="1"/>
  <c r="A14797" i="1"/>
  <c r="A14799" i="1"/>
  <c r="A14804" i="1"/>
  <c r="A14803" i="1"/>
  <c r="A14805" i="1"/>
  <c r="A14800" i="1"/>
  <c r="A14810" i="1"/>
  <c r="A14808" i="1"/>
  <c r="A14809" i="1"/>
  <c r="A14813" i="1"/>
  <c r="A14819" i="1"/>
  <c r="A14818" i="1"/>
  <c r="A14821" i="1"/>
  <c r="A14820" i="1"/>
  <c r="A14814" i="1"/>
  <c r="A14823" i="1"/>
  <c r="A14831" i="1"/>
  <c r="A14824" i="1"/>
  <c r="A14826" i="1"/>
  <c r="A14825" i="1"/>
  <c r="A14830" i="1"/>
  <c r="A14847" i="1"/>
  <c r="A14835" i="1"/>
  <c r="A14842" i="1"/>
  <c r="A14843" i="1"/>
  <c r="A14850" i="1"/>
  <c r="A14849" i="1"/>
  <c r="A14848" i="1"/>
  <c r="A14858" i="1"/>
  <c r="A14857" i="1"/>
  <c r="A14860" i="1"/>
  <c r="A14855" i="1"/>
  <c r="A14856" i="1"/>
  <c r="A14859" i="1"/>
  <c r="A14863" i="1"/>
  <c r="A14862" i="1"/>
  <c r="A14861" i="1"/>
  <c r="A14864" i="1"/>
  <c r="A14865" i="1"/>
  <c r="A14868" i="1"/>
  <c r="A14869" i="1"/>
  <c r="A14877" i="1"/>
  <c r="A14875" i="1"/>
  <c r="A14874" i="1"/>
  <c r="A14870" i="1"/>
  <c r="A14876" i="1"/>
  <c r="A14883" i="1"/>
  <c r="A14880" i="1"/>
  <c r="A14884" i="1"/>
  <c r="A14879" i="1"/>
  <c r="A14888" i="1"/>
  <c r="A14900" i="1"/>
  <c r="A14889" i="1"/>
  <c r="A14896" i="1"/>
  <c r="A14902" i="1"/>
  <c r="A14901" i="1"/>
  <c r="A14903" i="1"/>
  <c r="A14905" i="1"/>
  <c r="A14912" i="1"/>
  <c r="A14908" i="1"/>
  <c r="A14906" i="1"/>
  <c r="A14907" i="1"/>
  <c r="A14923" i="1"/>
  <c r="A14916" i="1"/>
  <c r="A14917" i="1"/>
  <c r="A14919" i="1"/>
  <c r="A14913" i="1"/>
  <c r="A14928" i="1"/>
  <c r="A14924" i="1"/>
  <c r="A14925" i="1"/>
  <c r="A14932" i="1"/>
  <c r="A14939" i="1"/>
  <c r="A14935" i="1"/>
  <c r="A14943" i="1"/>
  <c r="A14942" i="1"/>
  <c r="A14941" i="1"/>
  <c r="A14940" i="1"/>
  <c r="A14945" i="1"/>
  <c r="A14946" i="1"/>
  <c r="A14944" i="1"/>
  <c r="A14947" i="1"/>
  <c r="A14955" i="1"/>
  <c r="A14950" i="1"/>
  <c r="A14949" i="1"/>
  <c r="A14954" i="1"/>
  <c r="A14957" i="1"/>
  <c r="A14956" i="1"/>
  <c r="A14958" i="1"/>
  <c r="A14960" i="1"/>
  <c r="A14961" i="1"/>
  <c r="A14962" i="1"/>
  <c r="A14964" i="1"/>
  <c r="A14963" i="1"/>
  <c r="A14966" i="1"/>
  <c r="A14965" i="1"/>
  <c r="A14969" i="1"/>
  <c r="A14972" i="1"/>
  <c r="A14970" i="1"/>
  <c r="A14971" i="1"/>
  <c r="A14973" i="1"/>
  <c r="A14974" i="1"/>
  <c r="A14983" i="1"/>
  <c r="A14980" i="1"/>
  <c r="A14979" i="1"/>
  <c r="A14982" i="1"/>
  <c r="A14995" i="1"/>
  <c r="A14996" i="1"/>
  <c r="A14994" i="1"/>
  <c r="A14984" i="1"/>
  <c r="A15000" i="1"/>
  <c r="A14999" i="1"/>
  <c r="A14997" i="1"/>
  <c r="A15002" i="1"/>
  <c r="A15005" i="1"/>
  <c r="A15001" i="1"/>
  <c r="A15003" i="1"/>
  <c r="A15010" i="1"/>
  <c r="A15006" i="1"/>
  <c r="A15011" i="1"/>
  <c r="A15020" i="1"/>
  <c r="A15027" i="1"/>
  <c r="A15019" i="1"/>
  <c r="A15012" i="1"/>
  <c r="A15029" i="1"/>
  <c r="A15030" i="1"/>
  <c r="A15028" i="1"/>
  <c r="A15034" i="1"/>
  <c r="A15039" i="1"/>
  <c r="A15037" i="1"/>
  <c r="A15038" i="1"/>
  <c r="A15044" i="1"/>
  <c r="A15042" i="1"/>
  <c r="A15041" i="1"/>
  <c r="A15056" i="1"/>
  <c r="A15050" i="1"/>
  <c r="A15051" i="1"/>
  <c r="A15047" i="1"/>
  <c r="A15045" i="1"/>
  <c r="A15061" i="1"/>
  <c r="A15060" i="1"/>
  <c r="A15058" i="1"/>
  <c r="A15057" i="1"/>
  <c r="A15063" i="1"/>
  <c r="A15064" i="1"/>
  <c r="A15065" i="1"/>
  <c r="A15062" i="1"/>
  <c r="A15066" i="1"/>
  <c r="A15073" i="1"/>
  <c r="A15072" i="1"/>
  <c r="A15074" i="1"/>
  <c r="A15079" i="1"/>
  <c r="A15069" i="1"/>
  <c r="A15070" i="1"/>
  <c r="A15086" i="1"/>
  <c r="A15085" i="1"/>
  <c r="A15080" i="1"/>
  <c r="A15091" i="1"/>
  <c r="A15098" i="1"/>
  <c r="A15092" i="1"/>
  <c r="A15093" i="1"/>
  <c r="A15095" i="1"/>
  <c r="A15104" i="1"/>
  <c r="A15106" i="1"/>
  <c r="A15105" i="1"/>
  <c r="A15099" i="1"/>
  <c r="A15100" i="1"/>
  <c r="A15107" i="1"/>
  <c r="A15113" i="1"/>
  <c r="A15114" i="1"/>
  <c r="A15112" i="1"/>
  <c r="A15110" i="1"/>
  <c r="A15121" i="1"/>
  <c r="A15119" i="1"/>
  <c r="A15124" i="1"/>
  <c r="A15117" i="1"/>
  <c r="A15120" i="1"/>
  <c r="A15116" i="1"/>
  <c r="A15125" i="1"/>
  <c r="A15126" i="1"/>
  <c r="A15127" i="1"/>
  <c r="A15132" i="1"/>
  <c r="A15128" i="1"/>
  <c r="A15135" i="1"/>
  <c r="A15129" i="1"/>
  <c r="A15144" i="1"/>
  <c r="A15147" i="1"/>
  <c r="A15143" i="1"/>
  <c r="A15140" i="1"/>
  <c r="A15138" i="1"/>
  <c r="A15150" i="1"/>
  <c r="A15149" i="1"/>
  <c r="A15148" i="1"/>
  <c r="A15152" i="1"/>
  <c r="A15151" i="1"/>
  <c r="A15158" i="1"/>
  <c r="A15156" i="1"/>
  <c r="A15157" i="1"/>
  <c r="A15155" i="1"/>
  <c r="A15160" i="1"/>
  <c r="A15166" i="1"/>
  <c r="A15163" i="1"/>
  <c r="A15172" i="1"/>
  <c r="A15167" i="1"/>
  <c r="A15171" i="1"/>
  <c r="A15170" i="1"/>
  <c r="A15168" i="1"/>
  <c r="A15186" i="1"/>
  <c r="A15174" i="1"/>
  <c r="A15173" i="1"/>
  <c r="A15182" i="1"/>
  <c r="A15184" i="1"/>
  <c r="A15185" i="1"/>
  <c r="A15191" i="1"/>
  <c r="A15187" i="1"/>
  <c r="A15190" i="1"/>
  <c r="A15195" i="1"/>
  <c r="A15192" i="1"/>
  <c r="A15194" i="1"/>
  <c r="A15207" i="1"/>
  <c r="A15204" i="1"/>
  <c r="A15205" i="1"/>
  <c r="A15214" i="1"/>
  <c r="A15208" i="1"/>
  <c r="A15209" i="1"/>
  <c r="A15215" i="1"/>
  <c r="A15222" i="1"/>
  <c r="A15218" i="1"/>
  <c r="A15219" i="1"/>
  <c r="A15220" i="1"/>
  <c r="A15216" i="1"/>
  <c r="A15221" i="1"/>
  <c r="A15225" i="1"/>
  <c r="A15234" i="1"/>
  <c r="A15233" i="1"/>
  <c r="A15227" i="1"/>
  <c r="A15230" i="1"/>
  <c r="A15238" i="1"/>
  <c r="A15244" i="1"/>
  <c r="A15236" i="1"/>
  <c r="A15235" i="1"/>
  <c r="A15237" i="1"/>
  <c r="A15243" i="1"/>
  <c r="A15242" i="1"/>
  <c r="A15248" i="1"/>
  <c r="A15251" i="1"/>
  <c r="A15249" i="1"/>
  <c r="A15252" i="1"/>
  <c r="A15247" i="1"/>
  <c r="A15254" i="1"/>
  <c r="A15255" i="1"/>
  <c r="A15256" i="1"/>
  <c r="A15257" i="1"/>
  <c r="A15260" i="1"/>
  <c r="A15261" i="1"/>
  <c r="A15263" i="1"/>
  <c r="A15258" i="1"/>
  <c r="A15262" i="1"/>
  <c r="A15264" i="1"/>
  <c r="A15265" i="1"/>
  <c r="A15267" i="1"/>
  <c r="A15269" i="1"/>
  <c r="A15279" i="1"/>
  <c r="A15272" i="1"/>
  <c r="A15280" i="1"/>
  <c r="A15270" i="1"/>
  <c r="A15274" i="1"/>
  <c r="A15284" i="1"/>
  <c r="A15285" i="1"/>
  <c r="A15283" i="1"/>
  <c r="A15293" i="1"/>
  <c r="A15289" i="1"/>
  <c r="A15290" i="1"/>
  <c r="A15294" i="1"/>
  <c r="A15297" i="1"/>
  <c r="A15295" i="1"/>
  <c r="A15296" i="1"/>
  <c r="A15300" i="1"/>
  <c r="A15298" i="1"/>
  <c r="A15304" i="1"/>
  <c r="A15299" i="1"/>
  <c r="A15306" i="1"/>
  <c r="A15305" i="1"/>
  <c r="A15316" i="1"/>
  <c r="A15310" i="1"/>
  <c r="A15311" i="1"/>
  <c r="A15320" i="1"/>
  <c r="A15325" i="1"/>
  <c r="A15331" i="1"/>
  <c r="A15318" i="1"/>
  <c r="A15321" i="1"/>
  <c r="A15317" i="1"/>
  <c r="A15329" i="1"/>
  <c r="A15334" i="1"/>
  <c r="A15333" i="1"/>
  <c r="A8" i="1"/>
  <c r="A15341" i="1"/>
  <c r="A15340" i="1"/>
  <c r="A16" i="1"/>
  <c r="A43" i="1"/>
  <c r="A26" i="1"/>
  <c r="A38" i="1"/>
  <c r="A122" i="1"/>
  <c r="A112" i="1"/>
  <c r="A64" i="1"/>
  <c r="A158" i="1"/>
  <c r="A139" i="1"/>
  <c r="A199" i="1"/>
  <c r="A236" i="1"/>
  <c r="A171" i="1"/>
  <c r="A229" i="1"/>
  <c r="A196" i="1"/>
  <c r="A256" i="1"/>
  <c r="A266" i="1"/>
  <c r="A286" i="1"/>
  <c r="A302" i="1"/>
  <c r="A312" i="1"/>
  <c r="A317" i="1"/>
  <c r="A305" i="1"/>
  <c r="A372" i="1"/>
  <c r="A376" i="1"/>
  <c r="A370" i="1"/>
  <c r="A393" i="1"/>
  <c r="A443" i="1"/>
  <c r="A448" i="1"/>
  <c r="A463" i="1"/>
  <c r="A472" i="1"/>
  <c r="A470" i="1"/>
  <c r="A485" i="1"/>
  <c r="A473" i="1"/>
  <c r="A475" i="1"/>
  <c r="A606" i="1"/>
  <c r="A552" i="1"/>
  <c r="A578" i="1"/>
  <c r="A626" i="1"/>
  <c r="A611" i="1"/>
  <c r="A621" i="1"/>
  <c r="A643" i="1"/>
  <c r="A658" i="1"/>
  <c r="A631" i="1"/>
  <c r="A669" i="1"/>
  <c r="A679" i="1"/>
  <c r="A681" i="1"/>
  <c r="A663" i="1"/>
  <c r="A705" i="1"/>
  <c r="A697" i="1"/>
  <c r="A687" i="1"/>
  <c r="A787" i="1"/>
  <c r="A712" i="1"/>
  <c r="A865" i="1"/>
  <c r="A822" i="1"/>
  <c r="A788" i="1"/>
  <c r="A825" i="1"/>
  <c r="A821" i="1"/>
  <c r="A888" i="1"/>
  <c r="A883" i="1"/>
  <c r="A882" i="1"/>
  <c r="A873" i="1"/>
  <c r="A899" i="1"/>
  <c r="A904" i="1"/>
  <c r="A925" i="1"/>
  <c r="A951" i="1"/>
  <c r="A959" i="1"/>
  <c r="A912" i="1"/>
  <c r="A913" i="1"/>
  <c r="A975" i="1"/>
  <c r="A991" i="1"/>
  <c r="A986" i="1"/>
  <c r="A974" i="1"/>
  <c r="A998" i="1"/>
  <c r="A992" i="1"/>
  <c r="A1003" i="1"/>
  <c r="A1001" i="1"/>
  <c r="A1021" i="1"/>
  <c r="A1031" i="1"/>
  <c r="A1022" i="1"/>
  <c r="A1054" i="1"/>
  <c r="A1036" i="1"/>
  <c r="A1098" i="1"/>
  <c r="A1069" i="1"/>
  <c r="A1090" i="1"/>
  <c r="A1089" i="1"/>
  <c r="A1116" i="1"/>
  <c r="A1178" i="1"/>
  <c r="A1175" i="1"/>
  <c r="A1119" i="1"/>
  <c r="A1167" i="1"/>
  <c r="A1191" i="1"/>
  <c r="A1188" i="1"/>
  <c r="A1192" i="1"/>
  <c r="A1206" i="1"/>
  <c r="A1227" i="1"/>
  <c r="A1200" i="1"/>
  <c r="A1233" i="1"/>
  <c r="A1232" i="1"/>
  <c r="A1230" i="1"/>
  <c r="A1237" i="1"/>
  <c r="A1260" i="1"/>
  <c r="A1271" i="1"/>
  <c r="A1268" i="1"/>
  <c r="A1292" i="1"/>
  <c r="A1345" i="1"/>
  <c r="A1312" i="1"/>
  <c r="A1274" i="1"/>
  <c r="A1306" i="1"/>
  <c r="A1309" i="1"/>
  <c r="A1367" i="1"/>
  <c r="A1379" i="1"/>
  <c r="A1354" i="1"/>
  <c r="A1362" i="1"/>
  <c r="A1393" i="1"/>
  <c r="A1395" i="1"/>
  <c r="A1483" i="1"/>
  <c r="A1489" i="1"/>
  <c r="A1498" i="1"/>
  <c r="A1491" i="1"/>
  <c r="A1534" i="1"/>
  <c r="A1535" i="1"/>
  <c r="A1536" i="1"/>
  <c r="A1556" i="1"/>
  <c r="A1545" i="1"/>
  <c r="A1566" i="1"/>
  <c r="A1586" i="1"/>
  <c r="A1591" i="1"/>
  <c r="A1590" i="1"/>
  <c r="A1567" i="1"/>
  <c r="A1640" i="1"/>
  <c r="A1656" i="1"/>
  <c r="A1607" i="1"/>
  <c r="A1595" i="1"/>
  <c r="A1660" i="1"/>
  <c r="A1690" i="1"/>
  <c r="A1722" i="1"/>
  <c r="A1664" i="1"/>
  <c r="A1658" i="1"/>
  <c r="A1801" i="1"/>
  <c r="A1776" i="1"/>
  <c r="A1757" i="1"/>
  <c r="A1792" i="1"/>
  <c r="A1733" i="1"/>
  <c r="A1819" i="1"/>
  <c r="A1782" i="1"/>
  <c r="A1739" i="1"/>
  <c r="A1741" i="1"/>
  <c r="A1829" i="1"/>
  <c r="A1856" i="1"/>
  <c r="A1862" i="1"/>
  <c r="A1923" i="1"/>
  <c r="A1890" i="1"/>
  <c r="A1883" i="1"/>
  <c r="A1902" i="1"/>
  <c r="A1927" i="1"/>
  <c r="A1941" i="1"/>
  <c r="A1947" i="1"/>
  <c r="A1938" i="1"/>
  <c r="A1960" i="1"/>
  <c r="A1972" i="1"/>
  <c r="A1977" i="1"/>
  <c r="A2042" i="1"/>
  <c r="A2062" i="1"/>
  <c r="A2068" i="1"/>
  <c r="A2098" i="1"/>
  <c r="A2077" i="1"/>
  <c r="A2021" i="1"/>
  <c r="A2145" i="1"/>
  <c r="A2120" i="1"/>
  <c r="A2171" i="1"/>
  <c r="A2176" i="1"/>
  <c r="A2172" i="1"/>
  <c r="A2201" i="1"/>
  <c r="A2204" i="1"/>
  <c r="A2276" i="1"/>
  <c r="A2315" i="1"/>
  <c r="A2281" i="1"/>
  <c r="A2337" i="1"/>
  <c r="A2209" i="1"/>
  <c r="A2336" i="1"/>
  <c r="A2295" i="1"/>
  <c r="A2335" i="1"/>
  <c r="A2345" i="1"/>
  <c r="A2357" i="1"/>
  <c r="A2377" i="1"/>
  <c r="A2344" i="1"/>
  <c r="A2356" i="1"/>
  <c r="A2376" i="1"/>
  <c r="A2398" i="1"/>
  <c r="A2497" i="1"/>
  <c r="A2430" i="1"/>
  <c r="A2468" i="1"/>
  <c r="A2542" i="1"/>
  <c r="A2565" i="1"/>
  <c r="A2529" i="1"/>
  <c r="A2523" i="1"/>
  <c r="A2535" i="1"/>
  <c r="A2576" i="1"/>
  <c r="A2622" i="1"/>
  <c r="A2609" i="1"/>
  <c r="A2594" i="1"/>
  <c r="A2651" i="1"/>
  <c r="A2650" i="1"/>
  <c r="A2624" i="1"/>
  <c r="A2668" i="1"/>
  <c r="A2725" i="1"/>
  <c r="A2679" i="1"/>
  <c r="A2750" i="1"/>
  <c r="A2751" i="1"/>
  <c r="A2726" i="1"/>
  <c r="A2782" i="1"/>
  <c r="A2781" i="1"/>
  <c r="A2765" i="1"/>
  <c r="A2771" i="1"/>
  <c r="A2799" i="1"/>
  <c r="A2800" i="1"/>
  <c r="A2793" i="1"/>
  <c r="A2895" i="1"/>
  <c r="A2839" i="1"/>
  <c r="A2808" i="1"/>
  <c r="A2880" i="1"/>
  <c r="A2858" i="1"/>
  <c r="A2802" i="1"/>
  <c r="A2801" i="1"/>
  <c r="A2807" i="1"/>
  <c r="A2900" i="1"/>
  <c r="A2897" i="1"/>
  <c r="A2899" i="1"/>
  <c r="A2896" i="1"/>
  <c r="A2925" i="1"/>
  <c r="A2919" i="1"/>
  <c r="A2914" i="1"/>
  <c r="A2940" i="1"/>
  <c r="A2961" i="1"/>
  <c r="A2904" i="1"/>
  <c r="A2964" i="1"/>
  <c r="A2983" i="1"/>
  <c r="A2969" i="1"/>
  <c r="A3010" i="1"/>
  <c r="A3019" i="1"/>
  <c r="A2999" i="1"/>
  <c r="A2984" i="1"/>
  <c r="A2993" i="1"/>
  <c r="A2998" i="1"/>
  <c r="A3009" i="1"/>
  <c r="A3030" i="1"/>
  <c r="A3023" i="1"/>
  <c r="A3034" i="1"/>
  <c r="A3020" i="1"/>
  <c r="A3035" i="1"/>
  <c r="A3038" i="1"/>
  <c r="A3047" i="1"/>
  <c r="A3039" i="1"/>
  <c r="A3060" i="1"/>
  <c r="A3077" i="1"/>
  <c r="A3053" i="1"/>
  <c r="A3048" i="1"/>
  <c r="A3096" i="1"/>
  <c r="A3052" i="1"/>
  <c r="A3174" i="1"/>
  <c r="A3105" i="1"/>
  <c r="A3116" i="1"/>
  <c r="A3154" i="1"/>
  <c r="A3155" i="1"/>
  <c r="A3143" i="1"/>
  <c r="A3188" i="1"/>
  <c r="A3182" i="1"/>
  <c r="A3198" i="1"/>
  <c r="A3187" i="1"/>
  <c r="A3213" i="1"/>
  <c r="A3256" i="1"/>
  <c r="A3236" i="1"/>
  <c r="A3320" i="1"/>
  <c r="A3342" i="1"/>
  <c r="A3278" i="1"/>
  <c r="A3329" i="1"/>
  <c r="A3353" i="1"/>
  <c r="A3376" i="1"/>
  <c r="A3375" i="1"/>
  <c r="A3397" i="1"/>
  <c r="A3427" i="1"/>
  <c r="A3426" i="1"/>
  <c r="A3431" i="1"/>
  <c r="A3390" i="1"/>
  <c r="A3386" i="1"/>
  <c r="A3436" i="1"/>
  <c r="A3442" i="1"/>
  <c r="A3447" i="1"/>
  <c r="A3471" i="1"/>
  <c r="A3485" i="1"/>
  <c r="A3523" i="1"/>
  <c r="A3495" i="1"/>
  <c r="A3482" i="1"/>
  <c r="A3535" i="1"/>
  <c r="A3486" i="1"/>
  <c r="A3591" i="1"/>
  <c r="A3601" i="1"/>
  <c r="A3621" i="1"/>
  <c r="A3623" i="1"/>
  <c r="A3595" i="1"/>
  <c r="A3667" i="1"/>
  <c r="A3648" i="1"/>
  <c r="A3634" i="1"/>
  <c r="A3635" i="1"/>
  <c r="A3674" i="1"/>
  <c r="A3701" i="1"/>
  <c r="A3677" i="1"/>
  <c r="A3682" i="1"/>
  <c r="A3697" i="1"/>
  <c r="A3737" i="1"/>
  <c r="A3734" i="1"/>
  <c r="A3719" i="1"/>
  <c r="A3708" i="1"/>
  <c r="A3764" i="1"/>
  <c r="A3784" i="1"/>
  <c r="A3769" i="1"/>
  <c r="A3742" i="1"/>
  <c r="A3819" i="1"/>
  <c r="A3836" i="1"/>
  <c r="A3847" i="1"/>
  <c r="A3835" i="1"/>
  <c r="A3829" i="1"/>
  <c r="A3805" i="1"/>
  <c r="A3892" i="1"/>
  <c r="A3902" i="1"/>
  <c r="A3855" i="1"/>
  <c r="A3877" i="1"/>
  <c r="A3903" i="1"/>
  <c r="A3909" i="1"/>
  <c r="A3904" i="1"/>
  <c r="A3905" i="1"/>
  <c r="A3933" i="1"/>
  <c r="A3943" i="1"/>
  <c r="A3936" i="1"/>
  <c r="A3945" i="1"/>
  <c r="A3964" i="1"/>
  <c r="A3990" i="1"/>
  <c r="A3968" i="1"/>
  <c r="A3976" i="1"/>
  <c r="A4051" i="1"/>
  <c r="A4057" i="1"/>
  <c r="A4072" i="1"/>
  <c r="A4009" i="1"/>
  <c r="A4022" i="1"/>
  <c r="A4045" i="1"/>
  <c r="A4089" i="1"/>
  <c r="A4080" i="1"/>
  <c r="A4075" i="1"/>
  <c r="A4112" i="1"/>
  <c r="A4090" i="1"/>
  <c r="A4113" i="1"/>
  <c r="A4143" i="1"/>
  <c r="A4130" i="1"/>
  <c r="A4118" i="1"/>
  <c r="A4124" i="1"/>
  <c r="A4131" i="1"/>
  <c r="A4123" i="1"/>
  <c r="A4158" i="1"/>
  <c r="A4144" i="1"/>
  <c r="A4150" i="1"/>
  <c r="A4198" i="1"/>
  <c r="A4186" i="1"/>
  <c r="A4216" i="1"/>
  <c r="A4203" i="1"/>
  <c r="A4236" i="1"/>
  <c r="A4243" i="1"/>
  <c r="A4272" i="1"/>
  <c r="A4306" i="1"/>
  <c r="A4273" i="1"/>
  <c r="A4307" i="1"/>
  <c r="A4315" i="1"/>
  <c r="A4350" i="1"/>
  <c r="A4318" i="1"/>
  <c r="A4362" i="1"/>
  <c r="A4382" i="1"/>
  <c r="A4371" i="1"/>
  <c r="A4389" i="1"/>
  <c r="A4409" i="1"/>
  <c r="A4368" i="1"/>
  <c r="A4442" i="1"/>
  <c r="A4417" i="1"/>
  <c r="A4488" i="1"/>
  <c r="A4460" i="1"/>
  <c r="A4445" i="1"/>
  <c r="A4523" i="1"/>
  <c r="A4494" i="1"/>
  <c r="A4537" i="1"/>
  <c r="A4522" i="1"/>
  <c r="A4516" i="1"/>
  <c r="A4565" i="1"/>
  <c r="A4572" i="1"/>
  <c r="A4548" i="1"/>
  <c r="A4594" i="1"/>
  <c r="A4581" i="1"/>
  <c r="A4623" i="1"/>
  <c r="A4653" i="1"/>
  <c r="A4643" i="1"/>
  <c r="A4631" i="1"/>
  <c r="A4696" i="1"/>
  <c r="A4680" i="1"/>
  <c r="A4756" i="1"/>
  <c r="A4737" i="1"/>
  <c r="A4697" i="1"/>
  <c r="A4716" i="1"/>
  <c r="A4838" i="1"/>
  <c r="A4766" i="1"/>
  <c r="A4832" i="1"/>
  <c r="A4858" i="1"/>
  <c r="A4867" i="1"/>
  <c r="A4895" i="1"/>
  <c r="A4882" i="1"/>
  <c r="A4911" i="1"/>
  <c r="A12931" i="1"/>
  <c r="A12929" i="1"/>
  <c r="A12923" i="1"/>
  <c r="A12928" i="1"/>
  <c r="A12932" i="1"/>
  <c r="A12943" i="1"/>
  <c r="A12937" i="1"/>
  <c r="A12938" i="1"/>
  <c r="A12942" i="1"/>
  <c r="A12941" i="1"/>
  <c r="A12939" i="1"/>
  <c r="A12949" i="1"/>
  <c r="A12955" i="1"/>
  <c r="A12954" i="1"/>
  <c r="A12948" i="1"/>
  <c r="A12959" i="1"/>
  <c r="A12956" i="1"/>
  <c r="A12957" i="1"/>
  <c r="A12960" i="1"/>
  <c r="A12963" i="1"/>
  <c r="A12962" i="1"/>
  <c r="A12967" i="1"/>
  <c r="A12964" i="1"/>
  <c r="A12968" i="1"/>
  <c r="A12971" i="1"/>
  <c r="A12973" i="1"/>
  <c r="A12975" i="1"/>
  <c r="A12974" i="1"/>
  <c r="A12970" i="1"/>
  <c r="A12969" i="1"/>
  <c r="A12978" i="1"/>
  <c r="A12979" i="1"/>
  <c r="A12977" i="1"/>
  <c r="A12980" i="1"/>
  <c r="A12981" i="1"/>
  <c r="A12983" i="1"/>
  <c r="A12989" i="1"/>
  <c r="A12984" i="1"/>
  <c r="A12990" i="1"/>
  <c r="A12985" i="1"/>
  <c r="A12991" i="1"/>
  <c r="A12986" i="1"/>
  <c r="A12987" i="1"/>
  <c r="A12994" i="1"/>
  <c r="A12995" i="1"/>
  <c r="A13005" i="1"/>
  <c r="A13004" i="1"/>
  <c r="A12999" i="1"/>
  <c r="A12998" i="1"/>
  <c r="A13006" i="1"/>
  <c r="A13008" i="1"/>
  <c r="A13007" i="1"/>
  <c r="A13009" i="1"/>
  <c r="A13017" i="1"/>
  <c r="A13020" i="1"/>
  <c r="A13022" i="1"/>
  <c r="A13015" i="1"/>
  <c r="A13012" i="1"/>
  <c r="A13014" i="1"/>
  <c r="A13013" i="1"/>
  <c r="A13021" i="1"/>
  <c r="A13027" i="1"/>
  <c r="A13025" i="1"/>
  <c r="A13024" i="1"/>
  <c r="A13031" i="1"/>
  <c r="A13023" i="1"/>
  <c r="A13028" i="1"/>
  <c r="A13039" i="1"/>
  <c r="A13034" i="1"/>
  <c r="A13033" i="1"/>
  <c r="A13040" i="1"/>
  <c r="A13046" i="1"/>
  <c r="A13045" i="1"/>
  <c r="A13041" i="1"/>
  <c r="A13044" i="1"/>
  <c r="A13043" i="1"/>
  <c r="A13052" i="1"/>
  <c r="A13050" i="1"/>
  <c r="A13051" i="1"/>
  <c r="A13049" i="1"/>
  <c r="A13055" i="1"/>
  <c r="A13053" i="1"/>
  <c r="A13054" i="1"/>
  <c r="A13059" i="1"/>
  <c r="A13061" i="1"/>
  <c r="A13058" i="1"/>
  <c r="A13063" i="1"/>
  <c r="A13066" i="1"/>
  <c r="A13065" i="1"/>
  <c r="A13064" i="1"/>
  <c r="A13068" i="1"/>
  <c r="A13069" i="1"/>
  <c r="A13067" i="1"/>
  <c r="A13078" i="1"/>
  <c r="A13075" i="1"/>
  <c r="A13076" i="1"/>
  <c r="A13079" i="1"/>
  <c r="A13071" i="1"/>
  <c r="A13074" i="1"/>
  <c r="A13080" i="1"/>
  <c r="A13073" i="1"/>
  <c r="A13081" i="1"/>
  <c r="A13085" i="1"/>
  <c r="A13084" i="1"/>
  <c r="A13082" i="1"/>
  <c r="A13086" i="1"/>
  <c r="A13088" i="1"/>
  <c r="A13087" i="1"/>
  <c r="A13094" i="1"/>
  <c r="A13093" i="1"/>
  <c r="A13095" i="1"/>
  <c r="A13096" i="1"/>
  <c r="A13097" i="1"/>
  <c r="A13104" i="1"/>
  <c r="A13100" i="1"/>
  <c r="A13098" i="1"/>
  <c r="A13099" i="1"/>
  <c r="A13113" i="1"/>
  <c r="A13111" i="1"/>
  <c r="A13112" i="1"/>
  <c r="A13105" i="1"/>
  <c r="A13114" i="1"/>
  <c r="A13110" i="1"/>
  <c r="A13115" i="1"/>
  <c r="A13124" i="1"/>
  <c r="A13119" i="1"/>
  <c r="A13118" i="1"/>
  <c r="A13129" i="1"/>
  <c r="A13130" i="1"/>
  <c r="A13125" i="1"/>
  <c r="A13137" i="1"/>
  <c r="A13138" i="1"/>
  <c r="A13135" i="1"/>
  <c r="A13136" i="1"/>
  <c r="A13139" i="1"/>
  <c r="A13140" i="1"/>
  <c r="A13141" i="1"/>
  <c r="A13142" i="1"/>
  <c r="A13145" i="1"/>
  <c r="A13150" i="1"/>
  <c r="A13149" i="1"/>
  <c r="A13146" i="1"/>
  <c r="A13144" i="1"/>
  <c r="A13143" i="1"/>
  <c r="A13151" i="1"/>
  <c r="A13152" i="1"/>
  <c r="A13153" i="1"/>
  <c r="A13155" i="1"/>
  <c r="A13154" i="1"/>
  <c r="A13156" i="1"/>
  <c r="A13159" i="1"/>
  <c r="A13160" i="1"/>
  <c r="A13165" i="1"/>
  <c r="A13167" i="1"/>
  <c r="A13166" i="1"/>
  <c r="A13168" i="1"/>
  <c r="A13169" i="1"/>
  <c r="A13170" i="1"/>
  <c r="A13173" i="1"/>
  <c r="A13174" i="1"/>
  <c r="A13175" i="1"/>
  <c r="A13179" i="1"/>
  <c r="A13177" i="1"/>
  <c r="A13178" i="1"/>
  <c r="A13176" i="1"/>
  <c r="A13181" i="1"/>
  <c r="A13180" i="1"/>
  <c r="A13182" i="1"/>
  <c r="A13189" i="1"/>
  <c r="A13190" i="1"/>
  <c r="A13192" i="1"/>
  <c r="A13200" i="1"/>
  <c r="A13199" i="1"/>
  <c r="A13191" i="1"/>
  <c r="A13201" i="1"/>
  <c r="A13202" i="1"/>
  <c r="A13204" i="1"/>
  <c r="A13203" i="1"/>
  <c r="A13209" i="1"/>
  <c r="A13208" i="1"/>
  <c r="A13207" i="1"/>
  <c r="A13217" i="1"/>
  <c r="A13210" i="1"/>
  <c r="A13219" i="1"/>
  <c r="A13221" i="1"/>
  <c r="A13218" i="1"/>
  <c r="A13220" i="1"/>
  <c r="A13222" i="1"/>
  <c r="A13237" i="1"/>
  <c r="A13231" i="1"/>
  <c r="A13242" i="1"/>
  <c r="A13232" i="1"/>
  <c r="A13238" i="1"/>
  <c r="A13235" i="1"/>
  <c r="A13236" i="1"/>
  <c r="A13243" i="1"/>
  <c r="A13244" i="1"/>
  <c r="A13245" i="1"/>
  <c r="A13251" i="1"/>
  <c r="A13252" i="1"/>
  <c r="A13248" i="1"/>
  <c r="A13255" i="1"/>
  <c r="A13250" i="1"/>
  <c r="A13249" i="1"/>
  <c r="A13259" i="1"/>
  <c r="A13258" i="1"/>
  <c r="A13256" i="1"/>
  <c r="A13257" i="1"/>
  <c r="A13261" i="1"/>
  <c r="A13265" i="1"/>
  <c r="A13266" i="1"/>
  <c r="A13267" i="1"/>
  <c r="A13269" i="1"/>
  <c r="A13271" i="1"/>
  <c r="A13270" i="1"/>
  <c r="A13276" i="1"/>
  <c r="A13277" i="1"/>
  <c r="A13281" i="1"/>
  <c r="A13280" i="1"/>
  <c r="A13278" i="1"/>
  <c r="A13290" i="1"/>
  <c r="A13286" i="1"/>
  <c r="A13288" i="1"/>
  <c r="A13285" i="1"/>
  <c r="A13291" i="1"/>
  <c r="A13293" i="1"/>
  <c r="A13292" i="1"/>
  <c r="A13297" i="1"/>
  <c r="A13294" i="1"/>
  <c r="A13299" i="1"/>
  <c r="A13303" i="1"/>
  <c r="A13301" i="1"/>
  <c r="A13304" i="1"/>
  <c r="A13298" i="1"/>
  <c r="A13307" i="1"/>
  <c r="A13314" i="1"/>
  <c r="A13315" i="1"/>
  <c r="A13308" i="1"/>
  <c r="A13321" i="1"/>
  <c r="A13324" i="1"/>
  <c r="A13319" i="1"/>
  <c r="A13322" i="1"/>
  <c r="A13326" i="1"/>
  <c r="A13327" i="1"/>
  <c r="A13325" i="1"/>
  <c r="A13331" i="1"/>
  <c r="A13328" i="1"/>
  <c r="A13329" i="1"/>
  <c r="A13332" i="1"/>
  <c r="A13337" i="1"/>
  <c r="A13335" i="1"/>
  <c r="A13340" i="1"/>
  <c r="A13342" i="1"/>
  <c r="A13338" i="1"/>
  <c r="A13339" i="1"/>
  <c r="A13346" i="1"/>
  <c r="A13341" i="1"/>
  <c r="A13348" i="1"/>
  <c r="A13351" i="1"/>
  <c r="A13352" i="1"/>
  <c r="A13353" i="1"/>
  <c r="A13357" i="1"/>
  <c r="A13354" i="1"/>
  <c r="A13363" i="1"/>
  <c r="A13370" i="1"/>
  <c r="A13367" i="1"/>
  <c r="A13369" i="1"/>
  <c r="A13373" i="1"/>
  <c r="A13371" i="1"/>
  <c r="A13372" i="1"/>
  <c r="A13376" i="1"/>
  <c r="A13378" i="1"/>
  <c r="A13375" i="1"/>
  <c r="A13382" i="1"/>
  <c r="A13385" i="1"/>
  <c r="A13389" i="1"/>
  <c r="A13398" i="1"/>
  <c r="A13386" i="1"/>
  <c r="A13390" i="1"/>
  <c r="A13397" i="1"/>
  <c r="A13399" i="1"/>
  <c r="A13400" i="1"/>
  <c r="A13402" i="1"/>
  <c r="A13407" i="1"/>
  <c r="A13401" i="1"/>
  <c r="A13406" i="1"/>
  <c r="A13409" i="1"/>
  <c r="A13411" i="1"/>
  <c r="A13408" i="1"/>
  <c r="A13412" i="1"/>
  <c r="A13413" i="1"/>
  <c r="A13414" i="1"/>
  <c r="A13425" i="1"/>
  <c r="A13421" i="1"/>
  <c r="A13427" i="1"/>
  <c r="A13426" i="1"/>
  <c r="A13430" i="1"/>
  <c r="A13436" i="1"/>
  <c r="A13433" i="1"/>
  <c r="A13440" i="1"/>
  <c r="A13437" i="1"/>
  <c r="A13444" i="1"/>
  <c r="A13441" i="1"/>
  <c r="A13442" i="1"/>
  <c r="A13445" i="1"/>
  <c r="A13446" i="1"/>
  <c r="A13454" i="1"/>
  <c r="A13453" i="1"/>
  <c r="A13456" i="1"/>
  <c r="A13455" i="1"/>
  <c r="A13462" i="1"/>
  <c r="A13457" i="1"/>
  <c r="A13458" i="1"/>
  <c r="A13460" i="1"/>
  <c r="A13461" i="1"/>
  <c r="A13464" i="1"/>
  <c r="A13468" i="1"/>
  <c r="A13463" i="1"/>
  <c r="A13465" i="1"/>
  <c r="A13470" i="1"/>
  <c r="A13480" i="1"/>
  <c r="A13471" i="1"/>
  <c r="A13472" i="1"/>
  <c r="A13484" i="1"/>
  <c r="A13485" i="1"/>
  <c r="A13486" i="1"/>
  <c r="A13488" i="1"/>
  <c r="A13489" i="1"/>
  <c r="A13490" i="1"/>
  <c r="A13491" i="1"/>
  <c r="A13493" i="1"/>
  <c r="A13500" i="1"/>
  <c r="A13494" i="1"/>
  <c r="A13497" i="1"/>
  <c r="A13496" i="1"/>
  <c r="A13495" i="1"/>
  <c r="A13505" i="1"/>
  <c r="A13506" i="1"/>
  <c r="A13501" i="1"/>
  <c r="A13502" i="1"/>
  <c r="A13504" i="1"/>
  <c r="A13510" i="1"/>
  <c r="A13507" i="1"/>
  <c r="A13516" i="1"/>
  <c r="A13515" i="1"/>
  <c r="A13518" i="1"/>
  <c r="A13512" i="1"/>
  <c r="A13511" i="1"/>
  <c r="A13520" i="1"/>
  <c r="A13519" i="1"/>
  <c r="A13521" i="1"/>
  <c r="A13527" i="1"/>
  <c r="A13523" i="1"/>
  <c r="A13526" i="1"/>
  <c r="A13525" i="1"/>
  <c r="A13528" i="1"/>
  <c r="A13529" i="1"/>
  <c r="A13530" i="1"/>
  <c r="A13531" i="1"/>
  <c r="A13535" i="1"/>
  <c r="A13534" i="1"/>
  <c r="A13533" i="1"/>
  <c r="A13532" i="1"/>
  <c r="A13536" i="1"/>
  <c r="A13539" i="1"/>
  <c r="A13537" i="1"/>
  <c r="A13538" i="1"/>
  <c r="A13540" i="1"/>
  <c r="A13544" i="1"/>
  <c r="A13541" i="1"/>
  <c r="A13543" i="1"/>
  <c r="A13551" i="1"/>
  <c r="A13552" i="1"/>
  <c r="A13553" i="1"/>
  <c r="A13550" i="1"/>
  <c r="A13554" i="1"/>
  <c r="A13556" i="1"/>
  <c r="A13555" i="1"/>
  <c r="A13558" i="1"/>
  <c r="A13562" i="1"/>
  <c r="A13560" i="1"/>
  <c r="A13561" i="1"/>
  <c r="A13567" i="1"/>
  <c r="A13568" i="1"/>
  <c r="A13571" i="1"/>
  <c r="A13574" i="1"/>
  <c r="A13578" i="1"/>
  <c r="A13576" i="1"/>
  <c r="A13575" i="1"/>
  <c r="A13577" i="1"/>
  <c r="A13583" i="1"/>
  <c r="A13587" i="1"/>
  <c r="A13580" i="1"/>
  <c r="A13579" i="1"/>
  <c r="A13585" i="1"/>
  <c r="A13584" i="1"/>
  <c r="A13588" i="1"/>
  <c r="A13589" i="1"/>
  <c r="A13599" i="1"/>
  <c r="A13594" i="1"/>
  <c r="A13605" i="1"/>
  <c r="A13591" i="1"/>
  <c r="A13604" i="1"/>
  <c r="A13593" i="1"/>
  <c r="A13592" i="1"/>
  <c r="A13598" i="1"/>
  <c r="A13611" i="1"/>
  <c r="A13608" i="1"/>
  <c r="A13612" i="1"/>
  <c r="A13606" i="1"/>
  <c r="A13613" i="1"/>
  <c r="A13622" i="1"/>
  <c r="A13621" i="1"/>
  <c r="A13625" i="1"/>
  <c r="A13623" i="1"/>
  <c r="A13629" i="1"/>
  <c r="A13630" i="1"/>
  <c r="A13631" i="1"/>
  <c r="A13632" i="1"/>
  <c r="A13638" i="1"/>
  <c r="A13633" i="1"/>
  <c r="A13635" i="1"/>
  <c r="A13642" i="1"/>
  <c r="A13641" i="1"/>
  <c r="A13639" i="1"/>
  <c r="A13645" i="1"/>
  <c r="A13640" i="1"/>
  <c r="A13651" i="1"/>
  <c r="A13649" i="1"/>
  <c r="A13647" i="1"/>
  <c r="A13650" i="1"/>
  <c r="A13646" i="1"/>
  <c r="A13652" i="1"/>
  <c r="A13654" i="1"/>
  <c r="A13656" i="1"/>
  <c r="A13655" i="1"/>
  <c r="A13658" i="1"/>
  <c r="A13659" i="1"/>
  <c r="A13660" i="1"/>
  <c r="A13665" i="1"/>
  <c r="A13664" i="1"/>
  <c r="A13663" i="1"/>
  <c r="A13670" i="1"/>
  <c r="A13669" i="1"/>
  <c r="A13668" i="1"/>
  <c r="A13671" i="1"/>
  <c r="A13672" i="1"/>
  <c r="A13675" i="1"/>
  <c r="A13679" i="1"/>
  <c r="A13677" i="1"/>
  <c r="A13678" i="1"/>
  <c r="A13676" i="1"/>
  <c r="A13692" i="1"/>
  <c r="A13688" i="1"/>
  <c r="A13683" i="1"/>
  <c r="A13680" i="1"/>
  <c r="A13684" i="1"/>
  <c r="A13696" i="1"/>
  <c r="A13698" i="1"/>
  <c r="A13693" i="1"/>
  <c r="A13699" i="1"/>
  <c r="A13697" i="1"/>
  <c r="A13700" i="1"/>
  <c r="A13706" i="1"/>
  <c r="A13702" i="1"/>
  <c r="A13707" i="1"/>
  <c r="A13703" i="1"/>
  <c r="A13704" i="1"/>
  <c r="A13709" i="1"/>
  <c r="A13708" i="1"/>
  <c r="A13717" i="1"/>
  <c r="A13713" i="1"/>
  <c r="A13718" i="1"/>
  <c r="A13719" i="1"/>
  <c r="A13722" i="1"/>
  <c r="A13720" i="1"/>
  <c r="A13723" i="1"/>
  <c r="A13725" i="1"/>
  <c r="A13729" i="1"/>
  <c r="A13724" i="1"/>
  <c r="A13731" i="1"/>
  <c r="A13734" i="1"/>
  <c r="A13735" i="1"/>
  <c r="A13736" i="1"/>
  <c r="A13732" i="1"/>
  <c r="A13739" i="1"/>
  <c r="A13737" i="1"/>
  <c r="A13738" i="1"/>
  <c r="A13741" i="1"/>
  <c r="A13745" i="1"/>
  <c r="A13744" i="1"/>
  <c r="A13740" i="1"/>
  <c r="A13747" i="1"/>
  <c r="A13743" i="1"/>
  <c r="A13748" i="1"/>
  <c r="A13749" i="1"/>
  <c r="A13751" i="1"/>
  <c r="A13750" i="1"/>
  <c r="A13753" i="1"/>
  <c r="A13754" i="1"/>
  <c r="A13755" i="1"/>
  <c r="A13756" i="1"/>
  <c r="A13764" i="1"/>
  <c r="A13759" i="1"/>
  <c r="A13760" i="1"/>
  <c r="A13773" i="1"/>
  <c r="A13766" i="1"/>
  <c r="A13768" i="1"/>
  <c r="A13769" i="1"/>
  <c r="A13774" i="1"/>
  <c r="A13775" i="1"/>
  <c r="A13776" i="1"/>
  <c r="A13782" i="1"/>
  <c r="A13781" i="1"/>
  <c r="A13780" i="1"/>
  <c r="A13786" i="1"/>
  <c r="A13783" i="1"/>
  <c r="A13788" i="1"/>
  <c r="A13787" i="1"/>
  <c r="A13789" i="1"/>
  <c r="A13804" i="1"/>
  <c r="A13795" i="1"/>
  <c r="A13794" i="1"/>
  <c r="A13796" i="1"/>
  <c r="A13797" i="1"/>
  <c r="A13793" i="1"/>
  <c r="A13803" i="1"/>
  <c r="A13810" i="1"/>
  <c r="A13809" i="1"/>
  <c r="A13808" i="1"/>
  <c r="A13812" i="1"/>
  <c r="A13814" i="1"/>
  <c r="A13811" i="1"/>
  <c r="A13813" i="1"/>
  <c r="A13818" i="1"/>
  <c r="A13817" i="1"/>
  <c r="A13819" i="1"/>
  <c r="A13824" i="1"/>
  <c r="A13823" i="1"/>
  <c r="A13825" i="1"/>
  <c r="A13820" i="1"/>
  <c r="A13829" i="1"/>
  <c r="A13830" i="1"/>
  <c r="A13833" i="1"/>
  <c r="A13834" i="1"/>
  <c r="A13838" i="1"/>
  <c r="A13837" i="1"/>
  <c r="A13839" i="1"/>
  <c r="A13844" i="1"/>
  <c r="A13840" i="1"/>
  <c r="A13845" i="1"/>
  <c r="A13846" i="1"/>
  <c r="A13848" i="1"/>
  <c r="A13849" i="1"/>
  <c r="A13851" i="1"/>
  <c r="A13852" i="1"/>
  <c r="A13855" i="1"/>
  <c r="A13863" i="1"/>
  <c r="A13862" i="1"/>
  <c r="A13867" i="1"/>
  <c r="A13857" i="1"/>
  <c r="A13856" i="1"/>
  <c r="A13869" i="1"/>
  <c r="A13875" i="1"/>
  <c r="A13870" i="1"/>
  <c r="A13878" i="1"/>
  <c r="A13884" i="1"/>
  <c r="A13877" i="1"/>
  <c r="A13876" i="1"/>
  <c r="A13889" i="1"/>
  <c r="A13883" i="1"/>
  <c r="A13892" i="1"/>
  <c r="A13893" i="1"/>
  <c r="A13891" i="1"/>
  <c r="A13894" i="1"/>
  <c r="A13895" i="1"/>
  <c r="A13896" i="1"/>
  <c r="A13901" i="1"/>
  <c r="A13899" i="1"/>
  <c r="A13897" i="1"/>
  <c r="A13905" i="1"/>
  <c r="A13904" i="1"/>
  <c r="A13903" i="1"/>
  <c r="A13907" i="1"/>
  <c r="A13906" i="1"/>
  <c r="A13908" i="1"/>
  <c r="A13910" i="1"/>
  <c r="A13911" i="1"/>
  <c r="A13915" i="1"/>
  <c r="A13912" i="1"/>
  <c r="A13916" i="1"/>
  <c r="A13923" i="1"/>
  <c r="A13917" i="1"/>
  <c r="A13922" i="1"/>
  <c r="A13921" i="1"/>
  <c r="A13927" i="1"/>
  <c r="A13925" i="1"/>
  <c r="A13929" i="1"/>
  <c r="A13938" i="1"/>
  <c r="A13931" i="1"/>
  <c r="A13930" i="1"/>
  <c r="A13934" i="1"/>
  <c r="A13936" i="1"/>
  <c r="A13933" i="1"/>
  <c r="A13944" i="1"/>
  <c r="A13943" i="1"/>
  <c r="A13939" i="1"/>
  <c r="A13945" i="1"/>
  <c r="A13946" i="1"/>
  <c r="A13948" i="1"/>
  <c r="A13949" i="1"/>
  <c r="A13947" i="1"/>
  <c r="A13951" i="1"/>
  <c r="A13950" i="1"/>
  <c r="A13952" i="1"/>
  <c r="A13957" i="1"/>
  <c r="A13958" i="1"/>
  <c r="A13959" i="1"/>
  <c r="A13961" i="1"/>
  <c r="A13962" i="1"/>
  <c r="A13963" i="1"/>
  <c r="A13967" i="1"/>
  <c r="A13966" i="1"/>
  <c r="A13965" i="1"/>
  <c r="A13971" i="1"/>
  <c r="A13969" i="1"/>
  <c r="A13970" i="1"/>
  <c r="A13968" i="1"/>
  <c r="A13973" i="1"/>
  <c r="A13974" i="1"/>
  <c r="A13975" i="1"/>
  <c r="A13972" i="1"/>
  <c r="A13980" i="1"/>
  <c r="A13979" i="1"/>
  <c r="A13978" i="1"/>
  <c r="A13977" i="1"/>
  <c r="A13983" i="1"/>
  <c r="A13982" i="1"/>
  <c r="A13981" i="1"/>
  <c r="A13984" i="1"/>
  <c r="A13988" i="1"/>
  <c r="A13990" i="1"/>
  <c r="A13989" i="1"/>
  <c r="A13991" i="1"/>
  <c r="A13992" i="1"/>
  <c r="A13996" i="1"/>
  <c r="A13997" i="1"/>
  <c r="A13993" i="1"/>
  <c r="A14002" i="1"/>
  <c r="A13999" i="1"/>
  <c r="A14004" i="1"/>
  <c r="A13998" i="1"/>
  <c r="A14003" i="1"/>
  <c r="A14008" i="1"/>
  <c r="A14009" i="1"/>
  <c r="A14011" i="1"/>
  <c r="A14012" i="1"/>
  <c r="A14014" i="1"/>
  <c r="A14013" i="1"/>
  <c r="A14030" i="1"/>
  <c r="A14020" i="1"/>
  <c r="A14027" i="1"/>
  <c r="A14026" i="1"/>
  <c r="A14023" i="1"/>
  <c r="A14029" i="1"/>
  <c r="A14035" i="1"/>
  <c r="A14034" i="1"/>
  <c r="A14033" i="1"/>
  <c r="A14036" i="1"/>
  <c r="A14040" i="1"/>
  <c r="A14039" i="1"/>
  <c r="A14037" i="1"/>
  <c r="A14046" i="1"/>
  <c r="A14044" i="1"/>
  <c r="A14048" i="1"/>
  <c r="A14047" i="1"/>
  <c r="A14050" i="1"/>
  <c r="A14049" i="1"/>
  <c r="A14052" i="1"/>
  <c r="A14055" i="1"/>
  <c r="A14061" i="1"/>
  <c r="A14059" i="1"/>
  <c r="A14054" i="1"/>
  <c r="A14060" i="1"/>
  <c r="A14064" i="1"/>
  <c r="A14062" i="1"/>
  <c r="A14063" i="1"/>
  <c r="A14074" i="1"/>
  <c r="A14072" i="1"/>
  <c r="A14070" i="1"/>
  <c r="A14075" i="1"/>
  <c r="A14077" i="1"/>
  <c r="A14076" i="1"/>
  <c r="A14089" i="1"/>
  <c r="A14082" i="1"/>
  <c r="A14086" i="1"/>
  <c r="A14080" i="1"/>
  <c r="A14085" i="1"/>
  <c r="A14088" i="1"/>
  <c r="A14090" i="1"/>
  <c r="A14094" i="1"/>
  <c r="A14099" i="1"/>
  <c r="A14098" i="1"/>
  <c r="A14092" i="1"/>
  <c r="A14105" i="1"/>
  <c r="A14100" i="1"/>
  <c r="A14101" i="1"/>
  <c r="A14107" i="1"/>
  <c r="A14106" i="1"/>
  <c r="A14108" i="1"/>
  <c r="A14110" i="1"/>
  <c r="A14109" i="1"/>
  <c r="A14112" i="1"/>
  <c r="A14111" i="1"/>
  <c r="A14113" i="1"/>
  <c r="A14115" i="1"/>
  <c r="A14114" i="1"/>
  <c r="A14119" i="1"/>
  <c r="A14116" i="1"/>
  <c r="A14117" i="1"/>
  <c r="A14120" i="1"/>
  <c r="A14121" i="1"/>
  <c r="A14125" i="1"/>
  <c r="A14126" i="1"/>
  <c r="A14122" i="1"/>
  <c r="A14127" i="1"/>
  <c r="A14123" i="1"/>
  <c r="A14137" i="1"/>
  <c r="A14130" i="1"/>
  <c r="A14135" i="1"/>
  <c r="A14128" i="1"/>
  <c r="A14136" i="1"/>
  <c r="A14138" i="1"/>
  <c r="A14134" i="1"/>
  <c r="A14144" i="1"/>
  <c r="A14143" i="1"/>
  <c r="A14142" i="1"/>
  <c r="A14141" i="1"/>
  <c r="A14145" i="1"/>
  <c r="A14151" i="1"/>
  <c r="A14155" i="1"/>
  <c r="A14157" i="1"/>
  <c r="A14150" i="1"/>
  <c r="A14158" i="1"/>
  <c r="A14162" i="1"/>
  <c r="A14161" i="1"/>
  <c r="A14164" i="1"/>
  <c r="A14167" i="1"/>
  <c r="A14163" i="1"/>
  <c r="A14166" i="1"/>
  <c r="A14178" i="1"/>
  <c r="A14179" i="1"/>
  <c r="A14168" i="1"/>
  <c r="A14180" i="1"/>
  <c r="A14172" i="1"/>
  <c r="A14174" i="1"/>
  <c r="A14173" i="1"/>
  <c r="A14183" i="1"/>
  <c r="A14185" i="1"/>
  <c r="A14181" i="1"/>
  <c r="A14184" i="1"/>
  <c r="A14198" i="1"/>
  <c r="A14192" i="1"/>
  <c r="A14190" i="1"/>
  <c r="A14196" i="1"/>
  <c r="A14187" i="1"/>
  <c r="A14201" i="1"/>
  <c r="A14195" i="1"/>
  <c r="A14189" i="1"/>
  <c r="A14203" i="1"/>
  <c r="A14202" i="1"/>
  <c r="A14207" i="1"/>
  <c r="A14208" i="1"/>
  <c r="A14210" i="1"/>
  <c r="A14214" i="1"/>
  <c r="A14211" i="1"/>
  <c r="A14213" i="1"/>
  <c r="A14218" i="1"/>
  <c r="A14217" i="1"/>
  <c r="A14216" i="1"/>
  <c r="A14219" i="1"/>
  <c r="A14223" i="1"/>
  <c r="A14225" i="1"/>
  <c r="A14222" i="1"/>
  <c r="A14224" i="1"/>
  <c r="A14227" i="1"/>
  <c r="A14226" i="1"/>
  <c r="A14228" i="1"/>
  <c r="A14231" i="1"/>
  <c r="A14230" i="1"/>
  <c r="A14229" i="1"/>
  <c r="A14240" i="1"/>
  <c r="A14236" i="1"/>
  <c r="A14245" i="1"/>
  <c r="A14244" i="1"/>
  <c r="A14246" i="1"/>
  <c r="A14247" i="1"/>
  <c r="A14249" i="1"/>
  <c r="A14248" i="1"/>
  <c r="A14250" i="1"/>
  <c r="A14251" i="1"/>
  <c r="A14255" i="1"/>
  <c r="A14254" i="1"/>
  <c r="A14252" i="1"/>
  <c r="A14256" i="1"/>
  <c r="A14257" i="1"/>
  <c r="A14258" i="1"/>
  <c r="A14260" i="1"/>
  <c r="A14261" i="1"/>
  <c r="A14259" i="1"/>
  <c r="A14262" i="1"/>
  <c r="A14263" i="1"/>
  <c r="A14265" i="1"/>
  <c r="A14271" i="1"/>
  <c r="A14266" i="1"/>
  <c r="A14270" i="1"/>
  <c r="A14272" i="1"/>
  <c r="A14278" i="1"/>
  <c r="A14284" i="1"/>
  <c r="A14273" i="1"/>
  <c r="A14282" i="1"/>
  <c r="A14291" i="1"/>
  <c r="A14288" i="1"/>
  <c r="A14285" i="1"/>
  <c r="A14287" i="1"/>
  <c r="A14294" i="1"/>
  <c r="A14296" i="1"/>
  <c r="A14295" i="1"/>
  <c r="A14300" i="1"/>
  <c r="A14305" i="1"/>
  <c r="A14297" i="1"/>
  <c r="A14306" i="1"/>
  <c r="A14303" i="1"/>
  <c r="A14316" i="1"/>
  <c r="A14318" i="1"/>
  <c r="A14307" i="1"/>
  <c r="A14309" i="1"/>
  <c r="A14308" i="1"/>
  <c r="A14310" i="1"/>
  <c r="A14322" i="1"/>
  <c r="A14319" i="1"/>
  <c r="A14329" i="1"/>
  <c r="A14328" i="1"/>
  <c r="A14330" i="1"/>
  <c r="A14323" i="1"/>
  <c r="A14335" i="1"/>
  <c r="A14331" i="1"/>
  <c r="A14338" i="1"/>
  <c r="A14337" i="1"/>
  <c r="A14339" i="1"/>
  <c r="A14344" i="1"/>
  <c r="A14345" i="1"/>
  <c r="A14340" i="1"/>
  <c r="A14346" i="1"/>
  <c r="A14354" i="1"/>
  <c r="A14349" i="1"/>
  <c r="A14357" i="1"/>
  <c r="A14358" i="1"/>
  <c r="A14363" i="1"/>
  <c r="A14359" i="1"/>
  <c r="A14362" i="1"/>
  <c r="A14368" i="1"/>
  <c r="A14366" i="1"/>
  <c r="A14370" i="1"/>
  <c r="A14371" i="1"/>
  <c r="A14374" i="1"/>
  <c r="A11376" i="1"/>
  <c r="A11375" i="1"/>
  <c r="A11380" i="1"/>
  <c r="A11377" i="1"/>
  <c r="A11382" i="1"/>
  <c r="A11381" i="1"/>
  <c r="A11390" i="1"/>
  <c r="A11393" i="1"/>
  <c r="A11389" i="1"/>
  <c r="A11385" i="1"/>
  <c r="A11394" i="1"/>
  <c r="A11392" i="1"/>
  <c r="A11403" i="1"/>
  <c r="A11399" i="1"/>
  <c r="A11398" i="1"/>
  <c r="A11406" i="1"/>
  <c r="A11407" i="1"/>
  <c r="A11396" i="1"/>
  <c r="A11402" i="1"/>
  <c r="A11397" i="1"/>
  <c r="A11415" i="1"/>
  <c r="A11409" i="1"/>
  <c r="A11414" i="1"/>
  <c r="A11416" i="1"/>
  <c r="A11408" i="1"/>
  <c r="A11422" i="1"/>
  <c r="A11419" i="1"/>
  <c r="A11421" i="1"/>
  <c r="A11420" i="1"/>
  <c r="A11423" i="1"/>
  <c r="A11428" i="1"/>
  <c r="A11427" i="1"/>
  <c r="A11426" i="1"/>
  <c r="A11424" i="1"/>
  <c r="A11430" i="1"/>
  <c r="A11447" i="1"/>
  <c r="A11436" i="1"/>
  <c r="A11442" i="1"/>
  <c r="A11433" i="1"/>
  <c r="A11431" i="1"/>
  <c r="A11434" i="1"/>
  <c r="A11448" i="1"/>
  <c r="A11449" i="1"/>
  <c r="A11450" i="1"/>
  <c r="A11451" i="1"/>
  <c r="A11455" i="1"/>
  <c r="A11453" i="1"/>
  <c r="A11454" i="1"/>
  <c r="A11456" i="1"/>
  <c r="A11457" i="1"/>
  <c r="A11462" i="1"/>
  <c r="A11459" i="1"/>
  <c r="A11458" i="1"/>
  <c r="A11463" i="1"/>
  <c r="A11466" i="1"/>
  <c r="A11467" i="1"/>
  <c r="A11472" i="1"/>
  <c r="A11473" i="1"/>
  <c r="A11469" i="1"/>
  <c r="A11468" i="1"/>
  <c r="A11475" i="1"/>
  <c r="A11478" i="1"/>
  <c r="A11474" i="1"/>
  <c r="A11481" i="1"/>
  <c r="A11479" i="1"/>
  <c r="A11480" i="1"/>
  <c r="A11495" i="1"/>
  <c r="A11493" i="1"/>
  <c r="A11485" i="1"/>
  <c r="A11487" i="1"/>
  <c r="A11489" i="1"/>
  <c r="A11496" i="1"/>
  <c r="A11488" i="1"/>
  <c r="A11497" i="1"/>
  <c r="A11499" i="1"/>
  <c r="A11504" i="1"/>
  <c r="A11503" i="1"/>
  <c r="A11513" i="1"/>
  <c r="A11512" i="1"/>
  <c r="A11514" i="1"/>
  <c r="A11507" i="1"/>
  <c r="A11508" i="1"/>
  <c r="A11509" i="1"/>
  <c r="A11526" i="1"/>
  <c r="A11527" i="1"/>
  <c r="A11520" i="1"/>
  <c r="A11518" i="1"/>
  <c r="A11532" i="1"/>
  <c r="A11530" i="1"/>
  <c r="A11535" i="1"/>
  <c r="A11531" i="1"/>
  <c r="A11536" i="1"/>
  <c r="A11540" i="1"/>
  <c r="A11541" i="1"/>
  <c r="A11542" i="1"/>
  <c r="A11545" i="1"/>
  <c r="A11546" i="1"/>
  <c r="A11544" i="1"/>
  <c r="A11551" i="1"/>
  <c r="A11552" i="1"/>
  <c r="A11556" i="1"/>
  <c r="A11553" i="1"/>
  <c r="A11558" i="1"/>
  <c r="A11550" i="1"/>
  <c r="A11549" i="1"/>
  <c r="A11560" i="1"/>
  <c r="A11559" i="1"/>
  <c r="A11561" i="1"/>
  <c r="A11563" i="1"/>
  <c r="A11567" i="1"/>
  <c r="A11568" i="1"/>
  <c r="A11573" i="1"/>
  <c r="A11570" i="1"/>
  <c r="A11578" i="1"/>
  <c r="A11577" i="1"/>
  <c r="A11582" i="1"/>
  <c r="A11576" i="1"/>
  <c r="A11572" i="1"/>
  <c r="A11581" i="1"/>
  <c r="A11583" i="1"/>
  <c r="A11584" i="1"/>
  <c r="A11587" i="1"/>
  <c r="A11588" i="1"/>
  <c r="A11586" i="1"/>
  <c r="A11592" i="1"/>
  <c r="A11591" i="1"/>
  <c r="A11590" i="1"/>
  <c r="A11594" i="1"/>
  <c r="A11601" i="1"/>
  <c r="A11595" i="1"/>
  <c r="A11598" i="1"/>
  <c r="A11597" i="1"/>
  <c r="A11603" i="1"/>
  <c r="A11602" i="1"/>
  <c r="A11604" i="1"/>
  <c r="A11609" i="1"/>
  <c r="A11608" i="1"/>
  <c r="A11607" i="1"/>
  <c r="A11605" i="1"/>
  <c r="A11624" i="1"/>
  <c r="A11614" i="1"/>
  <c r="A11610" i="1"/>
  <c r="A11613" i="1"/>
  <c r="A11630" i="1"/>
  <c r="A11625" i="1"/>
  <c r="A11631" i="1"/>
  <c r="A11633" i="1"/>
  <c r="A11635" i="1"/>
  <c r="A11634" i="1"/>
  <c r="A11632" i="1"/>
  <c r="A11637" i="1"/>
  <c r="A11636" i="1"/>
  <c r="A11638" i="1"/>
  <c r="A11648" i="1"/>
  <c r="A11641" i="1"/>
  <c r="A11649" i="1"/>
  <c r="A11654" i="1"/>
  <c r="A11650" i="1"/>
  <c r="A11662" i="1"/>
  <c r="A11659" i="1"/>
  <c r="A11661" i="1"/>
  <c r="A11664" i="1"/>
  <c r="A11665" i="1"/>
  <c r="A11671" i="1"/>
  <c r="A11672" i="1"/>
  <c r="A11676" i="1"/>
  <c r="A11677" i="1"/>
  <c r="A11679" i="1"/>
  <c r="A11680" i="1"/>
  <c r="A11688" i="1"/>
  <c r="A11685" i="1"/>
  <c r="A11684" i="1"/>
  <c r="A11691" i="1"/>
  <c r="A11689" i="1"/>
  <c r="A11690" i="1"/>
  <c r="A11692" i="1"/>
  <c r="A11693" i="1"/>
  <c r="A11694" i="1"/>
  <c r="A11695" i="1"/>
  <c r="A11700" i="1"/>
  <c r="A11702" i="1"/>
  <c r="A11701" i="1"/>
  <c r="A11696" i="1"/>
  <c r="A11699" i="1"/>
  <c r="A11706" i="1"/>
  <c r="A11707" i="1"/>
  <c r="A11709" i="1"/>
  <c r="A11708" i="1"/>
  <c r="A11715" i="1"/>
  <c r="A11711" i="1"/>
  <c r="A11718" i="1"/>
  <c r="A11717" i="1"/>
  <c r="A11716" i="1"/>
  <c r="A11714" i="1"/>
  <c r="A11719" i="1"/>
  <c r="A11722" i="1"/>
  <c r="A11723" i="1"/>
  <c r="A11727" i="1"/>
  <c r="A11726" i="1"/>
  <c r="A11732" i="1"/>
  <c r="A11733" i="1"/>
  <c r="A11731" i="1"/>
  <c r="A11745" i="1"/>
  <c r="A11740" i="1"/>
  <c r="A11739" i="1"/>
  <c r="A11734" i="1"/>
  <c r="A11742" i="1"/>
  <c r="A11741" i="1"/>
  <c r="A11746" i="1"/>
  <c r="A11747" i="1"/>
  <c r="A11751" i="1"/>
  <c r="A11752" i="1"/>
  <c r="A11753" i="1"/>
  <c r="A11748" i="1"/>
  <c r="A11756" i="1"/>
  <c r="A11759" i="1"/>
  <c r="A11757" i="1"/>
  <c r="A11760" i="1"/>
  <c r="A11755" i="1"/>
  <c r="A11758" i="1"/>
  <c r="A11762" i="1"/>
  <c r="A11767" i="1"/>
  <c r="A11763" i="1"/>
  <c r="A11764" i="1"/>
  <c r="A11761" i="1"/>
  <c r="A11774" i="1"/>
  <c r="A11776" i="1"/>
  <c r="A11773" i="1"/>
  <c r="A11768" i="1"/>
  <c r="A11777" i="1"/>
  <c r="A11772" i="1"/>
  <c r="A11789" i="1"/>
  <c r="A11778" i="1"/>
  <c r="A11785" i="1"/>
  <c r="A11783" i="1"/>
  <c r="A11784" i="1"/>
  <c r="A11790" i="1"/>
  <c r="A11798" i="1"/>
  <c r="A11802" i="1"/>
  <c r="A11803" i="1"/>
  <c r="A11791" i="1"/>
  <c r="A11792" i="1"/>
  <c r="A11795" i="1"/>
  <c r="A11804" i="1"/>
  <c r="A11805" i="1"/>
  <c r="A11807" i="1"/>
  <c r="A11806" i="1"/>
  <c r="A11808" i="1"/>
  <c r="A11814" i="1"/>
  <c r="A11824" i="1"/>
  <c r="A11815" i="1"/>
  <c r="A11819" i="1"/>
  <c r="A11827" i="1"/>
  <c r="A11823" i="1"/>
  <c r="A11825" i="1"/>
  <c r="A11828" i="1"/>
  <c r="A11831" i="1"/>
  <c r="A11832" i="1"/>
  <c r="A11833" i="1"/>
  <c r="A11829" i="1"/>
  <c r="A11830" i="1"/>
  <c r="A11834" i="1"/>
  <c r="A11837" i="1"/>
  <c r="A11838" i="1"/>
  <c r="A11839" i="1"/>
  <c r="A11843" i="1"/>
  <c r="A11844" i="1"/>
  <c r="A11845" i="1"/>
  <c r="A11848" i="1"/>
  <c r="A11854" i="1"/>
  <c r="A11856" i="1"/>
  <c r="A11857" i="1"/>
  <c r="A11853" i="1"/>
  <c r="A11858" i="1"/>
  <c r="A11859" i="1"/>
  <c r="A11862" i="1"/>
  <c r="A11873" i="1"/>
  <c r="A11872" i="1"/>
  <c r="A11876" i="1"/>
  <c r="A11868" i="1"/>
  <c r="A11870" i="1"/>
  <c r="A11866" i="1"/>
  <c r="A11867" i="1"/>
  <c r="A11879" i="1"/>
  <c r="A11880" i="1"/>
  <c r="A11881" i="1"/>
  <c r="A11884" i="1"/>
  <c r="A11885" i="1"/>
  <c r="A11886" i="1"/>
  <c r="A11896" i="1"/>
  <c r="A11887" i="1"/>
  <c r="A11892" i="1"/>
  <c r="A11891" i="1"/>
  <c r="A11888" i="1"/>
  <c r="A11899" i="1"/>
  <c r="A11897" i="1"/>
  <c r="A11898" i="1"/>
  <c r="A11900" i="1"/>
  <c r="A11901" i="1"/>
  <c r="A11903" i="1"/>
  <c r="A11904" i="1"/>
  <c r="A11907" i="1"/>
  <c r="A11902" i="1"/>
  <c r="A11909" i="1"/>
  <c r="A11910" i="1"/>
  <c r="A11908" i="1"/>
  <c r="A11911" i="1"/>
  <c r="A11914" i="1"/>
  <c r="A11912" i="1"/>
  <c r="A11915" i="1"/>
  <c r="A11922" i="1"/>
  <c r="A11926" i="1"/>
  <c r="A11927" i="1"/>
  <c r="A11923" i="1"/>
  <c r="A11918" i="1"/>
  <c r="A11916" i="1"/>
  <c r="A11919" i="1"/>
  <c r="A11928" i="1"/>
  <c r="A11935" i="1"/>
  <c r="A11934" i="1"/>
  <c r="A11945" i="1"/>
  <c r="A11942" i="1"/>
  <c r="A11937" i="1"/>
  <c r="A11944" i="1"/>
  <c r="A11941" i="1"/>
  <c r="A11947" i="1"/>
  <c r="A11946" i="1"/>
  <c r="A11948" i="1"/>
  <c r="A11959" i="1"/>
  <c r="A11961" i="1"/>
  <c r="A11958" i="1"/>
  <c r="A11951" i="1"/>
  <c r="A11955" i="1"/>
  <c r="A11950" i="1"/>
  <c r="A11962" i="1"/>
  <c r="A11954" i="1"/>
  <c r="A11973" i="1"/>
  <c r="A11964" i="1"/>
  <c r="A11968" i="1"/>
  <c r="A11966" i="1"/>
  <c r="A11967" i="1"/>
  <c r="A11963" i="1"/>
  <c r="A11978" i="1"/>
  <c r="A11977" i="1"/>
  <c r="A11979" i="1"/>
  <c r="A11986" i="1"/>
  <c r="A11983" i="1"/>
  <c r="A11982" i="1"/>
  <c r="A11991" i="1"/>
  <c r="A11992" i="1"/>
  <c r="A11987" i="1"/>
  <c r="A11999" i="1"/>
  <c r="A12000" i="1"/>
  <c r="A12001" i="1"/>
  <c r="A11998" i="1"/>
  <c r="A12006" i="1"/>
  <c r="A12008" i="1"/>
  <c r="A12005" i="1"/>
  <c r="A12007" i="1"/>
  <c r="A12011" i="1"/>
  <c r="A12009" i="1"/>
  <c r="A12014" i="1"/>
  <c r="A12012" i="1"/>
  <c r="A12013" i="1"/>
  <c r="A12017" i="1"/>
  <c r="A12023" i="1"/>
  <c r="A12019" i="1"/>
  <c r="A12020" i="1"/>
  <c r="A12018" i="1"/>
  <c r="A12031" i="1"/>
  <c r="A12028" i="1"/>
  <c r="A12032" i="1"/>
  <c r="A12034" i="1"/>
  <c r="A12035" i="1"/>
  <c r="A12040" i="1"/>
  <c r="A12041" i="1"/>
  <c r="A12042" i="1"/>
  <c r="A12037" i="1"/>
  <c r="A12043" i="1"/>
  <c r="A12049" i="1"/>
  <c r="A12055" i="1"/>
  <c r="A12048" i="1"/>
  <c r="A12050" i="1"/>
  <c r="A12056" i="1"/>
  <c r="A12057" i="1"/>
  <c r="A12058" i="1"/>
  <c r="A12059" i="1"/>
  <c r="A12063" i="1"/>
  <c r="A12068" i="1"/>
  <c r="A12067" i="1"/>
  <c r="A12065" i="1"/>
  <c r="A12064" i="1"/>
  <c r="A12066" i="1"/>
  <c r="A12071" i="1"/>
  <c r="A12077" i="1"/>
  <c r="A12073" i="1"/>
  <c r="A12076" i="1"/>
  <c r="A12080" i="1"/>
  <c r="A12079" i="1"/>
  <c r="A12078" i="1"/>
  <c r="A12087" i="1"/>
  <c r="A12090" i="1"/>
  <c r="A12088" i="1"/>
  <c r="A12094" i="1"/>
  <c r="A12091" i="1"/>
  <c r="A12092" i="1"/>
  <c r="A12095" i="1"/>
  <c r="A12097" i="1"/>
  <c r="A12096" i="1"/>
  <c r="A12099" i="1"/>
  <c r="A12100" i="1"/>
  <c r="A12102" i="1"/>
  <c r="A12101" i="1"/>
  <c r="A12106" i="1"/>
  <c r="A12105" i="1"/>
  <c r="A12110" i="1"/>
  <c r="A12111" i="1"/>
  <c r="A12107" i="1"/>
  <c r="A12118" i="1"/>
  <c r="A12112" i="1"/>
  <c r="A12114" i="1"/>
  <c r="A12120" i="1"/>
  <c r="A12113" i="1"/>
  <c r="A12121" i="1"/>
  <c r="A12115" i="1"/>
  <c r="A12122" i="1"/>
  <c r="A12125" i="1"/>
  <c r="A12133" i="1"/>
  <c r="A12134" i="1"/>
  <c r="A12130" i="1"/>
  <c r="A12126" i="1"/>
  <c r="A12127" i="1"/>
  <c r="A12136" i="1"/>
  <c r="A12135" i="1"/>
  <c r="A12138" i="1"/>
  <c r="A12140" i="1"/>
  <c r="A12146" i="1"/>
  <c r="A12144" i="1"/>
  <c r="A12139" i="1"/>
  <c r="A12150" i="1"/>
  <c r="A12149" i="1"/>
  <c r="A12148" i="1"/>
  <c r="A12147" i="1"/>
  <c r="A12152" i="1"/>
  <c r="A12162" i="1"/>
  <c r="A12156" i="1"/>
  <c r="A12157" i="1"/>
  <c r="A12165" i="1"/>
  <c r="A12166" i="1"/>
  <c r="A12163" i="1"/>
  <c r="A12168" i="1"/>
  <c r="A12167" i="1"/>
  <c r="A12173" i="1"/>
  <c r="A12170" i="1"/>
  <c r="A12174" i="1"/>
  <c r="A12183" i="1"/>
  <c r="A12176" i="1"/>
  <c r="A12182" i="1"/>
  <c r="A12180" i="1"/>
  <c r="A12175" i="1"/>
  <c r="A12179" i="1"/>
  <c r="A12186" i="1"/>
  <c r="A12191" i="1"/>
  <c r="A12193" i="1"/>
  <c r="A12192" i="1"/>
  <c r="A12187" i="1"/>
  <c r="A12195" i="1"/>
  <c r="A12196" i="1"/>
  <c r="A12197" i="1"/>
  <c r="A12198" i="1"/>
  <c r="A12204" i="1"/>
  <c r="A12203" i="1"/>
  <c r="A12200" i="1"/>
  <c r="A12199" i="1"/>
  <c r="A12208" i="1"/>
  <c r="A12205" i="1"/>
  <c r="A12207" i="1"/>
  <c r="A12214" i="1"/>
  <c r="A12210" i="1"/>
  <c r="A12212" i="1"/>
  <c r="A12211" i="1"/>
  <c r="A12218" i="1"/>
  <c r="A12220" i="1"/>
  <c r="A12219" i="1"/>
  <c r="A12215" i="1"/>
  <c r="A12223" i="1"/>
  <c r="A12224" i="1"/>
  <c r="A12225" i="1"/>
  <c r="A12234" i="1"/>
  <c r="A12239" i="1"/>
  <c r="A12228" i="1"/>
  <c r="A12227" i="1"/>
  <c r="A12232" i="1"/>
  <c r="A12233" i="1"/>
  <c r="A12244" i="1"/>
  <c r="A12240" i="1"/>
  <c r="A12241" i="1"/>
  <c r="A12242" i="1"/>
  <c r="A12251" i="1"/>
  <c r="A12250" i="1"/>
  <c r="A12254" i="1"/>
  <c r="A12255" i="1"/>
  <c r="A12258" i="1"/>
  <c r="A12261" i="1"/>
  <c r="A12257" i="1"/>
  <c r="A12260" i="1"/>
  <c r="A12265" i="1"/>
  <c r="A12264" i="1"/>
  <c r="A12263" i="1"/>
  <c r="A12262" i="1"/>
  <c r="A12266" i="1"/>
  <c r="A12277" i="1"/>
  <c r="A12274" i="1"/>
  <c r="A12276" i="1"/>
  <c r="A12272" i="1"/>
  <c r="A12275" i="1"/>
  <c r="A12271" i="1"/>
  <c r="A12282" i="1"/>
  <c r="A12287" i="1"/>
  <c r="A12283" i="1"/>
  <c r="A12286" i="1"/>
  <c r="A12281" i="1"/>
  <c r="A12288" i="1"/>
  <c r="A12289" i="1"/>
  <c r="A12291" i="1"/>
  <c r="A12290" i="1"/>
  <c r="A12296" i="1"/>
  <c r="A12297" i="1"/>
  <c r="A12292" i="1"/>
  <c r="A12298" i="1"/>
  <c r="A12299" i="1"/>
  <c r="A12307" i="1"/>
  <c r="A12300" i="1"/>
  <c r="A12312" i="1"/>
  <c r="A12311" i="1"/>
  <c r="A12318" i="1"/>
  <c r="A12321" i="1"/>
  <c r="A12313" i="1"/>
  <c r="A12323" i="1"/>
  <c r="A12322" i="1"/>
  <c r="A12324" i="1"/>
  <c r="A12326" i="1"/>
  <c r="A12329" i="1"/>
  <c r="A12334" i="1"/>
  <c r="A12333" i="1"/>
  <c r="A12330" i="1"/>
  <c r="A12339" i="1"/>
  <c r="A12338" i="1"/>
  <c r="A12340" i="1"/>
  <c r="A12337" i="1"/>
  <c r="A12336" i="1"/>
  <c r="A12342" i="1"/>
  <c r="A12341" i="1"/>
  <c r="A12343" i="1"/>
  <c r="A12345" i="1"/>
  <c r="A12347" i="1"/>
  <c r="A12346" i="1"/>
  <c r="A12344" i="1"/>
  <c r="A12353" i="1"/>
  <c r="A12359" i="1"/>
  <c r="A12358" i="1"/>
  <c r="A12363" i="1"/>
  <c r="A12365" i="1"/>
  <c r="A12362" i="1"/>
  <c r="A12371" i="1"/>
  <c r="A12370" i="1"/>
  <c r="A12373" i="1"/>
  <c r="A12372" i="1"/>
  <c r="A12367" i="1"/>
  <c r="A12366" i="1"/>
  <c r="A12368" i="1"/>
  <c r="A12374" i="1"/>
  <c r="A12375" i="1"/>
  <c r="A12380" i="1"/>
  <c r="A12379" i="1"/>
  <c r="A12376" i="1"/>
  <c r="A12382" i="1"/>
  <c r="A12385" i="1"/>
  <c r="A12381" i="1"/>
  <c r="A12386" i="1"/>
  <c r="A12387" i="1"/>
  <c r="A12390" i="1"/>
  <c r="A12388" i="1"/>
  <c r="A12391" i="1"/>
  <c r="A12395" i="1"/>
  <c r="A12392" i="1"/>
  <c r="A12396" i="1"/>
  <c r="A12403" i="1"/>
  <c r="A12397" i="1"/>
  <c r="A12398" i="1"/>
  <c r="A12410" i="1"/>
  <c r="A12413" i="1"/>
  <c r="A12409" i="1"/>
  <c r="A12411" i="1"/>
  <c r="A12404" i="1"/>
  <c r="A12418" i="1"/>
  <c r="A12416" i="1"/>
  <c r="A12417" i="1"/>
  <c r="A12420" i="1"/>
  <c r="A12431" i="1"/>
  <c r="A12427" i="1"/>
  <c r="A12419" i="1"/>
  <c r="A12422" i="1"/>
  <c r="A12440" i="1"/>
  <c r="A12432" i="1"/>
  <c r="A12438" i="1"/>
  <c r="A12433" i="1"/>
  <c r="A12446" i="1"/>
  <c r="A12447" i="1"/>
  <c r="A12442" i="1"/>
  <c r="A12445" i="1"/>
  <c r="A12441" i="1"/>
  <c r="A12451" i="1"/>
  <c r="A12448" i="1"/>
  <c r="A12453" i="1"/>
  <c r="A12449" i="1"/>
  <c r="A12452" i="1"/>
  <c r="A12454" i="1"/>
  <c r="A12457" i="1"/>
  <c r="A12456" i="1"/>
  <c r="A12461" i="1"/>
  <c r="A12460" i="1"/>
  <c r="A12458" i="1"/>
  <c r="A12465" i="1"/>
  <c r="A12466" i="1"/>
  <c r="A12462" i="1"/>
  <c r="A12467" i="1"/>
  <c r="A12470" i="1"/>
  <c r="A12474" i="1"/>
  <c r="A12473" i="1"/>
  <c r="A12469" i="1"/>
  <c r="A12479" i="1"/>
  <c r="A12477" i="1"/>
  <c r="A12478" i="1"/>
  <c r="A12475" i="1"/>
  <c r="A12482" i="1"/>
  <c r="A12487" i="1"/>
  <c r="A12485" i="1"/>
  <c r="A12486" i="1"/>
  <c r="A12489" i="1"/>
  <c r="A12490" i="1"/>
  <c r="A12491" i="1"/>
  <c r="A12493" i="1"/>
  <c r="A12492" i="1"/>
  <c r="A12495" i="1"/>
  <c r="A12496" i="1"/>
  <c r="A12500" i="1"/>
  <c r="A12499" i="1"/>
  <c r="A12503" i="1"/>
  <c r="A12508" i="1"/>
  <c r="A12504" i="1"/>
  <c r="A12514" i="1"/>
  <c r="A12507" i="1"/>
  <c r="A12506" i="1"/>
  <c r="A12509" i="1"/>
  <c r="A12520" i="1"/>
  <c r="A12515" i="1"/>
  <c r="A12522" i="1"/>
  <c r="A12519" i="1"/>
  <c r="A12516" i="1"/>
  <c r="A12525" i="1"/>
  <c r="A12523" i="1"/>
  <c r="A12526" i="1"/>
  <c r="A12529" i="1"/>
  <c r="A12531" i="1"/>
  <c r="A12530" i="1"/>
  <c r="A12534" i="1"/>
  <c r="A12535" i="1"/>
  <c r="A12533" i="1"/>
  <c r="A12539" i="1"/>
  <c r="A12553" i="1"/>
  <c r="A12544" i="1"/>
  <c r="A12550" i="1"/>
  <c r="A12546" i="1"/>
  <c r="A12554" i="1"/>
  <c r="A12543" i="1"/>
  <c r="A12552" i="1"/>
  <c r="A12540" i="1"/>
  <c r="A12548" i="1"/>
  <c r="A12549" i="1"/>
  <c r="A12545" i="1"/>
  <c r="A12560" i="1"/>
  <c r="A12558" i="1"/>
  <c r="A12555" i="1"/>
  <c r="A12563" i="1"/>
  <c r="A12566" i="1"/>
  <c r="A12561" i="1"/>
  <c r="A12565" i="1"/>
  <c r="A12571" i="1"/>
  <c r="A12570" i="1"/>
  <c r="A12575" i="1"/>
  <c r="A12574" i="1"/>
  <c r="A12573" i="1"/>
  <c r="A12578" i="1"/>
  <c r="A12593" i="1"/>
  <c r="A12591" i="1"/>
  <c r="A12580" i="1"/>
  <c r="A12592" i="1"/>
  <c r="A12585" i="1"/>
  <c r="A12579" i="1"/>
  <c r="A12590" i="1"/>
  <c r="A12583" i="1"/>
  <c r="A12584" i="1"/>
  <c r="A12594" i="1"/>
  <c r="A12598" i="1"/>
  <c r="A12595" i="1"/>
  <c r="A12599" i="1"/>
  <c r="A12597" i="1"/>
  <c r="A12603" i="1"/>
  <c r="A12601" i="1"/>
  <c r="A12605" i="1"/>
  <c r="A12602" i="1"/>
  <c r="A12604" i="1"/>
  <c r="A12606" i="1"/>
  <c r="A12607" i="1"/>
  <c r="A12613" i="1"/>
  <c r="A12608" i="1"/>
  <c r="A12614" i="1"/>
  <c r="A12623" i="1"/>
  <c r="A12621" i="1"/>
  <c r="A12618" i="1"/>
  <c r="A12617" i="1"/>
  <c r="A12624" i="1"/>
  <c r="A12630" i="1"/>
  <c r="A12629" i="1"/>
  <c r="A12625" i="1"/>
  <c r="A12631" i="1"/>
  <c r="A12632" i="1"/>
  <c r="A12636" i="1"/>
  <c r="A12633" i="1"/>
  <c r="A12634" i="1"/>
  <c r="A12643" i="1"/>
  <c r="A12639" i="1"/>
  <c r="A12638" i="1"/>
  <c r="A12640" i="1"/>
  <c r="A12637" i="1"/>
  <c r="A12645" i="1"/>
  <c r="A12647" i="1"/>
  <c r="A12646" i="1"/>
  <c r="A12644" i="1"/>
  <c r="A12659" i="1"/>
  <c r="A12648" i="1"/>
  <c r="A12661" i="1"/>
  <c r="A12653" i="1"/>
  <c r="A12660" i="1"/>
  <c r="A12656" i="1"/>
  <c r="A12673" i="1"/>
  <c r="A12663" i="1"/>
  <c r="A12671" i="1"/>
  <c r="A12662" i="1"/>
  <c r="A12672" i="1"/>
  <c r="A12675" i="1"/>
  <c r="A12674" i="1"/>
  <c r="A12676" i="1"/>
  <c r="A12679" i="1"/>
  <c r="A12677" i="1"/>
  <c r="A12680" i="1"/>
  <c r="A12685" i="1"/>
  <c r="A12681" i="1"/>
  <c r="A12682" i="1"/>
  <c r="A12684" i="1"/>
  <c r="A12693" i="1"/>
  <c r="A12690" i="1"/>
  <c r="A12697" i="1"/>
  <c r="A12696" i="1"/>
  <c r="A12691" i="1"/>
  <c r="A12689" i="1"/>
  <c r="A12695" i="1"/>
  <c r="A12701" i="1"/>
  <c r="A12700" i="1"/>
  <c r="A12705" i="1"/>
  <c r="A12709" i="1"/>
  <c r="A12711" i="1"/>
  <c r="A12707" i="1"/>
  <c r="A12706" i="1"/>
  <c r="A12710" i="1"/>
  <c r="A12713" i="1"/>
  <c r="A12712" i="1"/>
  <c r="A12715" i="1"/>
  <c r="A12720" i="1"/>
  <c r="A12717" i="1"/>
  <c r="A12716" i="1"/>
  <c r="A12721" i="1"/>
  <c r="A12722" i="1"/>
  <c r="A12724" i="1"/>
  <c r="A12725" i="1"/>
  <c r="A12730" i="1"/>
  <c r="A12727" i="1"/>
  <c r="A12726" i="1"/>
  <c r="A12728" i="1"/>
  <c r="A12729" i="1"/>
  <c r="A12732" i="1"/>
  <c r="A12731" i="1"/>
  <c r="A12737" i="1"/>
  <c r="A12740" i="1"/>
  <c r="A12743" i="1"/>
  <c r="A12739" i="1"/>
  <c r="A12744" i="1"/>
  <c r="A12738" i="1"/>
  <c r="A12752" i="1"/>
  <c r="A12747" i="1"/>
  <c r="A12745" i="1"/>
  <c r="A12753" i="1"/>
  <c r="A12755" i="1"/>
  <c r="A12754" i="1"/>
  <c r="A12757" i="1"/>
  <c r="A12758" i="1"/>
  <c r="A12766" i="1"/>
  <c r="A12762" i="1"/>
  <c r="A12761" i="1"/>
  <c r="A12767" i="1"/>
  <c r="A12763" i="1"/>
  <c r="A12759" i="1"/>
  <c r="A12773" i="1"/>
  <c r="A12777" i="1"/>
  <c r="A12774" i="1"/>
  <c r="A12769" i="1"/>
  <c r="A12768" i="1"/>
  <c r="A12781" i="1"/>
  <c r="A12784" i="1"/>
  <c r="A12783" i="1"/>
  <c r="A12778" i="1"/>
  <c r="A12782" i="1"/>
  <c r="A12785" i="1"/>
  <c r="A12788" i="1"/>
  <c r="A12794" i="1"/>
  <c r="A12795" i="1"/>
  <c r="A12807" i="1"/>
  <c r="A12813" i="1"/>
  <c r="A12806" i="1"/>
  <c r="A12799" i="1"/>
  <c r="A12818" i="1"/>
  <c r="A12808" i="1"/>
  <c r="A12811" i="1"/>
  <c r="A12823" i="1"/>
  <c r="A12819" i="1"/>
  <c r="A12827" i="1"/>
  <c r="A12822" i="1"/>
  <c r="A12833" i="1"/>
  <c r="A12828" i="1"/>
  <c r="A12829" i="1"/>
  <c r="A12832" i="1"/>
  <c r="A12839" i="1"/>
  <c r="A12841" i="1"/>
  <c r="A12840" i="1"/>
  <c r="A12846" i="1"/>
  <c r="A12847" i="1"/>
  <c r="A12842" i="1"/>
  <c r="A12845" i="1"/>
  <c r="A12843" i="1"/>
  <c r="A12860" i="1"/>
  <c r="A12861" i="1"/>
  <c r="A12857" i="1"/>
  <c r="A12858" i="1"/>
  <c r="A12854" i="1"/>
  <c r="A12870" i="1"/>
  <c r="A12873" i="1"/>
  <c r="A12867" i="1"/>
  <c r="A12864" i="1"/>
  <c r="A12878" i="1"/>
  <c r="A12866" i="1"/>
  <c r="A12879" i="1"/>
  <c r="A12880" i="1"/>
  <c r="A12883" i="1"/>
  <c r="A12884" i="1"/>
  <c r="A12891" i="1"/>
  <c r="A12887" i="1"/>
  <c r="A12890" i="1"/>
  <c r="A12892" i="1"/>
  <c r="A12895" i="1"/>
  <c r="A12897" i="1"/>
  <c r="A12896" i="1"/>
  <c r="A12899" i="1"/>
  <c r="A12898" i="1"/>
  <c r="A12903" i="1"/>
  <c r="A12907" i="1"/>
  <c r="A12909" i="1"/>
  <c r="A12908" i="1"/>
  <c r="A12913" i="1"/>
  <c r="A12914" i="1"/>
  <c r="A12918" i="1"/>
  <c r="A12922" i="1"/>
  <c r="A9308" i="1"/>
  <c r="A9306" i="1"/>
  <c r="A9307" i="1"/>
  <c r="A9300" i="1"/>
  <c r="A9302" i="1"/>
  <c r="A9314" i="1"/>
  <c r="A9322" i="1"/>
  <c r="A9315" i="1"/>
  <c r="A9321" i="1"/>
  <c r="A9310" i="1"/>
  <c r="A9324" i="1"/>
  <c r="A9320" i="1"/>
  <c r="A9311" i="1"/>
  <c r="A9327" i="1"/>
  <c r="A9328" i="1"/>
  <c r="A9332" i="1"/>
  <c r="A9325" i="1"/>
  <c r="A9334" i="1"/>
  <c r="A9333" i="1"/>
  <c r="A9341" i="1"/>
  <c r="A9342" i="1"/>
  <c r="A9335" i="1"/>
  <c r="A9339" i="1"/>
  <c r="A9338" i="1"/>
  <c r="A9336" i="1"/>
  <c r="A9353" i="1"/>
  <c r="A9350" i="1"/>
  <c r="A9352" i="1"/>
  <c r="A9345" i="1"/>
  <c r="A9343" i="1"/>
  <c r="A9349" i="1"/>
  <c r="A9344" i="1"/>
  <c r="A9357" i="1"/>
  <c r="A9363" i="1"/>
  <c r="A9360" i="1"/>
  <c r="A9356" i="1"/>
  <c r="A9359" i="1"/>
  <c r="A9366" i="1"/>
  <c r="A9364" i="1"/>
  <c r="A9367" i="1"/>
  <c r="A9370" i="1"/>
  <c r="A9374" i="1"/>
  <c r="A9378" i="1"/>
  <c r="A9369" i="1"/>
  <c r="A9375" i="1"/>
  <c r="A9368" i="1"/>
  <c r="A9391" i="1"/>
  <c r="A9382" i="1"/>
  <c r="A9390" i="1"/>
  <c r="A9379" i="1"/>
  <c r="A9380" i="1"/>
  <c r="A9383" i="1"/>
  <c r="A9385" i="1"/>
  <c r="A9403" i="1"/>
  <c r="A9397" i="1"/>
  <c r="A9395" i="1"/>
  <c r="A9402" i="1"/>
  <c r="A9393" i="1"/>
  <c r="A9394" i="1"/>
  <c r="A9396" i="1"/>
  <c r="A9407" i="1"/>
  <c r="A9409" i="1"/>
  <c r="A9410" i="1"/>
  <c r="A9412" i="1"/>
  <c r="A9406" i="1"/>
  <c r="A9417" i="1"/>
  <c r="A9413" i="1"/>
  <c r="A9415" i="1"/>
  <c r="A9418" i="1"/>
  <c r="A9416" i="1"/>
  <c r="A9419" i="1"/>
  <c r="A9420" i="1"/>
  <c r="A9421" i="1"/>
  <c r="A9422" i="1"/>
  <c r="A9423" i="1"/>
  <c r="A9428" i="1"/>
  <c r="A9427" i="1"/>
  <c r="A9436" i="1"/>
  <c r="A9429" i="1"/>
  <c r="A9425" i="1"/>
  <c r="A9440" i="1"/>
  <c r="A9437" i="1"/>
  <c r="A9448" i="1"/>
  <c r="A9446" i="1"/>
  <c r="A9441" i="1"/>
  <c r="A9447" i="1"/>
  <c r="A9455" i="1"/>
  <c r="A9452" i="1"/>
  <c r="A9449" i="1"/>
  <c r="A9451" i="1"/>
  <c r="A9454" i="1"/>
  <c r="A9453" i="1"/>
  <c r="A9468" i="1"/>
  <c r="A9462" i="1"/>
  <c r="A9456" i="1"/>
  <c r="A9466" i="1"/>
  <c r="A9461" i="1"/>
  <c r="A9467" i="1"/>
  <c r="A9460" i="1"/>
  <c r="A9463" i="1"/>
  <c r="A9483" i="1"/>
  <c r="A9475" i="1"/>
  <c r="A9474" i="1"/>
  <c r="A9480" i="1"/>
  <c r="A9476" i="1"/>
  <c r="A9488" i="1"/>
  <c r="A9484" i="1"/>
  <c r="A9485" i="1"/>
  <c r="A9489" i="1"/>
  <c r="A9490" i="1"/>
  <c r="A9491" i="1"/>
  <c r="A9493" i="1"/>
  <c r="A9492" i="1"/>
  <c r="A9496" i="1"/>
  <c r="A9510" i="1"/>
  <c r="A9501" i="1"/>
  <c r="A9504" i="1"/>
  <c r="A9511" i="1"/>
  <c r="A9497" i="1"/>
  <c r="A9500" i="1"/>
  <c r="A9508" i="1"/>
  <c r="A9498" i="1"/>
  <c r="A9502" i="1"/>
  <c r="A9518" i="1"/>
  <c r="A9525" i="1"/>
  <c r="A9517" i="1"/>
  <c r="A9512" i="1"/>
  <c r="A9530" i="1"/>
  <c r="A9526" i="1"/>
  <c r="A9531" i="1"/>
  <c r="A9529" i="1"/>
  <c r="A9548" i="1"/>
  <c r="A9549" i="1"/>
  <c r="A9547" i="1"/>
  <c r="A9541" i="1"/>
  <c r="A9533" i="1"/>
  <c r="A9536" i="1"/>
  <c r="A9542" i="1"/>
  <c r="A9534" i="1"/>
  <c r="A9535" i="1"/>
  <c r="A9556" i="1"/>
  <c r="A9562" i="1"/>
  <c r="A9563" i="1"/>
  <c r="A9557" i="1"/>
  <c r="A9550" i="1"/>
  <c r="A9555" i="1"/>
  <c r="A9566" i="1"/>
  <c r="A9571" i="1"/>
  <c r="A9569" i="1"/>
  <c r="A9565" i="1"/>
  <c r="A9567" i="1"/>
  <c r="A9568" i="1"/>
  <c r="A9573" i="1"/>
  <c r="A9584" i="1"/>
  <c r="A9572" i="1"/>
  <c r="A9586" i="1"/>
  <c r="A9578" i="1"/>
  <c r="A9582" i="1"/>
  <c r="A9581" i="1"/>
  <c r="A9583" i="1"/>
  <c r="A9579" i="1"/>
  <c r="A9577" i="1"/>
  <c r="A9587" i="1"/>
  <c r="A9594" i="1"/>
  <c r="A9593" i="1"/>
  <c r="A9592" i="1"/>
  <c r="A9595" i="1"/>
  <c r="A9600" i="1"/>
  <c r="A9599" i="1"/>
  <c r="A9596" i="1"/>
  <c r="A9597" i="1"/>
  <c r="A9607" i="1"/>
  <c r="A9604" i="1"/>
  <c r="A9608" i="1"/>
  <c r="A9603" i="1"/>
  <c r="A9601" i="1"/>
  <c r="A9602" i="1"/>
  <c r="A9617" i="1"/>
  <c r="A9609" i="1"/>
  <c r="A9616" i="1"/>
  <c r="A9613" i="1"/>
  <c r="A9621" i="1"/>
  <c r="A9624" i="1"/>
  <c r="A9623" i="1"/>
  <c r="A9628" i="1"/>
  <c r="A9622" i="1"/>
  <c r="A9631" i="1"/>
  <c r="A9632" i="1"/>
  <c r="A9638" i="1"/>
  <c r="A9633" i="1"/>
  <c r="A9634" i="1"/>
  <c r="A9640" i="1"/>
  <c r="A9653" i="1"/>
  <c r="A9644" i="1"/>
  <c r="A9654" i="1"/>
  <c r="A9652" i="1"/>
  <c r="A9641" i="1"/>
  <c r="A9645" i="1"/>
  <c r="A9651" i="1"/>
  <c r="A9650" i="1"/>
  <c r="A9642" i="1"/>
  <c r="A9662" i="1"/>
  <c r="A9655" i="1"/>
  <c r="A9659" i="1"/>
  <c r="A9663" i="1"/>
  <c r="A9658" i="1"/>
  <c r="A9669" i="1"/>
  <c r="A9668" i="1"/>
  <c r="A9670" i="1"/>
  <c r="A9664" i="1"/>
  <c r="A9665" i="1"/>
  <c r="A9677" i="1"/>
  <c r="A9671" i="1"/>
  <c r="A9672" i="1"/>
  <c r="A9678" i="1"/>
  <c r="A9673" i="1"/>
  <c r="A9682" i="1"/>
  <c r="A9681" i="1"/>
  <c r="A9694" i="1"/>
  <c r="A9695" i="1"/>
  <c r="A9689" i="1"/>
  <c r="A9690" i="1"/>
  <c r="A9693" i="1"/>
  <c r="A9691" i="1"/>
  <c r="A9699" i="1"/>
  <c r="A9698" i="1"/>
  <c r="A9696" i="1"/>
  <c r="A9697" i="1"/>
  <c r="A9702" i="1"/>
  <c r="A9705" i="1"/>
  <c r="A9711" i="1"/>
  <c r="A9716" i="1"/>
  <c r="A9713" i="1"/>
  <c r="A9712" i="1"/>
  <c r="A9710" i="1"/>
  <c r="A9717" i="1"/>
  <c r="A9719" i="1"/>
  <c r="A9723" i="1"/>
  <c r="A9722" i="1"/>
  <c r="A9718" i="1"/>
  <c r="A9721" i="1"/>
  <c r="A9730" i="1"/>
  <c r="A9724" i="1"/>
  <c r="A9725" i="1"/>
  <c r="A9726" i="1"/>
  <c r="A9741" i="1"/>
  <c r="A9742" i="1"/>
  <c r="A9743" i="1"/>
  <c r="A9740" i="1"/>
  <c r="A9736" i="1"/>
  <c r="A9737" i="1"/>
  <c r="A9744" i="1"/>
  <c r="A9745" i="1"/>
  <c r="A9751" i="1"/>
  <c r="A9747" i="1"/>
  <c r="A9749" i="1"/>
  <c r="A9746" i="1"/>
  <c r="A9752" i="1"/>
  <c r="A9753" i="1"/>
  <c r="A9754" i="1"/>
  <c r="A9763" i="1"/>
  <c r="A9756" i="1"/>
  <c r="A9757" i="1"/>
  <c r="A9759" i="1"/>
  <c r="A9760" i="1"/>
  <c r="A9772" i="1"/>
  <c r="A9764" i="1"/>
  <c r="A9771" i="1"/>
  <c r="A9766" i="1"/>
  <c r="A9770" i="1"/>
  <c r="A9765" i="1"/>
  <c r="A9778" i="1"/>
  <c r="A9773" i="1"/>
  <c r="A9779" i="1"/>
  <c r="A9789" i="1"/>
  <c r="A9784" i="1"/>
  <c r="A9783" i="1"/>
  <c r="A9782" i="1"/>
  <c r="A9793" i="1"/>
  <c r="A9780" i="1"/>
  <c r="A9790" i="1"/>
  <c r="A9791" i="1"/>
  <c r="A9781" i="1"/>
  <c r="A9794" i="1"/>
  <c r="A9795" i="1"/>
  <c r="A9806" i="1"/>
  <c r="A9804" i="1"/>
  <c r="A9799" i="1"/>
  <c r="A9807" i="1"/>
  <c r="A9800" i="1"/>
  <c r="A9805" i="1"/>
  <c r="A9821" i="1"/>
  <c r="A9808" i="1"/>
  <c r="A9820" i="1"/>
  <c r="A9817" i="1"/>
  <c r="A9816" i="1"/>
  <c r="A9815" i="1"/>
  <c r="A9818" i="1"/>
  <c r="A9809" i="1"/>
  <c r="A9810" i="1"/>
  <c r="A9825" i="1"/>
  <c r="A9824" i="1"/>
  <c r="A9833" i="1"/>
  <c r="A9834" i="1"/>
  <c r="A9831" i="1"/>
  <c r="A9827" i="1"/>
  <c r="A9832" i="1"/>
  <c r="A9837" i="1"/>
  <c r="A9840" i="1"/>
  <c r="A9841" i="1"/>
  <c r="A9842" i="1"/>
  <c r="A9838" i="1"/>
  <c r="A9847" i="1"/>
  <c r="A9844" i="1"/>
  <c r="A9843" i="1"/>
  <c r="A9845" i="1"/>
  <c r="A9848" i="1"/>
  <c r="A9852" i="1"/>
  <c r="A9849" i="1"/>
  <c r="A9857" i="1"/>
  <c r="A9864" i="1"/>
  <c r="A9865" i="1"/>
  <c r="A9876" i="1"/>
  <c r="A9877" i="1"/>
  <c r="A9871" i="1"/>
  <c r="A9866" i="1"/>
  <c r="A9872" i="1"/>
  <c r="A9870" i="1"/>
  <c r="A9879" i="1"/>
  <c r="A9878" i="1"/>
  <c r="A9880" i="1"/>
  <c r="A9887" i="1"/>
  <c r="A9885" i="1"/>
  <c r="A9886" i="1"/>
  <c r="A9882" i="1"/>
  <c r="A9888" i="1"/>
  <c r="A9890" i="1"/>
  <c r="A9889" i="1"/>
  <c r="A9895" i="1"/>
  <c r="A9898" i="1"/>
  <c r="A9903" i="1"/>
  <c r="A9897" i="1"/>
  <c r="A9902" i="1"/>
  <c r="A9899" i="1"/>
  <c r="A9894" i="1"/>
  <c r="A9908" i="1"/>
  <c r="A9910" i="1"/>
  <c r="A9909" i="1"/>
  <c r="A9913" i="1"/>
  <c r="A9911" i="1"/>
  <c r="A9907" i="1"/>
  <c r="A9917" i="1"/>
  <c r="A9915" i="1"/>
  <c r="A9916" i="1"/>
  <c r="A9918" i="1"/>
  <c r="A9927" i="1"/>
  <c r="A9924" i="1"/>
  <c r="A9928" i="1"/>
  <c r="A9923" i="1"/>
  <c r="A9919" i="1"/>
  <c r="A9930" i="1"/>
  <c r="A9922" i="1"/>
  <c r="A9920" i="1"/>
  <c r="A9932" i="1"/>
  <c r="A9935" i="1"/>
  <c r="A9936" i="1"/>
  <c r="A9933" i="1"/>
  <c r="A9939" i="1"/>
  <c r="A9938" i="1"/>
  <c r="A9937" i="1"/>
  <c r="A9940" i="1"/>
  <c r="A9943" i="1"/>
  <c r="A9950" i="1"/>
  <c r="A9944" i="1"/>
  <c r="A9945" i="1"/>
  <c r="A9948" i="1"/>
  <c r="A9949" i="1"/>
  <c r="A9954" i="1"/>
  <c r="A9953" i="1"/>
  <c r="A9961" i="1"/>
  <c r="A9960" i="1"/>
  <c r="A9963" i="1"/>
  <c r="A9962" i="1"/>
  <c r="A9955" i="1"/>
  <c r="A9959" i="1"/>
  <c r="A9969" i="1"/>
  <c r="A9972" i="1"/>
  <c r="A9970" i="1"/>
  <c r="A9967" i="1"/>
  <c r="A9968" i="1"/>
  <c r="A9971" i="1"/>
  <c r="A9981" i="1"/>
  <c r="A9979" i="1"/>
  <c r="A9974" i="1"/>
  <c r="A9975" i="1"/>
  <c r="A9980" i="1"/>
  <c r="A9976" i="1"/>
  <c r="A9985" i="1"/>
  <c r="A9988" i="1"/>
  <c r="A9989" i="1"/>
  <c r="A9982" i="1"/>
  <c r="A9990" i="1"/>
  <c r="A9991" i="1"/>
  <c r="A9995" i="1"/>
  <c r="A9996" i="1"/>
  <c r="A9993" i="1"/>
  <c r="A9992" i="1"/>
  <c r="A9997" i="1"/>
  <c r="A10002" i="1"/>
  <c r="A9998" i="1"/>
  <c r="A10004" i="1"/>
  <c r="A9999" i="1"/>
  <c r="A10003" i="1"/>
  <c r="A10007" i="1"/>
  <c r="A10008" i="1"/>
  <c r="A10006" i="1"/>
  <c r="A10009" i="1"/>
  <c r="A10010" i="1"/>
  <c r="A10014" i="1"/>
  <c r="A10015" i="1"/>
  <c r="A10016" i="1"/>
  <c r="A10013" i="1"/>
  <c r="A10011" i="1"/>
  <c r="A10028" i="1"/>
  <c r="A10022" i="1"/>
  <c r="A10031" i="1"/>
  <c r="A10033" i="1"/>
  <c r="A10021" i="1"/>
  <c r="A10026" i="1"/>
  <c r="A10024" i="1"/>
  <c r="A10032" i="1"/>
  <c r="A10043" i="1"/>
  <c r="A10044" i="1"/>
  <c r="A10035" i="1"/>
  <c r="A10037" i="1"/>
  <c r="A10038" i="1"/>
  <c r="A10034" i="1"/>
  <c r="A10042" i="1"/>
  <c r="A10047" i="1"/>
  <c r="A10045" i="1"/>
  <c r="A10049" i="1"/>
  <c r="A10053" i="1"/>
  <c r="A10055" i="1"/>
  <c r="A10051" i="1"/>
  <c r="A10054" i="1"/>
  <c r="A10052" i="1"/>
  <c r="A10050" i="1"/>
  <c r="A10060" i="1"/>
  <c r="A10058" i="1"/>
  <c r="A10057" i="1"/>
  <c r="A10065" i="1"/>
  <c r="A10064" i="1"/>
  <c r="A10069" i="1"/>
  <c r="A10063" i="1"/>
  <c r="A10068" i="1"/>
  <c r="A10071" i="1"/>
  <c r="A10067" i="1"/>
  <c r="A10076" i="1"/>
  <c r="A10077" i="1"/>
  <c r="A10078" i="1"/>
  <c r="A10086" i="1"/>
  <c r="A10085" i="1"/>
  <c r="A10088" i="1"/>
  <c r="A10087" i="1"/>
  <c r="A10096" i="1"/>
  <c r="A10094" i="1"/>
  <c r="A10093" i="1"/>
  <c r="A10089" i="1"/>
  <c r="A10101" i="1"/>
  <c r="A10095" i="1"/>
  <c r="A10097" i="1"/>
  <c r="A10112" i="1"/>
  <c r="A10109" i="1"/>
  <c r="A10106" i="1"/>
  <c r="A10102" i="1"/>
  <c r="A10110" i="1"/>
  <c r="A10119" i="1"/>
  <c r="A10120" i="1"/>
  <c r="A10114" i="1"/>
  <c r="A10118" i="1"/>
  <c r="A10121" i="1"/>
  <c r="A10126" i="1"/>
  <c r="A10122" i="1"/>
  <c r="A10134" i="1"/>
  <c r="A10139" i="1"/>
  <c r="A10130" i="1"/>
  <c r="A10138" i="1"/>
  <c r="A10137" i="1"/>
  <c r="A10148" i="1"/>
  <c r="A10152" i="1"/>
  <c r="A10145" i="1"/>
  <c r="A10149" i="1"/>
  <c r="A10153" i="1"/>
  <c r="A10157" i="1"/>
  <c r="A10155" i="1"/>
  <c r="A10154" i="1"/>
  <c r="A10167" i="1"/>
  <c r="A10168" i="1"/>
  <c r="A10162" i="1"/>
  <c r="A10165" i="1"/>
  <c r="A10159" i="1"/>
  <c r="A10161" i="1"/>
  <c r="A10158" i="1"/>
  <c r="A10176" i="1"/>
  <c r="A10171" i="1"/>
  <c r="A10178" i="1"/>
  <c r="A10180" i="1"/>
  <c r="A10179" i="1"/>
  <c r="A10185" i="1"/>
  <c r="A10192" i="1"/>
  <c r="A10190" i="1"/>
  <c r="A10184" i="1"/>
  <c r="A10186" i="1"/>
  <c r="A10188" i="1"/>
  <c r="A10191" i="1"/>
  <c r="A10193" i="1"/>
  <c r="A10196" i="1"/>
  <c r="A10197" i="1"/>
  <c r="A10203" i="1"/>
  <c r="A10198" i="1"/>
  <c r="A10199" i="1"/>
  <c r="A10200" i="1"/>
  <c r="A10202" i="1"/>
  <c r="A10205" i="1"/>
  <c r="A10215" i="1"/>
  <c r="A10218" i="1"/>
  <c r="A10214" i="1"/>
  <c r="A10204" i="1"/>
  <c r="A10224" i="1"/>
  <c r="A10221" i="1"/>
  <c r="A10222" i="1"/>
  <c r="A10219" i="1"/>
  <c r="A10220" i="1"/>
  <c r="A10227" i="1"/>
  <c r="A10226" i="1"/>
  <c r="A10228" i="1"/>
  <c r="A10230" i="1"/>
  <c r="A10244" i="1"/>
  <c r="A10241" i="1"/>
  <c r="A10240" i="1"/>
  <c r="A10234" i="1"/>
  <c r="A10235" i="1"/>
  <c r="A10253" i="1"/>
  <c r="A10254" i="1"/>
  <c r="A10246" i="1"/>
  <c r="A10249" i="1"/>
  <c r="A10245" i="1"/>
  <c r="A10257" i="1"/>
  <c r="A10252" i="1"/>
  <c r="A10258" i="1"/>
  <c r="A10265" i="1"/>
  <c r="A10263" i="1"/>
  <c r="A10267" i="1"/>
  <c r="A10270" i="1"/>
  <c r="A10266" i="1"/>
  <c r="A10268" i="1"/>
  <c r="A10277" i="1"/>
  <c r="A10278" i="1"/>
  <c r="A10271" i="1"/>
  <c r="A10279" i="1"/>
  <c r="A10275" i="1"/>
  <c r="A10274" i="1"/>
  <c r="A10276" i="1"/>
  <c r="A10281" i="1"/>
  <c r="A10282" i="1"/>
  <c r="A10283" i="1"/>
  <c r="A10285" i="1"/>
  <c r="A10290" i="1"/>
  <c r="A10286" i="1"/>
  <c r="A10287" i="1"/>
  <c r="A10288" i="1"/>
  <c r="A10293" i="1"/>
  <c r="A10296" i="1"/>
  <c r="A10300" i="1"/>
  <c r="A10298" i="1"/>
  <c r="A10292" i="1"/>
  <c r="A10299" i="1"/>
  <c r="A10297" i="1"/>
  <c r="A10308" i="1"/>
  <c r="A10313" i="1"/>
  <c r="A10304" i="1"/>
  <c r="A10301" i="1"/>
  <c r="A10311" i="1"/>
  <c r="A10310" i="1"/>
  <c r="A10307" i="1"/>
  <c r="A10312" i="1"/>
  <c r="A10325" i="1"/>
  <c r="A10321" i="1"/>
  <c r="A10315" i="1"/>
  <c r="A10317" i="1"/>
  <c r="A10318" i="1"/>
  <c r="A10314" i="1"/>
  <c r="A10326" i="1"/>
  <c r="A10330" i="1"/>
  <c r="A10329" i="1"/>
  <c r="A10333" i="1"/>
  <c r="A10332" i="1"/>
  <c r="A10337" i="1"/>
  <c r="A10331" i="1"/>
  <c r="A10335" i="1"/>
  <c r="A10336" i="1"/>
  <c r="A10343" i="1"/>
  <c r="A10345" i="1"/>
  <c r="A10344" i="1"/>
  <c r="A10347" i="1"/>
  <c r="A10342" i="1"/>
  <c r="A10340" i="1"/>
  <c r="A10351" i="1"/>
  <c r="A10349" i="1"/>
  <c r="A10350" i="1"/>
  <c r="A10354" i="1"/>
  <c r="A10348" i="1"/>
  <c r="A10357" i="1"/>
  <c r="A10359" i="1"/>
  <c r="A10358" i="1"/>
  <c r="A10355" i="1"/>
  <c r="A10356" i="1"/>
  <c r="A10366" i="1"/>
  <c r="A10364" i="1"/>
  <c r="A10363" i="1"/>
  <c r="A10372" i="1"/>
  <c r="A10367" i="1"/>
  <c r="A10371" i="1"/>
  <c r="A10368" i="1"/>
  <c r="A10378" i="1"/>
  <c r="A10382" i="1"/>
  <c r="A10380" i="1"/>
  <c r="A10384" i="1"/>
  <c r="A10373" i="1"/>
  <c r="A10383" i="1"/>
  <c r="A10377" i="1"/>
  <c r="A10381" i="1"/>
  <c r="A10392" i="1"/>
  <c r="A10386" i="1"/>
  <c r="A10395" i="1"/>
  <c r="A10389" i="1"/>
  <c r="A10387" i="1"/>
  <c r="A10393" i="1"/>
  <c r="A10394" i="1"/>
  <c r="A10400" i="1"/>
  <c r="A10402" i="1"/>
  <c r="A10401" i="1"/>
  <c r="A10399" i="1"/>
  <c r="A10396" i="1"/>
  <c r="A10397" i="1"/>
  <c r="A10408" i="1"/>
  <c r="A10413" i="1"/>
  <c r="A10412" i="1"/>
  <c r="A10404" i="1"/>
  <c r="A10414" i="1"/>
  <c r="A10415" i="1"/>
  <c r="A10424" i="1"/>
  <c r="A10425" i="1"/>
  <c r="A10419" i="1"/>
  <c r="A10421" i="1"/>
  <c r="A10420" i="1"/>
  <c r="A10439" i="1"/>
  <c r="A10440" i="1"/>
  <c r="A10430" i="1"/>
  <c r="A10438" i="1"/>
  <c r="A10431" i="1"/>
  <c r="A10451" i="1"/>
  <c r="A10449" i="1"/>
  <c r="A10445" i="1"/>
  <c r="A10441" i="1"/>
  <c r="A10444" i="1"/>
  <c r="A10442" i="1"/>
  <c r="A10459" i="1"/>
  <c r="A10458" i="1"/>
  <c r="A10460" i="1"/>
  <c r="A10454" i="1"/>
  <c r="A10453" i="1"/>
  <c r="A10462" i="1"/>
  <c r="A10461" i="1"/>
  <c r="A10472" i="1"/>
  <c r="A10474" i="1"/>
  <c r="A10467" i="1"/>
  <c r="A10469" i="1"/>
  <c r="A10468" i="1"/>
  <c r="A10473" i="1"/>
  <c r="A10471" i="1"/>
  <c r="A10482" i="1"/>
  <c r="A10483" i="1"/>
  <c r="A10480" i="1"/>
  <c r="A10476" i="1"/>
  <c r="A10479" i="1"/>
  <c r="A10478" i="1"/>
  <c r="A10484" i="1"/>
  <c r="A10491" i="1"/>
  <c r="A10493" i="1"/>
  <c r="A10486" i="1"/>
  <c r="A10492" i="1"/>
  <c r="A10500" i="1"/>
  <c r="A10496" i="1"/>
  <c r="A10501" i="1"/>
  <c r="A10495" i="1"/>
  <c r="A10503" i="1"/>
  <c r="A10502" i="1"/>
  <c r="A10504" i="1"/>
  <c r="A10506" i="1"/>
  <c r="A10505" i="1"/>
  <c r="A10507" i="1"/>
  <c r="A10517" i="1"/>
  <c r="A10508" i="1"/>
  <c r="A10516" i="1"/>
  <c r="A10514" i="1"/>
  <c r="A10515" i="1"/>
  <c r="A10510" i="1"/>
  <c r="A10518" i="1"/>
  <c r="A10521" i="1"/>
  <c r="A10522" i="1"/>
  <c r="A10525" i="1"/>
  <c r="A10535" i="1"/>
  <c r="A10534" i="1"/>
  <c r="A10528" i="1"/>
  <c r="A10536" i="1"/>
  <c r="A10527" i="1"/>
  <c r="A10526" i="1"/>
  <c r="A10532" i="1"/>
  <c r="A10537" i="1"/>
  <c r="A10539" i="1"/>
  <c r="A10540" i="1"/>
  <c r="A10543" i="1"/>
  <c r="A10541" i="1"/>
  <c r="A10550" i="1"/>
  <c r="A10544" i="1"/>
  <c r="A10556" i="1"/>
  <c r="A10555" i="1"/>
  <c r="A10559" i="1"/>
  <c r="A10551" i="1"/>
  <c r="A10552" i="1"/>
  <c r="A10563" i="1"/>
  <c r="A10566" i="1"/>
  <c r="A10562" i="1"/>
  <c r="A10564" i="1"/>
  <c r="A10573" i="1"/>
  <c r="A10571" i="1"/>
  <c r="A10569" i="1"/>
  <c r="A10572" i="1"/>
  <c r="A10576" i="1"/>
  <c r="A10578" i="1"/>
  <c r="A10579" i="1"/>
  <c r="A10577" i="1"/>
  <c r="A10589" i="1"/>
  <c r="A10583" i="1"/>
  <c r="A10584" i="1"/>
  <c r="A10582" i="1"/>
  <c r="A10592" i="1"/>
  <c r="A10590" i="1"/>
  <c r="A10591" i="1"/>
  <c r="A10593" i="1"/>
  <c r="A10598" i="1"/>
  <c r="A10594" i="1"/>
  <c r="A10597" i="1"/>
  <c r="A10601" i="1"/>
  <c r="A10606" i="1"/>
  <c r="A10602" i="1"/>
  <c r="A10603" i="1"/>
  <c r="A10610" i="1"/>
  <c r="A10609" i="1"/>
  <c r="A10608" i="1"/>
  <c r="A10619" i="1"/>
  <c r="A10618" i="1"/>
  <c r="A10613" i="1"/>
  <c r="A10614" i="1"/>
  <c r="A10621" i="1"/>
  <c r="A10625" i="1"/>
  <c r="A10624" i="1"/>
  <c r="A10620" i="1"/>
  <c r="A10627" i="1"/>
  <c r="A10630" i="1"/>
  <c r="A10626" i="1"/>
  <c r="A10634" i="1"/>
  <c r="A10635" i="1"/>
  <c r="A10636" i="1"/>
  <c r="A10638" i="1"/>
  <c r="A10637" i="1"/>
  <c r="A10642" i="1"/>
  <c r="A10648" i="1"/>
  <c r="A10647" i="1"/>
  <c r="A10643" i="1"/>
  <c r="A10646" i="1"/>
  <c r="A10644" i="1"/>
  <c r="A10651" i="1"/>
  <c r="A10649" i="1"/>
  <c r="A10657" i="1"/>
  <c r="A10656" i="1"/>
  <c r="A10653" i="1"/>
  <c r="A10652" i="1"/>
  <c r="A10670" i="1"/>
  <c r="A10666" i="1"/>
  <c r="A10667" i="1"/>
  <c r="A10661" i="1"/>
  <c r="A10658" i="1"/>
  <c r="A10673" i="1"/>
  <c r="A10672" i="1"/>
  <c r="A10674" i="1"/>
  <c r="A10671" i="1"/>
  <c r="A10679" i="1"/>
  <c r="A10676" i="1"/>
  <c r="A10677" i="1"/>
  <c r="A10680" i="1"/>
  <c r="A10685" i="1"/>
  <c r="A10690" i="1"/>
  <c r="A10686" i="1"/>
  <c r="A10687" i="1"/>
  <c r="A10691" i="1"/>
  <c r="A10689" i="1"/>
  <c r="A10692" i="1"/>
  <c r="A10703" i="1"/>
  <c r="A10694" i="1"/>
  <c r="A10701" i="1"/>
  <c r="A10696" i="1"/>
  <c r="A10697" i="1"/>
  <c r="A10693" i="1"/>
  <c r="A10702" i="1"/>
  <c r="A10705" i="1"/>
  <c r="A10709" i="1"/>
  <c r="A10708" i="1"/>
  <c r="A10704" i="1"/>
  <c r="A10707" i="1"/>
  <c r="A10710" i="1"/>
  <c r="A10712" i="1"/>
  <c r="A10718" i="1"/>
  <c r="A10715" i="1"/>
  <c r="A10717" i="1"/>
  <c r="A10720" i="1"/>
  <c r="A10719" i="1"/>
  <c r="A10726" i="1"/>
  <c r="A10723" i="1"/>
  <c r="A10722" i="1"/>
  <c r="A10729" i="1"/>
  <c r="A10736" i="1"/>
  <c r="A10730" i="1"/>
  <c r="A10732" i="1"/>
  <c r="A10737" i="1"/>
  <c r="A10743" i="1"/>
  <c r="A10744" i="1"/>
  <c r="A10748" i="1"/>
  <c r="A10745" i="1"/>
  <c r="A10742" i="1"/>
  <c r="A10741" i="1"/>
  <c r="A10749" i="1"/>
  <c r="A10752" i="1"/>
  <c r="A10760" i="1"/>
  <c r="A10755" i="1"/>
  <c r="A10759" i="1"/>
  <c r="A10756" i="1"/>
  <c r="A10772" i="1"/>
  <c r="A10773" i="1"/>
  <c r="A10764" i="1"/>
  <c r="A10774" i="1"/>
  <c r="A10761" i="1"/>
  <c r="A10768" i="1"/>
  <c r="A10765" i="1"/>
  <c r="A10788" i="1"/>
  <c r="A10781" i="1"/>
  <c r="A10786" i="1"/>
  <c r="A10787" i="1"/>
  <c r="A10775" i="1"/>
  <c r="A10780" i="1"/>
  <c r="A10776" i="1"/>
  <c r="A10796" i="1"/>
  <c r="A10797" i="1"/>
  <c r="A10792" i="1"/>
  <c r="A10791" i="1"/>
  <c r="A10794" i="1"/>
  <c r="A10798" i="1"/>
  <c r="A10799" i="1"/>
  <c r="A10800" i="1"/>
  <c r="A10804" i="1"/>
  <c r="A10801" i="1"/>
  <c r="A10812" i="1"/>
  <c r="A10808" i="1"/>
  <c r="A10803" i="1"/>
  <c r="A10815" i="1"/>
  <c r="A10818" i="1"/>
  <c r="A10827" i="1"/>
  <c r="A10821" i="1"/>
  <c r="A10824" i="1"/>
  <c r="A10817" i="1"/>
  <c r="A10814" i="1"/>
  <c r="A10816" i="1"/>
  <c r="A10837" i="1"/>
  <c r="A10835" i="1"/>
  <c r="A10840" i="1"/>
  <c r="A10834" i="1"/>
  <c r="A10830" i="1"/>
  <c r="A10836" i="1"/>
  <c r="A10838" i="1"/>
  <c r="A10844" i="1"/>
  <c r="A10854" i="1"/>
  <c r="A10850" i="1"/>
  <c r="A10851" i="1"/>
  <c r="A10842" i="1"/>
  <c r="A10843" i="1"/>
  <c r="A10856" i="1"/>
  <c r="A10857" i="1"/>
  <c r="A10855" i="1"/>
  <c r="A10862" i="1"/>
  <c r="A10870" i="1"/>
  <c r="A10876" i="1"/>
  <c r="A10861" i="1"/>
  <c r="A10865" i="1"/>
  <c r="A10871" i="1"/>
  <c r="A10877" i="1"/>
  <c r="A10890" i="1"/>
  <c r="A10891" i="1"/>
  <c r="A10884" i="1"/>
  <c r="A10878" i="1"/>
  <c r="A10888" i="1"/>
  <c r="A10882" i="1"/>
  <c r="A10895" i="1"/>
  <c r="A10894" i="1"/>
  <c r="A10893" i="1"/>
  <c r="A10892" i="1"/>
  <c r="A10899" i="1"/>
  <c r="A10901" i="1"/>
  <c r="A10897" i="1"/>
  <c r="A10898" i="1"/>
  <c r="A10900" i="1"/>
  <c r="A10907" i="1"/>
  <c r="A10906" i="1"/>
  <c r="A10905" i="1"/>
  <c r="A10909" i="1"/>
  <c r="A10910" i="1"/>
  <c r="A10923" i="1"/>
  <c r="A10913" i="1"/>
  <c r="A10915" i="1"/>
  <c r="A10918" i="1"/>
  <c r="A10921" i="1"/>
  <c r="A10920" i="1"/>
  <c r="A10922" i="1"/>
  <c r="A10926" i="1"/>
  <c r="A10930" i="1"/>
  <c r="A10934" i="1"/>
  <c r="A10925" i="1"/>
  <c r="A10933" i="1"/>
  <c r="A10937" i="1"/>
  <c r="A10948" i="1"/>
  <c r="A10946" i="1"/>
  <c r="A10938" i="1"/>
  <c r="A10940" i="1"/>
  <c r="A10942" i="1"/>
  <c r="A10947" i="1"/>
  <c r="A10941" i="1"/>
  <c r="A10949" i="1"/>
  <c r="A10957" i="1"/>
  <c r="A10953" i="1"/>
  <c r="A10952" i="1"/>
  <c r="A10961" i="1"/>
  <c r="A10962" i="1"/>
  <c r="A10958" i="1"/>
  <c r="A10963" i="1"/>
  <c r="A10965" i="1"/>
  <c r="A10970" i="1"/>
  <c r="A10974" i="1"/>
  <c r="A10978" i="1"/>
  <c r="A10977" i="1"/>
  <c r="A10966" i="1"/>
  <c r="A10968" i="1"/>
  <c r="A10983" i="1"/>
  <c r="A10986" i="1"/>
  <c r="A10979" i="1"/>
  <c r="A10998" i="1"/>
  <c r="A10991" i="1"/>
  <c r="A11003" i="1"/>
  <c r="A10996" i="1"/>
  <c r="A10987" i="1"/>
  <c r="A10997" i="1"/>
  <c r="A10990" i="1"/>
  <c r="A11005" i="1"/>
  <c r="A11004" i="1"/>
  <c r="A11006" i="1"/>
  <c r="A11009" i="1"/>
  <c r="A11008" i="1"/>
  <c r="A11013" i="1"/>
  <c r="A11020" i="1"/>
  <c r="A11014" i="1"/>
  <c r="A11015" i="1"/>
  <c r="A11016" i="1"/>
  <c r="A11022" i="1"/>
  <c r="A11025" i="1"/>
  <c r="A11026" i="1"/>
  <c r="A11031" i="1"/>
  <c r="A11024" i="1"/>
  <c r="A11029" i="1"/>
  <c r="A11037" i="1"/>
  <c r="A11032" i="1"/>
  <c r="A11036" i="1"/>
  <c r="A11035" i="1"/>
  <c r="A11048" i="1"/>
  <c r="A11038" i="1"/>
  <c r="A11042" i="1"/>
  <c r="A11041" i="1"/>
  <c r="A11047" i="1"/>
  <c r="A11052" i="1"/>
  <c r="A11053" i="1"/>
  <c r="A11065" i="1"/>
  <c r="A11064" i="1"/>
  <c r="A11055" i="1"/>
  <c r="A11067" i="1"/>
  <c r="A11060" i="1"/>
  <c r="A11072" i="1"/>
  <c r="A11073" i="1"/>
  <c r="A11068" i="1"/>
  <c r="A11069" i="1"/>
  <c r="A11079" i="1"/>
  <c r="A11074" i="1"/>
  <c r="A11085" i="1"/>
  <c r="A11078" i="1"/>
  <c r="A11081" i="1"/>
  <c r="A11075" i="1"/>
  <c r="A11090" i="1"/>
  <c r="A11088" i="1"/>
  <c r="A11087" i="1"/>
  <c r="A11092" i="1"/>
  <c r="A11098" i="1"/>
  <c r="A11093" i="1"/>
  <c r="A11100" i="1"/>
  <c r="A11099" i="1"/>
  <c r="A11101" i="1"/>
  <c r="A11104" i="1"/>
  <c r="A11103" i="1"/>
  <c r="A11108" i="1"/>
  <c r="A11105" i="1"/>
  <c r="A11109" i="1"/>
  <c r="A11106" i="1"/>
  <c r="A11110" i="1"/>
  <c r="A11115" i="1"/>
  <c r="A11113" i="1"/>
  <c r="A11116" i="1"/>
  <c r="A11121" i="1"/>
  <c r="A11117" i="1"/>
  <c r="A11118" i="1"/>
  <c r="A11119" i="1"/>
  <c r="A11120" i="1"/>
  <c r="A11131" i="1"/>
  <c r="A11136" i="1"/>
  <c r="A11139" i="1"/>
  <c r="A11132" i="1"/>
  <c r="A11123" i="1"/>
  <c r="A11134" i="1"/>
  <c r="A11135" i="1"/>
  <c r="A11137" i="1"/>
  <c r="A11142" i="1"/>
  <c r="A11141" i="1"/>
  <c r="A11149" i="1"/>
  <c r="A11147" i="1"/>
  <c r="A11151" i="1"/>
  <c r="A11143" i="1"/>
  <c r="A11148" i="1"/>
  <c r="A11150" i="1"/>
  <c r="A11146" i="1"/>
  <c r="A11152" i="1"/>
  <c r="A11153" i="1"/>
  <c r="A11156" i="1"/>
  <c r="A11166" i="1"/>
  <c r="A11163" i="1"/>
  <c r="A11164" i="1"/>
  <c r="A11176" i="1"/>
  <c r="A11175" i="1"/>
  <c r="A11167" i="1"/>
  <c r="A11168" i="1"/>
  <c r="A11174" i="1"/>
  <c r="A11179" i="1"/>
  <c r="A11191" i="1"/>
  <c r="A11197" i="1"/>
  <c r="A11188" i="1"/>
  <c r="A11182" i="1"/>
  <c r="A11192" i="1"/>
  <c r="A11180" i="1"/>
  <c r="A11196" i="1"/>
  <c r="A11204" i="1"/>
  <c r="A11199" i="1"/>
  <c r="A11203" i="1"/>
  <c r="A11200" i="1"/>
  <c r="A11198" i="1"/>
  <c r="A11209" i="1"/>
  <c r="A11210" i="1"/>
  <c r="A11212" i="1"/>
  <c r="A11211" i="1"/>
  <c r="A11217" i="1"/>
  <c r="A11216" i="1"/>
  <c r="A11233" i="1"/>
  <c r="A11219" i="1"/>
  <c r="A11218" i="1"/>
  <c r="A11221" i="1"/>
  <c r="A11236" i="1"/>
  <c r="A11230" i="1"/>
  <c r="A11231" i="1"/>
  <c r="A11228" i="1"/>
  <c r="A11237" i="1"/>
  <c r="A11240" i="1"/>
  <c r="A11243" i="1"/>
  <c r="A11244" i="1"/>
  <c r="A11242" i="1"/>
  <c r="A11241" i="1"/>
  <c r="A11250" i="1"/>
  <c r="A11255" i="1"/>
  <c r="A11245" i="1"/>
  <c r="A11249" i="1"/>
  <c r="A11265" i="1"/>
  <c r="A11264" i="1"/>
  <c r="A11256" i="1"/>
  <c r="A11269" i="1"/>
  <c r="A11268" i="1"/>
  <c r="A11261" i="1"/>
  <c r="A11266" i="1"/>
  <c r="A11267" i="1"/>
  <c r="A11270" i="1"/>
  <c r="A11271" i="1"/>
  <c r="A11274" i="1"/>
  <c r="A11275" i="1"/>
  <c r="A11277" i="1"/>
  <c r="A11278" i="1"/>
  <c r="A11280" i="1"/>
  <c r="A11281" i="1"/>
  <c r="A11279" i="1"/>
  <c r="A11282" i="1"/>
  <c r="A11283" i="1"/>
  <c r="A11284" i="1"/>
  <c r="A11287" i="1"/>
  <c r="A11288" i="1"/>
  <c r="A11291" i="1"/>
  <c r="A11286" i="1"/>
  <c r="A11292" i="1"/>
  <c r="A11296" i="1"/>
  <c r="A11297" i="1"/>
  <c r="A11295" i="1"/>
  <c r="A11294" i="1"/>
  <c r="A11302" i="1"/>
  <c r="A11306" i="1"/>
  <c r="A11304" i="1"/>
  <c r="A11305" i="1"/>
  <c r="A11307" i="1"/>
  <c r="A11310" i="1"/>
  <c r="A11319" i="1"/>
  <c r="A11322" i="1"/>
  <c r="A11312" i="1"/>
  <c r="A11311" i="1"/>
  <c r="A11316" i="1"/>
  <c r="A11315" i="1"/>
  <c r="A11318" i="1"/>
  <c r="A11321" i="1"/>
  <c r="A11320" i="1"/>
  <c r="A11323" i="1"/>
  <c r="A11330" i="1"/>
  <c r="A11326" i="1"/>
  <c r="A11332" i="1"/>
  <c r="A11325" i="1"/>
  <c r="A11331" i="1"/>
  <c r="A11333" i="1"/>
  <c r="A11335" i="1"/>
  <c r="A11339" i="1"/>
  <c r="A11341" i="1"/>
  <c r="A11340" i="1"/>
  <c r="A11343" i="1"/>
  <c r="A11342" i="1"/>
  <c r="A11345" i="1"/>
  <c r="A11350" i="1"/>
  <c r="A11353" i="1"/>
  <c r="A11347" i="1"/>
  <c r="A11346" i="1"/>
  <c r="A11351" i="1"/>
  <c r="A11352" i="1"/>
  <c r="A11354" i="1"/>
  <c r="A11355" i="1"/>
  <c r="A11359" i="1"/>
  <c r="A11358" i="1"/>
  <c r="A11360" i="1"/>
  <c r="A11357" i="1"/>
  <c r="A11362" i="1"/>
  <c r="A11366" i="1"/>
  <c r="A11365" i="1"/>
  <c r="A11363" i="1"/>
  <c r="A11369" i="1"/>
  <c r="A11373" i="1"/>
  <c r="A11372" i="1"/>
  <c r="A11374" i="1"/>
  <c r="A7393" i="1"/>
  <c r="A7397" i="1"/>
  <c r="A7394" i="1"/>
  <c r="A7396" i="1"/>
  <c r="A7395" i="1"/>
  <c r="A7399" i="1"/>
  <c r="A7402" i="1"/>
  <c r="A7398" i="1"/>
  <c r="A7407" i="1"/>
  <c r="A7403" i="1"/>
  <c r="A7409" i="1"/>
  <c r="A7413" i="1"/>
  <c r="A7410" i="1"/>
  <c r="A7408" i="1"/>
  <c r="A7416" i="1"/>
  <c r="A7415" i="1"/>
  <c r="A7418" i="1"/>
  <c r="A7417" i="1"/>
  <c r="A7426" i="1"/>
  <c r="A7422" i="1"/>
  <c r="A7431" i="1"/>
  <c r="A7433" i="1"/>
  <c r="A7432" i="1"/>
  <c r="A7423" i="1"/>
  <c r="A7421" i="1"/>
  <c r="A7425" i="1"/>
  <c r="A7438" i="1"/>
  <c r="A7440" i="1"/>
  <c r="A7436" i="1"/>
  <c r="A7437" i="1"/>
  <c r="A7447" i="1"/>
  <c r="A7443" i="1"/>
  <c r="A7451" i="1"/>
  <c r="A7452" i="1"/>
  <c r="A7444" i="1"/>
  <c r="A7455" i="1"/>
  <c r="A7460" i="1"/>
  <c r="A7459" i="1"/>
  <c r="A7461" i="1"/>
  <c r="A7476" i="1"/>
  <c r="A7468" i="1"/>
  <c r="A7469" i="1"/>
  <c r="A7478" i="1"/>
  <c r="A7480" i="1"/>
  <c r="A7477" i="1"/>
  <c r="A7462" i="1"/>
  <c r="A7463" i="1"/>
  <c r="A7481" i="1"/>
  <c r="A7482" i="1"/>
  <c r="A7491" i="1"/>
  <c r="A7486" i="1"/>
  <c r="A7483" i="1"/>
  <c r="A7490" i="1"/>
  <c r="A7489" i="1"/>
  <c r="A7507" i="1"/>
  <c r="A7499" i="1"/>
  <c r="A7496" i="1"/>
  <c r="A7493" i="1"/>
  <c r="A7506" i="1"/>
  <c r="A7492" i="1"/>
  <c r="A7509" i="1"/>
  <c r="A7510" i="1"/>
  <c r="A7511" i="1"/>
  <c r="A7508" i="1"/>
  <c r="A7516" i="1"/>
  <c r="A7514" i="1"/>
  <c r="A7518" i="1"/>
  <c r="A7525" i="1"/>
  <c r="A7520" i="1"/>
  <c r="A7527" i="1"/>
  <c r="A7524" i="1"/>
  <c r="A7519" i="1"/>
  <c r="A7517" i="1"/>
  <c r="A7534" i="1"/>
  <c r="A7529" i="1"/>
  <c r="A7528" i="1"/>
  <c r="A7533" i="1"/>
  <c r="A7535" i="1"/>
  <c r="A7538" i="1"/>
  <c r="A7541" i="1"/>
  <c r="A7542" i="1"/>
  <c r="A7543" i="1"/>
  <c r="A7551" i="1"/>
  <c r="A7550" i="1"/>
  <c r="A7549" i="1"/>
  <c r="A7554" i="1"/>
  <c r="A7545" i="1"/>
  <c r="A7544" i="1"/>
  <c r="A7546" i="1"/>
  <c r="A7556" i="1"/>
  <c r="A7555" i="1"/>
  <c r="A7564" i="1"/>
  <c r="A7565" i="1"/>
  <c r="A7559" i="1"/>
  <c r="A7570" i="1"/>
  <c r="A7561" i="1"/>
  <c r="A7560" i="1"/>
  <c r="A7566" i="1"/>
  <c r="A7572" i="1"/>
  <c r="A7571" i="1"/>
  <c r="A7575" i="1"/>
  <c r="A7574" i="1"/>
  <c r="A7577" i="1"/>
  <c r="A7576" i="1"/>
  <c r="A7581" i="1"/>
  <c r="A7579" i="1"/>
  <c r="A7580" i="1"/>
  <c r="A7578" i="1"/>
  <c r="A7588" i="1"/>
  <c r="A7587" i="1"/>
  <c r="A7582" i="1"/>
  <c r="A7583" i="1"/>
  <c r="A7586" i="1"/>
  <c r="A7590" i="1"/>
  <c r="A7589" i="1"/>
  <c r="A7594" i="1"/>
  <c r="A7592" i="1"/>
  <c r="A7600" i="1"/>
  <c r="A7599" i="1"/>
  <c r="A7593" i="1"/>
  <c r="A7610" i="1"/>
  <c r="A7601" i="1"/>
  <c r="A7602" i="1"/>
  <c r="A7606" i="1"/>
  <c r="A7605" i="1"/>
  <c r="A7613" i="1"/>
  <c r="A7617" i="1"/>
  <c r="A7616" i="1"/>
  <c r="A7612" i="1"/>
  <c r="A7611" i="1"/>
  <c r="A7627" i="1"/>
  <c r="A7621" i="1"/>
  <c r="A7622" i="1"/>
  <c r="A7623" i="1"/>
  <c r="A7626" i="1"/>
  <c r="A7625" i="1"/>
  <c r="A7635" i="1"/>
  <c r="A7633" i="1"/>
  <c r="A7630" i="1"/>
  <c r="A7634" i="1"/>
  <c r="A7629" i="1"/>
  <c r="A7628" i="1"/>
  <c r="A7640" i="1"/>
  <c r="A7644" i="1"/>
  <c r="A7636" i="1"/>
  <c r="A7645" i="1"/>
  <c r="A7646" i="1"/>
  <c r="A7641" i="1"/>
  <c r="A7637" i="1"/>
  <c r="A7652" i="1"/>
  <c r="A7648" i="1"/>
  <c r="A7654" i="1"/>
  <c r="A7653" i="1"/>
  <c r="A7647" i="1"/>
  <c r="A7650" i="1"/>
  <c r="A7659" i="1"/>
  <c r="A7656" i="1"/>
  <c r="A7662" i="1"/>
  <c r="A7655" i="1"/>
  <c r="A7665" i="1"/>
  <c r="A7676" i="1"/>
  <c r="A7680" i="1"/>
  <c r="A7677" i="1"/>
  <c r="A7678" i="1"/>
  <c r="A7679" i="1"/>
  <c r="A7675" i="1"/>
  <c r="A7687" i="1"/>
  <c r="A7685" i="1"/>
  <c r="A7688" i="1"/>
  <c r="A7689" i="1"/>
  <c r="A7686" i="1"/>
  <c r="A7692" i="1"/>
  <c r="A7693" i="1"/>
  <c r="A7695" i="1"/>
  <c r="A7694" i="1"/>
  <c r="A7703" i="1"/>
  <c r="A7697" i="1"/>
  <c r="A7702" i="1"/>
  <c r="A7701" i="1"/>
  <c r="A7698" i="1"/>
  <c r="A7699" i="1"/>
  <c r="A7696" i="1"/>
  <c r="A7700" i="1"/>
  <c r="A7705" i="1"/>
  <c r="A7709" i="1"/>
  <c r="A7707" i="1"/>
  <c r="A7710" i="1"/>
  <c r="A7704" i="1"/>
  <c r="A7711" i="1"/>
  <c r="A7712" i="1"/>
  <c r="A7708" i="1"/>
  <c r="A7713" i="1"/>
  <c r="A7718" i="1"/>
  <c r="A7717" i="1"/>
  <c r="A7714" i="1"/>
  <c r="A7721" i="1"/>
  <c r="A7719" i="1"/>
  <c r="A7723" i="1"/>
  <c r="A7724" i="1"/>
  <c r="A7722" i="1"/>
  <c r="A7720" i="1"/>
  <c r="A7726" i="1"/>
  <c r="A7725" i="1"/>
  <c r="A7735" i="1"/>
  <c r="A7736" i="1"/>
  <c r="A7737" i="1"/>
  <c r="A7731" i="1"/>
  <c r="A7733" i="1"/>
  <c r="A7732" i="1"/>
  <c r="A7730" i="1"/>
  <c r="A7739" i="1"/>
  <c r="A7738" i="1"/>
  <c r="A7740" i="1"/>
  <c r="A7744" i="1"/>
  <c r="A7743" i="1"/>
  <c r="A7750" i="1"/>
  <c r="A7749" i="1"/>
  <c r="A7751" i="1"/>
  <c r="A7754" i="1"/>
  <c r="A7752" i="1"/>
  <c r="A7756" i="1"/>
  <c r="A7755" i="1"/>
  <c r="A7762" i="1"/>
  <c r="A7763" i="1"/>
  <c r="A7778" i="1"/>
  <c r="A7774" i="1"/>
  <c r="A7775" i="1"/>
  <c r="A7764" i="1"/>
  <c r="A7766" i="1"/>
  <c r="A7768" i="1"/>
  <c r="A7780" i="1"/>
  <c r="A7779" i="1"/>
  <c r="A7767" i="1"/>
  <c r="A7784" i="1"/>
  <c r="A7782" i="1"/>
  <c r="A7783" i="1"/>
  <c r="A7790" i="1"/>
  <c r="A7787" i="1"/>
  <c r="A7785" i="1"/>
  <c r="A7793" i="1"/>
  <c r="A7789" i="1"/>
  <c r="A7792" i="1"/>
  <c r="A7794" i="1"/>
  <c r="A7812" i="1"/>
  <c r="A7811" i="1"/>
  <c r="A7807" i="1"/>
  <c r="A7795" i="1"/>
  <c r="A7803" i="1"/>
  <c r="A7814" i="1"/>
  <c r="A7819" i="1"/>
  <c r="A7821" i="1"/>
  <c r="A7822" i="1"/>
  <c r="A7829" i="1"/>
  <c r="A7825" i="1"/>
  <c r="A7824" i="1"/>
  <c r="A7823" i="1"/>
  <c r="A7828" i="1"/>
  <c r="A7826" i="1"/>
  <c r="A7830" i="1"/>
  <c r="A7833" i="1"/>
  <c r="A7832" i="1"/>
  <c r="A7834" i="1"/>
  <c r="A7831" i="1"/>
  <c r="A7837" i="1"/>
  <c r="A7835" i="1"/>
  <c r="A7840" i="1"/>
  <c r="A7841" i="1"/>
  <c r="A7844" i="1"/>
  <c r="A7851" i="1"/>
  <c r="A7853" i="1"/>
  <c r="A7852" i="1"/>
  <c r="A7846" i="1"/>
  <c r="A7845" i="1"/>
  <c r="A7864" i="1"/>
  <c r="A7858" i="1"/>
  <c r="A7857" i="1"/>
  <c r="A7862" i="1"/>
  <c r="A7863" i="1"/>
  <c r="A7856" i="1"/>
  <c r="A7865" i="1"/>
  <c r="A7869" i="1"/>
  <c r="A7867" i="1"/>
  <c r="A7870" i="1"/>
  <c r="A7871" i="1"/>
  <c r="A7866" i="1"/>
  <c r="A7876" i="1"/>
  <c r="A7875" i="1"/>
  <c r="A7877" i="1"/>
  <c r="A7872" i="1"/>
  <c r="A7878" i="1"/>
  <c r="A7881" i="1"/>
  <c r="A7880" i="1"/>
  <c r="A7883" i="1"/>
  <c r="A7885" i="1"/>
  <c r="A7890" i="1"/>
  <c r="A7889" i="1"/>
  <c r="A7888" i="1"/>
  <c r="A7884" i="1"/>
  <c r="A7891" i="1"/>
  <c r="A7894" i="1"/>
  <c r="A7893" i="1"/>
  <c r="A7892" i="1"/>
  <c r="A7901" i="1"/>
  <c r="A7900" i="1"/>
  <c r="A7902" i="1"/>
  <c r="A7912" i="1"/>
  <c r="A7907" i="1"/>
  <c r="A7905" i="1"/>
  <c r="A7906" i="1"/>
  <c r="A7904" i="1"/>
  <c r="A7913" i="1"/>
  <c r="A7924" i="1"/>
  <c r="A7915" i="1"/>
  <c r="A7922" i="1"/>
  <c r="A7923" i="1"/>
  <c r="A7921" i="1"/>
  <c r="A7914" i="1"/>
  <c r="A7927" i="1"/>
  <c r="A7932" i="1"/>
  <c r="A7930" i="1"/>
  <c r="A7933" i="1"/>
  <c r="A7928" i="1"/>
  <c r="A7938" i="1"/>
  <c r="A7934" i="1"/>
  <c r="A7937" i="1"/>
  <c r="A7941" i="1"/>
  <c r="A7939" i="1"/>
  <c r="A7945" i="1"/>
  <c r="A7940" i="1"/>
  <c r="A7946" i="1"/>
  <c r="A7948" i="1"/>
  <c r="A7947" i="1"/>
  <c r="A7954" i="1"/>
  <c r="A7952" i="1"/>
  <c r="A7949" i="1"/>
  <c r="A7956" i="1"/>
  <c r="A7953" i="1"/>
  <c r="A7957" i="1"/>
  <c r="A7958" i="1"/>
  <c r="A7959" i="1"/>
  <c r="A7968" i="1"/>
  <c r="A7962" i="1"/>
  <c r="A7961" i="1"/>
  <c r="A7976" i="1"/>
  <c r="A7969" i="1"/>
  <c r="A7970" i="1"/>
  <c r="A7974" i="1"/>
  <c r="A7978" i="1"/>
  <c r="A7975" i="1"/>
  <c r="A7972" i="1"/>
  <c r="A7979" i="1"/>
  <c r="A7981" i="1"/>
  <c r="A7980" i="1"/>
  <c r="A7985" i="1"/>
  <c r="A7986" i="1"/>
  <c r="A7983" i="1"/>
  <c r="A7993" i="1"/>
  <c r="A7988" i="1"/>
  <c r="A7996" i="1"/>
  <c r="A7994" i="1"/>
  <c r="A8000" i="1"/>
  <c r="A7997" i="1"/>
  <c r="A8002" i="1"/>
  <c r="A8001" i="1"/>
  <c r="A8004" i="1"/>
  <c r="A8006" i="1"/>
  <c r="A8013" i="1"/>
  <c r="A8012" i="1"/>
  <c r="A8005" i="1"/>
  <c r="A8014" i="1"/>
  <c r="A8015" i="1"/>
  <c r="A8017" i="1"/>
  <c r="A8018" i="1"/>
  <c r="A8025" i="1"/>
  <c r="A8019" i="1"/>
  <c r="A8020" i="1"/>
  <c r="A8024" i="1"/>
  <c r="A8026" i="1"/>
  <c r="A8034" i="1"/>
  <c r="A8035" i="1"/>
  <c r="A8038" i="1"/>
  <c r="A8037" i="1"/>
  <c r="A8036" i="1"/>
  <c r="A8045" i="1"/>
  <c r="A8044" i="1"/>
  <c r="A8042" i="1"/>
  <c r="A8041" i="1"/>
  <c r="A8043" i="1"/>
  <c r="A8048" i="1"/>
  <c r="A8050" i="1"/>
  <c r="A8047" i="1"/>
  <c r="A8055" i="1"/>
  <c r="A8054" i="1"/>
  <c r="A8053" i="1"/>
  <c r="A8051" i="1"/>
  <c r="A8058" i="1"/>
  <c r="A8060" i="1"/>
  <c r="A8063" i="1"/>
  <c r="A8061" i="1"/>
  <c r="A8056" i="1"/>
  <c r="A8062" i="1"/>
  <c r="A8065" i="1"/>
  <c r="A8071" i="1"/>
  <c r="A8077" i="1"/>
  <c r="A8064" i="1"/>
  <c r="A8070" i="1"/>
  <c r="A8092" i="1"/>
  <c r="A8086" i="1"/>
  <c r="A8084" i="1"/>
  <c r="A8085" i="1"/>
  <c r="A8078" i="1"/>
  <c r="A8088" i="1"/>
  <c r="A8087" i="1"/>
  <c r="A8094" i="1"/>
  <c r="A8102" i="1"/>
  <c r="A8104" i="1"/>
  <c r="A8097" i="1"/>
  <c r="A8096" i="1"/>
  <c r="A8095" i="1"/>
  <c r="A8103" i="1"/>
  <c r="A8107" i="1"/>
  <c r="A8115" i="1"/>
  <c r="A8108" i="1"/>
  <c r="A8114" i="1"/>
  <c r="A8106" i="1"/>
  <c r="A8121" i="1"/>
  <c r="A8123" i="1"/>
  <c r="A8122" i="1"/>
  <c r="A8116" i="1"/>
  <c r="A8117" i="1"/>
  <c r="A8118" i="1"/>
  <c r="A8130" i="1"/>
  <c r="A8124" i="1"/>
  <c r="A8131" i="1"/>
  <c r="A8136" i="1"/>
  <c r="A8135" i="1"/>
  <c r="A8138" i="1"/>
  <c r="A8142" i="1"/>
  <c r="A8139" i="1"/>
  <c r="A8153" i="1"/>
  <c r="A8140" i="1"/>
  <c r="A8157" i="1"/>
  <c r="A8160" i="1"/>
  <c r="A8141" i="1"/>
  <c r="A8152" i="1"/>
  <c r="A8148" i="1"/>
  <c r="A8149" i="1"/>
  <c r="A8161" i="1"/>
  <c r="A8147" i="1"/>
  <c r="A8164" i="1"/>
  <c r="A8167" i="1"/>
  <c r="A8162" i="1"/>
  <c r="A8166" i="1"/>
  <c r="A8165" i="1"/>
  <c r="A8171" i="1"/>
  <c r="A8178" i="1"/>
  <c r="A8174" i="1"/>
  <c r="A8172" i="1"/>
  <c r="A8173" i="1"/>
  <c r="A8177" i="1"/>
  <c r="A8189" i="1"/>
  <c r="A8186" i="1"/>
  <c r="A8187" i="1"/>
  <c r="A8181" i="1"/>
  <c r="A8185" i="1"/>
  <c r="A8182" i="1"/>
  <c r="A8193" i="1"/>
  <c r="A8192" i="1"/>
  <c r="A8191" i="1"/>
  <c r="A8190" i="1"/>
  <c r="A8195" i="1"/>
  <c r="A8200" i="1"/>
  <c r="A8197" i="1"/>
  <c r="A8196" i="1"/>
  <c r="A8201" i="1"/>
  <c r="A8198" i="1"/>
  <c r="A8199" i="1"/>
  <c r="A8207" i="1"/>
  <c r="A8208" i="1"/>
  <c r="A8205" i="1"/>
  <c r="A8206" i="1"/>
  <c r="A8214" i="1"/>
  <c r="A8212" i="1"/>
  <c r="A8217" i="1"/>
  <c r="A8218" i="1"/>
  <c r="A8215" i="1"/>
  <c r="A8216" i="1"/>
  <c r="A8222" i="1"/>
  <c r="A8223" i="1"/>
  <c r="A8221" i="1"/>
  <c r="A8219" i="1"/>
  <c r="A8224" i="1"/>
  <c r="A8232" i="1"/>
  <c r="A8220" i="1"/>
  <c r="A8229" i="1"/>
  <c r="A8246" i="1"/>
  <c r="A8233" i="1"/>
  <c r="A8241" i="1"/>
  <c r="A8242" i="1"/>
  <c r="A8247" i="1"/>
  <c r="A8243" i="1"/>
  <c r="A8255" i="1"/>
  <c r="A8249" i="1"/>
  <c r="A8254" i="1"/>
  <c r="A8253" i="1"/>
  <c r="A8248" i="1"/>
  <c r="A8261" i="1"/>
  <c r="A8262" i="1"/>
  <c r="A8264" i="1"/>
  <c r="A8256" i="1"/>
  <c r="A8263" i="1"/>
  <c r="A8265" i="1"/>
  <c r="A8267" i="1"/>
  <c r="A8272" i="1"/>
  <c r="A8268" i="1"/>
  <c r="A8266" i="1"/>
  <c r="A8278" i="1"/>
  <c r="A8283" i="1"/>
  <c r="A8282" i="1"/>
  <c r="A8277" i="1"/>
  <c r="A8276" i="1"/>
  <c r="A8274" i="1"/>
  <c r="A8273" i="1"/>
  <c r="A8284" i="1"/>
  <c r="A8288" i="1"/>
  <c r="A8285" i="1"/>
  <c r="A8291" i="1"/>
  <c r="A8289" i="1"/>
  <c r="A8293" i="1"/>
  <c r="A8292" i="1"/>
  <c r="A8295" i="1"/>
  <c r="A8296" i="1"/>
  <c r="A8297" i="1"/>
  <c r="A8298" i="1"/>
  <c r="A8303" i="1"/>
  <c r="A8302" i="1"/>
  <c r="A8306" i="1"/>
  <c r="A8307" i="1"/>
  <c r="A8308" i="1"/>
  <c r="A8316" i="1"/>
  <c r="A8319" i="1"/>
  <c r="A8309" i="1"/>
  <c r="A8320" i="1"/>
  <c r="A8323" i="1"/>
  <c r="A8321" i="1"/>
  <c r="A8324" i="1"/>
  <c r="A8322" i="1"/>
  <c r="A8328" i="1"/>
  <c r="A8327" i="1"/>
  <c r="A8326" i="1"/>
  <c r="A8329" i="1"/>
  <c r="A8330" i="1"/>
  <c r="A8332" i="1"/>
  <c r="A8331" i="1"/>
  <c r="A8336" i="1"/>
  <c r="A8340" i="1"/>
  <c r="A8339" i="1"/>
  <c r="A8334" i="1"/>
  <c r="A8335" i="1"/>
  <c r="A8333" i="1"/>
  <c r="A8342" i="1"/>
  <c r="A8350" i="1"/>
  <c r="A8354" i="1"/>
  <c r="A8349" i="1"/>
  <c r="A8346" i="1"/>
  <c r="A8341" i="1"/>
  <c r="A8347" i="1"/>
  <c r="A8355" i="1"/>
  <c r="A8356" i="1"/>
  <c r="A8360" i="1"/>
  <c r="A8362" i="1"/>
  <c r="A8364" i="1"/>
  <c r="A8361" i="1"/>
  <c r="A8368" i="1"/>
  <c r="A8365" i="1"/>
  <c r="A8367" i="1"/>
  <c r="A8369" i="1"/>
  <c r="A8374" i="1"/>
  <c r="A8382" i="1"/>
  <c r="A8383" i="1"/>
  <c r="A8378" i="1"/>
  <c r="A8377" i="1"/>
  <c r="A8386" i="1"/>
  <c r="A8388" i="1"/>
  <c r="A8385" i="1"/>
  <c r="A8387" i="1"/>
  <c r="A8392" i="1"/>
  <c r="A8393" i="1"/>
  <c r="A8390" i="1"/>
  <c r="A8394" i="1"/>
  <c r="A8404" i="1"/>
  <c r="A8400" i="1"/>
  <c r="A8401" i="1"/>
  <c r="A8406" i="1"/>
  <c r="A8399" i="1"/>
  <c r="A8407" i="1"/>
  <c r="A8405" i="1"/>
  <c r="A8396" i="1"/>
  <c r="A8409" i="1"/>
  <c r="A8408" i="1"/>
  <c r="A8415" i="1"/>
  <c r="A8417" i="1"/>
  <c r="A8416" i="1"/>
  <c r="A8418" i="1"/>
  <c r="A8424" i="1"/>
  <c r="A8419" i="1"/>
  <c r="A8422" i="1"/>
  <c r="A8423" i="1"/>
  <c r="A8427" i="1"/>
  <c r="A8425" i="1"/>
  <c r="A8426" i="1"/>
  <c r="A8428" i="1"/>
  <c r="A8431" i="1"/>
  <c r="A8434" i="1"/>
  <c r="A8432" i="1"/>
  <c r="A8441" i="1"/>
  <c r="A8436" i="1"/>
  <c r="A8439" i="1"/>
  <c r="A8440" i="1"/>
  <c r="A8444" i="1"/>
  <c r="A8446" i="1"/>
  <c r="A8450" i="1"/>
  <c r="A8449" i="1"/>
  <c r="A8447" i="1"/>
  <c r="A8445" i="1"/>
  <c r="A8461" i="1"/>
  <c r="A8452" i="1"/>
  <c r="A8459" i="1"/>
  <c r="A8453" i="1"/>
  <c r="A8456" i="1"/>
  <c r="A8460" i="1"/>
  <c r="A8454" i="1"/>
  <c r="A8455" i="1"/>
  <c r="A8467" i="1"/>
  <c r="A8470" i="1"/>
  <c r="A8472" i="1"/>
  <c r="A8465" i="1"/>
  <c r="A8464" i="1"/>
  <c r="A8468" i="1"/>
  <c r="A8469" i="1"/>
  <c r="A8463" i="1"/>
  <c r="A8471" i="1"/>
  <c r="A8475" i="1"/>
  <c r="A8477" i="1"/>
  <c r="A8473" i="1"/>
  <c r="A8482" i="1"/>
  <c r="A8484" i="1"/>
  <c r="A8485" i="1"/>
  <c r="A8486" i="1"/>
  <c r="A8483" i="1"/>
  <c r="A8478" i="1"/>
  <c r="A8489" i="1"/>
  <c r="A8492" i="1"/>
  <c r="A8490" i="1"/>
  <c r="A8495" i="1"/>
  <c r="A8491" i="1"/>
  <c r="A8493" i="1"/>
  <c r="A8498" i="1"/>
  <c r="A8501" i="1"/>
  <c r="A8499" i="1"/>
  <c r="A8500" i="1"/>
  <c r="A8502" i="1"/>
  <c r="A8505" i="1"/>
  <c r="A8506" i="1"/>
  <c r="A8516" i="1"/>
  <c r="A8511" i="1"/>
  <c r="A8517" i="1"/>
  <c r="A8507" i="1"/>
  <c r="A8515" i="1"/>
  <c r="A8519" i="1"/>
  <c r="A8512" i="1"/>
  <c r="A8510" i="1"/>
  <c r="A8529" i="1"/>
  <c r="A8522" i="1"/>
  <c r="A8526" i="1"/>
  <c r="A8527" i="1"/>
  <c r="A8520" i="1"/>
  <c r="A8528" i="1"/>
  <c r="A8521" i="1"/>
  <c r="A8530" i="1"/>
  <c r="A8535" i="1"/>
  <c r="A8538" i="1"/>
  <c r="A8536" i="1"/>
  <c r="A8537" i="1"/>
  <c r="A8539" i="1"/>
  <c r="A8542" i="1"/>
  <c r="A8543" i="1"/>
  <c r="A8540" i="1"/>
  <c r="A8541" i="1"/>
  <c r="A8553" i="1"/>
  <c r="A8544" i="1"/>
  <c r="A8550" i="1"/>
  <c r="A8548" i="1"/>
  <c r="A8552" i="1"/>
  <c r="A8549" i="1"/>
  <c r="A8551" i="1"/>
  <c r="A8556" i="1"/>
  <c r="A8559" i="1"/>
  <c r="A8558" i="1"/>
  <c r="A8557" i="1"/>
  <c r="A8560" i="1"/>
  <c r="A8564" i="1"/>
  <c r="A8561" i="1"/>
  <c r="A8567" i="1"/>
  <c r="A8566" i="1"/>
  <c r="A8565" i="1"/>
  <c r="A8573" i="1"/>
  <c r="A8569" i="1"/>
  <c r="A8572" i="1"/>
  <c r="A8568" i="1"/>
  <c r="A8576" i="1"/>
  <c r="A8577" i="1"/>
  <c r="A8574" i="1"/>
  <c r="A8581" i="1"/>
  <c r="A8584" i="1"/>
  <c r="A8593" i="1"/>
  <c r="A8590" i="1"/>
  <c r="A8597" i="1"/>
  <c r="A8598" i="1"/>
  <c r="A8589" i="1"/>
  <c r="A8592" i="1"/>
  <c r="A8591" i="1"/>
  <c r="A8600" i="1"/>
  <c r="A8601" i="1"/>
  <c r="A8599" i="1"/>
  <c r="A8604" i="1"/>
  <c r="A8603" i="1"/>
  <c r="A8611" i="1"/>
  <c r="A8605" i="1"/>
  <c r="A8606" i="1"/>
  <c r="A8622" i="1"/>
  <c r="A8618" i="1"/>
  <c r="A8620" i="1"/>
  <c r="A8616" i="1"/>
  <c r="A8617" i="1"/>
  <c r="A8612" i="1"/>
  <c r="A8623" i="1"/>
  <c r="A8624" i="1"/>
  <c r="A8625" i="1"/>
  <c r="A8629" i="1"/>
  <c r="A8632" i="1"/>
  <c r="A8633" i="1"/>
  <c r="A8638" i="1"/>
  <c r="A8626" i="1"/>
  <c r="A8630" i="1"/>
  <c r="A8631" i="1"/>
  <c r="A8648" i="1"/>
  <c r="A8647" i="1"/>
  <c r="A8641" i="1"/>
  <c r="A8644" i="1"/>
  <c r="A8640" i="1"/>
  <c r="A8646" i="1"/>
  <c r="A8645" i="1"/>
  <c r="A8639" i="1"/>
  <c r="A8651" i="1"/>
  <c r="A8650" i="1"/>
  <c r="A8655" i="1"/>
  <c r="A8658" i="1"/>
  <c r="A8656" i="1"/>
  <c r="A8649" i="1"/>
  <c r="A8654" i="1"/>
  <c r="A8659" i="1"/>
  <c r="A8660" i="1"/>
  <c r="A8661" i="1"/>
  <c r="A8662" i="1"/>
  <c r="A8664" i="1"/>
  <c r="A8668" i="1"/>
  <c r="A8666" i="1"/>
  <c r="A8667" i="1"/>
  <c r="A8665" i="1"/>
  <c r="A8678" i="1"/>
  <c r="A8673" i="1"/>
  <c r="A8669" i="1"/>
  <c r="A8672" i="1"/>
  <c r="A8671" i="1"/>
  <c r="A8670" i="1"/>
  <c r="A8679" i="1"/>
  <c r="A8685" i="1"/>
  <c r="A8684" i="1"/>
  <c r="A8683" i="1"/>
  <c r="A8690" i="1"/>
  <c r="A8689" i="1"/>
  <c r="A8693" i="1"/>
  <c r="A8695" i="1"/>
  <c r="A8699" i="1"/>
  <c r="A8696" i="1"/>
  <c r="A8700" i="1"/>
  <c r="A8694" i="1"/>
  <c r="A8701" i="1"/>
  <c r="A8707" i="1"/>
  <c r="A8703" i="1"/>
  <c r="A8709" i="1"/>
  <c r="A8708" i="1"/>
  <c r="A8702" i="1"/>
  <c r="A8704" i="1"/>
  <c r="A8706" i="1"/>
  <c r="A8717" i="1"/>
  <c r="A8716" i="1"/>
  <c r="A8712" i="1"/>
  <c r="A8715" i="1"/>
  <c r="A8714" i="1"/>
  <c r="A8713" i="1"/>
  <c r="A8720" i="1"/>
  <c r="A8725" i="1"/>
  <c r="A8726" i="1"/>
  <c r="A8718" i="1"/>
  <c r="A8719" i="1"/>
  <c r="A8727" i="1"/>
  <c r="A8724" i="1"/>
  <c r="A8732" i="1"/>
  <c r="A8741" i="1"/>
  <c r="A8740" i="1"/>
  <c r="A8752" i="1"/>
  <c r="A8739" i="1"/>
  <c r="A8731" i="1"/>
  <c r="A8755" i="1"/>
  <c r="A8746" i="1"/>
  <c r="A8758" i="1"/>
  <c r="A8756" i="1"/>
  <c r="A8764" i="1"/>
  <c r="A8762" i="1"/>
  <c r="A8757" i="1"/>
  <c r="A8771" i="1"/>
  <c r="A8768" i="1"/>
  <c r="A8766" i="1"/>
  <c r="A8767" i="1"/>
  <c r="A8765" i="1"/>
  <c r="A8772" i="1"/>
  <c r="A8776" i="1"/>
  <c r="A8775" i="1"/>
  <c r="A8778" i="1"/>
  <c r="A8777" i="1"/>
  <c r="A8784" i="1"/>
  <c r="A8779" i="1"/>
  <c r="A8780" i="1"/>
  <c r="A8789" i="1"/>
  <c r="A8790" i="1"/>
  <c r="A8786" i="1"/>
  <c r="A8785" i="1"/>
  <c r="A8794" i="1"/>
  <c r="A8791" i="1"/>
  <c r="A8795" i="1"/>
  <c r="A8796" i="1"/>
  <c r="A8803" i="1"/>
  <c r="A8800" i="1"/>
  <c r="A8799" i="1"/>
  <c r="A8807" i="1"/>
  <c r="A8809" i="1"/>
  <c r="A8808" i="1"/>
  <c r="A8804" i="1"/>
  <c r="A8814" i="1"/>
  <c r="A8805" i="1"/>
  <c r="A8812" i="1"/>
  <c r="A8815" i="1"/>
  <c r="A8816" i="1"/>
  <c r="A8817" i="1"/>
  <c r="A8821" i="1"/>
  <c r="A8822" i="1"/>
  <c r="A8820" i="1"/>
  <c r="A8831" i="1"/>
  <c r="A8829" i="1"/>
  <c r="A8832" i="1"/>
  <c r="A8830" i="1"/>
  <c r="A8828" i="1"/>
  <c r="A8825" i="1"/>
  <c r="A8837" i="1"/>
  <c r="A8835" i="1"/>
  <c r="A8836" i="1"/>
  <c r="A8838" i="1"/>
  <c r="A8834" i="1"/>
  <c r="A8844" i="1"/>
  <c r="A8845" i="1"/>
  <c r="A8847" i="1"/>
  <c r="A8848" i="1"/>
  <c r="A8840" i="1"/>
  <c r="A8841" i="1"/>
  <c r="A8846" i="1"/>
  <c r="A8851" i="1"/>
  <c r="A8850" i="1"/>
  <c r="A8853" i="1"/>
  <c r="A8852" i="1"/>
  <c r="A8849" i="1"/>
  <c r="A8861" i="1"/>
  <c r="A8857" i="1"/>
  <c r="A8862" i="1"/>
  <c r="A8859" i="1"/>
  <c r="A8858" i="1"/>
  <c r="A8866" i="1"/>
  <c r="A8860" i="1"/>
  <c r="A8867" i="1"/>
  <c r="A8875" i="1"/>
  <c r="A8869" i="1"/>
  <c r="A8871" i="1"/>
  <c r="A8876" i="1"/>
  <c r="A8870" i="1"/>
  <c r="A8873" i="1"/>
  <c r="A8872" i="1"/>
  <c r="A8878" i="1"/>
  <c r="A8877" i="1"/>
  <c r="A8879" i="1"/>
  <c r="A8885" i="1"/>
  <c r="A8884" i="1"/>
  <c r="A8883" i="1"/>
  <c r="A8880" i="1"/>
  <c r="A8886" i="1"/>
  <c r="A8895" i="1"/>
  <c r="A8897" i="1"/>
  <c r="A8893" i="1"/>
  <c r="A8892" i="1"/>
  <c r="A8896" i="1"/>
  <c r="A8899" i="1"/>
  <c r="A8902" i="1"/>
  <c r="A8900" i="1"/>
  <c r="A8906" i="1"/>
  <c r="A8907" i="1"/>
  <c r="A8909" i="1"/>
  <c r="A8911" i="1"/>
  <c r="A8908" i="1"/>
  <c r="A8913" i="1"/>
  <c r="A8919" i="1"/>
  <c r="A8916" i="1"/>
  <c r="A8915" i="1"/>
  <c r="A8912" i="1"/>
  <c r="A8924" i="1"/>
  <c r="A8923" i="1"/>
  <c r="A8925" i="1"/>
  <c r="A8926" i="1"/>
  <c r="A8930" i="1"/>
  <c r="A8927" i="1"/>
  <c r="A8929" i="1"/>
  <c r="A8932" i="1"/>
  <c r="A8931" i="1"/>
  <c r="A8941" i="1"/>
  <c r="A8935" i="1"/>
  <c r="A8940" i="1"/>
  <c r="A8939" i="1"/>
  <c r="A8942" i="1"/>
  <c r="A8947" i="1"/>
  <c r="A8948" i="1"/>
  <c r="A8943" i="1"/>
  <c r="A8952" i="1"/>
  <c r="A8951" i="1"/>
  <c r="A8950" i="1"/>
  <c r="A8957" i="1"/>
  <c r="A8956" i="1"/>
  <c r="A8955" i="1"/>
  <c r="A8963" i="1"/>
  <c r="A8958" i="1"/>
  <c r="A8961" i="1"/>
  <c r="A8959" i="1"/>
  <c r="A8964" i="1"/>
  <c r="A8965" i="1"/>
  <c r="A8966" i="1"/>
  <c r="A8977" i="1"/>
  <c r="A8978" i="1"/>
  <c r="A8970" i="1"/>
  <c r="A8971" i="1"/>
  <c r="A8972" i="1"/>
  <c r="A8969" i="1"/>
  <c r="A8981" i="1"/>
  <c r="A8986" i="1"/>
  <c r="A8984" i="1"/>
  <c r="A8982" i="1"/>
  <c r="A8980" i="1"/>
  <c r="A8983" i="1"/>
  <c r="A8992" i="1"/>
  <c r="A8988" i="1"/>
  <c r="A8997" i="1"/>
  <c r="A8987" i="1"/>
  <c r="A8998" i="1"/>
  <c r="A8999" i="1"/>
  <c r="A9000" i="1"/>
  <c r="A9002" i="1"/>
  <c r="A9018" i="1"/>
  <c r="A9008" i="1"/>
  <c r="A9016" i="1"/>
  <c r="A9009" i="1"/>
  <c r="A9017" i="1"/>
  <c r="A9010" i="1"/>
  <c r="A9015" i="1"/>
  <c r="A9007" i="1"/>
  <c r="A9006" i="1"/>
  <c r="A9022" i="1"/>
  <c r="A9025" i="1"/>
  <c r="A9026" i="1"/>
  <c r="A9027" i="1"/>
  <c r="A9037" i="1"/>
  <c r="A9038" i="1"/>
  <c r="A9039" i="1"/>
  <c r="A9036" i="1"/>
  <c r="A9043" i="1"/>
  <c r="A9044" i="1"/>
  <c r="A9041" i="1"/>
  <c r="A9045" i="1"/>
  <c r="A9040" i="1"/>
  <c r="A9052" i="1"/>
  <c r="A9049" i="1"/>
  <c r="A9053" i="1"/>
  <c r="A9050" i="1"/>
  <c r="A9051" i="1"/>
  <c r="A9059" i="1"/>
  <c r="A9056" i="1"/>
  <c r="A9057" i="1"/>
  <c r="A9060" i="1"/>
  <c r="A9061" i="1"/>
  <c r="A9068" i="1"/>
  <c r="A9064" i="1"/>
  <c r="A9067" i="1"/>
  <c r="A9066" i="1"/>
  <c r="A9074" i="1"/>
  <c r="A9073" i="1"/>
  <c r="A9076" i="1"/>
  <c r="A9077" i="1"/>
  <c r="A9084" i="1"/>
  <c r="A9083" i="1"/>
  <c r="A9080" i="1"/>
  <c r="A9082" i="1"/>
  <c r="A9081" i="1"/>
  <c r="A9085" i="1"/>
  <c r="A9092" i="1"/>
  <c r="A9091" i="1"/>
  <c r="A9087" i="1"/>
  <c r="A9090" i="1"/>
  <c r="A9093" i="1"/>
  <c r="A9094" i="1"/>
  <c r="A9095" i="1"/>
  <c r="A9101" i="1"/>
  <c r="A9102" i="1"/>
  <c r="A9112" i="1"/>
  <c r="A9111" i="1"/>
  <c r="A9107" i="1"/>
  <c r="A9108" i="1"/>
  <c r="A9109" i="1"/>
  <c r="A9118" i="1"/>
  <c r="A9119" i="1"/>
  <c r="A9128" i="1"/>
  <c r="A9122" i="1"/>
  <c r="A9127" i="1"/>
  <c r="A9129" i="1"/>
  <c r="A9132" i="1"/>
  <c r="A9136" i="1"/>
  <c r="A9133" i="1"/>
  <c r="A9137" i="1"/>
  <c r="A9134" i="1"/>
  <c r="A9146" i="1"/>
  <c r="A9148" i="1"/>
  <c r="A9152" i="1"/>
  <c r="A9149" i="1"/>
  <c r="A9159" i="1"/>
  <c r="A9161" i="1"/>
  <c r="A9156" i="1"/>
  <c r="A9157" i="1"/>
  <c r="A9153" i="1"/>
  <c r="A9155" i="1"/>
  <c r="A9158" i="1"/>
  <c r="A9164" i="1"/>
  <c r="A9163" i="1"/>
  <c r="A9162" i="1"/>
  <c r="A9165" i="1"/>
  <c r="A9171" i="1"/>
  <c r="A9176" i="1"/>
  <c r="A9172" i="1"/>
  <c r="A9170" i="1"/>
  <c r="A9166" i="1"/>
  <c r="A9167" i="1"/>
  <c r="A9179" i="1"/>
  <c r="A9181" i="1"/>
  <c r="A9182" i="1"/>
  <c r="A9180" i="1"/>
  <c r="A9184" i="1"/>
  <c r="A9185" i="1"/>
  <c r="A9186" i="1"/>
  <c r="A9187" i="1"/>
  <c r="A9191" i="1"/>
  <c r="A9183" i="1"/>
  <c r="A9201" i="1"/>
  <c r="A9196" i="1"/>
  <c r="A9193" i="1"/>
  <c r="A9203" i="1"/>
  <c r="A9197" i="1"/>
  <c r="A9192" i="1"/>
  <c r="A9204" i="1"/>
  <c r="A9205" i="1"/>
  <c r="A9209" i="1"/>
  <c r="A9216" i="1"/>
  <c r="A9217" i="1"/>
  <c r="A9212" i="1"/>
  <c r="A9210" i="1"/>
  <c r="A9218" i="1"/>
  <c r="A9211" i="1"/>
  <c r="A9215" i="1"/>
  <c r="A9226" i="1"/>
  <c r="A9219" i="1"/>
  <c r="A9224" i="1"/>
  <c r="A9223" i="1"/>
  <c r="A9225" i="1"/>
  <c r="A9220" i="1"/>
  <c r="A9232" i="1"/>
  <c r="A9241" i="1"/>
  <c r="A9239" i="1"/>
  <c r="A9230" i="1"/>
  <c r="A9240" i="1"/>
  <c r="A9236" i="1"/>
  <c r="A9229" i="1"/>
  <c r="A9231" i="1"/>
  <c r="A9235" i="1"/>
  <c r="A9243" i="1"/>
  <c r="A9247" i="1"/>
  <c r="A9242" i="1"/>
  <c r="A9249" i="1"/>
  <c r="A9248" i="1"/>
  <c r="A9253" i="1"/>
  <c r="A9252" i="1"/>
  <c r="A9272" i="1"/>
  <c r="A9265" i="1"/>
  <c r="A9266" i="1"/>
  <c r="A9260" i="1"/>
  <c r="A9264" i="1"/>
  <c r="A9258" i="1"/>
  <c r="A9256" i="1"/>
  <c r="A9259" i="1"/>
  <c r="A9283" i="1"/>
  <c r="A9273" i="1"/>
  <c r="A9282" i="1"/>
  <c r="A9281" i="1"/>
  <c r="A9274" i="1"/>
  <c r="A9292" i="1"/>
  <c r="A9287" i="1"/>
  <c r="A9291" i="1"/>
  <c r="A9286" i="1"/>
  <c r="A9299" i="1"/>
  <c r="A9293" i="1"/>
  <c r="A9297" i="1"/>
  <c r="A9298" i="1"/>
  <c r="A5495" i="1"/>
  <c r="A5493" i="1"/>
  <c r="A5496" i="1"/>
  <c r="A5492" i="1"/>
  <c r="A5494" i="1"/>
  <c r="A5500" i="1"/>
  <c r="A5508" i="1"/>
  <c r="A5509" i="1"/>
  <c r="A5503" i="1"/>
  <c r="A5504" i="1"/>
  <c r="A5510" i="1"/>
  <c r="A5511" i="1"/>
  <c r="A5512" i="1"/>
  <c r="A5518" i="1"/>
  <c r="A5513" i="1"/>
  <c r="A5519" i="1"/>
  <c r="A5514" i="1"/>
  <c r="A5517" i="1"/>
  <c r="A5521" i="1"/>
  <c r="A5529" i="1"/>
  <c r="A5528" i="1"/>
  <c r="A5532" i="1"/>
  <c r="A5523" i="1"/>
  <c r="A5520" i="1"/>
  <c r="A5534" i="1"/>
  <c r="A5533" i="1"/>
  <c r="A5537" i="1"/>
  <c r="A5536" i="1"/>
  <c r="A5543" i="1"/>
  <c r="A5539" i="1"/>
  <c r="A5540" i="1"/>
  <c r="A5538" i="1"/>
  <c r="A5541" i="1"/>
  <c r="A5544" i="1"/>
  <c r="A5554" i="1"/>
  <c r="A5550" i="1"/>
  <c r="A5551" i="1"/>
  <c r="A5563" i="1"/>
  <c r="A5561" i="1"/>
  <c r="A5558" i="1"/>
  <c r="A5555" i="1"/>
  <c r="A5562" i="1"/>
  <c r="A5569" i="1"/>
  <c r="A5565" i="1"/>
  <c r="A5570" i="1"/>
  <c r="A5559" i="1"/>
  <c r="A5575" i="1"/>
  <c r="A5571" i="1"/>
  <c r="A5572" i="1"/>
  <c r="A5581" i="1"/>
  <c r="A5585" i="1"/>
  <c r="A5579" i="1"/>
  <c r="A5582" i="1"/>
  <c r="A5578" i="1"/>
  <c r="A5576" i="1"/>
  <c r="A5586" i="1"/>
  <c r="A5590" i="1"/>
  <c r="A5592" i="1"/>
  <c r="A5593" i="1"/>
  <c r="A5597" i="1"/>
  <c r="A5594" i="1"/>
  <c r="A5599" i="1"/>
  <c r="A5596" i="1"/>
  <c r="A5595" i="1"/>
  <c r="A5598" i="1"/>
  <c r="A5612" i="1"/>
  <c r="A5603" i="1"/>
  <c r="A5606" i="1"/>
  <c r="A5601" i="1"/>
  <c r="A5613" i="1"/>
  <c r="A5605" i="1"/>
  <c r="A5604" i="1"/>
  <c r="A5611" i="1"/>
  <c r="A5602" i="1"/>
  <c r="A5608" i="1"/>
  <c r="A5600" i="1"/>
  <c r="A5619" i="1"/>
  <c r="A5618" i="1"/>
  <c r="A5614" i="1"/>
  <c r="A5617" i="1"/>
  <c r="A5624" i="1"/>
  <c r="A5626" i="1"/>
  <c r="A5621" i="1"/>
  <c r="A5627" i="1"/>
  <c r="A5631" i="1"/>
  <c r="A5630" i="1"/>
  <c r="A5635" i="1"/>
  <c r="A5632" i="1"/>
  <c r="A5637" i="1"/>
  <c r="A5636" i="1"/>
  <c r="A5641" i="1"/>
  <c r="A5640" i="1"/>
  <c r="A5638" i="1"/>
  <c r="A5642" i="1"/>
  <c r="A5650" i="1"/>
  <c r="A5646" i="1"/>
  <c r="A5643" i="1"/>
  <c r="A5647" i="1"/>
  <c r="A5657" i="1"/>
  <c r="A5656" i="1"/>
  <c r="A5658" i="1"/>
  <c r="A5660" i="1"/>
  <c r="A5663" i="1"/>
  <c r="A5666" i="1"/>
  <c r="A5668" i="1"/>
  <c r="A5670" i="1"/>
  <c r="A5673" i="1"/>
  <c r="A5672" i="1"/>
  <c r="A5667" i="1"/>
  <c r="A5669" i="1"/>
  <c r="A5675" i="1"/>
  <c r="A5674" i="1"/>
  <c r="A5684" i="1"/>
  <c r="A5679" i="1"/>
  <c r="A5686" i="1"/>
  <c r="A5687" i="1"/>
  <c r="A5676" i="1"/>
  <c r="A5680" i="1"/>
  <c r="A5677" i="1"/>
  <c r="A5683" i="1"/>
  <c r="A5690" i="1"/>
  <c r="A5689" i="1"/>
  <c r="A5691" i="1"/>
  <c r="A5688" i="1"/>
  <c r="A5699" i="1"/>
  <c r="A5698" i="1"/>
  <c r="A5700" i="1"/>
  <c r="A5694" i="1"/>
  <c r="A5695" i="1"/>
  <c r="A5704" i="1"/>
  <c r="A5701" i="1"/>
  <c r="A5702" i="1"/>
  <c r="A5703" i="1"/>
  <c r="A5711" i="1"/>
  <c r="A5710" i="1"/>
  <c r="A5705" i="1"/>
  <c r="A5708" i="1"/>
  <c r="A5713" i="1"/>
  <c r="A5706" i="1"/>
  <c r="A5707" i="1"/>
  <c r="A5721" i="1"/>
  <c r="A5717" i="1"/>
  <c r="A5718" i="1"/>
  <c r="A5722" i="1"/>
  <c r="A5720" i="1"/>
  <c r="A5729" i="1"/>
  <c r="A5725" i="1"/>
  <c r="A5726" i="1"/>
  <c r="A5730" i="1"/>
  <c r="A5732" i="1"/>
  <c r="A5736" i="1"/>
  <c r="A5737" i="1"/>
  <c r="A5738" i="1"/>
  <c r="A5739" i="1"/>
  <c r="A5748" i="1"/>
  <c r="A5749" i="1"/>
  <c r="A5741" i="1"/>
  <c r="A5745" i="1"/>
  <c r="A5747" i="1"/>
  <c r="A5752" i="1"/>
  <c r="A5758" i="1"/>
  <c r="A5753" i="1"/>
  <c r="A5767" i="1"/>
  <c r="A5761" i="1"/>
  <c r="A5766" i="1"/>
  <c r="A5759" i="1"/>
  <c r="A5756" i="1"/>
  <c r="A5760" i="1"/>
  <c r="A5778" i="1"/>
  <c r="A5787" i="1"/>
  <c r="A5771" i="1"/>
  <c r="A5776" i="1"/>
  <c r="A5779" i="1"/>
  <c r="A5770" i="1"/>
  <c r="A5777" i="1"/>
  <c r="A5774" i="1"/>
  <c r="A5769" i="1"/>
  <c r="A5773" i="1"/>
  <c r="A5775" i="1"/>
  <c r="A5790" i="1"/>
  <c r="A5788" i="1"/>
  <c r="A5792" i="1"/>
  <c r="A5793" i="1"/>
  <c r="A5791" i="1"/>
  <c r="A5798" i="1"/>
  <c r="A5799" i="1"/>
  <c r="A5797" i="1"/>
  <c r="A5802" i="1"/>
  <c r="A5801" i="1"/>
  <c r="A5812" i="1"/>
  <c r="A5803" i="1"/>
  <c r="A5808" i="1"/>
  <c r="A5813" i="1"/>
  <c r="A5810" i="1"/>
  <c r="A5811" i="1"/>
  <c r="A5809" i="1"/>
  <c r="A5820" i="1"/>
  <c r="A5830" i="1"/>
  <c r="A5821" i="1"/>
  <c r="A5825" i="1"/>
  <c r="A5815" i="1"/>
  <c r="A5819" i="1"/>
  <c r="A5822" i="1"/>
  <c r="A5816" i="1"/>
  <c r="A5818" i="1"/>
  <c r="A5826" i="1"/>
  <c r="A5831" i="1"/>
  <c r="A5835" i="1"/>
  <c r="A5836" i="1"/>
  <c r="A5840" i="1"/>
  <c r="A5838" i="1"/>
  <c r="A5837" i="1"/>
  <c r="A5841" i="1"/>
  <c r="A5850" i="1"/>
  <c r="A5844" i="1"/>
  <c r="A5843" i="1"/>
  <c r="A5842" i="1"/>
  <c r="A5848" i="1"/>
  <c r="A5851" i="1"/>
  <c r="A5855" i="1"/>
  <c r="A5857" i="1"/>
  <c r="A5858" i="1"/>
  <c r="A5852" i="1"/>
  <c r="A5856" i="1"/>
  <c r="A5859" i="1"/>
  <c r="A5868" i="1"/>
  <c r="A5860" i="1"/>
  <c r="A5867" i="1"/>
  <c r="A5863" i="1"/>
  <c r="A5861" i="1"/>
  <c r="A5862" i="1"/>
  <c r="A5875" i="1"/>
  <c r="A5874" i="1"/>
  <c r="A5869" i="1"/>
  <c r="A5877" i="1"/>
  <c r="A5880" i="1"/>
  <c r="A5887" i="1"/>
  <c r="A5879" i="1"/>
  <c r="A5882" i="1"/>
  <c r="A5886" i="1"/>
  <c r="A5881" i="1"/>
  <c r="A5891" i="1"/>
  <c r="A5892" i="1"/>
  <c r="A5895" i="1"/>
  <c r="A5897" i="1"/>
  <c r="A5888" i="1"/>
  <c r="A5889" i="1"/>
  <c r="A5896" i="1"/>
  <c r="A5890" i="1"/>
  <c r="A5900" i="1"/>
  <c r="A5899" i="1"/>
  <c r="A5913" i="1"/>
  <c r="A5920" i="1"/>
  <c r="A5910" i="1"/>
  <c r="A5903" i="1"/>
  <c r="A5907" i="1"/>
  <c r="A5916" i="1"/>
  <c r="A5901" i="1"/>
  <c r="A5912" i="1"/>
  <c r="A5905" i="1"/>
  <c r="A5906" i="1"/>
  <c r="A5921" i="1"/>
  <c r="A5926" i="1"/>
  <c r="A5925" i="1"/>
  <c r="A5930" i="1"/>
  <c r="A5927" i="1"/>
  <c r="A5931" i="1"/>
  <c r="A5933" i="1"/>
  <c r="A5932" i="1"/>
  <c r="A5934" i="1"/>
  <c r="A5939" i="1"/>
  <c r="A5948" i="1"/>
  <c r="A5953" i="1"/>
  <c r="A5952" i="1"/>
  <c r="A5940" i="1"/>
  <c r="A5958" i="1"/>
  <c r="A5937" i="1"/>
  <c r="A5935" i="1"/>
  <c r="A5949" i="1"/>
  <c r="A5962" i="1"/>
  <c r="A5960" i="1"/>
  <c r="A5965" i="1"/>
  <c r="A5961" i="1"/>
  <c r="A5959" i="1"/>
  <c r="A5970" i="1"/>
  <c r="A5974" i="1"/>
  <c r="A5966" i="1"/>
  <c r="A5975" i="1"/>
  <c r="A5971" i="1"/>
  <c r="A5967" i="1"/>
  <c r="A5976" i="1"/>
  <c r="A5986" i="1"/>
  <c r="A5981" i="1"/>
  <c r="A5980" i="1"/>
  <c r="A5978" i="1"/>
  <c r="A5985" i="1"/>
  <c r="A5993" i="1"/>
  <c r="A5988" i="1"/>
  <c r="A5987" i="1"/>
  <c r="A5995" i="1"/>
  <c r="A6001" i="1"/>
  <c r="A5994" i="1"/>
  <c r="A6003" i="1"/>
  <c r="A5997" i="1"/>
  <c r="A5998" i="1"/>
  <c r="A5996" i="1"/>
  <c r="A6010" i="1"/>
  <c r="A6006" i="1"/>
  <c r="A6007" i="1"/>
  <c r="A6008" i="1"/>
  <c r="A6009" i="1"/>
  <c r="A6016" i="1"/>
  <c r="A6015" i="1"/>
  <c r="A6025" i="1"/>
  <c r="A6023" i="1"/>
  <c r="A6024" i="1"/>
  <c r="A6021" i="1"/>
  <c r="A6017" i="1"/>
  <c r="A6026" i="1"/>
  <c r="A6027" i="1"/>
  <c r="A6028" i="1"/>
  <c r="A6033" i="1"/>
  <c r="A6035" i="1"/>
  <c r="A6029" i="1"/>
  <c r="A6037" i="1"/>
  <c r="A6043" i="1"/>
  <c r="A6036" i="1"/>
  <c r="A6042" i="1"/>
  <c r="A6047" i="1"/>
  <c r="A6050" i="1"/>
  <c r="A6046" i="1"/>
  <c r="A6056" i="1"/>
  <c r="A6052" i="1"/>
  <c r="A6061" i="1"/>
  <c r="A6051" i="1"/>
  <c r="A6058" i="1"/>
  <c r="A6062" i="1"/>
  <c r="A6067" i="1"/>
  <c r="A6070" i="1"/>
  <c r="A6066" i="1"/>
  <c r="A6073" i="1"/>
  <c r="A6079" i="1"/>
  <c r="A6080" i="1"/>
  <c r="A6085" i="1"/>
  <c r="A6087" i="1"/>
  <c r="A6088" i="1"/>
  <c r="A6084" i="1"/>
  <c r="A6089" i="1"/>
  <c r="A6101" i="1"/>
  <c r="A6100" i="1"/>
  <c r="A6092" i="1"/>
  <c r="A6099" i="1"/>
  <c r="A6093" i="1"/>
  <c r="A6102" i="1"/>
  <c r="A6096" i="1"/>
  <c r="A6090" i="1"/>
  <c r="A6110" i="1"/>
  <c r="A6108" i="1"/>
  <c r="A6105" i="1"/>
  <c r="A6107" i="1"/>
  <c r="A6109" i="1"/>
  <c r="A6111" i="1"/>
  <c r="A6113" i="1"/>
  <c r="A6119" i="1"/>
  <c r="A6112" i="1"/>
  <c r="A6120" i="1"/>
  <c r="A6141" i="1"/>
  <c r="A6129" i="1"/>
  <c r="A6140" i="1"/>
  <c r="A6132" i="1"/>
  <c r="A6128" i="1"/>
  <c r="A6143" i="1"/>
  <c r="A6142" i="1"/>
  <c r="A6146" i="1"/>
  <c r="A6148" i="1"/>
  <c r="A6152" i="1"/>
  <c r="A6144" i="1"/>
  <c r="A6147" i="1"/>
  <c r="A6149" i="1"/>
  <c r="A6154" i="1"/>
  <c r="A6158" i="1"/>
  <c r="A6155" i="1"/>
  <c r="A6169" i="1"/>
  <c r="A6167" i="1"/>
  <c r="A6165" i="1"/>
  <c r="A6164" i="1"/>
  <c r="A6163" i="1"/>
  <c r="A6180" i="1"/>
  <c r="A6176" i="1"/>
  <c r="A6170" i="1"/>
  <c r="A6181" i="1"/>
  <c r="A6175" i="1"/>
  <c r="A6171" i="1"/>
  <c r="A6184" i="1"/>
  <c r="A6182" i="1"/>
  <c r="A6183" i="1"/>
  <c r="A6186" i="1"/>
  <c r="A6187" i="1"/>
  <c r="A6188" i="1"/>
  <c r="A6191" i="1"/>
  <c r="A6190" i="1"/>
  <c r="A6194" i="1"/>
  <c r="A6199" i="1"/>
  <c r="A6195" i="1"/>
  <c r="A6196" i="1"/>
  <c r="A6192" i="1"/>
  <c r="A6197" i="1"/>
  <c r="A6204" i="1"/>
  <c r="A6205" i="1"/>
  <c r="A6206" i="1"/>
  <c r="A6209" i="1"/>
  <c r="A6207" i="1"/>
  <c r="A6203" i="1"/>
  <c r="A6200" i="1"/>
  <c r="A6210" i="1"/>
  <c r="A6220" i="1"/>
  <c r="A6213" i="1"/>
  <c r="A6212" i="1"/>
  <c r="A6225" i="1"/>
  <c r="A6226" i="1"/>
  <c r="A6221" i="1"/>
  <c r="A6229" i="1"/>
  <c r="A6227" i="1"/>
  <c r="A6228" i="1"/>
  <c r="A6233" i="1"/>
  <c r="A6231" i="1"/>
  <c r="A6236" i="1"/>
  <c r="A6232" i="1"/>
  <c r="A6234" i="1"/>
  <c r="A6235" i="1"/>
  <c r="A6230" i="1"/>
  <c r="A6237" i="1"/>
  <c r="A6246" i="1"/>
  <c r="A6241" i="1"/>
  <c r="A6248" i="1"/>
  <c r="A6243" i="1"/>
  <c r="A6242" i="1"/>
  <c r="A6247" i="1"/>
  <c r="A6244" i="1"/>
  <c r="A6258" i="1"/>
  <c r="A6253" i="1"/>
  <c r="A6260" i="1"/>
  <c r="A6257" i="1"/>
  <c r="A6249" i="1"/>
  <c r="A6268" i="1"/>
  <c r="A6262" i="1"/>
  <c r="A6274" i="1"/>
  <c r="A6261" i="1"/>
  <c r="A6263" i="1"/>
  <c r="A6278" i="1"/>
  <c r="A6275" i="1"/>
  <c r="A6279" i="1"/>
  <c r="A6277" i="1"/>
  <c r="A6285" i="1"/>
  <c r="A6280" i="1"/>
  <c r="A6295" i="1"/>
  <c r="A6294" i="1"/>
  <c r="A6286" i="1"/>
  <c r="A6287" i="1"/>
  <c r="A6291" i="1"/>
  <c r="A6296" i="1"/>
  <c r="A6290" i="1"/>
  <c r="A6303" i="1"/>
  <c r="A6298" i="1"/>
  <c r="A6300" i="1"/>
  <c r="A6297" i="1"/>
  <c r="A6299" i="1"/>
  <c r="A6304" i="1"/>
  <c r="A6311" i="1"/>
  <c r="A6307" i="1"/>
  <c r="A6308" i="1"/>
  <c r="A6305" i="1"/>
  <c r="A6316" i="1"/>
  <c r="A6314" i="1"/>
  <c r="A6315" i="1"/>
  <c r="A6312" i="1"/>
  <c r="A6321" i="1"/>
  <c r="A6317" i="1"/>
  <c r="A6320" i="1"/>
  <c r="A6329" i="1"/>
  <c r="A6326" i="1"/>
  <c r="A6331" i="1"/>
  <c r="A6330" i="1"/>
  <c r="A6343" i="1"/>
  <c r="A6334" i="1"/>
  <c r="A6340" i="1"/>
  <c r="A6332" i="1"/>
  <c r="A6344" i="1"/>
  <c r="A6339" i="1"/>
  <c r="A6349" i="1"/>
  <c r="A6347" i="1"/>
  <c r="A6350" i="1"/>
  <c r="A6353" i="1"/>
  <c r="A6358" i="1"/>
  <c r="A6362" i="1"/>
  <c r="A6360" i="1"/>
  <c r="A6361" i="1"/>
  <c r="A6366" i="1"/>
  <c r="A6363" i="1"/>
  <c r="A6364" i="1"/>
  <c r="A6365" i="1"/>
  <c r="A6367" i="1"/>
  <c r="A6375" i="1"/>
  <c r="A6374" i="1"/>
  <c r="A6373" i="1"/>
  <c r="A6370" i="1"/>
  <c r="A6378" i="1"/>
  <c r="A6376" i="1"/>
  <c r="A6385" i="1"/>
  <c r="A6388" i="1"/>
  <c r="A6384" i="1"/>
  <c r="A6380" i="1"/>
  <c r="A6379" i="1"/>
  <c r="A6382" i="1"/>
  <c r="A6383" i="1"/>
  <c r="A6389" i="1"/>
  <c r="A6390" i="1"/>
  <c r="A6393" i="1"/>
  <c r="A6394" i="1"/>
  <c r="A6392" i="1"/>
  <c r="A6391" i="1"/>
  <c r="A6399" i="1"/>
  <c r="A6401" i="1"/>
  <c r="A6396" i="1"/>
  <c r="A6402" i="1"/>
  <c r="A6400" i="1"/>
  <c r="A6395" i="1"/>
  <c r="A6410" i="1"/>
  <c r="A6411" i="1"/>
  <c r="A6404" i="1"/>
  <c r="A6409" i="1"/>
  <c r="A6412" i="1"/>
  <c r="A6419" i="1"/>
  <c r="A6418" i="1"/>
  <c r="A6413" i="1"/>
  <c r="A6414" i="1"/>
  <c r="A6425" i="1"/>
  <c r="A6426" i="1"/>
  <c r="A6427" i="1"/>
  <c r="A6424" i="1"/>
  <c r="A6436" i="1"/>
  <c r="A6435" i="1"/>
  <c r="A6428" i="1"/>
  <c r="A6434" i="1"/>
  <c r="A6445" i="1"/>
  <c r="A6438" i="1"/>
  <c r="A6437" i="1"/>
  <c r="A6443" i="1"/>
  <c r="A6444" i="1"/>
  <c r="A6448" i="1"/>
  <c r="A6453" i="1"/>
  <c r="A6449" i="1"/>
  <c r="A6454" i="1"/>
  <c r="A6457" i="1"/>
  <c r="A6456" i="1"/>
  <c r="A6455" i="1"/>
  <c r="A6458" i="1"/>
  <c r="A6461" i="1"/>
  <c r="A6460" i="1"/>
  <c r="A6459" i="1"/>
  <c r="A6464" i="1"/>
  <c r="A6473" i="1"/>
  <c r="A6463" i="1"/>
  <c r="A6465" i="1"/>
  <c r="A6471" i="1"/>
  <c r="A6466" i="1"/>
  <c r="A6472" i="1"/>
  <c r="A6477" i="1"/>
  <c r="A6476" i="1"/>
  <c r="A6490" i="1"/>
  <c r="A6489" i="1"/>
  <c r="A6481" i="1"/>
  <c r="A6480" i="1"/>
  <c r="A6486" i="1"/>
  <c r="A6493" i="1"/>
  <c r="A6488" i="1"/>
  <c r="A6487" i="1"/>
  <c r="A6482" i="1"/>
  <c r="A6478" i="1"/>
  <c r="A6479" i="1"/>
  <c r="A6494" i="1"/>
  <c r="A6495" i="1"/>
  <c r="A6497" i="1"/>
  <c r="A6496" i="1"/>
  <c r="A6498" i="1"/>
  <c r="A6499" i="1"/>
  <c r="A6510" i="1"/>
  <c r="A6506" i="1"/>
  <c r="A6507" i="1"/>
  <c r="A6505" i="1"/>
  <c r="A6502" i="1"/>
  <c r="A6500" i="1"/>
  <c r="A6508" i="1"/>
  <c r="A6514" i="1"/>
  <c r="A6511" i="1"/>
  <c r="A6515" i="1"/>
  <c r="A6533" i="1"/>
  <c r="A6525" i="1"/>
  <c r="A6522" i="1"/>
  <c r="A6526" i="1"/>
  <c r="A6523" i="1"/>
  <c r="A6524" i="1"/>
  <c r="A6536" i="1"/>
  <c r="A6532" i="1"/>
  <c r="A6537" i="1"/>
  <c r="A6542" i="1"/>
  <c r="A6538" i="1"/>
  <c r="A6547" i="1"/>
  <c r="A6544" i="1"/>
  <c r="A6543" i="1"/>
  <c r="A6545" i="1"/>
  <c r="A6555" i="1"/>
  <c r="A6556" i="1"/>
  <c r="A6554" i="1"/>
  <c r="A6550" i="1"/>
  <c r="A6575" i="1"/>
  <c r="A6559" i="1"/>
  <c r="A6572" i="1"/>
  <c r="A6574" i="1"/>
  <c r="A6558" i="1"/>
  <c r="A6579" i="1"/>
  <c r="A6576" i="1"/>
  <c r="A6577" i="1"/>
  <c r="A6566" i="1"/>
  <c r="A6560" i="1"/>
  <c r="A6565" i="1"/>
  <c r="A6580" i="1"/>
  <c r="A6561" i="1"/>
  <c r="A6578" i="1"/>
  <c r="A6573" i="1"/>
  <c r="A6582" i="1"/>
  <c r="A6581" i="1"/>
  <c r="A6586" i="1"/>
  <c r="A6585" i="1"/>
  <c r="A6583" i="1"/>
  <c r="A6584" i="1"/>
  <c r="A6588" i="1"/>
  <c r="A6594" i="1"/>
  <c r="A6593" i="1"/>
  <c r="A6598" i="1"/>
  <c r="A6595" i="1"/>
  <c r="A6597" i="1"/>
  <c r="A6596" i="1"/>
  <c r="A6604" i="1"/>
  <c r="A6610" i="1"/>
  <c r="A6611" i="1"/>
  <c r="A6609" i="1"/>
  <c r="A6606" i="1"/>
  <c r="A6608" i="1"/>
  <c r="A6615" i="1"/>
  <c r="A6605" i="1"/>
  <c r="A6623" i="1"/>
  <c r="A6616" i="1"/>
  <c r="A6625" i="1"/>
  <c r="A6624" i="1"/>
  <c r="A6626" i="1"/>
  <c r="A6634" i="1"/>
  <c r="A6632" i="1"/>
  <c r="A6638" i="1"/>
  <c r="A6639" i="1"/>
  <c r="A6640" i="1"/>
  <c r="A6644" i="1"/>
  <c r="A6643" i="1"/>
  <c r="A6650" i="1"/>
  <c r="A6645" i="1"/>
  <c r="A6646" i="1"/>
  <c r="A6648" i="1"/>
  <c r="A6649" i="1"/>
  <c r="A6647" i="1"/>
  <c r="A6641" i="1"/>
  <c r="A6651" i="1"/>
  <c r="A6655" i="1"/>
  <c r="A6660" i="1"/>
  <c r="A6652" i="1"/>
  <c r="A6656" i="1"/>
  <c r="A6657" i="1"/>
  <c r="A6665" i="1"/>
  <c r="A6668" i="1"/>
  <c r="A6671" i="1"/>
  <c r="A6661" i="1"/>
  <c r="A6667" i="1"/>
  <c r="A6664" i="1"/>
  <c r="A6666" i="1"/>
  <c r="A6675" i="1"/>
  <c r="A6673" i="1"/>
  <c r="A6672" i="1"/>
  <c r="A6674" i="1"/>
  <c r="A6676" i="1"/>
  <c r="A6682" i="1"/>
  <c r="A6685" i="1"/>
  <c r="A6686" i="1"/>
  <c r="A6684" i="1"/>
  <c r="A6681" i="1"/>
  <c r="A6677" i="1"/>
  <c r="A6691" i="1"/>
  <c r="A6694" i="1"/>
  <c r="A6690" i="1"/>
  <c r="A6687" i="1"/>
  <c r="A6698" i="1"/>
  <c r="A6695" i="1"/>
  <c r="A6702" i="1"/>
  <c r="A6699" i="1"/>
  <c r="A6700" i="1"/>
  <c r="A6705" i="1"/>
  <c r="A6703" i="1"/>
  <c r="A6711" i="1"/>
  <c r="A6710" i="1"/>
  <c r="A6708" i="1"/>
  <c r="A6707" i="1"/>
  <c r="A6706" i="1"/>
  <c r="A6712" i="1"/>
  <c r="A6716" i="1"/>
  <c r="A6723" i="1"/>
  <c r="A6724" i="1"/>
  <c r="A6722" i="1"/>
  <c r="A6721" i="1"/>
  <c r="A6728" i="1"/>
  <c r="A6731" i="1"/>
  <c r="A6727" i="1"/>
  <c r="A6725" i="1"/>
  <c r="A6726" i="1"/>
  <c r="A6734" i="1"/>
  <c r="A6733" i="1"/>
  <c r="A6732" i="1"/>
  <c r="A6735" i="1"/>
  <c r="A6742" i="1"/>
  <c r="A6738" i="1"/>
  <c r="A6739" i="1"/>
  <c r="A6741" i="1"/>
  <c r="A6745" i="1"/>
  <c r="A6743" i="1"/>
  <c r="A6744" i="1"/>
  <c r="A6748" i="1"/>
  <c r="A6749" i="1"/>
  <c r="A6750" i="1"/>
  <c r="A6756" i="1"/>
  <c r="A6757" i="1"/>
  <c r="A6751" i="1"/>
  <c r="A6755" i="1"/>
  <c r="A6762" i="1"/>
  <c r="A6764" i="1"/>
  <c r="A6759" i="1"/>
  <c r="A6760" i="1"/>
  <c r="A6763" i="1"/>
  <c r="A6758" i="1"/>
  <c r="A6769" i="1"/>
  <c r="A6766" i="1"/>
  <c r="A6765" i="1"/>
  <c r="A6775" i="1"/>
  <c r="A6770" i="1"/>
  <c r="A6779" i="1"/>
  <c r="A6776" i="1"/>
  <c r="A6781" i="1"/>
  <c r="A6780" i="1"/>
  <c r="A6782" i="1"/>
  <c r="A6786" i="1"/>
  <c r="A6783" i="1"/>
  <c r="A6793" i="1"/>
  <c r="A6788" i="1"/>
  <c r="A6787" i="1"/>
  <c r="A6791" i="1"/>
  <c r="A6792" i="1"/>
  <c r="A6799" i="1"/>
  <c r="A6795" i="1"/>
  <c r="A6796" i="1"/>
  <c r="A6803" i="1"/>
  <c r="A6808" i="1"/>
  <c r="A6800" i="1"/>
  <c r="A6804" i="1"/>
  <c r="A6813" i="1"/>
  <c r="A6809" i="1"/>
  <c r="A6816" i="1"/>
  <c r="A6810" i="1"/>
  <c r="A6817" i="1"/>
  <c r="A6826" i="1"/>
  <c r="A6818" i="1"/>
  <c r="A6823" i="1"/>
  <c r="A6824" i="1"/>
  <c r="A6827" i="1"/>
  <c r="A6828" i="1"/>
  <c r="A6834" i="1"/>
  <c r="A6831" i="1"/>
  <c r="A6832" i="1"/>
  <c r="A6833" i="1"/>
  <c r="A6848" i="1"/>
  <c r="A6847" i="1"/>
  <c r="A6841" i="1"/>
  <c r="A6839" i="1"/>
  <c r="A6835" i="1"/>
  <c r="A6842" i="1"/>
  <c r="A6840" i="1"/>
  <c r="A6853" i="1"/>
  <c r="A6849" i="1"/>
  <c r="A6852" i="1"/>
  <c r="A6851" i="1"/>
  <c r="A6856" i="1"/>
  <c r="A6857" i="1"/>
  <c r="A6859" i="1"/>
  <c r="A6854" i="1"/>
  <c r="A6860" i="1"/>
  <c r="A6855" i="1"/>
  <c r="A6858" i="1"/>
  <c r="A6861" i="1"/>
  <c r="A6862" i="1"/>
  <c r="A6866" i="1"/>
  <c r="A6868" i="1"/>
  <c r="A6864" i="1"/>
  <c r="A6869" i="1"/>
  <c r="A6867" i="1"/>
  <c r="A6865" i="1"/>
  <c r="A6875" i="1"/>
  <c r="A6873" i="1"/>
  <c r="A6874" i="1"/>
  <c r="A6870" i="1"/>
  <c r="A6880" i="1"/>
  <c r="A6877" i="1"/>
  <c r="A6878" i="1"/>
  <c r="A6876" i="1"/>
  <c r="A6885" i="1"/>
  <c r="A6881" i="1"/>
  <c r="A6882" i="1"/>
  <c r="A6886" i="1"/>
  <c r="A6887" i="1"/>
  <c r="A6888" i="1"/>
  <c r="A6894" i="1"/>
  <c r="A6896" i="1"/>
  <c r="A6895" i="1"/>
  <c r="A6891" i="1"/>
  <c r="A6897" i="1"/>
  <c r="A6889" i="1"/>
  <c r="A6893" i="1"/>
  <c r="A6908" i="1"/>
  <c r="A6910" i="1"/>
  <c r="A6898" i="1"/>
  <c r="A6899" i="1"/>
  <c r="A6907" i="1"/>
  <c r="A6903" i="1"/>
  <c r="A6913" i="1"/>
  <c r="A6914" i="1"/>
  <c r="A6911" i="1"/>
  <c r="A6921" i="1"/>
  <c r="A6922" i="1"/>
  <c r="A6912" i="1"/>
  <c r="A6923" i="1"/>
  <c r="A6924" i="1"/>
  <c r="A6927" i="1"/>
  <c r="A6925" i="1"/>
  <c r="A6931" i="1"/>
  <c r="A6928" i="1"/>
  <c r="A6933" i="1"/>
  <c r="A6935" i="1"/>
  <c r="A6932" i="1"/>
  <c r="A6936" i="1"/>
  <c r="A6941" i="1"/>
  <c r="A6938" i="1"/>
  <c r="A6943" i="1"/>
  <c r="A6942" i="1"/>
  <c r="A6939" i="1"/>
  <c r="A6940" i="1"/>
  <c r="A6944" i="1"/>
  <c r="A6945" i="1"/>
  <c r="A6946" i="1"/>
  <c r="A6949" i="1"/>
  <c r="A6951" i="1"/>
  <c r="A6948" i="1"/>
  <c r="A6950" i="1"/>
  <c r="A6954" i="1"/>
  <c r="A6947" i="1"/>
  <c r="A6956" i="1"/>
  <c r="A6957" i="1"/>
  <c r="A6955" i="1"/>
  <c r="A6961" i="1"/>
  <c r="A6959" i="1"/>
  <c r="A6960" i="1"/>
  <c r="A6964" i="1"/>
  <c r="A6962" i="1"/>
  <c r="A6963" i="1"/>
  <c r="A6965" i="1"/>
  <c r="A6967" i="1"/>
  <c r="A6968" i="1"/>
  <c r="A6969" i="1"/>
  <c r="A6970" i="1"/>
  <c r="A6971" i="1"/>
  <c r="A6972" i="1"/>
  <c r="A6980" i="1"/>
  <c r="A6974" i="1"/>
  <c r="A6975" i="1"/>
  <c r="A6981" i="1"/>
  <c r="A6986" i="1"/>
  <c r="A6982" i="1"/>
  <c r="A6987" i="1"/>
  <c r="A6985" i="1"/>
  <c r="A6993" i="1"/>
  <c r="A6994" i="1"/>
  <c r="A6988" i="1"/>
  <c r="A6995" i="1"/>
  <c r="A6996" i="1"/>
  <c r="A6997" i="1"/>
  <c r="A7003" i="1"/>
  <c r="A6998" i="1"/>
  <c r="A7001" i="1"/>
  <c r="A7002" i="1"/>
  <c r="A7004" i="1"/>
  <c r="A7007" i="1"/>
  <c r="A7009" i="1"/>
  <c r="A7008" i="1"/>
  <c r="A7010" i="1"/>
  <c r="A7012" i="1"/>
  <c r="A7013" i="1"/>
  <c r="A7014" i="1"/>
  <c r="A7016" i="1"/>
  <c r="A7015" i="1"/>
  <c r="A7020" i="1"/>
  <c r="A7019" i="1"/>
  <c r="A7024" i="1"/>
  <c r="A7029" i="1"/>
  <c r="A7021" i="1"/>
  <c r="A7034" i="1"/>
  <c r="A7030" i="1"/>
  <c r="A7031" i="1"/>
  <c r="A7036" i="1"/>
  <c r="A7045" i="1"/>
  <c r="A7042" i="1"/>
  <c r="A7041" i="1"/>
  <c r="A7047" i="1"/>
  <c r="A7046" i="1"/>
  <c r="A7050" i="1"/>
  <c r="A7049" i="1"/>
  <c r="A7052" i="1"/>
  <c r="A7055" i="1"/>
  <c r="A7053" i="1"/>
  <c r="A7051" i="1"/>
  <c r="A7061" i="1"/>
  <c r="A7059" i="1"/>
  <c r="A7063" i="1"/>
  <c r="A7057" i="1"/>
  <c r="A7060" i="1"/>
  <c r="A7062" i="1"/>
  <c r="A7056" i="1"/>
  <c r="A7069" i="1"/>
  <c r="A7070" i="1"/>
  <c r="A7068" i="1"/>
  <c r="A7073" i="1"/>
  <c r="A7079" i="1"/>
  <c r="A7074" i="1"/>
  <c r="A7078" i="1"/>
  <c r="A7093" i="1"/>
  <c r="A7080" i="1"/>
  <c r="A7087" i="1"/>
  <c r="A7086" i="1"/>
  <c r="A7085" i="1"/>
  <c r="A7094" i="1"/>
  <c r="A7101" i="1"/>
  <c r="A7096" i="1"/>
  <c r="A7105" i="1"/>
  <c r="A7104" i="1"/>
  <c r="A7095" i="1"/>
  <c r="A7109" i="1"/>
  <c r="A7108" i="1"/>
  <c r="A7110" i="1"/>
  <c r="A7119" i="1"/>
  <c r="A7117" i="1"/>
  <c r="A7115" i="1"/>
  <c r="A7116" i="1"/>
  <c r="A7111" i="1"/>
  <c r="A7128" i="1"/>
  <c r="A7120" i="1"/>
  <c r="A7125" i="1"/>
  <c r="A7127" i="1"/>
  <c r="A7134" i="1"/>
  <c r="A7129" i="1"/>
  <c r="A7137" i="1"/>
  <c r="A7136" i="1"/>
  <c r="A7138" i="1"/>
  <c r="A7135" i="1"/>
  <c r="A7141" i="1"/>
  <c r="A7140" i="1"/>
  <c r="A7142" i="1"/>
  <c r="A7139" i="1"/>
  <c r="A7147" i="1"/>
  <c r="A7148" i="1"/>
  <c r="A7157" i="1"/>
  <c r="A7156" i="1"/>
  <c r="A7149" i="1"/>
  <c r="A7158" i="1"/>
  <c r="A7163" i="1"/>
  <c r="A7162" i="1"/>
  <c r="A7161" i="1"/>
  <c r="A7159" i="1"/>
  <c r="A7167" i="1"/>
  <c r="A7166" i="1"/>
  <c r="A7174" i="1"/>
  <c r="A7172" i="1"/>
  <c r="A7170" i="1"/>
  <c r="A7173" i="1"/>
  <c r="A7178" i="1"/>
  <c r="A7180" i="1"/>
  <c r="A7175" i="1"/>
  <c r="A7179" i="1"/>
  <c r="A7181" i="1"/>
  <c r="A7186" i="1"/>
  <c r="A7187" i="1"/>
  <c r="A7188" i="1"/>
  <c r="A7192" i="1"/>
  <c r="A7195" i="1"/>
  <c r="A7196" i="1"/>
  <c r="A7189" i="1"/>
  <c r="A7193" i="1"/>
  <c r="A7200" i="1"/>
  <c r="A7198" i="1"/>
  <c r="A7197" i="1"/>
  <c r="A7201" i="1"/>
  <c r="A7204" i="1"/>
  <c r="A7205" i="1"/>
  <c r="A7203" i="1"/>
  <c r="A7202" i="1"/>
  <c r="A7208" i="1"/>
  <c r="A7206" i="1"/>
  <c r="A7212" i="1"/>
  <c r="A7207" i="1"/>
  <c r="A7213" i="1"/>
  <c r="A7219" i="1"/>
  <c r="A7216" i="1"/>
  <c r="A7218" i="1"/>
  <c r="A7214" i="1"/>
  <c r="A7220" i="1"/>
  <c r="A7222" i="1"/>
  <c r="A7223" i="1"/>
  <c r="A7224" i="1"/>
  <c r="A7226" i="1"/>
  <c r="A7225" i="1"/>
  <c r="A7229" i="1"/>
  <c r="A7227" i="1"/>
  <c r="A7231" i="1"/>
  <c r="A7228" i="1"/>
  <c r="A7238" i="1"/>
  <c r="A7237" i="1"/>
  <c r="A7232" i="1"/>
  <c r="A7236" i="1"/>
  <c r="A7242" i="1"/>
  <c r="A7239" i="1"/>
  <c r="A7241" i="1"/>
  <c r="A7247" i="1"/>
  <c r="A7250" i="1"/>
  <c r="A7252" i="1"/>
  <c r="A7246" i="1"/>
  <c r="A7249" i="1"/>
  <c r="A7245" i="1"/>
  <c r="A7244" i="1"/>
  <c r="A7258" i="1"/>
  <c r="A7260" i="1"/>
  <c r="A7259" i="1"/>
  <c r="A7257" i="1"/>
  <c r="A7263" i="1"/>
  <c r="A7262" i="1"/>
  <c r="A7265" i="1"/>
  <c r="A7276" i="1"/>
  <c r="A7272" i="1"/>
  <c r="A7274" i="1"/>
  <c r="A7270" i="1"/>
  <c r="A7271" i="1"/>
  <c r="A7266" i="1"/>
  <c r="A7277" i="1"/>
  <c r="A7278" i="1"/>
  <c r="A7280" i="1"/>
  <c r="A7285" i="1"/>
  <c r="A7284" i="1"/>
  <c r="A7292" i="1"/>
  <c r="A7286" i="1"/>
  <c r="A7289" i="1"/>
  <c r="A7293" i="1"/>
  <c r="A7295" i="1"/>
  <c r="A7297" i="1"/>
  <c r="A7296" i="1"/>
  <c r="A7294" i="1"/>
  <c r="A7298" i="1"/>
  <c r="A7301" i="1"/>
  <c r="A7299" i="1"/>
  <c r="A7300" i="1"/>
  <c r="A7306" i="1"/>
  <c r="A7312" i="1"/>
  <c r="A7310" i="1"/>
  <c r="A7311" i="1"/>
  <c r="A7315" i="1"/>
  <c r="A7320" i="1"/>
  <c r="A7321" i="1"/>
  <c r="A7319" i="1"/>
  <c r="A7323" i="1"/>
  <c r="A7314" i="1"/>
  <c r="A7316" i="1"/>
  <c r="A7324" i="1"/>
  <c r="A7331" i="1"/>
  <c r="A7327" i="1"/>
  <c r="A7336" i="1"/>
  <c r="A7332" i="1"/>
  <c r="A7328" i="1"/>
  <c r="A7329" i="1"/>
  <c r="A7341" i="1"/>
  <c r="A7344" i="1"/>
  <c r="A7345" i="1"/>
  <c r="A7340" i="1"/>
  <c r="A7351" i="1"/>
  <c r="A7346" i="1"/>
  <c r="A7350" i="1"/>
  <c r="A7355" i="1"/>
  <c r="A7369" i="1"/>
  <c r="A7367" i="1"/>
  <c r="A7354" i="1"/>
  <c r="A7370" i="1"/>
  <c r="A7362" i="1"/>
  <c r="A7368" i="1"/>
  <c r="A7366" i="1"/>
  <c r="A7375" i="1"/>
  <c r="A7374" i="1"/>
  <c r="A7376" i="1"/>
  <c r="A7377" i="1"/>
  <c r="A7379" i="1"/>
  <c r="A7378" i="1"/>
  <c r="A7382" i="1"/>
  <c r="A7380" i="1"/>
  <c r="A7381" i="1"/>
  <c r="A7383" i="1"/>
  <c r="A7391" i="1"/>
  <c r="A7388" i="1"/>
  <c r="A7390" i="1"/>
  <c r="A7387" i="1"/>
  <c r="A4146" i="1"/>
  <c r="A4145" i="1"/>
  <c r="A4147" i="1"/>
  <c r="A4148" i="1"/>
  <c r="A4149" i="1"/>
  <c r="A4162" i="1"/>
  <c r="A4161" i="1"/>
  <c r="A4164" i="1"/>
  <c r="A4157" i="1"/>
  <c r="A4156" i="1"/>
  <c r="A4155" i="1"/>
  <c r="A4165" i="1"/>
  <c r="A4170" i="1"/>
  <c r="A4169" i="1"/>
  <c r="A4168" i="1"/>
  <c r="A4167" i="1"/>
  <c r="A4173" i="1"/>
  <c r="A4174" i="1"/>
  <c r="A4171" i="1"/>
  <c r="A4178" i="1"/>
  <c r="A4180" i="1"/>
  <c r="A4179" i="1"/>
  <c r="A4182" i="1"/>
  <c r="A4185" i="1"/>
  <c r="A4184" i="1"/>
  <c r="A4183" i="1"/>
  <c r="A4192" i="1"/>
  <c r="A4190" i="1"/>
  <c r="A4191" i="1"/>
  <c r="A4193" i="1"/>
  <c r="A4194" i="1"/>
  <c r="A4196" i="1"/>
  <c r="A4205" i="1"/>
  <c r="A4197" i="1"/>
  <c r="A4204" i="1"/>
  <c r="A4202" i="1"/>
  <c r="A4206" i="1"/>
  <c r="A4213" i="1"/>
  <c r="A4207" i="1"/>
  <c r="A4211" i="1"/>
  <c r="A4208" i="1"/>
  <c r="A4224" i="1"/>
  <c r="A4226" i="1"/>
  <c r="A4219" i="1"/>
  <c r="A4225" i="1"/>
  <c r="A4215" i="1"/>
  <c r="A4227" i="1"/>
  <c r="A4228" i="1"/>
  <c r="A4232" i="1"/>
  <c r="A4234" i="1"/>
  <c r="A4231" i="1"/>
  <c r="A4230" i="1"/>
  <c r="A4235" i="1"/>
  <c r="A4238" i="1"/>
  <c r="A4241" i="1"/>
  <c r="A4240" i="1"/>
  <c r="A4239" i="1"/>
  <c r="A4245" i="1"/>
  <c r="A4244" i="1"/>
  <c r="A4248" i="1"/>
  <c r="A4246" i="1"/>
  <c r="A4242" i="1"/>
  <c r="A4247" i="1"/>
  <c r="A4252" i="1"/>
  <c r="A4249" i="1"/>
  <c r="A4253" i="1"/>
  <c r="A4254" i="1"/>
  <c r="A4255" i="1"/>
  <c r="A4256" i="1"/>
  <c r="A4258" i="1"/>
  <c r="A4260" i="1"/>
  <c r="A4259" i="1"/>
  <c r="A4261" i="1"/>
  <c r="A4264" i="1"/>
  <c r="A4263" i="1"/>
  <c r="A4262" i="1"/>
  <c r="A4265" i="1"/>
  <c r="A4266" i="1"/>
  <c r="A4267" i="1"/>
  <c r="A4270" i="1"/>
  <c r="A4276" i="1"/>
  <c r="A4271" i="1"/>
  <c r="A4274" i="1"/>
  <c r="A4275" i="1"/>
  <c r="A4269" i="1"/>
  <c r="A4284" i="1"/>
  <c r="A4280" i="1"/>
  <c r="A4282" i="1"/>
  <c r="A4281" i="1"/>
  <c r="A4283" i="1"/>
  <c r="A4279" i="1"/>
  <c r="A4287" i="1"/>
  <c r="A4292" i="1"/>
  <c r="A4291" i="1"/>
  <c r="A4288" i="1"/>
  <c r="A4293" i="1"/>
  <c r="A4294" i="1"/>
  <c r="A4295" i="1"/>
  <c r="A4296" i="1"/>
  <c r="A4299" i="1"/>
  <c r="A4302" i="1"/>
  <c r="A4298" i="1"/>
  <c r="A4301" i="1"/>
  <c r="A4304" i="1"/>
  <c r="A4308" i="1"/>
  <c r="A4305" i="1"/>
  <c r="A4310" i="1"/>
  <c r="A4316" i="1"/>
  <c r="A4314" i="1"/>
  <c r="A4317" i="1"/>
  <c r="A4328" i="1"/>
  <c r="A4329" i="1"/>
  <c r="A4327" i="1"/>
  <c r="A4330" i="1"/>
  <c r="A4338" i="1"/>
  <c r="A4334" i="1"/>
  <c r="A4335" i="1"/>
  <c r="A4331" i="1"/>
  <c r="A4341" i="1"/>
  <c r="A4344" i="1"/>
  <c r="A4342" i="1"/>
  <c r="A4347" i="1"/>
  <c r="A4345" i="1"/>
  <c r="A4346" i="1"/>
  <c r="A4357" i="1"/>
  <c r="A4349" i="1"/>
  <c r="A4348" i="1"/>
  <c r="A4363" i="1"/>
  <c r="A4364" i="1"/>
  <c r="A4361" i="1"/>
  <c r="A4366" i="1"/>
  <c r="A4360" i="1"/>
  <c r="A4359" i="1"/>
  <c r="A4358" i="1"/>
  <c r="A4367" i="1"/>
  <c r="A4370" i="1"/>
  <c r="A4374" i="1"/>
  <c r="A4373" i="1"/>
  <c r="A4377" i="1"/>
  <c r="A4380" i="1"/>
  <c r="A4378" i="1"/>
  <c r="A4379" i="1"/>
  <c r="A4381" i="1"/>
  <c r="A4388" i="1"/>
  <c r="A4387" i="1"/>
  <c r="A4386" i="1"/>
  <c r="A4384" i="1"/>
  <c r="A4397" i="1"/>
  <c r="A4396" i="1"/>
  <c r="A4398" i="1"/>
  <c r="A4394" i="1"/>
  <c r="A4399" i="1"/>
  <c r="A4401" i="1"/>
  <c r="A4400" i="1"/>
  <c r="A4402" i="1"/>
  <c r="A4405" i="1"/>
  <c r="A4403" i="1"/>
  <c r="A4407" i="1"/>
  <c r="A4406" i="1"/>
  <c r="A4413" i="1"/>
  <c r="A4411" i="1"/>
  <c r="A4412" i="1"/>
  <c r="A4408" i="1"/>
  <c r="A4414" i="1"/>
  <c r="A4416" i="1"/>
  <c r="A4415" i="1"/>
  <c r="A4420" i="1"/>
  <c r="A4422" i="1"/>
  <c r="A4421" i="1"/>
  <c r="A4428" i="1"/>
  <c r="A4423" i="1"/>
  <c r="A4425" i="1"/>
  <c r="A4426" i="1"/>
  <c r="A4427" i="1"/>
  <c r="A4429" i="1"/>
  <c r="A4431" i="1"/>
  <c r="A4432" i="1"/>
  <c r="A4435" i="1"/>
  <c r="A4433" i="1"/>
  <c r="A4434" i="1"/>
  <c r="A4439" i="1"/>
  <c r="A4436" i="1"/>
  <c r="A4440" i="1"/>
  <c r="A4441" i="1"/>
  <c r="A4443" i="1"/>
  <c r="A4449" i="1"/>
  <c r="A4451" i="1"/>
  <c r="A4446" i="1"/>
  <c r="A4444" i="1"/>
  <c r="A4452" i="1"/>
  <c r="A4453" i="1"/>
  <c r="A4459" i="1"/>
  <c r="A4455" i="1"/>
  <c r="A4454" i="1"/>
  <c r="A4457" i="1"/>
  <c r="A4458" i="1"/>
  <c r="A4463" i="1"/>
  <c r="A4465" i="1"/>
  <c r="A4467" i="1"/>
  <c r="A4468" i="1"/>
  <c r="A4464" i="1"/>
  <c r="A4472" i="1"/>
  <c r="A4469" i="1"/>
  <c r="A4474" i="1"/>
  <c r="A4473" i="1"/>
  <c r="A4477" i="1"/>
  <c r="A4478" i="1"/>
  <c r="A4476" i="1"/>
  <c r="A4479" i="1"/>
  <c r="A4480" i="1"/>
  <c r="A4481" i="1"/>
  <c r="A4482" i="1"/>
  <c r="A4487" i="1"/>
  <c r="A4484" i="1"/>
  <c r="A4486" i="1"/>
  <c r="A4485" i="1"/>
  <c r="A4489" i="1"/>
  <c r="A4490" i="1"/>
  <c r="A4491" i="1"/>
  <c r="A4492" i="1"/>
  <c r="A4496" i="1"/>
  <c r="A4493" i="1"/>
  <c r="A4505" i="1"/>
  <c r="A4497" i="1"/>
  <c r="A4502" i="1"/>
  <c r="A4501" i="1"/>
  <c r="A4498" i="1"/>
  <c r="A4503" i="1"/>
  <c r="A4506" i="1"/>
  <c r="A4507" i="1"/>
  <c r="A4508" i="1"/>
  <c r="A4512" i="1"/>
  <c r="A4514" i="1"/>
  <c r="A4513" i="1"/>
  <c r="A4515" i="1"/>
  <c r="A4521" i="1"/>
  <c r="A4519" i="1"/>
  <c r="A4528" i="1"/>
  <c r="A4520" i="1"/>
  <c r="A4518" i="1"/>
  <c r="A4530" i="1"/>
  <c r="A4529" i="1"/>
  <c r="A4534" i="1"/>
  <c r="A4533" i="1"/>
  <c r="A4532" i="1"/>
  <c r="A4535" i="1"/>
  <c r="A4536" i="1"/>
  <c r="A4540" i="1"/>
  <c r="A4539" i="1"/>
  <c r="A4552" i="1"/>
  <c r="A4541" i="1"/>
  <c r="A4542" i="1"/>
  <c r="A4553" i="1"/>
  <c r="A4554" i="1"/>
  <c r="A4557" i="1"/>
  <c r="A4555" i="1"/>
  <c r="A4564" i="1"/>
  <c r="A4562" i="1"/>
  <c r="A4563" i="1"/>
  <c r="A4568" i="1"/>
  <c r="A4558" i="1"/>
  <c r="A4576" i="1"/>
  <c r="A4571" i="1"/>
  <c r="A4579" i="1"/>
  <c r="A4570" i="1"/>
  <c r="A4583" i="1"/>
  <c r="A4577" i="1"/>
  <c r="A4569" i="1"/>
  <c r="A4580" i="1"/>
  <c r="A4584" i="1"/>
  <c r="A4591" i="1"/>
  <c r="A4585" i="1"/>
  <c r="A4586" i="1"/>
  <c r="A4592" i="1"/>
  <c r="A4597" i="1"/>
  <c r="A4596" i="1"/>
  <c r="A4593" i="1"/>
  <c r="A4598" i="1"/>
  <c r="A4603" i="1"/>
  <c r="A4600" i="1"/>
  <c r="A4601" i="1"/>
  <c r="A4599" i="1"/>
  <c r="A4602" i="1"/>
  <c r="A4606" i="1"/>
  <c r="A4605" i="1"/>
  <c r="A4609" i="1"/>
  <c r="A4610" i="1"/>
  <c r="A4611" i="1"/>
  <c r="A4612" i="1"/>
  <c r="A4615" i="1"/>
  <c r="A4613" i="1"/>
  <c r="A4614" i="1"/>
  <c r="A4616" i="1"/>
  <c r="A4620" i="1"/>
  <c r="A4622" i="1"/>
  <c r="A4627" i="1"/>
  <c r="A4628" i="1"/>
  <c r="A4621" i="1"/>
  <c r="A4626" i="1"/>
  <c r="A4635" i="1"/>
  <c r="A4629" i="1"/>
  <c r="A4634" i="1"/>
  <c r="A4630" i="1"/>
  <c r="A4640" i="1"/>
  <c r="A4637" i="1"/>
  <c r="A4648" i="1"/>
  <c r="A4642" i="1"/>
  <c r="A4647" i="1"/>
  <c r="A4649" i="1"/>
  <c r="A4651" i="1"/>
  <c r="A4650" i="1"/>
  <c r="A4652" i="1"/>
  <c r="A4662" i="1"/>
  <c r="A4661" i="1"/>
  <c r="A4660" i="1"/>
  <c r="A4659" i="1"/>
  <c r="A4666" i="1"/>
  <c r="A4670" i="1"/>
  <c r="A4667" i="1"/>
  <c r="A4665" i="1"/>
  <c r="A4668" i="1"/>
  <c r="A4675" i="1"/>
  <c r="A4673" i="1"/>
  <c r="A4672" i="1"/>
  <c r="A4676" i="1"/>
  <c r="A4674" i="1"/>
  <c r="A4671" i="1"/>
  <c r="A4677" i="1"/>
  <c r="A4690" i="1"/>
  <c r="A4688" i="1"/>
  <c r="A4685" i="1"/>
  <c r="A4679" i="1"/>
  <c r="A4689" i="1"/>
  <c r="A4684" i="1"/>
  <c r="A4692" i="1"/>
  <c r="A4693" i="1"/>
  <c r="A4691" i="1"/>
  <c r="A4694" i="1"/>
  <c r="A4702" i="1"/>
  <c r="A4695" i="1"/>
  <c r="A4701" i="1"/>
  <c r="A4700" i="1"/>
  <c r="A4704" i="1"/>
  <c r="A4707" i="1"/>
  <c r="A4703" i="1"/>
  <c r="A4708" i="1"/>
  <c r="A4710" i="1"/>
  <c r="A4709" i="1"/>
  <c r="A4711" i="1"/>
  <c r="A4714" i="1"/>
  <c r="A4712" i="1"/>
  <c r="A4713" i="1"/>
  <c r="A4715" i="1"/>
  <c r="A4721" i="1"/>
  <c r="A4727" i="1"/>
  <c r="A4726" i="1"/>
  <c r="A4722" i="1"/>
  <c r="A4728" i="1"/>
  <c r="A4723" i="1"/>
  <c r="A4743" i="1"/>
  <c r="A4729" i="1"/>
  <c r="A4736" i="1"/>
  <c r="A4730" i="1"/>
  <c r="A4732" i="1"/>
  <c r="A4744" i="1"/>
  <c r="A4745" i="1"/>
  <c r="A4746" i="1"/>
  <c r="A4747" i="1"/>
  <c r="A4748" i="1"/>
  <c r="A4749" i="1"/>
  <c r="A4750" i="1"/>
  <c r="A4753" i="1"/>
  <c r="A4763" i="1"/>
  <c r="A4754" i="1"/>
  <c r="A4764" i="1"/>
  <c r="A4765" i="1"/>
  <c r="A4755" i="1"/>
  <c r="A4759" i="1"/>
  <c r="A4769" i="1"/>
  <c r="A4770" i="1"/>
  <c r="A4772" i="1"/>
  <c r="A4777" i="1"/>
  <c r="A4771" i="1"/>
  <c r="A4778" i="1"/>
  <c r="A4783" i="1"/>
  <c r="A4779" i="1"/>
  <c r="A4780" i="1"/>
  <c r="A4785" i="1"/>
  <c r="A4784" i="1"/>
  <c r="A4790" i="1"/>
  <c r="A4791" i="1"/>
  <c r="A4792" i="1"/>
  <c r="A4797" i="1"/>
  <c r="A4794" i="1"/>
  <c r="A4793" i="1"/>
  <c r="A4798" i="1"/>
  <c r="A4804" i="1"/>
  <c r="A4805" i="1"/>
  <c r="A4800" i="1"/>
  <c r="A4799" i="1"/>
  <c r="A4808" i="1"/>
  <c r="A4810" i="1"/>
  <c r="A4809" i="1"/>
  <c r="A4812" i="1"/>
  <c r="A4811" i="1"/>
  <c r="A4813" i="1"/>
  <c r="A4814" i="1"/>
  <c r="A4819" i="1"/>
  <c r="A4816" i="1"/>
  <c r="A4817" i="1"/>
  <c r="A4818" i="1"/>
  <c r="A4821" i="1"/>
  <c r="A4820" i="1"/>
  <c r="A4830" i="1"/>
  <c r="A4825" i="1"/>
  <c r="A4822" i="1"/>
  <c r="A4831" i="1"/>
  <c r="A4826" i="1"/>
  <c r="A4841" i="1"/>
  <c r="A4836" i="1"/>
  <c r="A4840" i="1"/>
  <c r="A4837" i="1"/>
  <c r="A4842" i="1"/>
  <c r="A4843" i="1"/>
  <c r="A4845" i="1"/>
  <c r="A4844" i="1"/>
  <c r="A4846" i="1"/>
  <c r="A4848" i="1"/>
  <c r="A4847" i="1"/>
  <c r="A4849" i="1"/>
  <c r="A4856" i="1"/>
  <c r="A4855" i="1"/>
  <c r="A4850" i="1"/>
  <c r="A4851" i="1"/>
  <c r="A4861" i="1"/>
  <c r="A4857" i="1"/>
  <c r="A4863" i="1"/>
  <c r="A4862" i="1"/>
  <c r="A4864" i="1"/>
  <c r="A4865" i="1"/>
  <c r="A4869" i="1"/>
  <c r="A4870" i="1"/>
  <c r="A4866" i="1"/>
  <c r="A4871" i="1"/>
  <c r="A4873" i="1"/>
  <c r="A4872" i="1"/>
  <c r="A4877" i="1"/>
  <c r="A4879" i="1"/>
  <c r="A4878" i="1"/>
  <c r="A4881" i="1"/>
  <c r="A4885" i="1"/>
  <c r="A4880" i="1"/>
  <c r="A4887" i="1"/>
  <c r="A4888" i="1"/>
  <c r="A4886" i="1"/>
  <c r="A4892" i="1"/>
  <c r="A4894" i="1"/>
  <c r="A4898" i="1"/>
  <c r="A4899" i="1"/>
  <c r="A4897" i="1"/>
  <c r="A4893" i="1"/>
  <c r="A4900" i="1"/>
  <c r="A4901" i="1"/>
  <c r="A4906" i="1"/>
  <c r="A4907" i="1"/>
  <c r="A4908" i="1"/>
  <c r="A4909" i="1"/>
  <c r="A4910" i="1"/>
  <c r="A4913" i="1"/>
  <c r="A4912" i="1"/>
  <c r="A4915" i="1"/>
  <c r="A4914" i="1"/>
  <c r="A4916" i="1"/>
  <c r="A4926" i="1"/>
  <c r="A4925" i="1"/>
  <c r="A4920" i="1"/>
  <c r="A4924" i="1"/>
  <c r="A4927" i="1"/>
  <c r="A4931" i="1"/>
  <c r="A4930" i="1"/>
  <c r="A4929" i="1"/>
  <c r="A4932" i="1"/>
  <c r="A4933" i="1"/>
  <c r="A4934" i="1"/>
  <c r="A4938" i="1"/>
  <c r="A4937" i="1"/>
  <c r="A4935" i="1"/>
  <c r="A4940" i="1"/>
  <c r="A4945" i="1"/>
  <c r="A4942" i="1"/>
  <c r="A4939" i="1"/>
  <c r="A4953" i="1"/>
  <c r="A4946" i="1"/>
  <c r="A4957" i="1"/>
  <c r="A4955" i="1"/>
  <c r="A4956" i="1"/>
  <c r="A4954" i="1"/>
  <c r="A4960" i="1"/>
  <c r="A4961" i="1"/>
  <c r="A4964" i="1"/>
  <c r="A4966" i="1"/>
  <c r="A4969" i="1"/>
  <c r="A4970" i="1"/>
  <c r="A4977" i="1"/>
  <c r="A4988" i="1"/>
  <c r="A4987" i="1"/>
  <c r="A4978" i="1"/>
  <c r="A4984" i="1"/>
  <c r="A4989" i="1"/>
  <c r="A4990" i="1"/>
  <c r="A4997" i="1"/>
  <c r="A4998" i="1"/>
  <c r="A4995" i="1"/>
  <c r="A4991" i="1"/>
  <c r="A4999" i="1"/>
  <c r="A4996" i="1"/>
  <c r="A5000" i="1"/>
  <c r="A5003" i="1"/>
  <c r="A5004" i="1"/>
  <c r="A5002" i="1"/>
  <c r="A5005" i="1"/>
  <c r="A5009" i="1"/>
  <c r="A5008" i="1"/>
  <c r="A5012" i="1"/>
  <c r="A5013" i="1"/>
  <c r="A5011" i="1"/>
  <c r="A5010" i="1"/>
  <c r="A5014" i="1"/>
  <c r="A5024" i="1"/>
  <c r="A5022" i="1"/>
  <c r="A5026" i="1"/>
  <c r="A5027" i="1"/>
  <c r="A5036" i="1"/>
  <c r="A5029" i="1"/>
  <c r="A5030" i="1"/>
  <c r="A5035" i="1"/>
  <c r="A5038" i="1"/>
  <c r="A5045" i="1"/>
  <c r="A5044" i="1"/>
  <c r="A5039" i="1"/>
  <c r="A5037" i="1"/>
  <c r="A5046" i="1"/>
  <c r="A5050" i="1"/>
  <c r="A5047" i="1"/>
  <c r="A5048" i="1"/>
  <c r="A5051" i="1"/>
  <c r="A5055" i="1"/>
  <c r="A5054" i="1"/>
  <c r="A5067" i="1"/>
  <c r="A5056" i="1"/>
  <c r="A5062" i="1"/>
  <c r="A5069" i="1"/>
  <c r="A5075" i="1"/>
  <c r="A5073" i="1"/>
  <c r="A5071" i="1"/>
  <c r="A5070" i="1"/>
  <c r="A5076" i="1"/>
  <c r="A5072" i="1"/>
  <c r="A5078" i="1"/>
  <c r="A5077" i="1"/>
  <c r="A5082" i="1"/>
  <c r="A5081" i="1"/>
  <c r="A5083" i="1"/>
  <c r="A5086" i="1"/>
  <c r="A5084" i="1"/>
  <c r="A5089" i="1"/>
  <c r="A5090" i="1"/>
  <c r="A5094" i="1"/>
  <c r="A5093" i="1"/>
  <c r="A5095" i="1"/>
  <c r="A5091" i="1"/>
  <c r="A5099" i="1"/>
  <c r="A5101" i="1"/>
  <c r="A5100" i="1"/>
  <c r="A5103" i="1"/>
  <c r="A5102" i="1"/>
  <c r="A5106" i="1"/>
  <c r="A5108" i="1"/>
  <c r="A5107" i="1"/>
  <c r="A5112" i="1"/>
  <c r="A5114" i="1"/>
  <c r="A5113" i="1"/>
  <c r="A5109" i="1"/>
  <c r="A5115" i="1"/>
  <c r="A5116" i="1"/>
  <c r="A5119" i="1"/>
  <c r="A5117" i="1"/>
  <c r="A5118" i="1"/>
  <c r="A5122" i="1"/>
  <c r="A5121" i="1"/>
  <c r="A5120" i="1"/>
  <c r="A5126" i="1"/>
  <c r="A5127" i="1"/>
  <c r="A5129" i="1"/>
  <c r="A5128" i="1"/>
  <c r="A5130" i="1"/>
  <c r="A5137" i="1"/>
  <c r="A5141" i="1"/>
  <c r="A5134" i="1"/>
  <c r="A5139" i="1"/>
  <c r="A5133" i="1"/>
  <c r="A5143" i="1"/>
  <c r="A5138" i="1"/>
  <c r="A5142" i="1"/>
  <c r="A5145" i="1"/>
  <c r="A5146" i="1"/>
  <c r="A5144" i="1"/>
  <c r="A5147" i="1"/>
  <c r="A5156" i="1"/>
  <c r="A5154" i="1"/>
  <c r="A5158" i="1"/>
  <c r="A5155" i="1"/>
  <c r="A5159" i="1"/>
  <c r="A5161" i="1"/>
  <c r="A5160" i="1"/>
  <c r="A5163" i="1"/>
  <c r="A5164" i="1"/>
  <c r="A5162" i="1"/>
  <c r="A5165" i="1"/>
  <c r="A5169" i="1"/>
  <c r="A5166" i="1"/>
  <c r="A5168" i="1"/>
  <c r="A5170" i="1"/>
  <c r="A5172" i="1"/>
  <c r="A5173" i="1"/>
  <c r="A5175" i="1"/>
  <c r="A5174" i="1"/>
  <c r="A5176" i="1"/>
  <c r="A5177" i="1"/>
  <c r="A5179" i="1"/>
  <c r="A5181" i="1"/>
  <c r="A5182" i="1"/>
  <c r="A5178" i="1"/>
  <c r="A5190" i="1"/>
  <c r="A5188" i="1"/>
  <c r="A5189" i="1"/>
  <c r="A5186" i="1"/>
  <c r="A5191" i="1"/>
  <c r="A5185" i="1"/>
  <c r="A5187" i="1"/>
  <c r="A5192" i="1"/>
  <c r="A5201" i="1"/>
  <c r="A5193" i="1"/>
  <c r="A5200" i="1"/>
  <c r="A5195" i="1"/>
  <c r="A5199" i="1"/>
  <c r="A5202" i="1"/>
  <c r="A5208" i="1"/>
  <c r="A5204" i="1"/>
  <c r="A5203" i="1"/>
  <c r="A5210" i="1"/>
  <c r="A5212" i="1"/>
  <c r="A5209" i="1"/>
  <c r="A5211" i="1"/>
  <c r="A5215" i="1"/>
  <c r="A5213" i="1"/>
  <c r="A5220" i="1"/>
  <c r="A5216" i="1"/>
  <c r="A5221" i="1"/>
  <c r="A5223" i="1"/>
  <c r="A5227" i="1"/>
  <c r="A5222" i="1"/>
  <c r="A5234" i="1"/>
  <c r="A5235" i="1"/>
  <c r="A5236" i="1"/>
  <c r="A5228" i="1"/>
  <c r="A5233" i="1"/>
  <c r="A5238" i="1"/>
  <c r="A5239" i="1"/>
  <c r="A5245" i="1"/>
  <c r="A5241" i="1"/>
  <c r="A5244" i="1"/>
  <c r="A5243" i="1"/>
  <c r="A5242" i="1"/>
  <c r="A5249" i="1"/>
  <c r="A5255" i="1"/>
  <c r="A5250" i="1"/>
  <c r="A5251" i="1"/>
  <c r="A5256" i="1"/>
  <c r="A5259" i="1"/>
  <c r="A5260" i="1"/>
  <c r="A5267" i="1"/>
  <c r="A5272" i="1"/>
  <c r="A5261" i="1"/>
  <c r="A5266" i="1"/>
  <c r="A5265" i="1"/>
  <c r="A5262" i="1"/>
  <c r="A5277" i="1"/>
  <c r="A5273" i="1"/>
  <c r="A5278" i="1"/>
  <c r="A5282" i="1"/>
  <c r="A5279" i="1"/>
  <c r="A5286" i="1"/>
  <c r="A5285" i="1"/>
  <c r="A5287" i="1"/>
  <c r="A5280" i="1"/>
  <c r="A5281" i="1"/>
  <c r="A5291" i="1"/>
  <c r="A5290" i="1"/>
  <c r="A5297" i="1"/>
  <c r="A5294" i="1"/>
  <c r="A5302" i="1"/>
  <c r="A5301" i="1"/>
  <c r="A5300" i="1"/>
  <c r="A5308" i="1"/>
  <c r="A5303" i="1"/>
  <c r="A5309" i="1"/>
  <c r="A5319" i="1"/>
  <c r="A5320" i="1"/>
  <c r="A5313" i="1"/>
  <c r="A5312" i="1"/>
  <c r="A5322" i="1"/>
  <c r="A5327" i="1"/>
  <c r="A5321" i="1"/>
  <c r="A5329" i="1"/>
  <c r="A5328" i="1"/>
  <c r="A5333" i="1"/>
  <c r="A5339" i="1"/>
  <c r="A5334" i="1"/>
  <c r="A5335" i="1"/>
  <c r="A5342" i="1"/>
  <c r="A5351" i="1"/>
  <c r="A5352" i="1"/>
  <c r="A5344" i="1"/>
  <c r="A5354" i="1"/>
  <c r="A5347" i="1"/>
  <c r="A5343" i="1"/>
  <c r="A5353" i="1"/>
  <c r="A5360" i="1"/>
  <c r="A5362" i="1"/>
  <c r="A5355" i="1"/>
  <c r="A5365" i="1"/>
  <c r="A5364" i="1"/>
  <c r="A5367" i="1"/>
  <c r="A5368" i="1"/>
  <c r="A5366" i="1"/>
  <c r="A5373" i="1"/>
  <c r="A5372" i="1"/>
  <c r="A5371" i="1"/>
  <c r="A5369" i="1"/>
  <c r="A5382" i="1"/>
  <c r="A5381" i="1"/>
  <c r="A5377" i="1"/>
  <c r="A5376" i="1"/>
  <c r="A5391" i="1"/>
  <c r="A5390" i="1"/>
  <c r="A5387" i="1"/>
  <c r="A5388" i="1"/>
  <c r="A5392" i="1"/>
  <c r="A5393" i="1"/>
  <c r="A5396" i="1"/>
  <c r="A5395" i="1"/>
  <c r="A5399" i="1"/>
  <c r="A5400" i="1"/>
  <c r="A5401" i="1"/>
  <c r="A5405" i="1"/>
  <c r="A5403" i="1"/>
  <c r="A5409" i="1"/>
  <c r="A5415" i="1"/>
  <c r="A5406" i="1"/>
  <c r="A5408" i="1"/>
  <c r="A5407" i="1"/>
  <c r="A5416" i="1"/>
  <c r="A5410" i="1"/>
  <c r="A5428" i="1"/>
  <c r="A5421" i="1"/>
  <c r="A5423" i="1"/>
  <c r="A5417" i="1"/>
  <c r="A5418" i="1"/>
  <c r="A5422" i="1"/>
  <c r="A5419" i="1"/>
  <c r="A5434" i="1"/>
  <c r="A5429" i="1"/>
  <c r="A5439" i="1"/>
  <c r="A5431" i="1"/>
  <c r="A5435" i="1"/>
  <c r="A5430" i="1"/>
  <c r="A5442" i="1"/>
  <c r="A5440" i="1"/>
  <c r="A5443" i="1"/>
  <c r="A5449" i="1"/>
  <c r="A5448" i="1"/>
  <c r="A5451" i="1"/>
  <c r="A5450" i="1"/>
  <c r="A5454" i="1"/>
  <c r="A5455" i="1"/>
  <c r="A5458" i="1"/>
  <c r="A5457" i="1"/>
  <c r="A5456" i="1"/>
  <c r="A5461" i="1"/>
  <c r="A5462" i="1"/>
  <c r="A5467" i="1"/>
  <c r="A5463" i="1"/>
  <c r="A5464" i="1"/>
  <c r="A5465" i="1"/>
  <c r="A5468" i="1"/>
  <c r="A5470" i="1"/>
  <c r="A5473" i="1"/>
  <c r="A5478" i="1"/>
  <c r="A5479" i="1"/>
  <c r="A5477" i="1"/>
  <c r="A5480" i="1"/>
  <c r="A5483" i="1"/>
  <c r="A5484" i="1"/>
  <c r="A5482" i="1"/>
  <c r="A5485" i="1"/>
  <c r="A5489" i="1"/>
  <c r="A5490" i="1"/>
  <c r="A5486" i="1"/>
  <c r="A5487" i="1"/>
  <c r="A5491" i="1"/>
  <c r="A2252" i="1"/>
  <c r="A2249" i="1"/>
  <c r="A2248" i="1"/>
  <c r="A2251" i="1"/>
  <c r="A2250" i="1"/>
  <c r="A2259" i="1"/>
  <c r="A2255" i="1"/>
  <c r="A2258" i="1"/>
  <c r="A2254" i="1"/>
  <c r="A2253" i="1"/>
  <c r="A2262" i="1"/>
  <c r="A2263" i="1"/>
  <c r="A2261" i="1"/>
  <c r="A2264" i="1"/>
  <c r="A2266" i="1"/>
  <c r="A2267" i="1"/>
  <c r="A2279" i="1"/>
  <c r="A2268" i="1"/>
  <c r="A2280" i="1"/>
  <c r="A2269" i="1"/>
  <c r="A2286" i="1"/>
  <c r="A2275" i="1"/>
  <c r="A2285" i="1"/>
  <c r="A2287" i="1"/>
  <c r="A2290" i="1"/>
  <c r="A2293" i="1"/>
  <c r="A2292" i="1"/>
  <c r="A2289" i="1"/>
  <c r="A2294" i="1"/>
  <c r="A2297" i="1"/>
  <c r="A2299" i="1"/>
  <c r="A2298" i="1"/>
  <c r="A2296" i="1"/>
  <c r="A2302" i="1"/>
  <c r="A2300" i="1"/>
  <c r="A2303" i="1"/>
  <c r="A2309" i="1"/>
  <c r="A2304" i="1"/>
  <c r="A2307" i="1"/>
  <c r="A2308" i="1"/>
  <c r="A2305" i="1"/>
  <c r="A2306" i="1"/>
  <c r="A2312" i="1"/>
  <c r="A2310" i="1"/>
  <c r="A2318" i="1"/>
  <c r="A2313" i="1"/>
  <c r="A2314" i="1"/>
  <c r="A2317" i="1"/>
  <c r="A2321" i="1"/>
  <c r="A2323" i="1"/>
  <c r="A2319" i="1"/>
  <c r="A2324" i="1"/>
  <c r="A2325" i="1"/>
  <c r="A2326" i="1"/>
  <c r="A2331" i="1"/>
  <c r="A2343" i="1"/>
  <c r="A2332" i="1"/>
  <c r="A2333" i="1"/>
  <c r="A2341" i="1"/>
  <c r="A2342" i="1"/>
  <c r="A2334" i="1"/>
  <c r="A2347" i="1"/>
  <c r="A2350" i="1"/>
  <c r="A2352" i="1"/>
  <c r="A2348" i="1"/>
  <c r="A2351" i="1"/>
  <c r="A2353" i="1"/>
  <c r="A2362" i="1"/>
  <c r="A2361" i="1"/>
  <c r="A2354" i="1"/>
  <c r="A2355" i="1"/>
  <c r="A2360" i="1"/>
  <c r="A2367" i="1"/>
  <c r="A2363" i="1"/>
  <c r="A2368" i="1"/>
  <c r="A2366" i="1"/>
  <c r="A2372" i="1"/>
  <c r="A2374" i="1"/>
  <c r="A2382" i="1"/>
  <c r="A2375" i="1"/>
  <c r="A2373" i="1"/>
  <c r="A2392" i="1"/>
  <c r="A2393" i="1"/>
  <c r="A2385" i="1"/>
  <c r="A2391" i="1"/>
  <c r="A2383" i="1"/>
  <c r="A2384" i="1"/>
  <c r="A2395" i="1"/>
  <c r="A2386" i="1"/>
  <c r="A2403" i="1"/>
  <c r="A2397" i="1"/>
  <c r="A2400" i="1"/>
  <c r="A2404" i="1"/>
  <c r="A2396" i="1"/>
  <c r="A2412" i="1"/>
  <c r="A2410" i="1"/>
  <c r="A2411" i="1"/>
  <c r="A2409" i="1"/>
  <c r="A2406" i="1"/>
  <c r="A2408" i="1"/>
  <c r="A2405" i="1"/>
  <c r="A2418" i="1"/>
  <c r="A2414" i="1"/>
  <c r="A2413" i="1"/>
  <c r="A2420" i="1"/>
  <c r="A2422" i="1"/>
  <c r="A2421" i="1"/>
  <c r="A2425" i="1"/>
  <c r="A2419" i="1"/>
  <c r="A2435" i="1"/>
  <c r="A2436" i="1"/>
  <c r="A2437" i="1"/>
  <c r="A2429" i="1"/>
  <c r="A2428" i="1"/>
  <c r="A2441" i="1"/>
  <c r="A2442" i="1"/>
  <c r="A2450" i="1"/>
  <c r="A2443" i="1"/>
  <c r="A2447" i="1"/>
  <c r="A2444" i="1"/>
  <c r="A2451" i="1"/>
  <c r="A2445" i="1"/>
  <c r="A2455" i="1"/>
  <c r="A2460" i="1"/>
  <c r="A2457" i="1"/>
  <c r="A2458" i="1"/>
  <c r="A2456" i="1"/>
  <c r="A2453" i="1"/>
  <c r="A2461" i="1"/>
  <c r="A2452" i="1"/>
  <c r="A2463" i="1"/>
  <c r="A2464" i="1"/>
  <c r="A2470" i="1"/>
  <c r="A2469" i="1"/>
  <c r="A2467" i="1"/>
  <c r="A2466" i="1"/>
  <c r="A2465" i="1"/>
  <c r="A2475" i="1"/>
  <c r="A2472" i="1"/>
  <c r="A2476" i="1"/>
  <c r="A2471" i="1"/>
  <c r="A2473" i="1"/>
  <c r="A2474" i="1"/>
  <c r="A2480" i="1"/>
  <c r="A2479" i="1"/>
  <c r="A2481" i="1"/>
  <c r="A2484" i="1"/>
  <c r="A2483" i="1"/>
  <c r="A2486" i="1"/>
  <c r="A2485" i="1"/>
  <c r="A2488" i="1"/>
  <c r="A2493" i="1"/>
  <c r="A2494" i="1"/>
  <c r="A2487" i="1"/>
  <c r="A2495" i="1"/>
  <c r="A2502" i="1"/>
  <c r="A2501" i="1"/>
  <c r="A2504" i="1"/>
  <c r="A2503" i="1"/>
  <c r="A2499" i="1"/>
  <c r="A2498" i="1"/>
  <c r="A2496" i="1"/>
  <c r="A2509" i="1"/>
  <c r="A2510" i="1"/>
  <c r="A2508" i="1"/>
  <c r="A2507" i="1"/>
  <c r="A2511" i="1"/>
  <c r="A2522" i="1"/>
  <c r="A2517" i="1"/>
  <c r="A2521" i="1"/>
  <c r="A2518" i="1"/>
  <c r="A2528" i="1"/>
  <c r="A2537" i="1"/>
  <c r="A2540" i="1"/>
  <c r="A2539" i="1"/>
  <c r="A2538" i="1"/>
  <c r="A2527" i="1"/>
  <c r="A2534" i="1"/>
  <c r="A2546" i="1"/>
  <c r="A2547" i="1"/>
  <c r="A2545" i="1"/>
  <c r="A2544" i="1"/>
  <c r="A2541" i="1"/>
  <c r="A2555" i="1"/>
  <c r="A2553" i="1"/>
  <c r="A2554" i="1"/>
  <c r="A2548" i="1"/>
  <c r="A2559" i="1"/>
  <c r="A2557" i="1"/>
  <c r="A2556" i="1"/>
  <c r="A2560" i="1"/>
  <c r="A2558" i="1"/>
  <c r="A2563" i="1"/>
  <c r="A2566" i="1"/>
  <c r="A2567" i="1"/>
  <c r="A2564" i="1"/>
  <c r="A2569" i="1"/>
  <c r="A2572" i="1"/>
  <c r="A2571" i="1"/>
  <c r="A2568" i="1"/>
  <c r="A2573" i="1"/>
  <c r="A2575" i="1"/>
  <c r="A2578" i="1"/>
  <c r="A2574" i="1"/>
  <c r="A2580" i="1"/>
  <c r="A2579" i="1"/>
  <c r="A2584" i="1"/>
  <c r="A2583" i="1"/>
  <c r="A2581" i="1"/>
  <c r="A2585" i="1"/>
  <c r="A2589" i="1"/>
  <c r="A2588" i="1"/>
  <c r="A2587" i="1"/>
  <c r="A2590" i="1"/>
  <c r="A2600" i="1"/>
  <c r="A2601" i="1"/>
  <c r="A2593" i="1"/>
  <c r="A2602" i="1"/>
  <c r="A2608" i="1"/>
  <c r="A2603" i="1"/>
  <c r="A2610" i="1"/>
  <c r="A2607" i="1"/>
  <c r="A2606" i="1"/>
  <c r="A2612" i="1"/>
  <c r="A2611" i="1"/>
  <c r="A2618" i="1"/>
  <c r="A2615" i="1"/>
  <c r="A2616" i="1"/>
  <c r="A2613" i="1"/>
  <c r="A2614" i="1"/>
  <c r="A2623" i="1"/>
  <c r="A2627" i="1"/>
  <c r="A2632" i="1"/>
  <c r="A2620" i="1"/>
  <c r="A2633" i="1"/>
  <c r="A2628" i="1"/>
  <c r="A2621" i="1"/>
  <c r="A2619" i="1"/>
  <c r="A2634" i="1"/>
  <c r="A2640" i="1"/>
  <c r="A2635" i="1"/>
  <c r="A2641" i="1"/>
  <c r="A2642" i="1"/>
  <c r="A2643" i="1"/>
  <c r="A2649" i="1"/>
  <c r="A2647" i="1"/>
  <c r="A2648" i="1"/>
  <c r="A2659" i="1"/>
  <c r="A2655" i="1"/>
  <c r="A2656" i="1"/>
  <c r="A2657" i="1"/>
  <c r="A2658" i="1"/>
  <c r="A2666" i="1"/>
  <c r="A2670" i="1"/>
  <c r="A2671" i="1"/>
  <c r="A2672" i="1"/>
  <c r="A2669" i="1"/>
  <c r="A2660" i="1"/>
  <c r="A2665" i="1"/>
  <c r="A2661" i="1"/>
  <c r="A2667" i="1"/>
  <c r="A2673" i="1"/>
  <c r="A2674" i="1"/>
  <c r="A2682" i="1"/>
  <c r="A2677" i="1"/>
  <c r="A2683" i="1"/>
  <c r="A2685" i="1"/>
  <c r="A2678" i="1"/>
  <c r="A2693" i="1"/>
  <c r="A2692" i="1"/>
  <c r="A2686" i="1"/>
  <c r="A2694" i="1"/>
  <c r="A2699" i="1"/>
  <c r="A2698" i="1"/>
  <c r="A2701" i="1"/>
  <c r="A2702" i="1"/>
  <c r="A2706" i="1"/>
  <c r="A2708" i="1"/>
  <c r="A2700" i="1"/>
  <c r="A2707" i="1"/>
  <c r="A2713" i="1"/>
  <c r="A2710" i="1"/>
  <c r="A2709" i="1"/>
  <c r="A2720" i="1"/>
  <c r="A2721" i="1"/>
  <c r="A2729" i="1"/>
  <c r="A2714" i="1"/>
  <c r="A2723" i="1"/>
  <c r="A2722" i="1"/>
  <c r="A2731" i="1"/>
  <c r="A2730" i="1"/>
  <c r="A2733" i="1"/>
  <c r="A2746" i="1"/>
  <c r="A2748" i="1"/>
  <c r="A2740" i="1"/>
  <c r="A2743" i="1"/>
  <c r="A2747" i="1"/>
  <c r="A2742" i="1"/>
  <c r="A2736" i="1"/>
  <c r="A2735" i="1"/>
  <c r="A2734" i="1"/>
  <c r="A2741" i="1"/>
  <c r="A2749" i="1"/>
  <c r="A2759" i="1"/>
  <c r="A2754" i="1"/>
  <c r="A2760" i="1"/>
  <c r="A2755" i="1"/>
  <c r="A2768" i="1"/>
  <c r="A2764" i="1"/>
  <c r="A2763" i="1"/>
  <c r="A2769" i="1"/>
  <c r="A2776" i="1"/>
  <c r="A2770" i="1"/>
  <c r="A2780" i="1"/>
  <c r="A2779" i="1"/>
  <c r="A2791" i="1"/>
  <c r="A2785" i="1"/>
  <c r="A2786" i="1"/>
  <c r="A2790" i="1"/>
  <c r="A2787" i="1"/>
  <c r="A2788" i="1"/>
  <c r="A2784" i="1"/>
  <c r="A2795" i="1"/>
  <c r="A2806" i="1"/>
  <c r="A2796" i="1"/>
  <c r="A2797" i="1"/>
  <c r="A2792" i="1"/>
  <c r="A2798" i="1"/>
  <c r="A2804" i="1"/>
  <c r="A2805" i="1"/>
  <c r="A2803" i="1"/>
  <c r="A2813" i="1"/>
  <c r="A2816" i="1"/>
  <c r="A2812" i="1"/>
  <c r="A2815" i="1"/>
  <c r="A2814" i="1"/>
  <c r="A2820" i="1"/>
  <c r="A2821" i="1"/>
  <c r="A2824" i="1"/>
  <c r="A2823" i="1"/>
  <c r="A2825" i="1"/>
  <c r="A2827" i="1"/>
  <c r="A2826" i="1"/>
  <c r="A2847" i="1"/>
  <c r="A2846" i="1"/>
  <c r="A2831" i="1"/>
  <c r="A2830" i="1"/>
  <c r="A2832" i="1"/>
  <c r="A2838" i="1"/>
  <c r="A2845" i="1"/>
  <c r="A2836" i="1"/>
  <c r="A2837" i="1"/>
  <c r="A2844" i="1"/>
  <c r="A2850" i="1"/>
  <c r="A2848" i="1"/>
  <c r="A2849" i="1"/>
  <c r="A2857" i="1"/>
  <c r="A2855" i="1"/>
  <c r="A2851" i="1"/>
  <c r="A2854" i="1"/>
  <c r="A2856" i="1"/>
  <c r="A2852" i="1"/>
  <c r="A2861" i="1"/>
  <c r="A2860" i="1"/>
  <c r="A2871" i="1"/>
  <c r="A2868" i="1"/>
  <c r="A2872" i="1"/>
  <c r="A2873" i="1"/>
  <c r="A2874" i="1"/>
  <c r="A2876" i="1"/>
  <c r="A2877" i="1"/>
  <c r="A2878" i="1"/>
  <c r="A2875" i="1"/>
  <c r="A2883" i="1"/>
  <c r="A2879" i="1"/>
  <c r="A2888" i="1"/>
  <c r="A2884" i="1"/>
  <c r="A2885" i="1"/>
  <c r="A2892" i="1"/>
  <c r="A2898" i="1"/>
  <c r="A2889" i="1"/>
  <c r="A2902" i="1"/>
  <c r="A2891" i="1"/>
  <c r="A2894" i="1"/>
  <c r="A2890" i="1"/>
  <c r="A2893" i="1"/>
  <c r="A2903" i="1"/>
  <c r="A2907" i="1"/>
  <c r="A2908" i="1"/>
  <c r="A2910" i="1"/>
  <c r="A2909" i="1"/>
  <c r="A2905" i="1"/>
  <c r="A2912" i="1"/>
  <c r="A2924" i="1"/>
  <c r="A2921" i="1"/>
  <c r="A2917" i="1"/>
  <c r="A2923" i="1"/>
  <c r="A2928" i="1"/>
  <c r="A2918" i="1"/>
  <c r="A2922" i="1"/>
  <c r="A2913" i="1"/>
  <c r="A2929" i="1"/>
  <c r="A2932" i="1"/>
  <c r="A2931" i="1"/>
  <c r="A2935" i="1"/>
  <c r="A2936" i="1"/>
  <c r="A2937" i="1"/>
  <c r="A2943" i="1"/>
  <c r="A2939" i="1"/>
  <c r="A2942" i="1"/>
  <c r="A2938" i="1"/>
  <c r="A2947" i="1"/>
  <c r="A2944" i="1"/>
  <c r="A2946" i="1"/>
  <c r="A2950" i="1"/>
  <c r="A2945" i="1"/>
  <c r="A2951" i="1"/>
  <c r="A2952" i="1"/>
  <c r="A2953" i="1"/>
  <c r="A2955" i="1"/>
  <c r="A2949" i="1"/>
  <c r="A2963" i="1"/>
  <c r="A2958" i="1"/>
  <c r="A2960" i="1"/>
  <c r="A2956" i="1"/>
  <c r="A2967" i="1"/>
  <c r="A2966" i="1"/>
  <c r="A2959" i="1"/>
  <c r="A2976" i="1"/>
  <c r="A2979" i="1"/>
  <c r="A2975" i="1"/>
  <c r="A2974" i="1"/>
  <c r="A2987" i="1"/>
  <c r="A2986" i="1"/>
  <c r="A2982" i="1"/>
  <c r="A2985" i="1"/>
  <c r="A2980" i="1"/>
  <c r="A2981" i="1"/>
  <c r="A2988" i="1"/>
  <c r="A2995" i="1"/>
  <c r="A2992" i="1"/>
  <c r="A2997" i="1"/>
  <c r="A2996" i="1"/>
  <c r="A2991" i="1"/>
  <c r="A3005" i="1"/>
  <c r="A3008" i="1"/>
  <c r="A3017" i="1"/>
  <c r="A3007" i="1"/>
  <c r="A3015" i="1"/>
  <c r="A3016" i="1"/>
  <c r="A3006" i="1"/>
  <c r="A3029" i="1"/>
  <c r="A3028" i="1"/>
  <c r="A3018" i="1"/>
  <c r="A3022" i="1"/>
  <c r="A3024" i="1"/>
  <c r="A3026" i="1"/>
  <c r="A3033" i="1"/>
  <c r="A3025" i="1"/>
  <c r="A3036" i="1"/>
  <c r="A3044" i="1"/>
  <c r="A3046" i="1"/>
  <c r="A3037" i="1"/>
  <c r="A3043" i="1"/>
  <c r="A3045" i="1"/>
  <c r="A3056" i="1"/>
  <c r="A3055" i="1"/>
  <c r="A3058" i="1"/>
  <c r="A3059" i="1"/>
  <c r="A3066" i="1"/>
  <c r="A3063" i="1"/>
  <c r="A3064" i="1"/>
  <c r="A3071" i="1"/>
  <c r="A3076" i="1"/>
  <c r="A3072" i="1"/>
  <c r="A3073" i="1"/>
  <c r="A3075" i="1"/>
  <c r="A3074" i="1"/>
  <c r="A3079" i="1"/>
  <c r="A3090" i="1"/>
  <c r="A3086" i="1"/>
  <c r="A3089" i="1"/>
  <c r="A3081" i="1"/>
  <c r="A3088" i="1"/>
  <c r="A3094" i="1"/>
  <c r="A3095" i="1"/>
  <c r="A3082" i="1"/>
  <c r="A3093" i="1"/>
  <c r="A3083" i="1"/>
  <c r="A3080" i="1"/>
  <c r="A3103" i="1"/>
  <c r="A3097" i="1"/>
  <c r="A3101" i="1"/>
  <c r="A3102" i="1"/>
  <c r="A3098" i="1"/>
  <c r="A3111" i="1"/>
  <c r="A3114" i="1"/>
  <c r="A3113" i="1"/>
  <c r="A3112" i="1"/>
  <c r="A3110" i="1"/>
  <c r="A3104" i="1"/>
  <c r="A3115" i="1"/>
  <c r="A3118" i="1"/>
  <c r="A3121" i="1"/>
  <c r="A3117" i="1"/>
  <c r="A3125" i="1"/>
  <c r="A3124" i="1"/>
  <c r="A3135" i="1"/>
  <c r="A3141" i="1"/>
  <c r="A3133" i="1"/>
  <c r="A3138" i="1"/>
  <c r="A3134" i="1"/>
  <c r="A3131" i="1"/>
  <c r="A3136" i="1"/>
  <c r="A3128" i="1"/>
  <c r="A3132" i="1"/>
  <c r="A3127" i="1"/>
  <c r="A3146" i="1"/>
  <c r="A3147" i="1"/>
  <c r="A3151" i="1"/>
  <c r="A3149" i="1"/>
  <c r="A3142" i="1"/>
  <c r="A3150" i="1"/>
  <c r="A3152" i="1"/>
  <c r="A3158" i="1"/>
  <c r="A3153" i="1"/>
  <c r="A3159" i="1"/>
  <c r="A3160" i="1"/>
  <c r="A3161" i="1"/>
  <c r="A3163" i="1"/>
  <c r="A3165" i="1"/>
  <c r="A3166" i="1"/>
  <c r="A3162" i="1"/>
  <c r="A3164" i="1"/>
  <c r="A3170" i="1"/>
  <c r="A3172" i="1"/>
  <c r="A3171" i="1"/>
  <c r="A3169" i="1"/>
  <c r="A3176" i="1"/>
  <c r="A3173" i="1"/>
  <c r="A3175" i="1"/>
  <c r="A3177" i="1"/>
  <c r="A3179" i="1"/>
  <c r="A3180" i="1"/>
  <c r="A3178" i="1"/>
  <c r="A3181" i="1"/>
  <c r="A3193" i="1"/>
  <c r="A3192" i="1"/>
  <c r="A3186" i="1"/>
  <c r="A3185" i="1"/>
  <c r="A3196" i="1"/>
  <c r="A3197" i="1"/>
  <c r="A3195" i="1"/>
  <c r="A3194" i="1"/>
  <c r="A3201" i="1"/>
  <c r="A3200" i="1"/>
  <c r="A3202" i="1"/>
  <c r="A3203" i="1"/>
  <c r="A3207" i="1"/>
  <c r="A3208" i="1"/>
  <c r="A3206" i="1"/>
  <c r="A3210" i="1"/>
  <c r="A3209" i="1"/>
  <c r="A3212" i="1"/>
  <c r="A3215" i="1"/>
  <c r="A3216" i="1"/>
  <c r="A3211" i="1"/>
  <c r="A3221" i="1"/>
  <c r="A3218" i="1"/>
  <c r="A3217" i="1"/>
  <c r="A3226" i="1"/>
  <c r="A3225" i="1"/>
  <c r="A3223" i="1"/>
  <c r="A3222" i="1"/>
  <c r="A3233" i="1"/>
  <c r="A3228" i="1"/>
  <c r="A3232" i="1"/>
  <c r="A3227" i="1"/>
  <c r="A3230" i="1"/>
  <c r="A3229" i="1"/>
  <c r="A3231" i="1"/>
  <c r="A3234" i="1"/>
  <c r="A3235" i="1"/>
  <c r="A3238" i="1"/>
  <c r="A3241" i="1"/>
  <c r="A3242" i="1"/>
  <c r="A3243" i="1"/>
  <c r="A3249" i="1"/>
  <c r="A3250" i="1"/>
  <c r="A3244" i="1"/>
  <c r="A3261" i="1"/>
  <c r="A3259" i="1"/>
  <c r="A3254" i="1"/>
  <c r="A3255" i="1"/>
  <c r="A3262" i="1"/>
  <c r="A3263" i="1"/>
  <c r="A3264" i="1"/>
  <c r="A3273" i="1"/>
  <c r="A3281" i="1"/>
  <c r="A3274" i="1"/>
  <c r="A3267" i="1"/>
  <c r="A3272" i="1"/>
  <c r="A3269" i="1"/>
  <c r="A3276" i="1"/>
  <c r="A3277" i="1"/>
  <c r="A3268" i="1"/>
  <c r="A3282" i="1"/>
  <c r="A3287" i="1"/>
  <c r="A3283" i="1"/>
  <c r="A3285" i="1"/>
  <c r="A3284" i="1"/>
  <c r="A3286" i="1"/>
  <c r="A3297" i="1"/>
  <c r="A3300" i="1"/>
  <c r="A3293" i="1"/>
  <c r="A3288" i="1"/>
  <c r="A3290" i="1"/>
  <c r="A3291" i="1"/>
  <c r="A3289" i="1"/>
  <c r="A3298" i="1"/>
  <c r="A3292" i="1"/>
  <c r="A3306" i="1"/>
  <c r="A3304" i="1"/>
  <c r="A3302" i="1"/>
  <c r="A3305" i="1"/>
  <c r="A3301" i="1"/>
  <c r="A3309" i="1"/>
  <c r="A3308" i="1"/>
  <c r="A3313" i="1"/>
  <c r="A3310" i="1"/>
  <c r="A3312" i="1"/>
  <c r="A3314" i="1"/>
  <c r="A3316" i="1"/>
  <c r="A3317" i="1"/>
  <c r="A3318" i="1"/>
  <c r="A3319" i="1"/>
  <c r="A3325" i="1"/>
  <c r="A3323" i="1"/>
  <c r="A3324" i="1"/>
  <c r="A3333" i="1"/>
  <c r="A3335" i="1"/>
  <c r="A3328" i="1"/>
  <c r="A3326" i="1"/>
  <c r="A3334" i="1"/>
  <c r="A3338" i="1"/>
  <c r="A3337" i="1"/>
  <c r="A3339" i="1"/>
  <c r="A3340" i="1"/>
  <c r="A3350" i="1"/>
  <c r="A3344" i="1"/>
  <c r="A3345" i="1"/>
  <c r="A3349" i="1"/>
  <c r="A3341" i="1"/>
  <c r="A3346" i="1"/>
  <c r="A3352" i="1"/>
  <c r="A3355" i="1"/>
  <c r="A3354" i="1"/>
  <c r="A3361" i="1"/>
  <c r="A3360" i="1"/>
  <c r="A3362" i="1"/>
  <c r="A3356" i="1"/>
  <c r="A3357" i="1"/>
  <c r="A3370" i="1"/>
  <c r="A3367" i="1"/>
  <c r="A3369" i="1"/>
  <c r="A3368" i="1"/>
  <c r="A3373" i="1"/>
  <c r="A3372" i="1"/>
  <c r="A3374" i="1"/>
  <c r="A3382" i="1"/>
  <c r="A3378" i="1"/>
  <c r="A3377" i="1"/>
  <c r="A3380" i="1"/>
  <c r="A3381" i="1"/>
  <c r="A3383" i="1"/>
  <c r="A3389" i="1"/>
  <c r="A3394" i="1"/>
  <c r="A3384" i="1"/>
  <c r="A3385" i="1"/>
  <c r="A3393" i="1"/>
  <c r="A3396" i="1"/>
  <c r="A3400" i="1"/>
  <c r="A3395" i="1"/>
  <c r="A3403" i="1"/>
  <c r="A3404" i="1"/>
  <c r="A3412" i="1"/>
  <c r="A3408" i="1"/>
  <c r="A3405" i="1"/>
  <c r="A3409" i="1"/>
  <c r="A3406" i="1"/>
  <c r="A3415" i="1"/>
  <c r="A3416" i="1"/>
  <c r="A3413" i="1"/>
  <c r="A3422" i="1"/>
  <c r="A3418" i="1"/>
  <c r="A3421" i="1"/>
  <c r="A3417" i="1"/>
  <c r="A3423" i="1"/>
  <c r="A3435" i="1"/>
  <c r="A3430" i="1"/>
  <c r="A3425" i="1"/>
  <c r="A3434" i="1"/>
  <c r="A3433" i="1"/>
  <c r="A3441" i="1"/>
  <c r="A3444" i="1"/>
  <c r="A3452" i="1"/>
  <c r="A3439" i="1"/>
  <c r="A3445" i="1"/>
  <c r="A3451" i="1"/>
  <c r="A3446" i="1"/>
  <c r="A3440" i="1"/>
  <c r="A3458" i="1"/>
  <c r="A3453" i="1"/>
  <c r="A3459" i="1"/>
  <c r="A3455" i="1"/>
  <c r="A3454" i="1"/>
  <c r="A3476" i="1"/>
  <c r="A3462" i="1"/>
  <c r="A3470" i="1"/>
  <c r="A3475" i="1"/>
  <c r="A3468" i="1"/>
  <c r="A3467" i="1"/>
  <c r="A3469" i="1"/>
  <c r="A3480" i="1"/>
  <c r="A3483" i="1"/>
  <c r="A3478" i="1"/>
  <c r="A3477" i="1"/>
  <c r="A3481" i="1"/>
  <c r="A3479" i="1"/>
  <c r="A3491" i="1"/>
  <c r="A3484" i="1"/>
  <c r="A3493" i="1"/>
  <c r="A3498" i="1"/>
  <c r="A3499" i="1"/>
  <c r="A3494" i="1"/>
  <c r="A3492" i="1"/>
  <c r="A3503" i="1"/>
  <c r="A3502" i="1"/>
  <c r="A3500" i="1"/>
  <c r="A3505" i="1"/>
  <c r="A3504" i="1"/>
  <c r="A3501" i="1"/>
  <c r="A3510" i="1"/>
  <c r="A3508" i="1"/>
  <c r="A3511" i="1"/>
  <c r="A3509" i="1"/>
  <c r="A3518" i="1"/>
  <c r="A3514" i="1"/>
  <c r="A3517" i="1"/>
  <c r="A3513" i="1"/>
  <c r="A3521" i="1"/>
  <c r="A3519" i="1"/>
  <c r="A3520" i="1"/>
  <c r="A3522" i="1"/>
  <c r="A3539" i="1"/>
  <c r="A3538" i="1"/>
  <c r="A3540" i="1"/>
  <c r="A3527" i="1"/>
  <c r="A3534" i="1"/>
  <c r="A3529" i="1"/>
  <c r="A3532" i="1"/>
  <c r="A3528" i="1"/>
  <c r="A3531" i="1"/>
  <c r="A3554" i="1"/>
  <c r="A3544" i="1"/>
  <c r="A3548" i="1"/>
  <c r="A3547" i="1"/>
  <c r="A3541" i="1"/>
  <c r="A3553" i="1"/>
  <c r="A3555" i="1"/>
  <c r="A3542" i="1"/>
  <c r="A3556" i="1"/>
  <c r="A3545" i="1"/>
  <c r="A3557" i="1"/>
  <c r="A3564" i="1"/>
  <c r="A3567" i="1"/>
  <c r="A3565" i="1"/>
  <c r="A3570" i="1"/>
  <c r="A3568" i="1"/>
  <c r="A3569" i="1"/>
  <c r="A3573" i="1"/>
  <c r="A3572" i="1"/>
  <c r="A3577" i="1"/>
  <c r="A3578" i="1"/>
  <c r="A3579" i="1"/>
  <c r="A3580" i="1"/>
  <c r="A3586" i="1"/>
  <c r="A3581" i="1"/>
  <c r="A3584" i="1"/>
  <c r="A3593" i="1"/>
  <c r="A3590" i="1"/>
  <c r="A3592" i="1"/>
  <c r="A3597" i="1"/>
  <c r="A3599" i="1"/>
  <c r="A3600" i="1"/>
  <c r="A3594" i="1"/>
  <c r="A3596" i="1"/>
  <c r="A3605" i="1"/>
  <c r="A3604" i="1"/>
  <c r="A3603" i="1"/>
  <c r="A3607" i="1"/>
  <c r="A3606" i="1"/>
  <c r="A3608" i="1"/>
  <c r="A3609" i="1"/>
  <c r="A3613" i="1"/>
  <c r="A3619" i="1"/>
  <c r="A3615" i="1"/>
  <c r="A3620" i="1"/>
  <c r="A3618" i="1"/>
  <c r="A3610" i="1"/>
  <c r="A3614" i="1"/>
  <c r="A3611" i="1"/>
  <c r="A3630" i="1"/>
  <c r="A3622" i="1"/>
  <c r="A3625" i="1"/>
  <c r="A3626" i="1"/>
  <c r="A3629" i="1"/>
  <c r="A3627" i="1"/>
  <c r="A3633" i="1"/>
  <c r="A3628" i="1"/>
  <c r="A3638" i="1"/>
  <c r="A3637" i="1"/>
  <c r="A3639" i="1"/>
  <c r="A3640" i="1"/>
  <c r="A3651" i="1"/>
  <c r="A3645" i="1"/>
  <c r="A3647" i="1"/>
  <c r="A3646" i="1"/>
  <c r="A3643" i="1"/>
  <c r="A3644" i="1"/>
  <c r="A3655" i="1"/>
  <c r="A3658" i="1"/>
  <c r="A3657" i="1"/>
  <c r="A3656" i="1"/>
  <c r="A3652" i="1"/>
  <c r="A3660" i="1"/>
  <c r="A3669" i="1"/>
  <c r="A3666" i="1"/>
  <c r="A3664" i="1"/>
  <c r="A3661" i="1"/>
  <c r="A3668" i="1"/>
  <c r="A3665" i="1"/>
  <c r="A3673" i="1"/>
  <c r="A3676" i="1"/>
  <c r="A3675" i="1"/>
  <c r="A3672" i="1"/>
  <c r="A3689" i="1"/>
  <c r="A3681" i="1"/>
  <c r="A3685" i="1"/>
  <c r="A3691" i="1"/>
  <c r="A3686" i="1"/>
  <c r="A3699" i="1"/>
  <c r="A3696" i="1"/>
  <c r="A3693" i="1"/>
  <c r="A3695" i="1"/>
  <c r="A3694" i="1"/>
  <c r="A3698" i="1"/>
  <c r="A3692" i="1"/>
  <c r="A3705" i="1"/>
  <c r="A3706" i="1"/>
  <c r="A3710" i="1"/>
  <c r="A3709" i="1"/>
  <c r="A3700" i="1"/>
  <c r="A3711" i="1"/>
  <c r="A3713" i="1"/>
  <c r="A3716" i="1"/>
  <c r="A3715" i="1"/>
  <c r="A3718" i="1"/>
  <c r="A3717" i="1"/>
  <c r="A3712" i="1"/>
  <c r="A3725" i="1"/>
  <c r="A3723" i="1"/>
  <c r="A3724" i="1"/>
  <c r="A3726" i="1"/>
  <c r="A3729" i="1"/>
  <c r="A3727" i="1"/>
  <c r="A3730" i="1"/>
  <c r="A3731" i="1"/>
  <c r="A3732" i="1"/>
  <c r="A3733" i="1"/>
  <c r="A3746" i="1"/>
  <c r="A3736" i="1"/>
  <c r="A3741" i="1"/>
  <c r="A3747" i="1"/>
  <c r="A3749" i="1"/>
  <c r="A3739" i="1"/>
  <c r="A3745" i="1"/>
  <c r="A3748" i="1"/>
  <c r="A3750" i="1"/>
  <c r="A3740" i="1"/>
  <c r="A3754" i="1"/>
  <c r="A3755" i="1"/>
  <c r="A3753" i="1"/>
  <c r="A3751" i="1"/>
  <c r="A3757" i="1"/>
  <c r="A3756" i="1"/>
  <c r="A3759" i="1"/>
  <c r="A3760" i="1"/>
  <c r="A3766" i="1"/>
  <c r="A3767" i="1"/>
  <c r="A3763" i="1"/>
  <c r="A3771" i="1"/>
  <c r="A3768" i="1"/>
  <c r="A3772" i="1"/>
  <c r="A3778" i="1"/>
  <c r="A3782" i="1"/>
  <c r="A3776" i="1"/>
  <c r="A3781" i="1"/>
  <c r="A3777" i="1"/>
  <c r="A3775" i="1"/>
  <c r="A3783" i="1"/>
  <c r="A3796" i="1"/>
  <c r="A3794" i="1"/>
  <c r="A3795" i="1"/>
  <c r="A3799" i="1"/>
  <c r="A3804" i="1"/>
  <c r="A3789" i="1"/>
  <c r="A3811" i="1"/>
  <c r="A3812" i="1"/>
  <c r="A3814" i="1"/>
  <c r="A3815" i="1"/>
  <c r="A3826" i="1"/>
  <c r="A3824" i="1"/>
  <c r="A3822" i="1"/>
  <c r="A3816" i="1"/>
  <c r="A3817" i="1"/>
  <c r="A3827" i="1"/>
  <c r="A3818" i="1"/>
  <c r="A3823" i="1"/>
  <c r="A3828" i="1"/>
  <c r="A3841" i="1"/>
  <c r="A3834" i="1"/>
  <c r="A3840" i="1"/>
  <c r="A3842" i="1"/>
  <c r="A3843" i="1"/>
  <c r="A3844" i="1"/>
  <c r="A3846" i="1"/>
  <c r="A3852" i="1"/>
  <c r="A3845" i="1"/>
  <c r="A3849" i="1"/>
  <c r="A3850" i="1"/>
  <c r="A3851" i="1"/>
  <c r="A3858" i="1"/>
  <c r="A3854" i="1"/>
  <c r="A3857" i="1"/>
  <c r="A3853" i="1"/>
  <c r="A3859" i="1"/>
  <c r="A3861" i="1"/>
  <c r="A3862" i="1"/>
  <c r="A3864" i="1"/>
  <c r="A3863" i="1"/>
  <c r="A3866" i="1"/>
  <c r="A3867" i="1"/>
  <c r="A3865" i="1"/>
  <c r="A3871" i="1"/>
  <c r="A3876" i="1"/>
  <c r="A3870" i="1"/>
  <c r="A3880" i="1"/>
  <c r="A3875" i="1"/>
  <c r="A3872" i="1"/>
  <c r="A3881" i="1"/>
  <c r="A3886" i="1"/>
  <c r="A3883" i="1"/>
  <c r="A3882" i="1"/>
  <c r="A3888" i="1"/>
  <c r="A3887" i="1"/>
  <c r="A3895" i="1"/>
  <c r="A3899" i="1"/>
  <c r="A3901" i="1"/>
  <c r="A3900" i="1"/>
  <c r="A3907" i="1"/>
  <c r="A3908" i="1"/>
  <c r="A3912" i="1"/>
  <c r="A3915" i="1"/>
  <c r="A3913" i="1"/>
  <c r="A3919" i="1"/>
  <c r="A3920" i="1"/>
  <c r="A3916" i="1"/>
  <c r="A3917" i="1"/>
  <c r="A3921" i="1"/>
  <c r="A3925" i="1"/>
  <c r="A3924" i="1"/>
  <c r="A3930" i="1"/>
  <c r="A3929" i="1"/>
  <c r="A3926" i="1"/>
  <c r="A3928" i="1"/>
  <c r="A3935" i="1"/>
  <c r="A3931" i="1"/>
  <c r="A3934" i="1"/>
  <c r="A3932" i="1"/>
  <c r="A3940" i="1"/>
  <c r="A3939" i="1"/>
  <c r="A3941" i="1"/>
  <c r="A3937" i="1"/>
  <c r="A3942" i="1"/>
  <c r="A3947" i="1"/>
  <c r="A3946" i="1"/>
  <c r="A3950" i="1"/>
  <c r="A3948" i="1"/>
  <c r="A3949" i="1"/>
  <c r="A3953" i="1"/>
  <c r="A3954" i="1"/>
  <c r="A3952" i="1"/>
  <c r="A3961" i="1"/>
  <c r="A3963" i="1"/>
  <c r="A3955" i="1"/>
  <c r="A3962" i="1"/>
  <c r="A3959" i="1"/>
  <c r="A3966" i="1"/>
  <c r="A3970" i="1"/>
  <c r="A3971" i="1"/>
  <c r="A3967" i="1"/>
  <c r="A3973" i="1"/>
  <c r="A3972" i="1"/>
  <c r="A3974" i="1"/>
  <c r="A3975" i="1"/>
  <c r="A3977" i="1"/>
  <c r="A3984" i="1"/>
  <c r="A3982" i="1"/>
  <c r="A3983" i="1"/>
  <c r="A3978" i="1"/>
  <c r="A3985" i="1"/>
  <c r="A3981" i="1"/>
  <c r="A3986" i="1"/>
  <c r="A3987" i="1"/>
  <c r="A3988" i="1"/>
  <c r="A3991" i="1"/>
  <c r="A3996" i="1"/>
  <c r="A3989" i="1"/>
  <c r="A3995" i="1"/>
  <c r="A3992" i="1"/>
  <c r="A3994" i="1"/>
  <c r="A3999" i="1"/>
  <c r="A4000" i="1"/>
  <c r="A3998" i="1"/>
  <c r="A4001" i="1"/>
  <c r="A4002" i="1"/>
  <c r="A4007" i="1"/>
  <c r="A4003" i="1"/>
  <c r="A4008" i="1"/>
  <c r="A4011" i="1"/>
  <c r="A4018" i="1"/>
  <c r="A4021" i="1"/>
  <c r="A4019" i="1"/>
  <c r="A4024" i="1"/>
  <c r="A4020" i="1"/>
  <c r="A4028" i="1"/>
  <c r="A4025" i="1"/>
  <c r="A4026" i="1"/>
  <c r="A4027" i="1"/>
  <c r="A4030" i="1"/>
  <c r="A4035" i="1"/>
  <c r="A4040" i="1"/>
  <c r="A4038" i="1"/>
  <c r="A4032" i="1"/>
  <c r="A4036" i="1"/>
  <c r="A4031" i="1"/>
  <c r="A4039" i="1"/>
  <c r="A4044" i="1"/>
  <c r="A4041" i="1"/>
  <c r="A4042" i="1"/>
  <c r="A4043" i="1"/>
  <c r="A4050" i="1"/>
  <c r="A4052" i="1"/>
  <c r="A4056" i="1"/>
  <c r="A4054" i="1"/>
  <c r="A4053" i="1"/>
  <c r="A4062" i="1"/>
  <c r="A4061" i="1"/>
  <c r="A4059" i="1"/>
  <c r="A4064" i="1"/>
  <c r="A4067" i="1"/>
  <c r="A4065" i="1"/>
  <c r="A4066" i="1"/>
  <c r="A4070" i="1"/>
  <c r="A4071" i="1"/>
  <c r="A4074" i="1"/>
  <c r="A4076" i="1"/>
  <c r="A4079" i="1"/>
  <c r="A4077" i="1"/>
  <c r="A4078" i="1"/>
  <c r="A4081" i="1"/>
  <c r="A4085" i="1"/>
  <c r="A4084" i="1"/>
  <c r="A4083" i="1"/>
  <c r="A4086" i="1"/>
  <c r="A4087" i="1"/>
  <c r="A4093" i="1"/>
  <c r="A4088" i="1"/>
  <c r="A4092" i="1"/>
  <c r="A4095" i="1"/>
  <c r="A4096" i="1"/>
  <c r="A4094" i="1"/>
  <c r="A4097" i="1"/>
  <c r="A4105" i="1"/>
  <c r="A4104" i="1"/>
  <c r="A4098" i="1"/>
  <c r="A4110" i="1"/>
  <c r="A4114" i="1"/>
  <c r="A4109" i="1"/>
  <c r="A4115" i="1"/>
  <c r="A4111" i="1"/>
  <c r="A4116" i="1"/>
  <c r="A4121" i="1"/>
  <c r="A4120" i="1"/>
  <c r="A4117" i="1"/>
  <c r="A4128" i="1"/>
  <c r="A4127" i="1"/>
  <c r="A4132" i="1"/>
  <c r="A4122" i="1"/>
  <c r="A4129" i="1"/>
  <c r="A4134" i="1"/>
  <c r="A4135" i="1"/>
  <c r="A4141" i="1"/>
  <c r="A4142" i="1"/>
  <c r="A4136" i="1"/>
  <c r="A4133" i="1"/>
  <c r="A580" i="1"/>
  <c r="A584" i="1"/>
  <c r="A583" i="1"/>
  <c r="A585" i="1"/>
  <c r="A582" i="1"/>
  <c r="A591" i="1"/>
  <c r="A589" i="1"/>
  <c r="A592" i="1"/>
  <c r="A587" i="1"/>
  <c r="A586" i="1"/>
  <c r="A593" i="1"/>
  <c r="A596" i="1"/>
  <c r="A595" i="1"/>
  <c r="A601" i="1"/>
  <c r="A600" i="1"/>
  <c r="A598" i="1"/>
  <c r="A602" i="1"/>
  <c r="A597" i="1"/>
  <c r="A604" i="1"/>
  <c r="A605" i="1"/>
  <c r="A612" i="1"/>
  <c r="A610" i="1"/>
  <c r="A603" i="1"/>
  <c r="A619" i="1"/>
  <c r="A614" i="1"/>
  <c r="A618" i="1"/>
  <c r="A615" i="1"/>
  <c r="A617" i="1"/>
  <c r="A623" i="1"/>
  <c r="A624" i="1"/>
  <c r="A620" i="1"/>
  <c r="A625" i="1"/>
  <c r="A627" i="1"/>
  <c r="A632" i="1"/>
  <c r="A630" i="1"/>
  <c r="A639" i="1"/>
  <c r="A633" i="1"/>
  <c r="A636" i="1"/>
  <c r="A638" i="1"/>
  <c r="A637" i="1"/>
  <c r="A642" i="1"/>
  <c r="A641" i="1"/>
  <c r="A640" i="1"/>
  <c r="A648" i="1"/>
  <c r="A647" i="1"/>
  <c r="A646" i="1"/>
  <c r="A650" i="1"/>
  <c r="A652" i="1"/>
  <c r="A651" i="1"/>
  <c r="A657" i="1"/>
  <c r="A656" i="1"/>
  <c r="A660" i="1"/>
  <c r="A659" i="1"/>
  <c r="A662" i="1"/>
  <c r="A664" i="1"/>
  <c r="A671" i="1"/>
  <c r="A665" i="1"/>
  <c r="A666" i="1"/>
  <c r="A670" i="1"/>
  <c r="A667" i="1"/>
  <c r="A668" i="1"/>
  <c r="A675" i="1"/>
  <c r="A674" i="1"/>
  <c r="A673" i="1"/>
  <c r="A672" i="1"/>
  <c r="A677" i="1"/>
  <c r="A682" i="1"/>
  <c r="A680" i="1"/>
  <c r="A678" i="1"/>
  <c r="A688" i="1"/>
  <c r="A684" i="1"/>
  <c r="A686" i="1"/>
  <c r="A685" i="1"/>
  <c r="A689" i="1"/>
  <c r="A690" i="1"/>
  <c r="A691" i="1"/>
  <c r="A693" i="1"/>
  <c r="A703" i="1"/>
  <c r="A698" i="1"/>
  <c r="A707" i="1"/>
  <c r="A692" i="1"/>
  <c r="A695" i="1"/>
  <c r="A699" i="1"/>
  <c r="A704" i="1"/>
  <c r="A694" i="1"/>
  <c r="A702" i="1"/>
  <c r="A714" i="1"/>
  <c r="A708" i="1"/>
  <c r="A716" i="1"/>
  <c r="A710" i="1"/>
  <c r="A709" i="1"/>
  <c r="A713" i="1"/>
  <c r="A711" i="1"/>
  <c r="A719" i="1"/>
  <c r="A720" i="1"/>
  <c r="A722" i="1"/>
  <c r="A723" i="1"/>
  <c r="A721" i="1"/>
  <c r="A717" i="1"/>
  <c r="A724" i="1"/>
  <c r="A725" i="1"/>
  <c r="A731" i="1"/>
  <c r="A729" i="1"/>
  <c r="A726" i="1"/>
  <c r="A728" i="1"/>
  <c r="A730" i="1"/>
  <c r="A736" i="1"/>
  <c r="A734" i="1"/>
  <c r="A735" i="1"/>
  <c r="A733" i="1"/>
  <c r="A737" i="1"/>
  <c r="A738" i="1"/>
  <c r="A741" i="1"/>
  <c r="A743" i="1"/>
  <c r="A742" i="1"/>
  <c r="A744" i="1"/>
  <c r="A749" i="1"/>
  <c r="A750" i="1"/>
  <c r="A752" i="1"/>
  <c r="A751" i="1"/>
  <c r="A753" i="1"/>
  <c r="A754" i="1"/>
  <c r="A762" i="1"/>
  <c r="A763" i="1"/>
  <c r="A766" i="1"/>
  <c r="A765" i="1"/>
  <c r="A769" i="1"/>
  <c r="A764" i="1"/>
  <c r="A761" i="1"/>
  <c r="A774" i="1"/>
  <c r="A773" i="1"/>
  <c r="A771" i="1"/>
  <c r="A772" i="1"/>
  <c r="A770" i="1"/>
  <c r="A777" i="1"/>
  <c r="A776" i="1"/>
  <c r="A775" i="1"/>
  <c r="A778" i="1"/>
  <c r="A783" i="1"/>
  <c r="A784" i="1"/>
  <c r="A793" i="1"/>
  <c r="A796" i="1"/>
  <c r="A785" i="1"/>
  <c r="A786" i="1"/>
  <c r="A794" i="1"/>
  <c r="A795" i="1"/>
  <c r="A798" i="1"/>
  <c r="A797" i="1"/>
  <c r="A801" i="1"/>
  <c r="A802" i="1"/>
  <c r="A805" i="1"/>
  <c r="A806" i="1"/>
  <c r="A813" i="1"/>
  <c r="A808" i="1"/>
  <c r="A811" i="1"/>
  <c r="A817" i="1"/>
  <c r="A807" i="1"/>
  <c r="A812" i="1"/>
  <c r="A814" i="1"/>
  <c r="A818" i="1"/>
  <c r="A820" i="1"/>
  <c r="A827" i="1"/>
  <c r="A828" i="1"/>
  <c r="A834" i="1"/>
  <c r="A836" i="1"/>
  <c r="A838" i="1"/>
  <c r="A839" i="1"/>
  <c r="A832" i="1"/>
  <c r="A835" i="1"/>
  <c r="A833" i="1"/>
  <c r="A840" i="1"/>
  <c r="A845" i="1"/>
  <c r="A851" i="1"/>
  <c r="A850" i="1"/>
  <c r="A846" i="1"/>
  <c r="A857" i="1"/>
  <c r="A852" i="1"/>
  <c r="A858" i="1"/>
  <c r="A855" i="1"/>
  <c r="A863" i="1"/>
  <c r="A867" i="1"/>
  <c r="A869" i="1"/>
  <c r="A866" i="1"/>
  <c r="A862" i="1"/>
  <c r="A871" i="1"/>
  <c r="A875" i="1"/>
  <c r="A878" i="1"/>
  <c r="A879" i="1"/>
  <c r="A880" i="1"/>
  <c r="A884" i="1"/>
  <c r="A881" i="1"/>
  <c r="A885" i="1"/>
  <c r="A891" i="1"/>
  <c r="A887" i="1"/>
  <c r="A889" i="1"/>
  <c r="A897" i="1"/>
  <c r="A893" i="1"/>
  <c r="A896" i="1"/>
  <c r="A901" i="1"/>
  <c r="A914" i="1"/>
  <c r="A911" i="1"/>
  <c r="A903" i="1"/>
  <c r="A915" i="1"/>
  <c r="A918" i="1"/>
  <c r="A919" i="1"/>
  <c r="A932" i="1"/>
  <c r="A931" i="1"/>
  <c r="A922" i="1"/>
  <c r="A929" i="1"/>
  <c r="A934" i="1"/>
  <c r="A941" i="1"/>
  <c r="A936" i="1"/>
  <c r="A940" i="1"/>
  <c r="A937" i="1"/>
  <c r="A942" i="1"/>
  <c r="A945" i="1"/>
  <c r="A953" i="1"/>
  <c r="A943" i="1"/>
  <c r="A948" i="1"/>
  <c r="A950" i="1"/>
  <c r="A944" i="1"/>
  <c r="A954" i="1"/>
  <c r="A958" i="1"/>
  <c r="A961" i="1"/>
  <c r="A960" i="1"/>
  <c r="A963" i="1"/>
  <c r="A962" i="1"/>
  <c r="A980" i="1"/>
  <c r="A973" i="1"/>
  <c r="A979" i="1"/>
  <c r="A968" i="1"/>
  <c r="A981" i="1"/>
  <c r="A969" i="1"/>
  <c r="A972" i="1"/>
  <c r="A990" i="1"/>
  <c r="A987" i="1"/>
  <c r="A994" i="1"/>
  <c r="A1000" i="1"/>
  <c r="A988" i="1"/>
  <c r="A982" i="1"/>
  <c r="A1017" i="1"/>
  <c r="A1002" i="1"/>
  <c r="A1011" i="1"/>
  <c r="A1010" i="1"/>
  <c r="A1013" i="1"/>
  <c r="A1015" i="1"/>
  <c r="A1033" i="1"/>
  <c r="A1018" i="1"/>
  <c r="A1034" i="1"/>
  <c r="A1025" i="1"/>
  <c r="A1023" i="1"/>
  <c r="A1019" i="1"/>
  <c r="A1020" i="1"/>
  <c r="A1028" i="1"/>
  <c r="A1043" i="1"/>
  <c r="A1035" i="1"/>
  <c r="A1042" i="1"/>
  <c r="A1041" i="1"/>
  <c r="A1050" i="1"/>
  <c r="A1044" i="1"/>
  <c r="A1049" i="1"/>
  <c r="A1046" i="1"/>
  <c r="A1047" i="1"/>
  <c r="A1053" i="1"/>
  <c r="A1051" i="1"/>
  <c r="A1052" i="1"/>
  <c r="A1065" i="1"/>
  <c r="A1055" i="1"/>
  <c r="A1056" i="1"/>
  <c r="A1060" i="1"/>
  <c r="A1059" i="1"/>
  <c r="A1067" i="1"/>
  <c r="A1068" i="1"/>
  <c r="A1071" i="1"/>
  <c r="A1070" i="1"/>
  <c r="A1074" i="1"/>
  <c r="A1072" i="1"/>
  <c r="A1073" i="1"/>
  <c r="A1080" i="1"/>
  <c r="A1082" i="1"/>
  <c r="A1078" i="1"/>
  <c r="A1075" i="1"/>
  <c r="A1081" i="1"/>
  <c r="A1085" i="1"/>
  <c r="A1083" i="1"/>
  <c r="A1087" i="1"/>
  <c r="A1088" i="1"/>
  <c r="A1095" i="1"/>
  <c r="A1092" i="1"/>
  <c r="A1093" i="1"/>
  <c r="A1094" i="1"/>
  <c r="A1105" i="1"/>
  <c r="A1096" i="1"/>
  <c r="A1099" i="1"/>
  <c r="A1115" i="1"/>
  <c r="A1110" i="1"/>
  <c r="A1114" i="1"/>
  <c r="A1112" i="1"/>
  <c r="A1117" i="1"/>
  <c r="A1106" i="1"/>
  <c r="A1113" i="1"/>
  <c r="A1124" i="1"/>
  <c r="A1122" i="1"/>
  <c r="A1118" i="1"/>
  <c r="A1121" i="1"/>
  <c r="A1125" i="1"/>
  <c r="A1120" i="1"/>
  <c r="A1127" i="1"/>
  <c r="A1126" i="1"/>
  <c r="A1128" i="1"/>
  <c r="A1130" i="1"/>
  <c r="A1129" i="1"/>
  <c r="A1140" i="1"/>
  <c r="A1134" i="1"/>
  <c r="A1133" i="1"/>
  <c r="A1139" i="1"/>
  <c r="A1138" i="1"/>
  <c r="A1141" i="1"/>
  <c r="A1142" i="1"/>
  <c r="A1143" i="1"/>
  <c r="A1144" i="1"/>
  <c r="A1147" i="1"/>
  <c r="A1149" i="1"/>
  <c r="A1150" i="1"/>
  <c r="A1146" i="1"/>
  <c r="A1155" i="1"/>
  <c r="A1157" i="1"/>
  <c r="A1153" i="1"/>
  <c r="A1156" i="1"/>
  <c r="A1152" i="1"/>
  <c r="A1154" i="1"/>
  <c r="A1162" i="1"/>
  <c r="A1159" i="1"/>
  <c r="A1161" i="1"/>
  <c r="A1164" i="1"/>
  <c r="A1170" i="1"/>
  <c r="A1163" i="1"/>
  <c r="A1171" i="1"/>
  <c r="A1172" i="1"/>
  <c r="A1174" i="1"/>
  <c r="A1173" i="1"/>
  <c r="A1177" i="1"/>
  <c r="A1176" i="1"/>
  <c r="A1179" i="1"/>
  <c r="A1180" i="1"/>
  <c r="A1181" i="1"/>
  <c r="A1183" i="1"/>
  <c r="A1182" i="1"/>
  <c r="A1186" i="1"/>
  <c r="A1185" i="1"/>
  <c r="A1184" i="1"/>
  <c r="A1187" i="1"/>
  <c r="A1195" i="1"/>
  <c r="A1194" i="1"/>
  <c r="A1190" i="1"/>
  <c r="A1199" i="1"/>
  <c r="A1197" i="1"/>
  <c r="A1196" i="1"/>
  <c r="A1205" i="1"/>
  <c r="A1204" i="1"/>
  <c r="A1203" i="1"/>
  <c r="A1207" i="1"/>
  <c r="A1208" i="1"/>
  <c r="A1210" i="1"/>
  <c r="A1213" i="1"/>
  <c r="A1215" i="1"/>
  <c r="A1217" i="1"/>
  <c r="A1214" i="1"/>
  <c r="A1219" i="1"/>
  <c r="A1220" i="1"/>
  <c r="A1223" i="1"/>
  <c r="A1229" i="1"/>
  <c r="A1226" i="1"/>
  <c r="A1224" i="1"/>
  <c r="A1238" i="1"/>
  <c r="A1234" i="1"/>
  <c r="A1231" i="1"/>
  <c r="A1242" i="1"/>
  <c r="A1241" i="1"/>
  <c r="A1247" i="1"/>
  <c r="A1244" i="1"/>
  <c r="A1245" i="1"/>
  <c r="A1240" i="1"/>
  <c r="A1243" i="1"/>
  <c r="A1248" i="1"/>
  <c r="A1255" i="1"/>
  <c r="A1253" i="1"/>
  <c r="A1254" i="1"/>
  <c r="A1250" i="1"/>
  <c r="A1258" i="1"/>
  <c r="A1269" i="1"/>
  <c r="A1257" i="1"/>
  <c r="A1262" i="1"/>
  <c r="A1266" i="1"/>
  <c r="A1261" i="1"/>
  <c r="A1270" i="1"/>
  <c r="A1277" i="1"/>
  <c r="A1275" i="1"/>
  <c r="A1273" i="1"/>
  <c r="A1278" i="1"/>
  <c r="A1285" i="1"/>
  <c r="A1282" i="1"/>
  <c r="A1279" i="1"/>
  <c r="A1284" i="1"/>
  <c r="A1288" i="1"/>
  <c r="A1289" i="1"/>
  <c r="A1290" i="1"/>
  <c r="A1287" i="1"/>
  <c r="A1286" i="1"/>
  <c r="A1295" i="1"/>
  <c r="A1296" i="1"/>
  <c r="A1291" i="1"/>
  <c r="A1301" i="1"/>
  <c r="A1300" i="1"/>
  <c r="A1297" i="1"/>
  <c r="A1299" i="1"/>
  <c r="A1310" i="1"/>
  <c r="A1315" i="1"/>
  <c r="A1308" i="1"/>
  <c r="A1304" i="1"/>
  <c r="A1307" i="1"/>
  <c r="A1302" i="1"/>
  <c r="A1305" i="1"/>
  <c r="A1327" i="1"/>
  <c r="A1328" i="1"/>
  <c r="A1325" i="1"/>
  <c r="A1316" i="1"/>
  <c r="A1321" i="1"/>
  <c r="A1319" i="1"/>
  <c r="A1329" i="1"/>
  <c r="A1335" i="1"/>
  <c r="A1330" i="1"/>
  <c r="A1332" i="1"/>
  <c r="A1334" i="1"/>
  <c r="A1333" i="1"/>
  <c r="A1337" i="1"/>
  <c r="A1340" i="1"/>
  <c r="A1342" i="1"/>
  <c r="A1343" i="1"/>
  <c r="A1338" i="1"/>
  <c r="A1344" i="1"/>
  <c r="A1346" i="1"/>
  <c r="A1341" i="1"/>
  <c r="A1347" i="1"/>
  <c r="A1352" i="1"/>
  <c r="A1357" i="1"/>
  <c r="A1356" i="1"/>
  <c r="A1353" i="1"/>
  <c r="A1361" i="1"/>
  <c r="A1359" i="1"/>
  <c r="A1358" i="1"/>
  <c r="A1371" i="1"/>
  <c r="A1363" i="1"/>
  <c r="A1377" i="1"/>
  <c r="A1372" i="1"/>
  <c r="A1365" i="1"/>
  <c r="A1366" i="1"/>
  <c r="A1374" i="1"/>
  <c r="A1370" i="1"/>
  <c r="A1382" i="1"/>
  <c r="A1378" i="1"/>
  <c r="A1381" i="1"/>
  <c r="A1384" i="1"/>
  <c r="A1387" i="1"/>
  <c r="A1390" i="1"/>
  <c r="A1391" i="1"/>
  <c r="A1389" i="1"/>
  <c r="A1400" i="1"/>
  <c r="A1403" i="1"/>
  <c r="A1404" i="1"/>
  <c r="A1399" i="1"/>
  <c r="A1409" i="1"/>
  <c r="A1410" i="1"/>
  <c r="A1411" i="1"/>
  <c r="A1412" i="1"/>
  <c r="A1414" i="1"/>
  <c r="A1413" i="1"/>
  <c r="A1416" i="1"/>
  <c r="A1418" i="1"/>
  <c r="A1417" i="1"/>
  <c r="A1415" i="1"/>
  <c r="A1427" i="1"/>
  <c r="A1419" i="1"/>
  <c r="A1422" i="1"/>
  <c r="A1428" i="1"/>
  <c r="A1423" i="1"/>
  <c r="A1432" i="1"/>
  <c r="A1435" i="1"/>
  <c r="A1429" i="1"/>
  <c r="A1436" i="1"/>
  <c r="A1440" i="1"/>
  <c r="A1441" i="1"/>
  <c r="A1438" i="1"/>
  <c r="A1443" i="1"/>
  <c r="A1442" i="1"/>
  <c r="A1445" i="1"/>
  <c r="A1448" i="1"/>
  <c r="A1449" i="1"/>
  <c r="A1451" i="1"/>
  <c r="A1452" i="1"/>
  <c r="A1458" i="1"/>
  <c r="A1453" i="1"/>
  <c r="A1460" i="1"/>
  <c r="A1468" i="1"/>
  <c r="A1467" i="1"/>
  <c r="A1461" i="1"/>
  <c r="A1465" i="1"/>
  <c r="A1466" i="1"/>
  <c r="A1459" i="1"/>
  <c r="A1464" i="1"/>
  <c r="A1471" i="1"/>
  <c r="A1474" i="1"/>
  <c r="A1470" i="1"/>
  <c r="A1469" i="1"/>
  <c r="A1479" i="1"/>
  <c r="A1480" i="1"/>
  <c r="A1476" i="1"/>
  <c r="A1475" i="1"/>
  <c r="A1494" i="1"/>
  <c r="A1492" i="1"/>
  <c r="A1485" i="1"/>
  <c r="A1493" i="1"/>
  <c r="A1495" i="1"/>
  <c r="A1499" i="1"/>
  <c r="A1500" i="1"/>
  <c r="A1496" i="1"/>
  <c r="A1497" i="1"/>
  <c r="A1502" i="1"/>
  <c r="A1505" i="1"/>
  <c r="A1504" i="1"/>
  <c r="A1503" i="1"/>
  <c r="A1509" i="1"/>
  <c r="A1506" i="1"/>
  <c r="A1510" i="1"/>
  <c r="A1507" i="1"/>
  <c r="A1512" i="1"/>
  <c r="A1513" i="1"/>
  <c r="A1516" i="1"/>
  <c r="A1517" i="1"/>
  <c r="A1514" i="1"/>
  <c r="A1519" i="1"/>
  <c r="A1520" i="1"/>
  <c r="A1524" i="1"/>
  <c r="A1525" i="1"/>
  <c r="A1526" i="1"/>
  <c r="A1528" i="1"/>
  <c r="A1527" i="1"/>
  <c r="A1523" i="1"/>
  <c r="A1530" i="1"/>
  <c r="A1539" i="1"/>
  <c r="A1538" i="1"/>
  <c r="A1533" i="1"/>
  <c r="A1540" i="1"/>
  <c r="A1541" i="1"/>
  <c r="A1548" i="1"/>
  <c r="A1543" i="1"/>
  <c r="A1542" i="1"/>
  <c r="A1544" i="1"/>
  <c r="A1547" i="1"/>
  <c r="A1546" i="1"/>
  <c r="A1552" i="1"/>
  <c r="A1551" i="1"/>
  <c r="A1553" i="1"/>
  <c r="A1554" i="1"/>
  <c r="A1555" i="1"/>
  <c r="A1559" i="1"/>
  <c r="A1558" i="1"/>
  <c r="A1561" i="1"/>
  <c r="A1571" i="1"/>
  <c r="A1563" i="1"/>
  <c r="A1570" i="1"/>
  <c r="A1565" i="1"/>
  <c r="A1579" i="1"/>
  <c r="A1583" i="1"/>
  <c r="A1581" i="1"/>
  <c r="A1582" i="1"/>
  <c r="A1574" i="1"/>
  <c r="A1578" i="1"/>
  <c r="A1575" i="1"/>
  <c r="A1584" i="1"/>
  <c r="A1585" i="1"/>
  <c r="A1589" i="1"/>
  <c r="A1592" i="1"/>
  <c r="A1588" i="1"/>
  <c r="A1594" i="1"/>
  <c r="A1593" i="1"/>
  <c r="A1596" i="1"/>
  <c r="A1597" i="1"/>
  <c r="A1598" i="1"/>
  <c r="A1601" i="1"/>
  <c r="A1605" i="1"/>
  <c r="A1604" i="1"/>
  <c r="A1602" i="1"/>
  <c r="A1603" i="1"/>
  <c r="A1606" i="1"/>
  <c r="A1608" i="1"/>
  <c r="A1614" i="1"/>
  <c r="A1613" i="1"/>
  <c r="A1610" i="1"/>
  <c r="A1612" i="1"/>
  <c r="A1611" i="1"/>
  <c r="A1618" i="1"/>
  <c r="A1617" i="1"/>
  <c r="A1621" i="1"/>
  <c r="A1628" i="1"/>
  <c r="A1624" i="1"/>
  <c r="A1619" i="1"/>
  <c r="A1623" i="1"/>
  <c r="A1620" i="1"/>
  <c r="A1635" i="1"/>
  <c r="A1634" i="1"/>
  <c r="A1636" i="1"/>
  <c r="A1633" i="1"/>
  <c r="A1642" i="1"/>
  <c r="A1638" i="1"/>
  <c r="A1637" i="1"/>
  <c r="A1643" i="1"/>
  <c r="A1641" i="1"/>
  <c r="A1639" i="1"/>
  <c r="A1646" i="1"/>
  <c r="A1653" i="1"/>
  <c r="A1649" i="1"/>
  <c r="A1654" i="1"/>
  <c r="A1655" i="1"/>
  <c r="A1650" i="1"/>
  <c r="A1651" i="1"/>
  <c r="A1665" i="1"/>
  <c r="A1663" i="1"/>
  <c r="A1662" i="1"/>
  <c r="A1657" i="1"/>
  <c r="A1659" i="1"/>
  <c r="A1666" i="1"/>
  <c r="A1667" i="1"/>
  <c r="A1668" i="1"/>
  <c r="A1670" i="1"/>
  <c r="A1669" i="1"/>
  <c r="A1676" i="1"/>
  <c r="A1673" i="1"/>
  <c r="A1674" i="1"/>
  <c r="A1675" i="1"/>
  <c r="A1678" i="1"/>
  <c r="A1683" i="1"/>
  <c r="A1677" i="1"/>
  <c r="A1684" i="1"/>
  <c r="A1687" i="1"/>
  <c r="A1685" i="1"/>
  <c r="A1681" i="1"/>
  <c r="A1686" i="1"/>
  <c r="A1682" i="1"/>
  <c r="A1679" i="1"/>
  <c r="A1689" i="1"/>
  <c r="A1688" i="1"/>
  <c r="A1698" i="1"/>
  <c r="A1694" i="1"/>
  <c r="A1693" i="1"/>
  <c r="A1703" i="1"/>
  <c r="A1700" i="1"/>
  <c r="A1702" i="1"/>
  <c r="A1701" i="1"/>
  <c r="A1706" i="1"/>
  <c r="A1705" i="1"/>
  <c r="A1707" i="1"/>
  <c r="A1708" i="1"/>
  <c r="A1713" i="1"/>
  <c r="A1717" i="1"/>
  <c r="A1714" i="1"/>
  <c r="A1721" i="1"/>
  <c r="A1725" i="1"/>
  <c r="A1719" i="1"/>
  <c r="A1723" i="1"/>
  <c r="A1718" i="1"/>
  <c r="A1729" i="1"/>
  <c r="A1732" i="1"/>
  <c r="A1736" i="1"/>
  <c r="A1730" i="1"/>
  <c r="A1728" i="1"/>
  <c r="A1738" i="1"/>
  <c r="A1743" i="1"/>
  <c r="A1740" i="1"/>
  <c r="A1750" i="1"/>
  <c r="A1747" i="1"/>
  <c r="A1748" i="1"/>
  <c r="A1749" i="1"/>
  <c r="A1751" i="1"/>
  <c r="A1755" i="1"/>
  <c r="A1752" i="1"/>
  <c r="A1760" i="1"/>
  <c r="A1761" i="1"/>
  <c r="A1756" i="1"/>
  <c r="A1764" i="1"/>
  <c r="A1763" i="1"/>
  <c r="A1768" i="1"/>
  <c r="A1770" i="1"/>
  <c r="A1765" i="1"/>
  <c r="A1774" i="1"/>
  <c r="A1771" i="1"/>
  <c r="A1773" i="1"/>
  <c r="A1775" i="1"/>
  <c r="A1777" i="1"/>
  <c r="A1778" i="1"/>
  <c r="A1779" i="1"/>
  <c r="A1783" i="1"/>
  <c r="A1784" i="1"/>
  <c r="A1781" i="1"/>
  <c r="A1780" i="1"/>
  <c r="A1791" i="1"/>
  <c r="A1785" i="1"/>
  <c r="A1796" i="1"/>
  <c r="A1790" i="1"/>
  <c r="A1797" i="1"/>
  <c r="A1789" i="1"/>
  <c r="A1798" i="1"/>
  <c r="A1800" i="1"/>
  <c r="A1799" i="1"/>
  <c r="A1805" i="1"/>
  <c r="A1806" i="1"/>
  <c r="A1803" i="1"/>
  <c r="A1814" i="1"/>
  <c r="A1809" i="1"/>
  <c r="A1808" i="1"/>
  <c r="A1816" i="1"/>
  <c r="A1815" i="1"/>
  <c r="A1823" i="1"/>
  <c r="A1825" i="1"/>
  <c r="A1821" i="1"/>
  <c r="A1820" i="1"/>
  <c r="A1817" i="1"/>
  <c r="A1818" i="1"/>
  <c r="A1827" i="1"/>
  <c r="A1839" i="1"/>
  <c r="A1835" i="1"/>
  <c r="A1828" i="1"/>
  <c r="A1826" i="1"/>
  <c r="A1836" i="1"/>
  <c r="A1838" i="1"/>
  <c r="A1842" i="1"/>
  <c r="A1849" i="1"/>
  <c r="A1848" i="1"/>
  <c r="A1844" i="1"/>
  <c r="A1847" i="1"/>
  <c r="A1843" i="1"/>
  <c r="A1850" i="1"/>
  <c r="A1853" i="1"/>
  <c r="A1854" i="1"/>
  <c r="A1855" i="1"/>
  <c r="A1865" i="1"/>
  <c r="A1866" i="1"/>
  <c r="A1860" i="1"/>
  <c r="A1869" i="1"/>
  <c r="A1868" i="1"/>
  <c r="A1867" i="1"/>
  <c r="A1870" i="1"/>
  <c r="A1871" i="1"/>
  <c r="A1873" i="1"/>
  <c r="A1872" i="1"/>
  <c r="A1876" i="1"/>
  <c r="A1879" i="1"/>
  <c r="A1881" i="1"/>
  <c r="A1878" i="1"/>
  <c r="A1886" i="1"/>
  <c r="A1877" i="1"/>
  <c r="A1882" i="1"/>
  <c r="A1887" i="1"/>
  <c r="A1893" i="1"/>
  <c r="A1891" i="1"/>
  <c r="A1889" i="1"/>
  <c r="A1895" i="1"/>
  <c r="A1894" i="1"/>
  <c r="A1898" i="1"/>
  <c r="A1899" i="1"/>
  <c r="A1904" i="1"/>
  <c r="A1907" i="1"/>
  <c r="A1908" i="1"/>
  <c r="A1900" i="1"/>
  <c r="A1901" i="1"/>
  <c r="A1911" i="1"/>
  <c r="A1909" i="1"/>
  <c r="A1910" i="1"/>
  <c r="A1915" i="1"/>
  <c r="A1920" i="1"/>
  <c r="A1912" i="1"/>
  <c r="A1922" i="1"/>
  <c r="A1925" i="1"/>
  <c r="A1921" i="1"/>
  <c r="A1936" i="1"/>
  <c r="A1939" i="1"/>
  <c r="A1937" i="1"/>
  <c r="A1931" i="1"/>
  <c r="A1935" i="1"/>
  <c r="A1940" i="1"/>
  <c r="A1926" i="1"/>
  <c r="A1946" i="1"/>
  <c r="A1950" i="1"/>
  <c r="A1945" i="1"/>
  <c r="A1951" i="1"/>
  <c r="A1942" i="1"/>
  <c r="A1949" i="1"/>
  <c r="A1948" i="1"/>
  <c r="A1953" i="1"/>
  <c r="A1952" i="1"/>
  <c r="A1959" i="1"/>
  <c r="A1961" i="1"/>
  <c r="A1958" i="1"/>
  <c r="A1962" i="1"/>
  <c r="A1963" i="1"/>
  <c r="A1964" i="1"/>
  <c r="A1965" i="1"/>
  <c r="A1966" i="1"/>
  <c r="A1970" i="1"/>
  <c r="A1967" i="1"/>
  <c r="A1971" i="1"/>
  <c r="A1973" i="1"/>
  <c r="A1975" i="1"/>
  <c r="A1976" i="1"/>
  <c r="A1978" i="1"/>
  <c r="A1979" i="1"/>
  <c r="A1980" i="1"/>
  <c r="A1983" i="1"/>
  <c r="A1982" i="1"/>
  <c r="A1981" i="1"/>
  <c r="A1989" i="1"/>
  <c r="A1990" i="1"/>
  <c r="A1993" i="1"/>
  <c r="A1992" i="1"/>
  <c r="A1987" i="1"/>
  <c r="A1994" i="1"/>
  <c r="A1996" i="1"/>
  <c r="A1997" i="1"/>
  <c r="A1995" i="1"/>
  <c r="A1998" i="1"/>
  <c r="A2002" i="1"/>
  <c r="A1999" i="1"/>
  <c r="A2001" i="1"/>
  <c r="A2003" i="1"/>
  <c r="A2004" i="1"/>
  <c r="A2005" i="1"/>
  <c r="A2006" i="1"/>
  <c r="A2009" i="1"/>
  <c r="A2007" i="1"/>
  <c r="A2010" i="1"/>
  <c r="A2014" i="1"/>
  <c r="A2020" i="1"/>
  <c r="A2012" i="1"/>
  <c r="A2017" i="1"/>
  <c r="A2019" i="1"/>
  <c r="A2015" i="1"/>
  <c r="A2016" i="1"/>
  <c r="A2022" i="1"/>
  <c r="A2026" i="1"/>
  <c r="A2023" i="1"/>
  <c r="A2031" i="1"/>
  <c r="A2032" i="1"/>
  <c r="A2033" i="1"/>
  <c r="A2034" i="1"/>
  <c r="A2035" i="1"/>
  <c r="A2040" i="1"/>
  <c r="A2036" i="1"/>
  <c r="A2038" i="1"/>
  <c r="A2039" i="1"/>
  <c r="A2045" i="1"/>
  <c r="A2037" i="1"/>
  <c r="A2046" i="1"/>
  <c r="A2051" i="1"/>
  <c r="A2050" i="1"/>
  <c r="A2048" i="1"/>
  <c r="A2049" i="1"/>
  <c r="A2052" i="1"/>
  <c r="A2053" i="1"/>
  <c r="A2055" i="1"/>
  <c r="A2058" i="1"/>
  <c r="A2056" i="1"/>
  <c r="A2060" i="1"/>
  <c r="A2061" i="1"/>
  <c r="A2064" i="1"/>
  <c r="A2065" i="1"/>
  <c r="A2063" i="1"/>
  <c r="A2059" i="1"/>
  <c r="A2070" i="1"/>
  <c r="A2067" i="1"/>
  <c r="A2066" i="1"/>
  <c r="A2073" i="1"/>
  <c r="A2071" i="1"/>
  <c r="A2079" i="1"/>
  <c r="A2076" i="1"/>
  <c r="A2074" i="1"/>
  <c r="A2080" i="1"/>
  <c r="A2081" i="1"/>
  <c r="A2084" i="1"/>
  <c r="A2082" i="1"/>
  <c r="A2088" i="1"/>
  <c r="A2087" i="1"/>
  <c r="A2090" i="1"/>
  <c r="A2089" i="1"/>
  <c r="A2099" i="1"/>
  <c r="A2096" i="1"/>
  <c r="A2097" i="1"/>
  <c r="A2092" i="1"/>
  <c r="A2095" i="1"/>
  <c r="A2093" i="1"/>
  <c r="A2094" i="1"/>
  <c r="A2101" i="1"/>
  <c r="A2102" i="1"/>
  <c r="A2100" i="1"/>
  <c r="A2105" i="1"/>
  <c r="A2104" i="1"/>
  <c r="A2103" i="1"/>
  <c r="A2106" i="1"/>
  <c r="A2107" i="1"/>
  <c r="A2109" i="1"/>
  <c r="A2110" i="1"/>
  <c r="A2108" i="1"/>
  <c r="A2111" i="1"/>
  <c r="A2112" i="1"/>
  <c r="A2114" i="1"/>
  <c r="A2113" i="1"/>
  <c r="A2117" i="1"/>
  <c r="A2118" i="1"/>
  <c r="A2116" i="1"/>
  <c r="A2115" i="1"/>
  <c r="A2132" i="1"/>
  <c r="A2134" i="1"/>
  <c r="A2136" i="1"/>
  <c r="A2128" i="1"/>
  <c r="A2131" i="1"/>
  <c r="A2119" i="1"/>
  <c r="A2127" i="1"/>
  <c r="A2144" i="1"/>
  <c r="A2137" i="1"/>
  <c r="A2143" i="1"/>
  <c r="A2139" i="1"/>
  <c r="A2138" i="1"/>
  <c r="A2148" i="1"/>
  <c r="A2150" i="1"/>
  <c r="A2149" i="1"/>
  <c r="A2146" i="1"/>
  <c r="A2147" i="1"/>
  <c r="A2156" i="1"/>
  <c r="A2152" i="1"/>
  <c r="A2154" i="1"/>
  <c r="A2151" i="1"/>
  <c r="A2160" i="1"/>
  <c r="A2159" i="1"/>
  <c r="A2161" i="1"/>
  <c r="A2157" i="1"/>
  <c r="A2164" i="1"/>
  <c r="A2162" i="1"/>
  <c r="A2163" i="1"/>
  <c r="A2175" i="1"/>
  <c r="A2166" i="1"/>
  <c r="A2170" i="1"/>
  <c r="A2167" i="1"/>
  <c r="A2174" i="1"/>
  <c r="A2165" i="1"/>
  <c r="A2169" i="1"/>
  <c r="A2181" i="1"/>
  <c r="A2180" i="1"/>
  <c r="A2183" i="1"/>
  <c r="A2192" i="1"/>
  <c r="A2189" i="1"/>
  <c r="A2193" i="1"/>
  <c r="A2190" i="1"/>
  <c r="A2184" i="1"/>
  <c r="A2185" i="1"/>
  <c r="A2186" i="1"/>
  <c r="A2195" i="1"/>
  <c r="A2194" i="1"/>
  <c r="A2199" i="1"/>
  <c r="A2200" i="1"/>
  <c r="A2207" i="1"/>
  <c r="A2203" i="1"/>
  <c r="A2202" i="1"/>
  <c r="A2208" i="1"/>
  <c r="A2211" i="1"/>
  <c r="A2212" i="1"/>
  <c r="A2214" i="1"/>
  <c r="A2216" i="1"/>
  <c r="A2215" i="1"/>
  <c r="A2218" i="1"/>
  <c r="A2217" i="1"/>
  <c r="A2226" i="1"/>
  <c r="A2227" i="1"/>
  <c r="A2230" i="1"/>
  <c r="A2229" i="1"/>
  <c r="A2224" i="1"/>
  <c r="A2228" i="1"/>
  <c r="A2223" i="1"/>
  <c r="A2225" i="1"/>
  <c r="A2231" i="1"/>
  <c r="A2232" i="1"/>
  <c r="A2234" i="1"/>
  <c r="A2241" i="1"/>
  <c r="A2236" i="1"/>
  <c r="A2235" i="1"/>
  <c r="A2242" i="1"/>
  <c r="A2237" i="1"/>
  <c r="A2245" i="1"/>
  <c r="A2247" i="1"/>
  <c r="A2246" i="1"/>
  <c r="A11045" i="1"/>
  <c r="A11044" i="1"/>
  <c r="A11046" i="1"/>
  <c r="A11097" i="1"/>
  <c r="A11084" i="1"/>
  <c r="A11051" i="1"/>
  <c r="A11077" i="1"/>
  <c r="A11102" i="1"/>
  <c r="A11107" i="1"/>
  <c r="A11154" i="1"/>
  <c r="A11130" i="1"/>
  <c r="A11127" i="1"/>
  <c r="A11133" i="1"/>
  <c r="A11126" i="1"/>
  <c r="A11122" i="1"/>
  <c r="A11155" i="1"/>
  <c r="A11157" i="1"/>
  <c r="A11160" i="1"/>
  <c r="A11158" i="1"/>
  <c r="A11159" i="1"/>
  <c r="A11165" i="1"/>
  <c r="A11161" i="1"/>
  <c r="A11172" i="1"/>
  <c r="A11162" i="1"/>
  <c r="A11173" i="1"/>
  <c r="A11194" i="1"/>
  <c r="A11193" i="1"/>
  <c r="A11190" i="1"/>
  <c r="A11195" i="1"/>
  <c r="A11207" i="1"/>
  <c r="A11202" i="1"/>
  <c r="A11208" i="1"/>
  <c r="A11235" i="1"/>
  <c r="A11253" i="1"/>
  <c r="A11252" i="1"/>
  <c r="A11254" i="1"/>
  <c r="A11257" i="1"/>
  <c r="A11290" i="1"/>
  <c r="A11260" i="1"/>
  <c r="A11285" i="1"/>
  <c r="A11273" i="1"/>
  <c r="A11258" i="1"/>
  <c r="A11314" i="1"/>
  <c r="A11317" i="1"/>
  <c r="A11299" i="1"/>
  <c r="A11293" i="1"/>
  <c r="A11301" i="1"/>
  <c r="A11324" i="1"/>
  <c r="A11338" i="1"/>
  <c r="A11329" i="1"/>
  <c r="A11344" i="1"/>
  <c r="A11388" i="1"/>
  <c r="A11368" i="1"/>
  <c r="A11349" i="1"/>
  <c r="A11367" i="1"/>
  <c r="A11379" i="1"/>
  <c r="A11384" i="1"/>
  <c r="A11445" i="1"/>
  <c r="A11395" i="1"/>
  <c r="A11432" i="1"/>
  <c r="A11391" i="1"/>
  <c r="A11452" i="1"/>
  <c r="A11471" i="1"/>
  <c r="A11446" i="1"/>
  <c r="A11461" i="1"/>
  <c r="A11486" i="1"/>
  <c r="A11494" i="1"/>
  <c r="A11501" i="1"/>
  <c r="A11484" i="1"/>
  <c r="A11492" i="1"/>
  <c r="A11502" i="1"/>
  <c r="A11529" i="1"/>
  <c r="A11525" i="1"/>
  <c r="A11534" i="1"/>
  <c r="A11511" i="1"/>
  <c r="A11506" i="1"/>
  <c r="A11538" i="1"/>
  <c r="A11539" i="1"/>
  <c r="A11543" i="1"/>
  <c r="A11554" i="1"/>
  <c r="A11585" i="1"/>
  <c r="A11589" i="1"/>
  <c r="A11580" i="1"/>
  <c r="A11566" i="1"/>
  <c r="A11555" i="1"/>
  <c r="A11623" i="1"/>
  <c r="A11593" i="1"/>
  <c r="A11622" i="1"/>
  <c r="A11640" i="1"/>
  <c r="A11652" i="1"/>
  <c r="A11629" i="1"/>
  <c r="A11644" i="1"/>
  <c r="A11647" i="1"/>
  <c r="A11628" i="1"/>
  <c r="A11639" i="1"/>
  <c r="A11660" i="1"/>
  <c r="A11669" i="1"/>
  <c r="A11653" i="1"/>
  <c r="A11657" i="1"/>
  <c r="A11658" i="1"/>
  <c r="A11668" i="1"/>
  <c r="A11670" i="1"/>
  <c r="A11682" i="1"/>
  <c r="A11687" i="1"/>
  <c r="A11686" i="1"/>
  <c r="A11675" i="1"/>
  <c r="A11683" i="1"/>
  <c r="A11705" i="1"/>
  <c r="A11698" i="1"/>
  <c r="A11704" i="1"/>
  <c r="A11713" i="1"/>
  <c r="A11712" i="1"/>
  <c r="A11710" i="1"/>
  <c r="A11735" i="1"/>
  <c r="A11721" i="1"/>
  <c r="A11728" i="1"/>
  <c r="A11730" i="1"/>
  <c r="A11729" i="1"/>
  <c r="A11766" i="1"/>
  <c r="A11738" i="1"/>
  <c r="A11750" i="1"/>
  <c r="A11737" i="1"/>
  <c r="A11744" i="1"/>
  <c r="A11743" i="1"/>
  <c r="A11736" i="1"/>
  <c r="A11770" i="1"/>
  <c r="A11771" i="1"/>
  <c r="A11782" i="1"/>
  <c r="A11781" i="1"/>
  <c r="A11794" i="1"/>
  <c r="A11788" i="1"/>
  <c r="A11797" i="1"/>
  <c r="A11800" i="1"/>
  <c r="A11799" i="1"/>
  <c r="A11801" i="1"/>
  <c r="A11818" i="1"/>
  <c r="A11811" i="1"/>
  <c r="A11841" i="1"/>
  <c r="A11822" i="1"/>
  <c r="A11850" i="1"/>
  <c r="A11842" i="1"/>
  <c r="A11852" i="1"/>
  <c r="A11865" i="1"/>
  <c r="A11851" i="1"/>
  <c r="A11861" i="1"/>
  <c r="A11855" i="1"/>
  <c r="A11890" i="1"/>
  <c r="A11869" i="1"/>
  <c r="A11883" i="1"/>
  <c r="A11893" i="1"/>
  <c r="A11878" i="1"/>
  <c r="A11906" i="1"/>
  <c r="A11894" i="1"/>
  <c r="A11913" i="1"/>
  <c r="A11895" i="1"/>
  <c r="A11917" i="1"/>
  <c r="A11932" i="1"/>
  <c r="A11933" i="1"/>
  <c r="A11921" i="1"/>
  <c r="A11940" i="1"/>
  <c r="A11939" i="1"/>
  <c r="A11931" i="1"/>
  <c r="A11975" i="1"/>
  <c r="A11949" i="1"/>
  <c r="A11972" i="1"/>
  <c r="A11976" i="1"/>
  <c r="A11997" i="1"/>
  <c r="A11981" i="1"/>
  <c r="A11996" i="1"/>
  <c r="A11985" i="1"/>
  <c r="A12026" i="1"/>
  <c r="A12022" i="1"/>
  <c r="A12021" i="1"/>
  <c r="A12004" i="1"/>
  <c r="A12003" i="1"/>
  <c r="A12046" i="1"/>
  <c r="A12045" i="1"/>
  <c r="A12030" i="1"/>
  <c r="A12036" i="1"/>
  <c r="A12029" i="1"/>
  <c r="A12033" i="1"/>
  <c r="A12027" i="1"/>
  <c r="A12054" i="1"/>
  <c r="A12052" i="1"/>
  <c r="A12047" i="1"/>
  <c r="A12061" i="1"/>
  <c r="A12062" i="1"/>
  <c r="A12075" i="1"/>
  <c r="A12084" i="1"/>
  <c r="A12082" i="1"/>
  <c r="A12081" i="1"/>
  <c r="A12093" i="1"/>
  <c r="A12104" i="1"/>
  <c r="A12103" i="1"/>
  <c r="A12108" i="1"/>
  <c r="A12109" i="1"/>
  <c r="A12124" i="1"/>
  <c r="A12137" i="1"/>
  <c r="A12155" i="1"/>
  <c r="A12143" i="1"/>
  <c r="A12142" i="1"/>
  <c r="A12132" i="1"/>
  <c r="A12119" i="1"/>
  <c r="A12159" i="1"/>
  <c r="A12161" i="1"/>
  <c r="A12169" i="1"/>
  <c r="A12160" i="1"/>
  <c r="A12181" i="1"/>
  <c r="A12185" i="1"/>
  <c r="A12178" i="1"/>
  <c r="A12190" i="1"/>
  <c r="A12189" i="1"/>
  <c r="A12217" i="1"/>
  <c r="A12194" i="1"/>
  <c r="A12206" i="1"/>
  <c r="A12226" i="1"/>
  <c r="A12230" i="1"/>
  <c r="A12248" i="1"/>
  <c r="A12249" i="1"/>
  <c r="A12231" i="1"/>
  <c r="A12238" i="1"/>
  <c r="A12273" i="1"/>
  <c r="A12285" i="1"/>
  <c r="A12270" i="1"/>
  <c r="A12294" i="1"/>
  <c r="A12305" i="1"/>
  <c r="A12295" i="1"/>
  <c r="A12306" i="1"/>
  <c r="A12317" i="1"/>
  <c r="A12309" i="1"/>
  <c r="A12310" i="1"/>
  <c r="A12315" i="1"/>
  <c r="A12316" i="1"/>
  <c r="A12352" i="1"/>
  <c r="A12357" i="1"/>
  <c r="A12356" i="1"/>
  <c r="A12328" i="1"/>
  <c r="A12361" i="1"/>
  <c r="A12335" i="1"/>
  <c r="A12384" i="1"/>
  <c r="A12369" i="1"/>
  <c r="A12402" i="1"/>
  <c r="A12383" i="1"/>
  <c r="A12401" i="1"/>
  <c r="A12408" i="1"/>
  <c r="A12421" i="1"/>
  <c r="A12425" i="1"/>
  <c r="A12430" i="1"/>
  <c r="A12435" i="1"/>
  <c r="A12406" i="1"/>
  <c r="A12407" i="1"/>
  <c r="A12437" i="1"/>
  <c r="A12426" i="1"/>
  <c r="A12484" i="1"/>
  <c r="A12481" i="1"/>
  <c r="A12502" i="1"/>
  <c r="A12471" i="1"/>
  <c r="A12468" i="1"/>
  <c r="A12450" i="1"/>
  <c r="A12472" i="1"/>
  <c r="A12464" i="1"/>
  <c r="A12498" i="1"/>
  <c r="A12524" i="1"/>
  <c r="A12511" i="1"/>
  <c r="A12518" i="1"/>
  <c r="A12513" i="1"/>
  <c r="A12521" i="1"/>
  <c r="A12512" i="1"/>
  <c r="A12556" i="1"/>
  <c r="A12547" i="1"/>
  <c r="A12532" i="1"/>
  <c r="A12538" i="1"/>
  <c r="A12528" i="1"/>
  <c r="A12527" i="1"/>
  <c r="A12562" i="1"/>
  <c r="A12582" i="1"/>
  <c r="A12564" i="1"/>
  <c r="A12569" i="1"/>
  <c r="A12568" i="1"/>
  <c r="A12576" i="1"/>
  <c r="A12577" i="1"/>
  <c r="A12610" i="1"/>
  <c r="A12612" i="1"/>
  <c r="A12635" i="1"/>
  <c r="A12600" i="1"/>
  <c r="A12628" i="1"/>
  <c r="A12641" i="1"/>
  <c r="A12616" i="1"/>
  <c r="A12611" i="1"/>
  <c r="A12622" i="1"/>
  <c r="A12664" i="1"/>
  <c r="A12651" i="1"/>
  <c r="A12665" i="1"/>
  <c r="A12642" i="1"/>
  <c r="A12650" i="1"/>
  <c r="A12652" i="1"/>
  <c r="A12655" i="1"/>
  <c r="A12669" i="1"/>
  <c r="A12666" i="1"/>
  <c r="A12668" i="1"/>
  <c r="A12667" i="1"/>
  <c r="A12718" i="1"/>
  <c r="A12687" i="1"/>
  <c r="A12692" i="1"/>
  <c r="A12708" i="1"/>
  <c r="A12670" i="1"/>
  <c r="A12688" i="1"/>
  <c r="A12736" i="1"/>
  <c r="A12723" i="1"/>
  <c r="A12741" i="1"/>
  <c r="A12756" i="1"/>
  <c r="A12719" i="1"/>
  <c r="A12735" i="1"/>
  <c r="A12771" i="1"/>
  <c r="A12760" i="1"/>
  <c r="A12775" i="1"/>
  <c r="A12776" i="1"/>
  <c r="A12765" i="1"/>
  <c r="A12780" i="1"/>
  <c r="A12772" i="1"/>
  <c r="A12787" i="1"/>
  <c r="A12786" i="1"/>
  <c r="A12821" i="1"/>
  <c r="A12836" i="1"/>
  <c r="A12826" i="1"/>
  <c r="A12838" i="1"/>
  <c r="A12844" i="1"/>
  <c r="A12837" i="1"/>
  <c r="A12851" i="1"/>
  <c r="A12852" i="1"/>
  <c r="A12850" i="1"/>
  <c r="A12853" i="1"/>
  <c r="A12856" i="1"/>
  <c r="A12868" i="1"/>
  <c r="A12865" i="1"/>
  <c r="A12869" i="1"/>
  <c r="A12877" i="1"/>
  <c r="A12901" i="1"/>
  <c r="A12881" i="1"/>
  <c r="A12882" i="1"/>
  <c r="A12872" i="1"/>
  <c r="A12886" i="1"/>
  <c r="A12894" i="1"/>
  <c r="A12902" i="1"/>
  <c r="A12905" i="1"/>
  <c r="A12904" i="1"/>
  <c r="A12912" i="1"/>
  <c r="A12906" i="1"/>
  <c r="A12920" i="1"/>
  <c r="A12917" i="1"/>
  <c r="A12919" i="1"/>
  <c r="A12916" i="1"/>
  <c r="A12934" i="1"/>
  <c r="A12933" i="1"/>
  <c r="A12927" i="1"/>
  <c r="A12921" i="1"/>
  <c r="A12926" i="1"/>
  <c r="A12951" i="1"/>
  <c r="A12936" i="1"/>
  <c r="A12946" i="1"/>
  <c r="A12952" i="1"/>
  <c r="A12935" i="1"/>
  <c r="A12945" i="1"/>
  <c r="A12947" i="1"/>
  <c r="A12988" i="1"/>
  <c r="A12972" i="1"/>
  <c r="A12958" i="1"/>
  <c r="A12953" i="1"/>
  <c r="A12992" i="1"/>
  <c r="A12982" i="1"/>
  <c r="A12966" i="1"/>
  <c r="A12961" i="1"/>
  <c r="A13002" i="1"/>
  <c r="A12993" i="1"/>
  <c r="A13003" i="1"/>
  <c r="A13035" i="1"/>
  <c r="A13032" i="1"/>
  <c r="A13036" i="1"/>
  <c r="A13038" i="1"/>
  <c r="A13030" i="1"/>
  <c r="A13057" i="1"/>
  <c r="A13083" i="1"/>
  <c r="A13070" i="1"/>
  <c r="A13077" i="1"/>
  <c r="A13072" i="1"/>
  <c r="A13048" i="1"/>
  <c r="A13092" i="1"/>
  <c r="A13101" i="1"/>
  <c r="A13102" i="1"/>
  <c r="A13109" i="1"/>
  <c r="A13091" i="1"/>
  <c r="A13103" i="1"/>
  <c r="A13117" i="1"/>
  <c r="A13120" i="1"/>
  <c r="A13121" i="1"/>
  <c r="A13122" i="1"/>
  <c r="A13126" i="1"/>
  <c r="A13123" i="1"/>
  <c r="A13132" i="1"/>
  <c r="A13131" i="1"/>
  <c r="A13134" i="1"/>
  <c r="A13147" i="1"/>
  <c r="A13133" i="1"/>
  <c r="A13127" i="1"/>
  <c r="A13148" i="1"/>
  <c r="A13171" i="1"/>
  <c r="A13172" i="1"/>
  <c r="A13186" i="1"/>
  <c r="A13185" i="1"/>
  <c r="A13187" i="1"/>
  <c r="A13188" i="1"/>
  <c r="A13215" i="1"/>
  <c r="A13198" i="1"/>
  <c r="A13193" i="1"/>
  <c r="A13194" i="1"/>
  <c r="A13195" i="1"/>
  <c r="A13196" i="1"/>
  <c r="A13197" i="1"/>
  <c r="A13229" i="1"/>
  <c r="A13225" i="1"/>
  <c r="A13228" i="1"/>
  <c r="A13226" i="1"/>
  <c r="A13227" i="1"/>
  <c r="A13216" i="1"/>
  <c r="A13230" i="1"/>
  <c r="A13254" i="1"/>
  <c r="A13263" i="1"/>
  <c r="A13240" i="1"/>
  <c r="A13260" i="1"/>
  <c r="A13241" i="1"/>
  <c r="A13284" i="1"/>
  <c r="A13275" i="1"/>
  <c r="A13283" i="1"/>
  <c r="A13268" i="1"/>
  <c r="A13264" i="1"/>
  <c r="A13279" i="1"/>
  <c r="A13274" i="1"/>
  <c r="A13289" i="1"/>
  <c r="A13302" i="1"/>
  <c r="A13296" i="1"/>
  <c r="A13312" i="1"/>
  <c r="A13318" i="1"/>
  <c r="A13306" i="1"/>
  <c r="A13313" i="1"/>
  <c r="A13317" i="1"/>
  <c r="A13320" i="1"/>
  <c r="A13366" i="1"/>
  <c r="A13345" i="1"/>
  <c r="A13368" i="1"/>
  <c r="A13362" i="1"/>
  <c r="A13361" i="1"/>
  <c r="A13405" i="1"/>
  <c r="A13393" i="1"/>
  <c r="A13418" i="1"/>
  <c r="A13404" i="1"/>
  <c r="A13420" i="1"/>
  <c r="A13380" i="1"/>
  <c r="A13423" i="1"/>
  <c r="A13424" i="1"/>
  <c r="A13449" i="1"/>
  <c r="A13431" i="1"/>
  <c r="A13459" i="1"/>
  <c r="A13450" i="1"/>
  <c r="A13452" i="1"/>
  <c r="A13466" i="1"/>
  <c r="A13475" i="1"/>
  <c r="A13467" i="1"/>
  <c r="A13478" i="1"/>
  <c r="A13474" i="1"/>
  <c r="A13479" i="1"/>
  <c r="A13482" i="1"/>
  <c r="A13483" i="1"/>
  <c r="A13513" i="1"/>
  <c r="A13508" i="1"/>
  <c r="A13509" i="1"/>
  <c r="A13492" i="1"/>
  <c r="A13503" i="1"/>
  <c r="A13499" i="1"/>
  <c r="A13514" i="1"/>
  <c r="A13522" i="1"/>
  <c r="A13557" i="1"/>
  <c r="A13564" i="1"/>
  <c r="A13549" i="1"/>
  <c r="A13545" i="1"/>
  <c r="A13570" i="1"/>
  <c r="A13616" i="1"/>
  <c r="A13597" i="1"/>
  <c r="A13566" i="1"/>
  <c r="A13565" i="1"/>
  <c r="A13602" i="1"/>
  <c r="A13615" i="1"/>
  <c r="A13601" i="1"/>
  <c r="A13644" i="1"/>
  <c r="A13620" i="1"/>
  <c r="A13624" i="1"/>
  <c r="A13634" i="1"/>
  <c r="A13617" i="1"/>
  <c r="A13648" i="1"/>
  <c r="A13657" i="1"/>
  <c r="A13653" i="1"/>
  <c r="A13662" i="1"/>
  <c r="A13686" i="1"/>
  <c r="A13674" i="1"/>
  <c r="A13667" i="1"/>
  <c r="A13689" i="1"/>
  <c r="A13687" i="1"/>
  <c r="A13691" i="1"/>
  <c r="A13705" i="1"/>
  <c r="A13715" i="1"/>
  <c r="A13712" i="1"/>
  <c r="A13695" i="1"/>
  <c r="A13716" i="1"/>
  <c r="A13701" i="1"/>
  <c r="A13727" i="1"/>
  <c r="A13721" i="1"/>
  <c r="A13730" i="1"/>
  <c r="A13752" i="1"/>
  <c r="A13728" i="1"/>
  <c r="A13784" i="1"/>
  <c r="A13757" i="1"/>
  <c r="A13772" i="1"/>
  <c r="A13779" i="1"/>
  <c r="A13778" i="1"/>
  <c r="A13758" i="1"/>
  <c r="A13763" i="1"/>
  <c r="A13771" i="1"/>
  <c r="A13802" i="1"/>
  <c r="A13785" i="1"/>
  <c r="A13806" i="1"/>
  <c r="A13791" i="1"/>
  <c r="A13801" i="1"/>
  <c r="A13805" i="1"/>
  <c r="A13816" i="1"/>
  <c r="A13807" i="1"/>
  <c r="A13822" i="1"/>
  <c r="A13821" i="1"/>
  <c r="A13828" i="1"/>
  <c r="A13841" i="1"/>
  <c r="A13843" i="1"/>
  <c r="A13832" i="1"/>
  <c r="A13842" i="1"/>
  <c r="A13836" i="1"/>
  <c r="A13835" i="1"/>
  <c r="A13860" i="1"/>
  <c r="A13847" i="1"/>
  <c r="A13859" i="1"/>
  <c r="A13858" i="1"/>
  <c r="A13850" i="1"/>
  <c r="A13861" i="1"/>
  <c r="A13865" i="1"/>
  <c r="A13866" i="1"/>
  <c r="A13882" i="1"/>
  <c r="A13888" i="1"/>
  <c r="A13874" i="1"/>
  <c r="A13898" i="1"/>
  <c r="A13909" i="1"/>
  <c r="A13914" i="1"/>
  <c r="A13902" i="1"/>
  <c r="A13900" i="1"/>
  <c r="A13926" i="1"/>
  <c r="A13932" i="1"/>
  <c r="A13919" i="1"/>
  <c r="A13920" i="1"/>
  <c r="A13924" i="1"/>
  <c r="A13941" i="1"/>
  <c r="A13942" i="1"/>
  <c r="A13954" i="1"/>
  <c r="A13956" i="1"/>
  <c r="A13937" i="1"/>
  <c r="A13955" i="1"/>
  <c r="A14001" i="1"/>
  <c r="A13960" i="1"/>
  <c r="A13986" i="1"/>
  <c r="A13987" i="1"/>
  <c r="A14010" i="1"/>
  <c r="A14007" i="1"/>
  <c r="A14017" i="1"/>
  <c r="A14006" i="1"/>
  <c r="A14019" i="1"/>
  <c r="A14022" i="1"/>
  <c r="A14025" i="1"/>
  <c r="A14018" i="1"/>
  <c r="A14032" i="1"/>
  <c r="A14038" i="1"/>
  <c r="A14028" i="1"/>
  <c r="A14056" i="1"/>
  <c r="A14042" i="1"/>
  <c r="A14041" i="1"/>
  <c r="A14043" i="1"/>
  <c r="A14058" i="1"/>
  <c r="A14045" i="1"/>
  <c r="A14057" i="1"/>
  <c r="A14069" i="1"/>
  <c r="A14071" i="1"/>
  <c r="A14079" i="1"/>
  <c r="A14065" i="1"/>
  <c r="A14068" i="1"/>
  <c r="A14083" i="1"/>
  <c r="A14104" i="1"/>
  <c r="A14091" i="1"/>
  <c r="A14132" i="1"/>
  <c r="A14097" i="1"/>
  <c r="A14133" i="1"/>
  <c r="A14140" i="1"/>
  <c r="A14147" i="1"/>
  <c r="A14149" i="1"/>
  <c r="A14169" i="1"/>
  <c r="A14153" i="1"/>
  <c r="A14156" i="1"/>
  <c r="A14154" i="1"/>
  <c r="A14171" i="1"/>
  <c r="A14170" i="1"/>
  <c r="A14175" i="1"/>
  <c r="A14197" i="1"/>
  <c r="A14186" i="1"/>
  <c r="A14177" i="1"/>
  <c r="A14182" i="1"/>
  <c r="A14176" i="1"/>
  <c r="A14209" i="1"/>
  <c r="A14205" i="1"/>
  <c r="A14235" i="1"/>
  <c r="A14206" i="1"/>
  <c r="A14221" i="1"/>
  <c r="A14215" i="1"/>
  <c r="A14233" i="1"/>
  <c r="A14234" i="1"/>
  <c r="A14237" i="1"/>
  <c r="A14243" i="1"/>
  <c r="A14238" i="1"/>
  <c r="A14239" i="1"/>
  <c r="A14242" i="1"/>
  <c r="A14269" i="1"/>
  <c r="A14276" i="1"/>
  <c r="A14268" i="1"/>
  <c r="A14277" i="1"/>
  <c r="A14280" i="1"/>
  <c r="A14281" i="1"/>
  <c r="A14298" i="1"/>
  <c r="A14279" i="1"/>
  <c r="A14283" i="1"/>
  <c r="A14299" i="1"/>
  <c r="A14312" i="1"/>
  <c r="A14301" i="1"/>
  <c r="A14302" i="1"/>
  <c r="A14313" i="1"/>
  <c r="A14304" i="1"/>
  <c r="A14315" i="1"/>
  <c r="A14333" i="1"/>
  <c r="A14314" i="1"/>
  <c r="A14334" i="1"/>
  <c r="A14327" i="1"/>
  <c r="A14326" i="1"/>
  <c r="A14317" i="1"/>
  <c r="A14348" i="1"/>
  <c r="A14355" i="1"/>
  <c r="A14336" i="1"/>
  <c r="A14356" i="1"/>
  <c r="A14353" i="1"/>
  <c r="A14360" i="1"/>
  <c r="A14365" i="1"/>
  <c r="A14364" i="1"/>
  <c r="A14369" i="1"/>
  <c r="A14361" i="1"/>
  <c r="A14367" i="1"/>
  <c r="A14376" i="1"/>
  <c r="A14373" i="1"/>
  <c r="A14385" i="1"/>
  <c r="A14377" i="1"/>
  <c r="A14386" i="1"/>
  <c r="A14419" i="1"/>
  <c r="A14398" i="1"/>
  <c r="A14415" i="1"/>
  <c r="A14401" i="1"/>
  <c r="A14423" i="1"/>
  <c r="A14407" i="1"/>
  <c r="A14402" i="1"/>
  <c r="A14408" i="1"/>
  <c r="A14433" i="1"/>
  <c r="A14426" i="1"/>
  <c r="A14439" i="1"/>
  <c r="A14438" i="1"/>
  <c r="A14440" i="1"/>
  <c r="A14444" i="1"/>
  <c r="A14432" i="1"/>
  <c r="A14466" i="1"/>
  <c r="A14457" i="1"/>
  <c r="A14447" i="1"/>
  <c r="A14486" i="1"/>
  <c r="A14479" i="1"/>
  <c r="A14456" i="1"/>
  <c r="A14475" i="1"/>
  <c r="A14470" i="1"/>
  <c r="A14487" i="1"/>
  <c r="A14490" i="1"/>
  <c r="A14493" i="1"/>
  <c r="A14495" i="1"/>
  <c r="A14498" i="1"/>
  <c r="A14502" i="1"/>
  <c r="A14504" i="1"/>
  <c r="A14503" i="1"/>
  <c r="A14511" i="1"/>
  <c r="A14506" i="1"/>
  <c r="A14512" i="1"/>
  <c r="A14551" i="1"/>
  <c r="A14516" i="1"/>
  <c r="A14519" i="1"/>
  <c r="A14540" i="1"/>
  <c r="A14515" i="1"/>
  <c r="A14561" i="1"/>
  <c r="A14579" i="1"/>
  <c r="A14557" i="1"/>
  <c r="A14577" i="1"/>
  <c r="A14578" i="1"/>
  <c r="A14569" i="1"/>
  <c r="A14581" i="1"/>
  <c r="A14582" i="1"/>
  <c r="A14584" i="1"/>
  <c r="A14627" i="1"/>
  <c r="A14635" i="1"/>
  <c r="A14644" i="1"/>
  <c r="A14620" i="1"/>
  <c r="A14589" i="1"/>
  <c r="A14670" i="1"/>
  <c r="A14593" i="1"/>
  <c r="A14658" i="1"/>
  <c r="A14685" i="1"/>
  <c r="A14674" i="1"/>
  <c r="A14686" i="1"/>
  <c r="A14690" i="1"/>
  <c r="A14691" i="1"/>
  <c r="A14694" i="1"/>
  <c r="A14698" i="1"/>
  <c r="A14687" i="1"/>
  <c r="A14699" i="1"/>
  <c r="A14704" i="1"/>
  <c r="A14715" i="1"/>
  <c r="A14724" i="1"/>
  <c r="A14710" i="1"/>
  <c r="A14709" i="1"/>
  <c r="A14714" i="1"/>
  <c r="A14705" i="1"/>
  <c r="A14726" i="1"/>
  <c r="A14733" i="1"/>
  <c r="A14738" i="1"/>
  <c r="A14739" i="1"/>
  <c r="A14743" i="1"/>
  <c r="A14761" i="1"/>
  <c r="A14741" i="1"/>
  <c r="A14753" i="1"/>
  <c r="A14742" i="1"/>
  <c r="A14772" i="1"/>
  <c r="A14778" i="1"/>
  <c r="A14779" i="1"/>
  <c r="A14781" i="1"/>
  <c r="A14771" i="1"/>
  <c r="A14773" i="1"/>
  <c r="A14780" i="1"/>
  <c r="A14787" i="1"/>
  <c r="A14802" i="1"/>
  <c r="A14786" i="1"/>
  <c r="A14795" i="1"/>
  <c r="A14791" i="1"/>
  <c r="A14833" i="1"/>
  <c r="A14812" i="1"/>
  <c r="A14834" i="1"/>
  <c r="A14829" i="1"/>
  <c r="A14840" i="1"/>
  <c r="A14841" i="1"/>
  <c r="A14839" i="1"/>
  <c r="A14811" i="1"/>
  <c r="A14845" i="1"/>
  <c r="A14828" i="1"/>
  <c r="A14846" i="1"/>
  <c r="A14852" i="1"/>
  <c r="A14851" i="1"/>
  <c r="A14854" i="1"/>
  <c r="A14872" i="1"/>
  <c r="A14853" i="1"/>
  <c r="A14867" i="1"/>
  <c r="A14873" i="1"/>
  <c r="A14878" i="1"/>
  <c r="A14892" i="1"/>
  <c r="A14894" i="1"/>
  <c r="A14887" i="1"/>
  <c r="A14893" i="1"/>
  <c r="A14911" i="1"/>
  <c r="A14895" i="1"/>
  <c r="A14904" i="1"/>
  <c r="A14899" i="1"/>
  <c r="A14910" i="1"/>
  <c r="A14938" i="1"/>
  <c r="A14922" i="1"/>
  <c r="A14915" i="1"/>
  <c r="A14918" i="1"/>
  <c r="A14934" i="1"/>
  <c r="A14953" i="1"/>
  <c r="A14951" i="1"/>
  <c r="A14968" i="1"/>
  <c r="A14952" i="1"/>
  <c r="A14959" i="1"/>
  <c r="A14967" i="1"/>
  <c r="A14948" i="1"/>
  <c r="A14987" i="1"/>
  <c r="A14977" i="1"/>
  <c r="A14978" i="1"/>
  <c r="A14989" i="1"/>
  <c r="A14990" i="1"/>
  <c r="A14988" i="1"/>
  <c r="A15025" i="1"/>
  <c r="A15009" i="1"/>
  <c r="A14993" i="1"/>
  <c r="A15026" i="1"/>
  <c r="A14992" i="1"/>
  <c r="A15004" i="1"/>
  <c r="A14991" i="1"/>
  <c r="A15036" i="1"/>
  <c r="A15033" i="1"/>
  <c r="A15031" i="1"/>
  <c r="A15040" i="1"/>
  <c r="A15054" i="1"/>
  <c r="A15046" i="1"/>
  <c r="A15043" i="1"/>
  <c r="A15068" i="1"/>
  <c r="A15059" i="1"/>
  <c r="A15084" i="1"/>
  <c r="A15055" i="1"/>
  <c r="A15088" i="1"/>
  <c r="A15067" i="1"/>
  <c r="A15089" i="1"/>
  <c r="A15096" i="1"/>
  <c r="A15094" i="1"/>
  <c r="A15090" i="1"/>
  <c r="A15115" i="1"/>
  <c r="A15097" i="1"/>
  <c r="A15101" i="1"/>
  <c r="A15102" i="1"/>
  <c r="A15134" i="1"/>
  <c r="A15133" i="1"/>
  <c r="A15142" i="1"/>
  <c r="A15146" i="1"/>
  <c r="A15159" i="1"/>
  <c r="A15154" i="1"/>
  <c r="A15153" i="1"/>
  <c r="A15179" i="1"/>
  <c r="A15169" i="1"/>
  <c r="A15181" i="1"/>
  <c r="A15188" i="1"/>
  <c r="A15200" i="1"/>
  <c r="A15189" i="1"/>
  <c r="A15193" i="1"/>
  <c r="A15201" i="1"/>
  <c r="A15203" i="1"/>
  <c r="A15202" i="1"/>
  <c r="A15211" i="1"/>
  <c r="A15217" i="1"/>
  <c r="A15226" i="1"/>
  <c r="A15210" i="1"/>
  <c r="A15229" i="1"/>
  <c r="A15206" i="1"/>
  <c r="A15259" i="1"/>
  <c r="A15253" i="1"/>
  <c r="A15232" i="1"/>
  <c r="A15246" i="1"/>
  <c r="A15266" i="1"/>
  <c r="A15268" i="1"/>
  <c r="A15271" i="1"/>
  <c r="A15277" i="1"/>
  <c r="A15278" i="1"/>
  <c r="A15292" i="1"/>
  <c r="A15302" i="1"/>
  <c r="A15314" i="1"/>
  <c r="A15309" i="1"/>
  <c r="A15308" i="1"/>
  <c r="A15282" i="1"/>
  <c r="A15303" i="1"/>
  <c r="A15288" i="1"/>
  <c r="A15291" i="1"/>
  <c r="A15336" i="1"/>
  <c r="A15324" i="1"/>
  <c r="A4" i="1"/>
  <c r="A15337" i="1"/>
  <c r="A2" i="1"/>
  <c r="A15328" i="1"/>
  <c r="A3" i="1"/>
  <c r="A15315" i="1"/>
  <c r="A15319" i="1"/>
  <c r="A6" i="1"/>
  <c r="A7" i="1"/>
  <c r="A14" i="1"/>
  <c r="A13" i="1"/>
  <c r="A15" i="1"/>
  <c r="A10" i="1"/>
  <c r="A12" i="1"/>
  <c r="A24" i="1"/>
  <c r="A25" i="1"/>
  <c r="A18" i="1"/>
  <c r="A28" i="1"/>
  <c r="A27" i="1"/>
  <c r="A34" i="1"/>
  <c r="A36" i="1"/>
  <c r="A29" i="1"/>
  <c r="A33" i="1"/>
  <c r="A39" i="1"/>
  <c r="A45" i="1"/>
  <c r="A41" i="1"/>
  <c r="A40" i="1"/>
  <c r="A37" i="1"/>
  <c r="A47" i="1"/>
  <c r="A46" i="1"/>
  <c r="A48" i="1"/>
  <c r="A51" i="1"/>
  <c r="A54" i="1"/>
  <c r="A52" i="1"/>
  <c r="A53" i="1"/>
  <c r="A49" i="1"/>
  <c r="A55" i="1"/>
  <c r="A65" i="1"/>
  <c r="A58" i="1"/>
  <c r="A66" i="1"/>
  <c r="A56" i="1"/>
  <c r="A61" i="1"/>
  <c r="A62" i="1"/>
  <c r="A57" i="1"/>
  <c r="A59" i="1"/>
  <c r="A70" i="1"/>
  <c r="A67" i="1"/>
  <c r="A71" i="1"/>
  <c r="A68" i="1"/>
  <c r="A69" i="1"/>
  <c r="A75" i="1"/>
  <c r="A76" i="1"/>
  <c r="A79" i="1"/>
  <c r="A80" i="1"/>
  <c r="A77" i="1"/>
  <c r="A81" i="1"/>
  <c r="A82" i="1"/>
  <c r="A83" i="1"/>
  <c r="A86" i="1"/>
  <c r="A85" i="1"/>
  <c r="A90" i="1"/>
  <c r="A89" i="1"/>
  <c r="A88" i="1"/>
  <c r="A92" i="1"/>
  <c r="A96" i="1"/>
  <c r="A98" i="1"/>
  <c r="A95" i="1"/>
  <c r="A94" i="1"/>
  <c r="A99" i="1"/>
  <c r="A103" i="1"/>
  <c r="A97" i="1"/>
  <c r="A102" i="1"/>
  <c r="A100" i="1"/>
  <c r="A105" i="1"/>
  <c r="A106" i="1"/>
  <c r="A110" i="1"/>
  <c r="A109" i="1"/>
  <c r="A108" i="1"/>
  <c r="A107" i="1"/>
  <c r="A104" i="1"/>
  <c r="A111" i="1"/>
  <c r="A115" i="1"/>
  <c r="A113" i="1"/>
  <c r="A118" i="1"/>
  <c r="A119" i="1"/>
  <c r="A117" i="1"/>
  <c r="A120" i="1"/>
  <c r="A123" i="1"/>
  <c r="A131" i="1"/>
  <c r="A134" i="1"/>
  <c r="A132" i="1"/>
  <c r="A135" i="1"/>
  <c r="A138" i="1"/>
  <c r="A137" i="1"/>
  <c r="A140" i="1"/>
  <c r="A143" i="1"/>
  <c r="A141" i="1"/>
  <c r="A142" i="1"/>
  <c r="A147" i="1"/>
  <c r="A153" i="1"/>
  <c r="A149" i="1"/>
  <c r="A152" i="1"/>
  <c r="A157" i="1"/>
  <c r="A160" i="1"/>
  <c r="A161" i="1"/>
  <c r="A155" i="1"/>
  <c r="A159" i="1"/>
  <c r="A156" i="1"/>
  <c r="A163" i="1"/>
  <c r="A166" i="1"/>
  <c r="A164" i="1"/>
  <c r="A165" i="1"/>
  <c r="A170" i="1"/>
  <c r="A169" i="1"/>
  <c r="A167" i="1"/>
  <c r="A173" i="1"/>
  <c r="A174" i="1"/>
  <c r="A172" i="1"/>
  <c r="A177" i="1"/>
  <c r="A175" i="1"/>
  <c r="A176" i="1"/>
  <c r="A178" i="1"/>
  <c r="A186" i="1"/>
  <c r="A182" i="1"/>
  <c r="A180" i="1"/>
  <c r="A194" i="1"/>
  <c r="A193" i="1"/>
  <c r="A192" i="1"/>
  <c r="A188" i="1"/>
  <c r="A190" i="1"/>
  <c r="A187" i="1"/>
  <c r="A191" i="1"/>
  <c r="A189" i="1"/>
  <c r="A195" i="1"/>
  <c r="A200" i="1"/>
  <c r="A205" i="1"/>
  <c r="A202" i="1"/>
  <c r="A201" i="1"/>
  <c r="A206" i="1"/>
  <c r="A203" i="1"/>
  <c r="A204" i="1"/>
  <c r="A207" i="1"/>
  <c r="A208" i="1"/>
  <c r="A210" i="1"/>
  <c r="A209" i="1"/>
  <c r="A218" i="1"/>
  <c r="A211" i="1"/>
  <c r="A216" i="1"/>
  <c r="A214" i="1"/>
  <c r="A213" i="1"/>
  <c r="A212" i="1"/>
  <c r="A215" i="1"/>
  <c r="A217" i="1"/>
  <c r="A223" i="1"/>
  <c r="A221" i="1"/>
  <c r="A227" i="1"/>
  <c r="A226" i="1"/>
  <c r="A224" i="1"/>
  <c r="A228" i="1"/>
  <c r="A220" i="1"/>
  <c r="A234" i="1"/>
  <c r="A231" i="1"/>
  <c r="A232" i="1"/>
  <c r="A241" i="1"/>
  <c r="A240" i="1"/>
  <c r="A238" i="1"/>
  <c r="A239" i="1"/>
  <c r="A244" i="1"/>
  <c r="A242" i="1"/>
  <c r="A235" i="1"/>
  <c r="A246" i="1"/>
  <c r="A248" i="1"/>
  <c r="A247" i="1"/>
  <c r="A250" i="1"/>
  <c r="A251" i="1"/>
  <c r="A249" i="1"/>
  <c r="A254" i="1"/>
  <c r="A252" i="1"/>
  <c r="A259" i="1"/>
  <c r="A264" i="1"/>
  <c r="A262" i="1"/>
  <c r="A257" i="1"/>
  <c r="A261" i="1"/>
  <c r="A267" i="1"/>
  <c r="A255" i="1"/>
  <c r="A265" i="1"/>
  <c r="A269" i="1"/>
  <c r="A278" i="1"/>
  <c r="A274" i="1"/>
  <c r="A272" i="1"/>
  <c r="A277" i="1"/>
  <c r="A275" i="1"/>
  <c r="A270" i="1"/>
  <c r="A276" i="1"/>
  <c r="A281" i="1"/>
  <c r="A280" i="1"/>
  <c r="A287" i="1"/>
  <c r="A279" i="1"/>
  <c r="A285" i="1"/>
  <c r="A289" i="1"/>
  <c r="A283" i="1"/>
  <c r="A295" i="1"/>
  <c r="A291" i="1"/>
  <c r="A290" i="1"/>
  <c r="A298" i="1"/>
  <c r="A296" i="1"/>
  <c r="A300" i="1"/>
  <c r="A301" i="1"/>
  <c r="A297" i="1"/>
  <c r="A299" i="1"/>
  <c r="A304" i="1"/>
  <c r="A308" i="1"/>
  <c r="A309" i="1"/>
  <c r="A303" i="1"/>
  <c r="A306" i="1"/>
  <c r="A310" i="1"/>
  <c r="A311" i="1"/>
  <c r="A313" i="1"/>
  <c r="A319" i="1"/>
  <c r="A315" i="1"/>
  <c r="A320" i="1"/>
  <c r="A325" i="1"/>
  <c r="A321" i="1"/>
  <c r="A326" i="1"/>
  <c r="A322" i="1"/>
  <c r="A327" i="1"/>
  <c r="A328" i="1"/>
  <c r="A338" i="1"/>
  <c r="A332" i="1"/>
  <c r="A329" i="1"/>
  <c r="A337" i="1"/>
  <c r="A333" i="1"/>
  <c r="A334" i="1"/>
  <c r="A339" i="1"/>
  <c r="A343" i="1"/>
  <c r="A340" i="1"/>
  <c r="A349" i="1"/>
  <c r="A348" i="1"/>
  <c r="A347" i="1"/>
  <c r="A350" i="1"/>
  <c r="A344" i="1"/>
  <c r="A353" i="1"/>
  <c r="A352" i="1"/>
  <c r="A357" i="1"/>
  <c r="A356" i="1"/>
  <c r="A351" i="1"/>
  <c r="A358" i="1"/>
  <c r="A359" i="1"/>
  <c r="A371" i="1"/>
  <c r="A366" i="1"/>
  <c r="A362" i="1"/>
  <c r="A377" i="1"/>
  <c r="A374" i="1"/>
  <c r="A365" i="1"/>
  <c r="A378" i="1"/>
  <c r="A380" i="1"/>
  <c r="A379" i="1"/>
  <c r="A382" i="1"/>
  <c r="A383" i="1"/>
  <c r="A384" i="1"/>
  <c r="A386" i="1"/>
  <c r="A389" i="1"/>
  <c r="A390" i="1"/>
  <c r="A385" i="1"/>
  <c r="A392" i="1"/>
  <c r="A395" i="1"/>
  <c r="A400" i="1"/>
  <c r="A396" i="1"/>
  <c r="A397" i="1"/>
  <c r="A399" i="1"/>
  <c r="A404" i="1"/>
  <c r="A405" i="1"/>
  <c r="A403" i="1"/>
  <c r="A401" i="1"/>
  <c r="A409" i="1"/>
  <c r="A407" i="1"/>
  <c r="A408" i="1"/>
  <c r="A412" i="1"/>
  <c r="A415" i="1"/>
  <c r="A413" i="1"/>
  <c r="A414" i="1"/>
  <c r="A416" i="1"/>
  <c r="A419" i="1"/>
  <c r="A421" i="1"/>
  <c r="A418" i="1"/>
  <c r="A422" i="1"/>
  <c r="A426" i="1"/>
  <c r="A424" i="1"/>
  <c r="A425" i="1"/>
  <c r="A427" i="1"/>
  <c r="A430" i="1"/>
  <c r="A432" i="1"/>
  <c r="A431" i="1"/>
  <c r="A429" i="1"/>
  <c r="A435" i="1"/>
  <c r="A437" i="1"/>
  <c r="A433" i="1"/>
  <c r="A434" i="1"/>
  <c r="A436" i="1"/>
  <c r="A439" i="1"/>
  <c r="A440" i="1"/>
  <c r="A438" i="1"/>
  <c r="A444" i="1"/>
  <c r="A445" i="1"/>
  <c r="A441" i="1"/>
  <c r="A442" i="1"/>
  <c r="A447" i="1"/>
  <c r="A453" i="1"/>
  <c r="A450" i="1"/>
  <c r="A452" i="1"/>
  <c r="A449" i="1"/>
  <c r="A462" i="1"/>
  <c r="A457" i="1"/>
  <c r="A454" i="1"/>
  <c r="A455" i="1"/>
  <c r="A459" i="1"/>
  <c r="A464" i="1"/>
  <c r="A477" i="1"/>
  <c r="A474" i="1"/>
  <c r="A466" i="1"/>
  <c r="A467" i="1"/>
  <c r="A469" i="1"/>
  <c r="A468" i="1"/>
  <c r="A480" i="1"/>
  <c r="A478" i="1"/>
  <c r="A490" i="1"/>
  <c r="A481" i="1"/>
  <c r="A489" i="1"/>
  <c r="A483" i="1"/>
  <c r="A487" i="1"/>
  <c r="A484" i="1"/>
  <c r="A492" i="1"/>
  <c r="A499" i="1"/>
  <c r="A500" i="1"/>
  <c r="A498" i="1"/>
  <c r="A497" i="1"/>
  <c r="A493" i="1"/>
  <c r="A496" i="1"/>
  <c r="A495" i="1"/>
  <c r="A501" i="1"/>
  <c r="A505" i="1"/>
  <c r="A504" i="1"/>
  <c r="A506" i="1"/>
  <c r="A510" i="1"/>
  <c r="A507" i="1"/>
  <c r="A511" i="1"/>
  <c r="A512" i="1"/>
  <c r="A515" i="1"/>
  <c r="A516" i="1"/>
  <c r="A520" i="1"/>
  <c r="A518" i="1"/>
  <c r="A517" i="1"/>
  <c r="A519" i="1"/>
  <c r="A521" i="1"/>
  <c r="A524" i="1"/>
  <c r="A527" i="1"/>
  <c r="A526" i="1"/>
  <c r="A522" i="1"/>
  <c r="A528" i="1"/>
  <c r="A525" i="1"/>
  <c r="A530" i="1"/>
  <c r="A533" i="1"/>
  <c r="A532" i="1"/>
  <c r="A531" i="1"/>
  <c r="A535" i="1"/>
  <c r="A536" i="1"/>
  <c r="A538" i="1"/>
  <c r="A543" i="1"/>
  <c r="A542" i="1"/>
  <c r="A541" i="1"/>
  <c r="A544" i="1"/>
  <c r="A540" i="1"/>
  <c r="A545" i="1"/>
  <c r="A546" i="1"/>
  <c r="A548" i="1"/>
  <c r="A547" i="1"/>
  <c r="A554" i="1"/>
  <c r="A551" i="1"/>
  <c r="A550" i="1"/>
  <c r="A549" i="1"/>
  <c r="A565" i="1"/>
  <c r="A562" i="1"/>
  <c r="A560" i="1"/>
  <c r="A570" i="1"/>
  <c r="A572" i="1"/>
  <c r="A569" i="1"/>
  <c r="A567" i="1"/>
  <c r="A579" i="1"/>
  <c r="A577" i="1"/>
  <c r="A575" i="1"/>
  <c r="A574" i="1"/>
  <c r="A573" i="1"/>
  <c r="A8381" i="1"/>
  <c r="A8380" i="1"/>
  <c r="A8379" i="1"/>
  <c r="A8389" i="1"/>
  <c r="A8376" i="1"/>
  <c r="A8395" i="1"/>
  <c r="A8402" i="1"/>
  <c r="A8403" i="1"/>
  <c r="A8435" i="1"/>
  <c r="A8458" i="1"/>
  <c r="A8414" i="1"/>
  <c r="A8462" i="1"/>
  <c r="A8474" i="1"/>
  <c r="A8504" i="1"/>
  <c r="A8508" i="1"/>
  <c r="A8497" i="1"/>
  <c r="A8509" i="1"/>
  <c r="A8518" i="1"/>
  <c r="A8524" i="1"/>
  <c r="A8514" i="1"/>
  <c r="A8525" i="1"/>
  <c r="A8532" i="1"/>
  <c r="A8533" i="1"/>
  <c r="A8547" i="1"/>
  <c r="A8534" i="1"/>
  <c r="A8562" i="1"/>
  <c r="A8546" i="1"/>
  <c r="A8555" i="1"/>
  <c r="A8563" i="1"/>
  <c r="A8570" i="1"/>
  <c r="A8575" i="1"/>
  <c r="A8571" i="1"/>
  <c r="A8580" i="1"/>
  <c r="A8579" i="1"/>
  <c r="A8583" i="1"/>
  <c r="A8588" i="1"/>
  <c r="A8596" i="1"/>
  <c r="A8602" i="1"/>
  <c r="A8608" i="1"/>
  <c r="A8615" i="1"/>
  <c r="A8609" i="1"/>
  <c r="A8610" i="1"/>
  <c r="A8636" i="1"/>
  <c r="A8643" i="1"/>
  <c r="A8637" i="1"/>
  <c r="A8653" i="1"/>
  <c r="A8663" i="1"/>
  <c r="A8657" i="1"/>
  <c r="A8675" i="1"/>
  <c r="A8677" i="1"/>
  <c r="A8676" i="1"/>
  <c r="A8688" i="1"/>
  <c r="A8692" i="1"/>
  <c r="A8697" i="1"/>
  <c r="A8698" i="1"/>
  <c r="A8729" i="1"/>
  <c r="A8711" i="1"/>
  <c r="A8723" i="1"/>
  <c r="A8710" i="1"/>
  <c r="A8730" i="1"/>
  <c r="A8735" i="1"/>
  <c r="A8737" i="1"/>
  <c r="A8736" i="1"/>
  <c r="A8745" i="1"/>
  <c r="A8738" i="1"/>
  <c r="A8754" i="1"/>
  <c r="A8749" i="1"/>
  <c r="A8751" i="1"/>
  <c r="A8750" i="1"/>
  <c r="A8761" i="1"/>
  <c r="A8769" i="1"/>
  <c r="A8760" i="1"/>
  <c r="A8770" i="1"/>
  <c r="A8801" i="1"/>
  <c r="A8802" i="1"/>
  <c r="A8811" i="1"/>
  <c r="A8813" i="1"/>
  <c r="A8843" i="1"/>
  <c r="A8868" i="1"/>
  <c r="A8824" i="1"/>
  <c r="A8819" i="1"/>
  <c r="A8874" i="1"/>
  <c r="A8890" i="1"/>
  <c r="A8891" i="1"/>
  <c r="A8905" i="1"/>
  <c r="A8914" i="1"/>
  <c r="A8918" i="1"/>
  <c r="A8921" i="1"/>
  <c r="A8922" i="1"/>
  <c r="A8928" i="1"/>
  <c r="A8934" i="1"/>
  <c r="A8937" i="1"/>
  <c r="A8938" i="1"/>
  <c r="A8953" i="1"/>
  <c r="A8946" i="1"/>
  <c r="A8960" i="1"/>
  <c r="A8954" i="1"/>
  <c r="A8962" i="1"/>
  <c r="A8996" i="1"/>
  <c r="A8974" i="1"/>
  <c r="A8968" i="1"/>
  <c r="A8976" i="1"/>
  <c r="A8991" i="1"/>
  <c r="A8975" i="1"/>
  <c r="A9001" i="1"/>
  <c r="A9021" i="1"/>
  <c r="A9014" i="1"/>
  <c r="A9024" i="1"/>
  <c r="A9047" i="1"/>
  <c r="A9034" i="1"/>
  <c r="A9030" i="1"/>
  <c r="A9035" i="1"/>
  <c r="A9032" i="1"/>
  <c r="A9031" i="1"/>
  <c r="A9054" i="1"/>
  <c r="A9048" i="1"/>
  <c r="A9033" i="1"/>
  <c r="A9055" i="1"/>
  <c r="A9071" i="1"/>
  <c r="A9072" i="1"/>
  <c r="A9075" i="1"/>
  <c r="A9079" i="1"/>
  <c r="A9086" i="1"/>
  <c r="A9089" i="1"/>
  <c r="A9098" i="1"/>
  <c r="A9106" i="1"/>
  <c r="A9116" i="1"/>
  <c r="A9099" i="1"/>
  <c r="A9117" i="1"/>
  <c r="A9120" i="1"/>
  <c r="A9125" i="1"/>
  <c r="A9126" i="1"/>
  <c r="A9121" i="1"/>
  <c r="A9135" i="1"/>
  <c r="A9139" i="1"/>
  <c r="A9141" i="1"/>
  <c r="A9140" i="1"/>
  <c r="A9147" i="1"/>
  <c r="A9150" i="1"/>
  <c r="A9151" i="1"/>
  <c r="A9154" i="1"/>
  <c r="A9169" i="1"/>
  <c r="A9175" i="1"/>
  <c r="A9190" i="1"/>
  <c r="A9178" i="1"/>
  <c r="A9195" i="1"/>
  <c r="A9200" i="1"/>
  <c r="A9207" i="1"/>
  <c r="A9222" i="1"/>
  <c r="A9208" i="1"/>
  <c r="A9228" i="1"/>
  <c r="A9234" i="1"/>
  <c r="A9244" i="1"/>
  <c r="A9245" i="1"/>
  <c r="A9246" i="1"/>
  <c r="A9251" i="1"/>
  <c r="A9255" i="1"/>
  <c r="A9250" i="1"/>
  <c r="A9257" i="1"/>
  <c r="A9270" i="1"/>
  <c r="A9271" i="1"/>
  <c r="A9275" i="1"/>
  <c r="A9276" i="1"/>
  <c r="A9277" i="1"/>
  <c r="A9278" i="1"/>
  <c r="A9279" i="1"/>
  <c r="A9295" i="1"/>
  <c r="A9305" i="1"/>
  <c r="A9285" i="1"/>
  <c r="A9296" i="1"/>
  <c r="A9319" i="1"/>
  <c r="A9323" i="1"/>
  <c r="A9318" i="1"/>
  <c r="A9309" i="1"/>
  <c r="A9331" i="1"/>
  <c r="A9330" i="1"/>
  <c r="A9326" i="1"/>
  <c r="A9348" i="1"/>
  <c r="A9355" i="1"/>
  <c r="A9361" i="1"/>
  <c r="A9362" i="1"/>
  <c r="A9358" i="1"/>
  <c r="A9372" i="1"/>
  <c r="A9373" i="1"/>
  <c r="A9377" i="1"/>
  <c r="A9381" i="1"/>
  <c r="A9384" i="1"/>
  <c r="A9389" i="1"/>
  <c r="A9386" i="1"/>
  <c r="A9387" i="1"/>
  <c r="A9388" i="1"/>
  <c r="A9392" i="1"/>
  <c r="A9399" i="1"/>
  <c r="A9400" i="1"/>
  <c r="A9405" i="1"/>
  <c r="A9411" i="1"/>
  <c r="A9401" i="1"/>
  <c r="A9432" i="1"/>
  <c r="A9431" i="1"/>
  <c r="A9426" i="1"/>
  <c r="A9414" i="1"/>
  <c r="A9438" i="1"/>
  <c r="A9435" i="1"/>
  <c r="A9434" i="1"/>
  <c r="A9433" i="1"/>
  <c r="A9445" i="1"/>
  <c r="A9439" i="1"/>
  <c r="A9458" i="1"/>
  <c r="A9450" i="1"/>
  <c r="A9459" i="1"/>
  <c r="A9523" i="1"/>
  <c r="A9473" i="1"/>
  <c r="A9516" i="1"/>
  <c r="A9499" i="1"/>
  <c r="A9522" i="1"/>
  <c r="A9509" i="1"/>
  <c r="A9479" i="1"/>
  <c r="A9507" i="1"/>
  <c r="A9482" i="1"/>
  <c r="A9495" i="1"/>
  <c r="A9524" i="1"/>
  <c r="A9538" i="1"/>
  <c r="A9539" i="1"/>
  <c r="A9540" i="1"/>
  <c r="A9544" i="1"/>
  <c r="A9546" i="1"/>
  <c r="A9545" i="1"/>
  <c r="A9554" i="1"/>
  <c r="A9561" i="1"/>
  <c r="A9560" i="1"/>
  <c r="A9574" i="1"/>
  <c r="A9570" i="1"/>
  <c r="A9575" i="1"/>
  <c r="A9590" i="1"/>
  <c r="A9576" i="1"/>
  <c r="A9615" i="1"/>
  <c r="A9612" i="1"/>
  <c r="A9611" i="1"/>
  <c r="A9630" i="1"/>
  <c r="A9639" i="1"/>
  <c r="A9637" i="1"/>
  <c r="A9591" i="1"/>
  <c r="A9620" i="1"/>
  <c r="A9643" i="1"/>
  <c r="A9649" i="1"/>
  <c r="A9656" i="1"/>
  <c r="A9657" i="1"/>
  <c r="A9661" i="1"/>
  <c r="A9704" i="1"/>
  <c r="A9688" i="1"/>
  <c r="A9715" i="1"/>
  <c r="A9709" i="1"/>
  <c r="A9667" i="1"/>
  <c r="A9686" i="1"/>
  <c r="A9685" i="1"/>
  <c r="A9687" i="1"/>
  <c r="A9714" i="1"/>
  <c r="A9720" i="1"/>
  <c r="A9735" i="1"/>
  <c r="A9729" i="1"/>
  <c r="A9755" i="1"/>
  <c r="A9769" i="1"/>
  <c r="A9777" i="1"/>
  <c r="A9775" i="1"/>
  <c r="A9776" i="1"/>
  <c r="A9798" i="1"/>
  <c r="A9792" i="1"/>
  <c r="A9814" i="1"/>
  <c r="A9813" i="1"/>
  <c r="A9788" i="1"/>
  <c r="A9826" i="1"/>
  <c r="A9823" i="1"/>
  <c r="A9819" i="1"/>
  <c r="A9829" i="1"/>
  <c r="A9830" i="1"/>
  <c r="A9836" i="1"/>
  <c r="A9846" i="1"/>
  <c r="A9850" i="1"/>
  <c r="A9851" i="1"/>
  <c r="A9855" i="1"/>
  <c r="A9854" i="1"/>
  <c r="A9856" i="1"/>
  <c r="A9858" i="1"/>
  <c r="A9861" i="1"/>
  <c r="A9859" i="1"/>
  <c r="A9862" i="1"/>
  <c r="A9868" i="1"/>
  <c r="A9863" i="1"/>
  <c r="A9906" i="1"/>
  <c r="A9869" i="1"/>
  <c r="A9884" i="1"/>
  <c r="A9874" i="1"/>
  <c r="A9921" i="1"/>
  <c r="A9875" i="1"/>
  <c r="A9893" i="1"/>
  <c r="A9892" i="1"/>
  <c r="A9873" i="1"/>
  <c r="A9891" i="1"/>
  <c r="A9929" i="1"/>
  <c r="A9926" i="1"/>
  <c r="A9941" i="1"/>
  <c r="A9931" i="1"/>
  <c r="A9947" i="1"/>
  <c r="A9942" i="1"/>
  <c r="A9951" i="1"/>
  <c r="A9952" i="1"/>
  <c r="A9965" i="1"/>
  <c r="A9958" i="1"/>
  <c r="A9977" i="1"/>
  <c r="A9973" i="1"/>
  <c r="A9966" i="1"/>
  <c r="A9978" i="1"/>
  <c r="A9983" i="1"/>
  <c r="A9994" i="1"/>
  <c r="A9984" i="1"/>
  <c r="A10000" i="1"/>
  <c r="A10012" i="1"/>
  <c r="A10018" i="1"/>
  <c r="A10025" i="1"/>
  <c r="A10001" i="1"/>
  <c r="A10020" i="1"/>
  <c r="A10019" i="1"/>
  <c r="A10041" i="1"/>
  <c r="A10039" i="1"/>
  <c r="A10040" i="1"/>
  <c r="A10030" i="1"/>
  <c r="A10048" i="1"/>
  <c r="A10062" i="1"/>
  <c r="A10066" i="1"/>
  <c r="A10070" i="1"/>
  <c r="A10073" i="1"/>
  <c r="A10080" i="1"/>
  <c r="A10075" i="1"/>
  <c r="A10074" i="1"/>
  <c r="A10082" i="1"/>
  <c r="A10081" i="1"/>
  <c r="A10083" i="1"/>
  <c r="A10091" i="1"/>
  <c r="A10084" i="1"/>
  <c r="A10092" i="1"/>
  <c r="A10128" i="1"/>
  <c r="A10125" i="1"/>
  <c r="A10129" i="1"/>
  <c r="A10111" i="1"/>
  <c r="A10100" i="1"/>
  <c r="A10105" i="1"/>
  <c r="A10099" i="1"/>
  <c r="A10108" i="1"/>
  <c r="A10124" i="1"/>
  <c r="A10142" i="1"/>
  <c r="A10132" i="1"/>
  <c r="A10143" i="1"/>
  <c r="A10133" i="1"/>
  <c r="A10144" i="1"/>
  <c r="A10147" i="1"/>
  <c r="A10150" i="1"/>
  <c r="A10151" i="1"/>
  <c r="A10164" i="1"/>
  <c r="A10160" i="1"/>
  <c r="A10169" i="1"/>
  <c r="A10166" i="1"/>
  <c r="A10170" i="1"/>
  <c r="A10156" i="1"/>
  <c r="A10172" i="1"/>
  <c r="A10174" i="1"/>
  <c r="A10181" i="1"/>
  <c r="A10182" i="1"/>
  <c r="A10183" i="1"/>
  <c r="A10206" i="1"/>
  <c r="A10189" i="1"/>
  <c r="A10207" i="1"/>
  <c r="A10195" i="1"/>
  <c r="A10210" i="1"/>
  <c r="A10211" i="1"/>
  <c r="A10212" i="1"/>
  <c r="A10213" i="1"/>
  <c r="A10217" i="1"/>
  <c r="A10225" i="1"/>
  <c r="A10262" i="1"/>
  <c r="A10229" i="1"/>
  <c r="A10261" i="1"/>
  <c r="A10251" i="1"/>
  <c r="A10238" i="1"/>
  <c r="A10237" i="1"/>
  <c r="A10233" i="1"/>
  <c r="A10269" i="1"/>
  <c r="A10264" i="1"/>
  <c r="A10280" i="1"/>
  <c r="A10273" i="1"/>
  <c r="A10289" i="1"/>
  <c r="A10306" i="1"/>
  <c r="A10309" i="1"/>
  <c r="A10328" i="1"/>
  <c r="A10324" i="1"/>
  <c r="A10334" i="1"/>
  <c r="A10339" i="1"/>
  <c r="A10327" i="1"/>
  <c r="A10346" i="1"/>
  <c r="A10353" i="1"/>
  <c r="A10361" i="1"/>
  <c r="A10362" i="1"/>
  <c r="A10370" i="1"/>
  <c r="A10376" i="1"/>
  <c r="A10375" i="1"/>
  <c r="A10390" i="1"/>
  <c r="A10403" i="1"/>
  <c r="A10391" i="1"/>
  <c r="A10407" i="1"/>
  <c r="A10427" i="1"/>
  <c r="A10411" i="1"/>
  <c r="A10418" i="1"/>
  <c r="A10423" i="1"/>
  <c r="A10429" i="1"/>
  <c r="A10428" i="1"/>
  <c r="A10433" i="1"/>
  <c r="A10434" i="1"/>
  <c r="A10436" i="1"/>
  <c r="A10435" i="1"/>
  <c r="A10437" i="1"/>
  <c r="A10447" i="1"/>
  <c r="A10457" i="1"/>
  <c r="A10448" i="1"/>
  <c r="A10466" i="1"/>
  <c r="A10485" i="1"/>
  <c r="A10481" i="1"/>
  <c r="A10509" i="1"/>
  <c r="A10520" i="1"/>
  <c r="A10490" i="1"/>
  <c r="A10499" i="1"/>
  <c r="A10494" i="1"/>
  <c r="A10519" i="1"/>
  <c r="A10524" i="1"/>
  <c r="A10531" i="1"/>
  <c r="A10548" i="1"/>
  <c r="A10542" i="1"/>
  <c r="A10549" i="1"/>
  <c r="A10557" i="1"/>
  <c r="A10554" i="1"/>
  <c r="A10558" i="1"/>
  <c r="A10581" i="1"/>
  <c r="A10570" i="1"/>
  <c r="A10568" i="1"/>
  <c r="A10565" i="1"/>
  <c r="A10586" i="1"/>
  <c r="A10588" i="1"/>
  <c r="A10605" i="1"/>
  <c r="A10628" i="1"/>
  <c r="A10629" i="1"/>
  <c r="A10632" i="1"/>
  <c r="A10633" i="1"/>
  <c r="A10641" i="1"/>
  <c r="A10675" i="1"/>
  <c r="A10669" i="1"/>
  <c r="A10664" i="1"/>
  <c r="A10663" i="1"/>
  <c r="A10665" i="1"/>
  <c r="A10660" i="1"/>
  <c r="A10645" i="1"/>
  <c r="A10650" i="1"/>
  <c r="A10683" i="1"/>
  <c r="A10681" i="1"/>
  <c r="A10684" i="1"/>
  <c r="A10682" i="1"/>
  <c r="A10688" i="1"/>
  <c r="A10695" i="1"/>
  <c r="A10700" i="1"/>
  <c r="A10706" i="1"/>
  <c r="A10699" i="1"/>
  <c r="A10698" i="1"/>
  <c r="A10716" i="1"/>
  <c r="A10721" i="1"/>
  <c r="A10735" i="1"/>
  <c r="A10728" i="1"/>
  <c r="A10739" i="1"/>
  <c r="A10738" i="1"/>
  <c r="A10725" i="1"/>
  <c r="A10731" i="1"/>
  <c r="A10740" i="1"/>
  <c r="A10747" i="1"/>
  <c r="A10750" i="1"/>
  <c r="A10753" i="1"/>
  <c r="A10751" i="1"/>
  <c r="A10762" i="1"/>
  <c r="A10758" i="1"/>
  <c r="A10754" i="1"/>
  <c r="A10779" i="1"/>
  <c r="A10763" i="1"/>
  <c r="A10807" i="1"/>
  <c r="A10795" i="1"/>
  <c r="A10806" i="1"/>
  <c r="A10783" i="1"/>
  <c r="A10784" i="1"/>
  <c r="A10785" i="1"/>
  <c r="A10811" i="1"/>
  <c r="A10810" i="1"/>
  <c r="A10813" i="1"/>
  <c r="A10826" i="1"/>
  <c r="A10820" i="1"/>
  <c r="A10823" i="1"/>
  <c r="A10819" i="1"/>
  <c r="A10829" i="1"/>
  <c r="A10828" i="1"/>
  <c r="A10832" i="1"/>
  <c r="A10841" i="1"/>
  <c r="A10849" i="1"/>
  <c r="A10833" i="1"/>
  <c r="A10853" i="1"/>
  <c r="A10858" i="1"/>
  <c r="A10860" i="1"/>
  <c r="A10874" i="1"/>
  <c r="A10881" i="1"/>
  <c r="A10887" i="1"/>
  <c r="A10883" i="1"/>
  <c r="A10875" i="1"/>
  <c r="A10880" i="1"/>
  <c r="A10903" i="1"/>
  <c r="A10912" i="1"/>
  <c r="A10896" i="1"/>
  <c r="A10927" i="1"/>
  <c r="A10919" i="1"/>
  <c r="A10928" i="1"/>
  <c r="A10929" i="1"/>
  <c r="A10931" i="1"/>
  <c r="A10932" i="1"/>
  <c r="A10935" i="1"/>
  <c r="A10944" i="1"/>
  <c r="A10936" i="1"/>
  <c r="A10939" i="1"/>
  <c r="A10945" i="1"/>
  <c r="A10951" i="1"/>
  <c r="A10969" i="1"/>
  <c r="A10964" i="1"/>
  <c r="A10960" i="1"/>
  <c r="A10955" i="1"/>
  <c r="A10956" i="1"/>
  <c r="A10972" i="1"/>
  <c r="A10973" i="1"/>
  <c r="A10975" i="1"/>
  <c r="A10976" i="1"/>
  <c r="A10981" i="1"/>
  <c r="A10982" i="1"/>
  <c r="A10988" i="1"/>
  <c r="A10989" i="1"/>
  <c r="A11000" i="1"/>
  <c r="A10993" i="1"/>
  <c r="A10994" i="1"/>
  <c r="A11021" i="1"/>
  <c r="A11027" i="1"/>
  <c r="A11043" i="1"/>
  <c r="A11028" i="1"/>
  <c r="A6372" i="1"/>
  <c r="A6403" i="1"/>
  <c r="A6406" i="1"/>
  <c r="A6407" i="1"/>
  <c r="A6417" i="1"/>
  <c r="A6423" i="1"/>
  <c r="A6433" i="1"/>
  <c r="A6447" i="1"/>
  <c r="A6468" i="1"/>
  <c r="A6469" i="1"/>
  <c r="A6452" i="1"/>
  <c r="A6483" i="1"/>
  <c r="A6470" i="1"/>
  <c r="A6484" i="1"/>
  <c r="A6485" i="1"/>
  <c r="A6504" i="1"/>
  <c r="A6491" i="1"/>
  <c r="A6492" i="1"/>
  <c r="A6512" i="1"/>
  <c r="A6519" i="1"/>
  <c r="A6513" i="1"/>
  <c r="A6520" i="1"/>
  <c r="A6521" i="1"/>
  <c r="A6541" i="1"/>
  <c r="A6548" i="1"/>
  <c r="A6530" i="1"/>
  <c r="A6531" i="1"/>
  <c r="A6549" i="1"/>
  <c r="A6564" i="1"/>
  <c r="A6592" i="1"/>
  <c r="A6587" i="1"/>
  <c r="A6602" i="1"/>
  <c r="A6603" i="1"/>
  <c r="A6607" i="1"/>
  <c r="A6613" i="1"/>
  <c r="A6614" i="1"/>
  <c r="A6619" i="1"/>
  <c r="A6629" i="1"/>
  <c r="A6630" i="1"/>
  <c r="A6637" i="1"/>
  <c r="A6631" i="1"/>
  <c r="A6636" i="1"/>
  <c r="A6659" i="1"/>
  <c r="A6654" i="1"/>
  <c r="A6680" i="1"/>
  <c r="A6679" i="1"/>
  <c r="A6670" i="1"/>
  <c r="A6689" i="1"/>
  <c r="A6720" i="1"/>
  <c r="A6737" i="1"/>
  <c r="A6730" i="1"/>
  <c r="A6697" i="1"/>
  <c r="A6696" i="1"/>
  <c r="A6754" i="1"/>
  <c r="A6747" i="1"/>
  <c r="A6767" i="1"/>
  <c r="A6768" i="1"/>
  <c r="A6772" i="1"/>
  <c r="A6773" i="1"/>
  <c r="A6774" i="1"/>
  <c r="A6778" i="1"/>
  <c r="A6785" i="1"/>
  <c r="A6802" i="1"/>
  <c r="A6806" i="1"/>
  <c r="A6807" i="1"/>
  <c r="A6815" i="1"/>
  <c r="A6812" i="1"/>
  <c r="A6820" i="1"/>
  <c r="A6822" i="1"/>
  <c r="A6821" i="1"/>
  <c r="A6825" i="1"/>
  <c r="A6844" i="1"/>
  <c r="A6838" i="1"/>
  <c r="A6845" i="1"/>
  <c r="A6846" i="1"/>
  <c r="A6863" i="1"/>
  <c r="A6850" i="1"/>
  <c r="A6872" i="1"/>
  <c r="A6879" i="1"/>
  <c r="A6883" i="1"/>
  <c r="A6884" i="1"/>
  <c r="A6890" i="1"/>
  <c r="A6892" i="1"/>
  <c r="A6905" i="1"/>
  <c r="A6906" i="1"/>
  <c r="A6909" i="1"/>
  <c r="A6916" i="1"/>
  <c r="A6917" i="1"/>
  <c r="A6919" i="1"/>
  <c r="A6920" i="1"/>
  <c r="A6934" i="1"/>
  <c r="A6953" i="1"/>
  <c r="A6930" i="1"/>
  <c r="A6978" i="1"/>
  <c r="A6999" i="1"/>
  <c r="A6984" i="1"/>
  <c r="A6979" i="1"/>
  <c r="A7000" i="1"/>
  <c r="A7011" i="1"/>
  <c r="A7006" i="1"/>
  <c r="A7017" i="1"/>
  <c r="A7018" i="1"/>
  <c r="A7023" i="1"/>
  <c r="A7028" i="1"/>
  <c r="A7033" i="1"/>
  <c r="A7035" i="1"/>
  <c r="A7044" i="1"/>
  <c r="A7040" i="1"/>
  <c r="A7039" i="1"/>
  <c r="A7092" i="1"/>
  <c r="A7058" i="1"/>
  <c r="A7048" i="1"/>
  <c r="A7097" i="1"/>
  <c r="A7098" i="1"/>
  <c r="A7099" i="1"/>
  <c r="A7103" i="1"/>
  <c r="A7107" i="1"/>
  <c r="A7114" i="1"/>
  <c r="A7118" i="1"/>
  <c r="A7154" i="1"/>
  <c r="A7133" i="1"/>
  <c r="A7160" i="1"/>
  <c r="A7155" i="1"/>
  <c r="A7176" i="1"/>
  <c r="A7177" i="1"/>
  <c r="A7182" i="1"/>
  <c r="A7183" i="1"/>
  <c r="A7184" i="1"/>
  <c r="A7185" i="1"/>
  <c r="A7191" i="1"/>
  <c r="A7194" i="1"/>
  <c r="A7221" i="1"/>
  <c r="A7210" i="1"/>
  <c r="A7215" i="1"/>
  <c r="A7211" i="1"/>
  <c r="A7240" i="1"/>
  <c r="A7235" i="1"/>
  <c r="A7251" i="1"/>
  <c r="A7255" i="1"/>
  <c r="A7256" i="1"/>
  <c r="A7269" i="1"/>
  <c r="A7275" i="1"/>
  <c r="A7283" i="1"/>
  <c r="A7288" i="1"/>
  <c r="A7303" i="1"/>
  <c r="A7304" i="1"/>
  <c r="A7305" i="1"/>
  <c r="A7308" i="1"/>
  <c r="A7309" i="1"/>
  <c r="A7318" i="1"/>
  <c r="A7322" i="1"/>
  <c r="A7335" i="1"/>
  <c r="A7339" i="1"/>
  <c r="A7326" i="1"/>
  <c r="A7334" i="1"/>
  <c r="A7349" i="1"/>
  <c r="A7358" i="1"/>
  <c r="A7359" i="1"/>
  <c r="A7360" i="1"/>
  <c r="A7365" i="1"/>
  <c r="A7361" i="1"/>
  <c r="A7372" i="1"/>
  <c r="A7385" i="1"/>
  <c r="A7373" i="1"/>
  <c r="A7386" i="1"/>
  <c r="A7414" i="1"/>
  <c r="A7420" i="1"/>
  <c r="A7424" i="1"/>
  <c r="A7406" i="1"/>
  <c r="A7429" i="1"/>
  <c r="A7427" i="1"/>
  <c r="A7428" i="1"/>
  <c r="A7430" i="1"/>
  <c r="A7435" i="1"/>
  <c r="A7439" i="1"/>
  <c r="A7445" i="1"/>
  <c r="A7441" i="1"/>
  <c r="A7442" i="1"/>
  <c r="A7446" i="1"/>
  <c r="A7449" i="1"/>
  <c r="A7450" i="1"/>
  <c r="A7467" i="1"/>
  <c r="A7454" i="1"/>
  <c r="A7479" i="1"/>
  <c r="A7475" i="1"/>
  <c r="A7484" i="1"/>
  <c r="A7487" i="1"/>
  <c r="A7485" i="1"/>
  <c r="A7488" i="1"/>
  <c r="A7498" i="1"/>
  <c r="A7503" i="1"/>
  <c r="A7505" i="1"/>
  <c r="A7504" i="1"/>
  <c r="A7513" i="1"/>
  <c r="A7515" i="1"/>
  <c r="A7522" i="1"/>
  <c r="A7523" i="1"/>
  <c r="A7530" i="1"/>
  <c r="A7526" i="1"/>
  <c r="A7531" i="1"/>
  <c r="A7532" i="1"/>
  <c r="A7540" i="1"/>
  <c r="A7547" i="1"/>
  <c r="A7548" i="1"/>
  <c r="A7557" i="1"/>
  <c r="A7553" i="1"/>
  <c r="A7558" i="1"/>
  <c r="A7591" i="1"/>
  <c r="A7585" i="1"/>
  <c r="A7569" i="1"/>
  <c r="A7598" i="1"/>
  <c r="A7604" i="1"/>
  <c r="A7609" i="1"/>
  <c r="A7615" i="1"/>
  <c r="A7620" i="1"/>
  <c r="A7624" i="1"/>
  <c r="A7632" i="1"/>
  <c r="A7661" i="1"/>
  <c r="A7664" i="1"/>
  <c r="A7666" i="1"/>
  <c r="A7673" i="1"/>
  <c r="A7671" i="1"/>
  <c r="A7674" i="1"/>
  <c r="A7682" i="1"/>
  <c r="A7729" i="1"/>
  <c r="A7734" i="1"/>
  <c r="A7747" i="1"/>
  <c r="A7742" i="1"/>
  <c r="A7748" i="1"/>
  <c r="A7760" i="1"/>
  <c r="A7761" i="1"/>
  <c r="A7771" i="1"/>
  <c r="A7781" i="1"/>
  <c r="A7786" i="1"/>
  <c r="A7799" i="1"/>
  <c r="A7802" i="1"/>
  <c r="A7818" i="1"/>
  <c r="A7827" i="1"/>
  <c r="A7820" i="1"/>
  <c r="A7850" i="1"/>
  <c r="A7887" i="1"/>
  <c r="A7874" i="1"/>
  <c r="A7886" i="1"/>
  <c r="A7855" i="1"/>
  <c r="A7899" i="1"/>
  <c r="A7898" i="1"/>
  <c r="A7903" i="1"/>
  <c r="A7909" i="1"/>
  <c r="A7910" i="1"/>
  <c r="A7920" i="1"/>
  <c r="A7911" i="1"/>
  <c r="A7926" i="1"/>
  <c r="A7936" i="1"/>
  <c r="A7944" i="1"/>
  <c r="A7950" i="1"/>
  <c r="A7965" i="1"/>
  <c r="A7951" i="1"/>
  <c r="A7955" i="1"/>
  <c r="A7967" i="1"/>
  <c r="A7966" i="1"/>
  <c r="A7977" i="1"/>
  <c r="A7973" i="1"/>
  <c r="A7991" i="1"/>
  <c r="A7982" i="1"/>
  <c r="A8003" i="1"/>
  <c r="A7992" i="1"/>
  <c r="A8010" i="1"/>
  <c r="A8016" i="1"/>
  <c r="A8011" i="1"/>
  <c r="A8027" i="1"/>
  <c r="A8023" i="1"/>
  <c r="A8022" i="1"/>
  <c r="A8028" i="1"/>
  <c r="A8030" i="1"/>
  <c r="A8029" i="1"/>
  <c r="A8031" i="1"/>
  <c r="A8039" i="1"/>
  <c r="A8033" i="1"/>
  <c r="A8040" i="1"/>
  <c r="A8032" i="1"/>
  <c r="A8057" i="1"/>
  <c r="A8069" i="1"/>
  <c r="A8075" i="1"/>
  <c r="A8074" i="1"/>
  <c r="A8076" i="1"/>
  <c r="A8083" i="1"/>
  <c r="A8082" i="1"/>
  <c r="A8091" i="1"/>
  <c r="A8101" i="1"/>
  <c r="A8112" i="1"/>
  <c r="A8113" i="1"/>
  <c r="A8145" i="1"/>
  <c r="A8134" i="1"/>
  <c r="A8128" i="1"/>
  <c r="A8146" i="1"/>
  <c r="A8155" i="1"/>
  <c r="A8156" i="1"/>
  <c r="A8159" i="1"/>
  <c r="A8163" i="1"/>
  <c r="A8176" i="1"/>
  <c r="A8180" i="1"/>
  <c r="A8179" i="1"/>
  <c r="A8188" i="1"/>
  <c r="A8211" i="1"/>
  <c r="A8203" i="1"/>
  <c r="A8204" i="1"/>
  <c r="A8226" i="1"/>
  <c r="A8227" i="1"/>
  <c r="A8228" i="1"/>
  <c r="A8238" i="1"/>
  <c r="A8240" i="1"/>
  <c r="A8239" i="1"/>
  <c r="A8252" i="1"/>
  <c r="A8245" i="1"/>
  <c r="A8251" i="1"/>
  <c r="A8258" i="1"/>
  <c r="A8260" i="1"/>
  <c r="A8271" i="1"/>
  <c r="A8259" i="1"/>
  <c r="A8281" i="1"/>
  <c r="A8304" i="1"/>
  <c r="A8305" i="1"/>
  <c r="A8314" i="1"/>
  <c r="A8348" i="1"/>
  <c r="A8363" i="1"/>
  <c r="A8372" i="1"/>
  <c r="A3856" i="1"/>
  <c r="A3868" i="1"/>
  <c r="A3894" i="1"/>
  <c r="A3878" i="1"/>
  <c r="A3891" i="1"/>
  <c r="A3958" i="1"/>
  <c r="A3897" i="1"/>
  <c r="A3911" i="1"/>
  <c r="A3969" i="1"/>
  <c r="A3993" i="1"/>
  <c r="A4016" i="1"/>
  <c r="A4037" i="1"/>
  <c r="A4033" i="1"/>
  <c r="A4029" i="1"/>
  <c r="A4049" i="1"/>
  <c r="A4063" i="1"/>
  <c r="A4069" i="1"/>
  <c r="A4073" i="1"/>
  <c r="A4138" i="1"/>
  <c r="A4119" i="1"/>
  <c r="A4103" i="1"/>
  <c r="A4108" i="1"/>
  <c r="A4153" i="1"/>
  <c r="A4188" i="1"/>
  <c r="A4160" i="1"/>
  <c r="A4181" i="1"/>
  <c r="A4163" i="1"/>
  <c r="A4172" i="1"/>
  <c r="A4217" i="1"/>
  <c r="A4214" i="1"/>
  <c r="A4223" i="1"/>
  <c r="A4237" i="1"/>
  <c r="A4297" i="1"/>
  <c r="A4277" i="1"/>
  <c r="A4278" i="1"/>
  <c r="A4312" i="1"/>
  <c r="A4303" i="1"/>
  <c r="A8315" i="1"/>
  <c r="A8338" i="1"/>
  <c r="A8359" i="1"/>
  <c r="A8373" i="1"/>
  <c r="A3848" i="1"/>
  <c r="A3869" i="1"/>
  <c r="A3890" i="1"/>
  <c r="A3874" i="1"/>
  <c r="A3879" i="1"/>
  <c r="A3951" i="1"/>
  <c r="A3965" i="1"/>
  <c r="A4006" i="1"/>
  <c r="A3957" i="1"/>
  <c r="A3898" i="1"/>
  <c r="A4010" i="1"/>
  <c r="A4017" i="1"/>
  <c r="A4034" i="1"/>
  <c r="A4023" i="1"/>
  <c r="A4047" i="1"/>
  <c r="A4068" i="1"/>
  <c r="A4058" i="1"/>
  <c r="A4091" i="1"/>
  <c r="A4126" i="1"/>
  <c r="A4140" i="1"/>
  <c r="A4102" i="1"/>
  <c r="A4125" i="1"/>
  <c r="A4154" i="1"/>
  <c r="A4176" i="1"/>
  <c r="A4189" i="1"/>
  <c r="A4175" i="1"/>
  <c r="A4200" i="1"/>
  <c r="A4195" i="1"/>
  <c r="A4201" i="1"/>
  <c r="A4212" i="1"/>
  <c r="A4218" i="1"/>
  <c r="A4268" i="1"/>
  <c r="A4300" i="1"/>
  <c r="A4290" i="1"/>
  <c r="A4286" i="1"/>
  <c r="A4309" i="1"/>
  <c r="A4313" i="1"/>
  <c r="A4323" i="1"/>
  <c r="A4325" i="1"/>
  <c r="A4324" i="1"/>
  <c r="A4326" i="1"/>
  <c r="A4333" i="1"/>
  <c r="A4337" i="1"/>
  <c r="A4354" i="1"/>
  <c r="A4355" i="1"/>
  <c r="A4353" i="1"/>
  <c r="A4351" i="1"/>
  <c r="A4369" i="1"/>
  <c r="A4365" i="1"/>
  <c r="A4372" i="1"/>
  <c r="A4376" i="1"/>
  <c r="A4356" i="1"/>
  <c r="A4393" i="1"/>
  <c r="A4395" i="1"/>
  <c r="A4430" i="1"/>
  <c r="A4424" i="1"/>
  <c r="A4419" i="1"/>
  <c r="A4437" i="1"/>
  <c r="A4448" i="1"/>
  <c r="A4456" i="1"/>
  <c r="A4450" i="1"/>
  <c r="A4499" i="1"/>
  <c r="A4462" i="1"/>
  <c r="A4471" i="1"/>
  <c r="A4461" i="1"/>
  <c r="A4504" i="1"/>
  <c r="A4500" i="1"/>
  <c r="A4510" i="1"/>
  <c r="A4511" i="1"/>
  <c r="A4538" i="1"/>
  <c r="A4547" i="1"/>
  <c r="A4517" i="1"/>
  <c r="A4546" i="1"/>
  <c r="A4527" i="1"/>
  <c r="A4545" i="1"/>
  <c r="A4550" i="1"/>
  <c r="A4566" i="1"/>
  <c r="A4573" i="1"/>
  <c r="A4551" i="1"/>
  <c r="A4567" i="1"/>
  <c r="A4574" i="1"/>
  <c r="A4575" i="1"/>
  <c r="A4578" i="1"/>
  <c r="A4582" i="1"/>
  <c r="A4587" i="1"/>
  <c r="A4588" i="1"/>
  <c r="A4589" i="1"/>
  <c r="A4590" i="1"/>
  <c r="A4618" i="1"/>
  <c r="A4604" i="1"/>
  <c r="A4608" i="1"/>
  <c r="A4595" i="1"/>
  <c r="A4619" i="1"/>
  <c r="A4625" i="1"/>
  <c r="A4636" i="1"/>
  <c r="A4633" i="1"/>
  <c r="A4638" i="1"/>
  <c r="A4639" i="1"/>
  <c r="A4656" i="1"/>
  <c r="A4657" i="1"/>
  <c r="A4663" i="1"/>
  <c r="A4658" i="1"/>
  <c r="A4664" i="1"/>
  <c r="A4669" i="1"/>
  <c r="A4678" i="1"/>
  <c r="A4698" i="1"/>
  <c r="A4687" i="1"/>
  <c r="A4705" i="1"/>
  <c r="A4717" i="1"/>
  <c r="A4699" i="1"/>
  <c r="A4718" i="1"/>
  <c r="A4706" i="1"/>
  <c r="A4720" i="1"/>
  <c r="A4719" i="1"/>
  <c r="A4731" i="1"/>
  <c r="A4733" i="1"/>
  <c r="A4734" i="1"/>
  <c r="A4735" i="1"/>
  <c r="A4738" i="1"/>
  <c r="A4739" i="1"/>
  <c r="A4741" i="1"/>
  <c r="A4740" i="1"/>
  <c r="A4742" i="1"/>
  <c r="A4752" i="1"/>
  <c r="A4757" i="1"/>
  <c r="A4751" i="1"/>
  <c r="A4761" i="1"/>
  <c r="A4758" i="1"/>
  <c r="A4762" i="1"/>
  <c r="A4768" i="1"/>
  <c r="A4773" i="1"/>
  <c r="A4774" i="1"/>
  <c r="A4775" i="1"/>
  <c r="A4776" i="1"/>
  <c r="A4782" i="1"/>
  <c r="A4787" i="1"/>
  <c r="A4788" i="1"/>
  <c r="A4796" i="1"/>
  <c r="A4789" i="1"/>
  <c r="A4801" i="1"/>
  <c r="A4802" i="1"/>
  <c r="A4803" i="1"/>
  <c r="A4806" i="1"/>
  <c r="A4807" i="1"/>
  <c r="A4829" i="1"/>
  <c r="A4827" i="1"/>
  <c r="A4823" i="1"/>
  <c r="A4828" i="1"/>
  <c r="A4824" i="1"/>
  <c r="A4833" i="1"/>
  <c r="A4839" i="1"/>
  <c r="A4835" i="1"/>
  <c r="A4834" i="1"/>
  <c r="A4854" i="1"/>
  <c r="A4860" i="1"/>
  <c r="A4868" i="1"/>
  <c r="A4874" i="1"/>
  <c r="A4875" i="1"/>
  <c r="A4890" i="1"/>
  <c r="A4876" i="1"/>
  <c r="A4891" i="1"/>
  <c r="A4903" i="1"/>
  <c r="A4902" i="1"/>
  <c r="A4941" i="1"/>
  <c r="A4905" i="1"/>
  <c r="A4919" i="1"/>
  <c r="A4904" i="1"/>
  <c r="A4949" i="1"/>
  <c r="A4950" i="1"/>
  <c r="A4962" i="1"/>
  <c r="A4959" i="1"/>
  <c r="A4952" i="1"/>
  <c r="A4963" i="1"/>
  <c r="A4958" i="1"/>
  <c r="A4965" i="1"/>
  <c r="A4976" i="1"/>
  <c r="A4979" i="1"/>
  <c r="A4982" i="1"/>
  <c r="A4983" i="1"/>
  <c r="A4985" i="1"/>
  <c r="A4986" i="1"/>
  <c r="A4993" i="1"/>
  <c r="A4992" i="1"/>
  <c r="A4994" i="1"/>
  <c r="A5001" i="1"/>
  <c r="A5007" i="1"/>
  <c r="A5016" i="1"/>
  <c r="A5017" i="1"/>
  <c r="A5023" i="1"/>
  <c r="A5021" i="1"/>
  <c r="A5028" i="1"/>
  <c r="A5034" i="1"/>
  <c r="A5041" i="1"/>
  <c r="A5043" i="1"/>
  <c r="A5052" i="1"/>
  <c r="A5049" i="1"/>
  <c r="A5053" i="1"/>
  <c r="A5057" i="1"/>
  <c r="A5066" i="1"/>
  <c r="A5064" i="1"/>
  <c r="A5065" i="1"/>
  <c r="A5080" i="1"/>
  <c r="A5085" i="1"/>
  <c r="A5061" i="1"/>
  <c r="A5088" i="1"/>
  <c r="A5098" i="1"/>
  <c r="A5111" i="1"/>
  <c r="A5132" i="1"/>
  <c r="A5131" i="1"/>
  <c r="A5149" i="1"/>
  <c r="A5150" i="1"/>
  <c r="A5151" i="1"/>
  <c r="A5184" i="1"/>
  <c r="A5152" i="1"/>
  <c r="A5153" i="1"/>
  <c r="A5217" i="1"/>
  <c r="A5207" i="1"/>
  <c r="A5225" i="1"/>
  <c r="A5231" i="1"/>
  <c r="A5230" i="1"/>
  <c r="A5219" i="1"/>
  <c r="A5226" i="1"/>
  <c r="A5237" i="1"/>
  <c r="A5232" i="1"/>
  <c r="A5246" i="1"/>
  <c r="A5248" i="1"/>
  <c r="A5247" i="1"/>
  <c r="A5258" i="1"/>
  <c r="A5253" i="1"/>
  <c r="A5254" i="1"/>
  <c r="A5269" i="1"/>
  <c r="A5271" i="1"/>
  <c r="A5268" i="1"/>
  <c r="A5274" i="1"/>
  <c r="A5276" i="1"/>
  <c r="A5275" i="1"/>
  <c r="A5289" i="1"/>
  <c r="A5296" i="1"/>
  <c r="A5292" i="1"/>
  <c r="A5293" i="1"/>
  <c r="A5306" i="1"/>
  <c r="A5299" i="1"/>
  <c r="A5314" i="1"/>
  <c r="A5307" i="1"/>
  <c r="A5316" i="1"/>
  <c r="A5318" i="1"/>
  <c r="A5317" i="1"/>
  <c r="A5324" i="1"/>
  <c r="A5325" i="1"/>
  <c r="A5330" i="1"/>
  <c r="A5326" i="1"/>
  <c r="A5331" i="1"/>
  <c r="A5338" i="1"/>
  <c r="A5332" i="1"/>
  <c r="A5337" i="1"/>
  <c r="A5341" i="1"/>
  <c r="A5346" i="1"/>
  <c r="A5349" i="1"/>
  <c r="A5350" i="1"/>
  <c r="A5359" i="1"/>
  <c r="A5385" i="1"/>
  <c r="A5363" i="1"/>
  <c r="A5375" i="1"/>
  <c r="A5386" i="1"/>
  <c r="A5389" i="1"/>
  <c r="A5370" i="1"/>
  <c r="A5404" i="1"/>
  <c r="A5398" i="1"/>
  <c r="A5412" i="1"/>
  <c r="A5413" i="1"/>
  <c r="A5414" i="1"/>
  <c r="A5420" i="1"/>
  <c r="A5427" i="1"/>
  <c r="A5432" i="1"/>
  <c r="A5433" i="1"/>
  <c r="A5437" i="1"/>
  <c r="A5441" i="1"/>
  <c r="A5446" i="1"/>
  <c r="A5438" i="1"/>
  <c r="A5447" i="1"/>
  <c r="A5453" i="1"/>
  <c r="A5460" i="1"/>
  <c r="A5459" i="1"/>
  <c r="A5469" i="1"/>
  <c r="A5466" i="1"/>
  <c r="A5498" i="1"/>
  <c r="A5501" i="1"/>
  <c r="A5499" i="1"/>
  <c r="A5502" i="1"/>
  <c r="A5506" i="1"/>
  <c r="A5507" i="1"/>
  <c r="A5531" i="1"/>
  <c r="A5535" i="1"/>
  <c r="A5516" i="1"/>
  <c r="A5542" i="1"/>
  <c r="A5548" i="1"/>
  <c r="A5549" i="1"/>
  <c r="A5553" i="1"/>
  <c r="A5560" i="1"/>
  <c r="A5564" i="1"/>
  <c r="A5567" i="1"/>
  <c r="A5566" i="1"/>
  <c r="A5584" i="1"/>
  <c r="A5589" i="1"/>
  <c r="A5591" i="1"/>
  <c r="A5610" i="1"/>
  <c r="A5615" i="1"/>
  <c r="A5616" i="1"/>
  <c r="A5622" i="1"/>
  <c r="A5625" i="1"/>
  <c r="A5623" i="1"/>
  <c r="A5633" i="1"/>
  <c r="A5634" i="1"/>
  <c r="A5639" i="1"/>
  <c r="A5648" i="1"/>
  <c r="A5649" i="1"/>
  <c r="A5652" i="1"/>
  <c r="A5651" i="1"/>
  <c r="A5654" i="1"/>
  <c r="A5655" i="1"/>
  <c r="A5659" i="1"/>
  <c r="A5665" i="1"/>
  <c r="A5664" i="1"/>
  <c r="A5671" i="1"/>
  <c r="A5678" i="1"/>
  <c r="A5681" i="1"/>
  <c r="A5682" i="1"/>
  <c r="A5696" i="1"/>
  <c r="A5724" i="1"/>
  <c r="A5709" i="1"/>
  <c r="A5697" i="1"/>
  <c r="A5715" i="1"/>
  <c r="A5734" i="1"/>
  <c r="A5728" i="1"/>
  <c r="A5740" i="1"/>
  <c r="A5735" i="1"/>
  <c r="A5744" i="1"/>
  <c r="A5743" i="1"/>
  <c r="A5754" i="1"/>
  <c r="A5764" i="1"/>
  <c r="A5755" i="1"/>
  <c r="A5768" i="1"/>
  <c r="A5781" i="1"/>
  <c r="A5782" i="1"/>
  <c r="A5765" i="1"/>
  <c r="A5783" i="1"/>
  <c r="A5786" i="1"/>
  <c r="A5789" i="1"/>
  <c r="A5805" i="1"/>
  <c r="A5806" i="1"/>
  <c r="A5800" i="1"/>
  <c r="A5807" i="1"/>
  <c r="A5817" i="1"/>
  <c r="A5829" i="1"/>
  <c r="A5833" i="1"/>
  <c r="A5824" i="1"/>
  <c r="A5834" i="1"/>
  <c r="A5839" i="1"/>
  <c r="A5846" i="1"/>
  <c r="A5849" i="1"/>
  <c r="A5847" i="1"/>
  <c r="A5865" i="1"/>
  <c r="A5854" i="1"/>
  <c r="A5871" i="1"/>
  <c r="A5866" i="1"/>
  <c r="A5883" i="1"/>
  <c r="A5873" i="1"/>
  <c r="A5876" i="1"/>
  <c r="A5884" i="1"/>
  <c r="A5872" i="1"/>
  <c r="A5885" i="1"/>
  <c r="A5904" i="1"/>
  <c r="A5909" i="1"/>
  <c r="A5908" i="1"/>
  <c r="A5917" i="1"/>
  <c r="A5915" i="1"/>
  <c r="A5919" i="1"/>
  <c r="A5918" i="1"/>
  <c r="A5936" i="1"/>
  <c r="A5956" i="1"/>
  <c r="A5942" i="1"/>
  <c r="A5957" i="1"/>
  <c r="A5938" i="1"/>
  <c r="A5969" i="1"/>
  <c r="A5964" i="1"/>
  <c r="A5968" i="1"/>
  <c r="A5982" i="1"/>
  <c r="A5973" i="1"/>
  <c r="A5983" i="1"/>
  <c r="A5984" i="1"/>
  <c r="A5990" i="1"/>
  <c r="A5999" i="1"/>
  <c r="A6000" i="1"/>
  <c r="A6005" i="1"/>
  <c r="A6020" i="1"/>
  <c r="A6014" i="1"/>
  <c r="A6011" i="1"/>
  <c r="A6032" i="1"/>
  <c r="A6022" i="1"/>
  <c r="A6040" i="1"/>
  <c r="A6039" i="1"/>
  <c r="A6041" i="1"/>
  <c r="A6045" i="1"/>
  <c r="A6044" i="1"/>
  <c r="A6048" i="1"/>
  <c r="A6049" i="1"/>
  <c r="A6053" i="1"/>
  <c r="A6055" i="1"/>
  <c r="A6060" i="1"/>
  <c r="A6064" i="1"/>
  <c r="A6054" i="1"/>
  <c r="A6065" i="1"/>
  <c r="A6072" i="1"/>
  <c r="A6091" i="1"/>
  <c r="A6078" i="1"/>
  <c r="A6086" i="1"/>
  <c r="A6075" i="1"/>
  <c r="A6076" i="1"/>
  <c r="A6095" i="1"/>
  <c r="A6098" i="1"/>
  <c r="A6097" i="1"/>
  <c r="A6104" i="1"/>
  <c r="A6116" i="1"/>
  <c r="A6103" i="1"/>
  <c r="A6124" i="1"/>
  <c r="A6127" i="1"/>
  <c r="A6131" i="1"/>
  <c r="A6145" i="1"/>
  <c r="A6153" i="1"/>
  <c r="A6162" i="1"/>
  <c r="A6166" i="1"/>
  <c r="A6168" i="1"/>
  <c r="A6174" i="1"/>
  <c r="A6193" i="1"/>
  <c r="A6179" i="1"/>
  <c r="A6202" i="1"/>
  <c r="A6211" i="1"/>
  <c r="A6216" i="1"/>
  <c r="A6219" i="1"/>
  <c r="A6224" i="1"/>
  <c r="A6223" i="1"/>
  <c r="A6240" i="1"/>
  <c r="A6245" i="1"/>
  <c r="A6252" i="1"/>
  <c r="A6256" i="1"/>
  <c r="A6267" i="1"/>
  <c r="A6269" i="1"/>
  <c r="A6271" i="1"/>
  <c r="A6270" i="1"/>
  <c r="A6273" i="1"/>
  <c r="A6284" i="1"/>
  <c r="A6276" i="1"/>
  <c r="A6272" i="1"/>
  <c r="A6283" i="1"/>
  <c r="A6309" i="1"/>
  <c r="A6289" i="1"/>
  <c r="A6310" i="1"/>
  <c r="A6319" i="1"/>
  <c r="A6318" i="1"/>
  <c r="A6323" i="1"/>
  <c r="A6324" i="1"/>
  <c r="A6325" i="1"/>
  <c r="A6333" i="1"/>
  <c r="A6328" i="1"/>
  <c r="A6336" i="1"/>
  <c r="A6337" i="1"/>
  <c r="A6338" i="1"/>
  <c r="A6341" i="1"/>
  <c r="A6342" i="1"/>
  <c r="A6352" i="1"/>
  <c r="A6351" i="1"/>
  <c r="A6356" i="1"/>
  <c r="A6357" i="1"/>
  <c r="A6369" i="1"/>
  <c r="A2029" i="1"/>
  <c r="A2030" i="1"/>
  <c r="A2041" i="1"/>
  <c r="A2047" i="1"/>
  <c r="A2054" i="1"/>
  <c r="A2069" i="1"/>
  <c r="A2072" i="1"/>
  <c r="A2083" i="1"/>
  <c r="A2085" i="1"/>
  <c r="A2086" i="1"/>
  <c r="A2091" i="1"/>
  <c r="A2123" i="1"/>
  <c r="A2124" i="1"/>
  <c r="A2126" i="1"/>
  <c r="A2129" i="1"/>
  <c r="A2130" i="1"/>
  <c r="A2133" i="1"/>
  <c r="A2135" i="1"/>
  <c r="A2142" i="1"/>
  <c r="A2141" i="1"/>
  <c r="A2155" i="1"/>
  <c r="A2168" i="1"/>
  <c r="A2173" i="1"/>
  <c r="A2187" i="1"/>
  <c r="A2179" i="1"/>
  <c r="A2178" i="1"/>
  <c r="A2177" i="1"/>
  <c r="A2188" i="1"/>
  <c r="A2191" i="1"/>
  <c r="A2197" i="1"/>
  <c r="A2205" i="1"/>
  <c r="A2198" i="1"/>
  <c r="A2206" i="1"/>
  <c r="A2221" i="1"/>
  <c r="A2222" i="1"/>
  <c r="A2233" i="1"/>
  <c r="A2239" i="1"/>
  <c r="A2240" i="1"/>
  <c r="A2257" i="1"/>
  <c r="A2244" i="1"/>
  <c r="A2260" i="1"/>
  <c r="A2265" i="1"/>
  <c r="A2272" i="1"/>
  <c r="A2273" i="1"/>
  <c r="A2274" i="1"/>
  <c r="A2277" i="1"/>
  <c r="A2278" i="1"/>
  <c r="A2282" i="1"/>
  <c r="A2283" i="1"/>
  <c r="A2288" i="1"/>
  <c r="A2284" i="1"/>
  <c r="A2291" i="1"/>
  <c r="A2311" i="1"/>
  <c r="A2301" i="1"/>
  <c r="A2320" i="1"/>
  <c r="A2322" i="1"/>
  <c r="A2330" i="1"/>
  <c r="A2329" i="1"/>
  <c r="A2338" i="1"/>
  <c r="A2359" i="1"/>
  <c r="A2370" i="1"/>
  <c r="A2365" i="1"/>
  <c r="A2371" i="1"/>
  <c r="A2379" i="1"/>
  <c r="A2380" i="1"/>
  <c r="A2381" i="1"/>
  <c r="A2388" i="1"/>
  <c r="A2390" i="1"/>
  <c r="A2389" i="1"/>
  <c r="A2401" i="1"/>
  <c r="A2394" i="1"/>
  <c r="A2402" i="1"/>
  <c r="A2416" i="1"/>
  <c r="A2417" i="1"/>
  <c r="A2407" i="1"/>
  <c r="A2423" i="1"/>
  <c r="A2424" i="1"/>
  <c r="A2427" i="1"/>
  <c r="A2434" i="1"/>
  <c r="A2433" i="1"/>
  <c r="A2440" i="1"/>
  <c r="A2439" i="1"/>
  <c r="A2446" i="1"/>
  <c r="A2449" i="1"/>
  <c r="A2454" i="1"/>
  <c r="A2459" i="1"/>
  <c r="A2478" i="1"/>
  <c r="A2490" i="1"/>
  <c r="A2462" i="1"/>
  <c r="A2492" i="1"/>
  <c r="A2491" i="1"/>
  <c r="A2500" i="1"/>
  <c r="A2506" i="1"/>
  <c r="A2513" i="1"/>
  <c r="A2512" i="1"/>
  <c r="A2514" i="1"/>
  <c r="A2515" i="1"/>
  <c r="A2519" i="1"/>
  <c r="A2520" i="1"/>
  <c r="A2516" i="1"/>
  <c r="A2524" i="1"/>
  <c r="A2525" i="1"/>
  <c r="A2530" i="1"/>
  <c r="A2526" i="1"/>
  <c r="A2531" i="1"/>
  <c r="A2532" i="1"/>
  <c r="A2533" i="1"/>
  <c r="A2536" i="1"/>
  <c r="A2577" i="1"/>
  <c r="A2552" i="1"/>
  <c r="A2551" i="1"/>
  <c r="A2591" i="1"/>
  <c r="A2592" i="1"/>
  <c r="A2598" i="1"/>
  <c r="A2597" i="1"/>
  <c r="A2604" i="1"/>
  <c r="A2599" i="1"/>
  <c r="A2605" i="1"/>
  <c r="A2631" i="1"/>
  <c r="A2630" i="1"/>
  <c r="A2644" i="1"/>
  <c r="A2639" i="1"/>
  <c r="A2645" i="1"/>
  <c r="A2646" i="1"/>
  <c r="A2652" i="1"/>
  <c r="A2653" i="1"/>
  <c r="A2654" i="1"/>
  <c r="A2663" i="1"/>
  <c r="A2681" i="1"/>
  <c r="A2680" i="1"/>
  <c r="A2676" i="1"/>
  <c r="A2664" i="1"/>
  <c r="A2690" i="1"/>
  <c r="A2691" i="1"/>
  <c r="A2697" i="1"/>
  <c r="A2705" i="1"/>
  <c r="A2711" i="1"/>
  <c r="A2696" i="1"/>
  <c r="A2704" i="1"/>
  <c r="A2712" i="1"/>
  <c r="A2718" i="1"/>
  <c r="A2719" i="1"/>
  <c r="A2724" i="1"/>
  <c r="A2728" i="1"/>
  <c r="A2732" i="1"/>
  <c r="A2738" i="1"/>
  <c r="A2739" i="1"/>
  <c r="A2744" i="1"/>
  <c r="A2745" i="1"/>
  <c r="A2752" i="1"/>
  <c r="A2753" i="1"/>
  <c r="A2758" i="1"/>
  <c r="A2761" i="1"/>
  <c r="A2757" i="1"/>
  <c r="A2762" i="1"/>
  <c r="A2767" i="1"/>
  <c r="A2774" i="1"/>
  <c r="A2773" i="1"/>
  <c r="A2772" i="1"/>
  <c r="A2810" i="1"/>
  <c r="A2775" i="1"/>
  <c r="A2811" i="1"/>
  <c r="A2818" i="1"/>
  <c r="A2819" i="1"/>
  <c r="A2828" i="1"/>
  <c r="A2822" i="1"/>
  <c r="A2829" i="1"/>
  <c r="A2834" i="1"/>
  <c r="A2835" i="1"/>
  <c r="A2840" i="1"/>
  <c r="A2841" i="1"/>
  <c r="A2843" i="1"/>
  <c r="A2901" i="1"/>
  <c r="A2867" i="1"/>
  <c r="A2911" i="1"/>
  <c r="A2916" i="1"/>
  <c r="A2934" i="1"/>
  <c r="A2941" i="1"/>
  <c r="A2948" i="1"/>
  <c r="A2962" i="1"/>
  <c r="A2973" i="1"/>
  <c r="A2990" i="1"/>
  <c r="A2994" i="1"/>
  <c r="A3003" i="1"/>
  <c r="A3014" i="1"/>
  <c r="A3004" i="1"/>
  <c r="A3012" i="1"/>
  <c r="A3042" i="1"/>
  <c r="A3041" i="1"/>
  <c r="A3051" i="1"/>
  <c r="A3050" i="1"/>
  <c r="A3069" i="1"/>
  <c r="A3062" i="1"/>
  <c r="A3057" i="1"/>
  <c r="A3065" i="1"/>
  <c r="A3070" i="1"/>
  <c r="A3085" i="1"/>
  <c r="A3078" i="1"/>
  <c r="A3092" i="1"/>
  <c r="A3100" i="1"/>
  <c r="A3107" i="1"/>
  <c r="A3108" i="1"/>
  <c r="A3120" i="1"/>
  <c r="A3109" i="1"/>
  <c r="A3123" i="1"/>
  <c r="A3130" i="1"/>
  <c r="A3140" i="1"/>
  <c r="A3148" i="1"/>
  <c r="A3183" i="1"/>
  <c r="A3184" i="1"/>
  <c r="A3168" i="1"/>
  <c r="A3191" i="1"/>
  <c r="A3199" i="1"/>
  <c r="A3220" i="1"/>
  <c r="A3246" i="1"/>
  <c r="A3248" i="1"/>
  <c r="A3247" i="1"/>
  <c r="A3252" i="1"/>
  <c r="A3253" i="1"/>
  <c r="A3260" i="1"/>
  <c r="A3265" i="1"/>
  <c r="A3266" i="1"/>
  <c r="A3270" i="1"/>
  <c r="A3271" i="1"/>
  <c r="A3275" i="1"/>
  <c r="A3279" i="1"/>
  <c r="A3280" i="1"/>
  <c r="A3299" i="1"/>
  <c r="A3296" i="1"/>
  <c r="A3295" i="1"/>
  <c r="A3322" i="1"/>
  <c r="A3311" i="1"/>
  <c r="A3307" i="1"/>
  <c r="A3331" i="1"/>
  <c r="A3330" i="1"/>
  <c r="A3332" i="1"/>
  <c r="A3348" i="1"/>
  <c r="A3359" i="1"/>
  <c r="A3351" i="1"/>
  <c r="A3366" i="1"/>
  <c r="A3365" i="1"/>
  <c r="A3371" i="1"/>
  <c r="A3388" i="1"/>
  <c r="A3379" i="1"/>
  <c r="A3392" i="1"/>
  <c r="A3399" i="1"/>
  <c r="A3398" i="1"/>
  <c r="A3402" i="1"/>
  <c r="A3410" i="1"/>
  <c r="A3407" i="1"/>
  <c r="A3420" i="1"/>
  <c r="A3411" i="1"/>
  <c r="A3428" i="1"/>
  <c r="A3432" i="1"/>
  <c r="A3438" i="1"/>
  <c r="A3437" i="1"/>
  <c r="A3449" i="1"/>
  <c r="A3448" i="1"/>
  <c r="A3463" i="1"/>
  <c r="A3464" i="1"/>
  <c r="A3466" i="1"/>
  <c r="A3473" i="1"/>
  <c r="A3474" i="1"/>
  <c r="A3496" i="1"/>
  <c r="A3490" i="1"/>
  <c r="A3497" i="1"/>
  <c r="A3512" i="1"/>
  <c r="A3526" i="1"/>
  <c r="A3536" i="1"/>
  <c r="A3537" i="1"/>
  <c r="A3543" i="1"/>
  <c r="A3552" i="1"/>
  <c r="A3549" i="1"/>
  <c r="A3551" i="1"/>
  <c r="A3546" i="1"/>
  <c r="A3550" i="1"/>
  <c r="A3560" i="1"/>
  <c r="A3561" i="1"/>
  <c r="A3562" i="1"/>
  <c r="A3576" i="1"/>
  <c r="A3563" i="1"/>
  <c r="A3582" i="1"/>
  <c r="A3583" i="1"/>
  <c r="A3589" i="1"/>
  <c r="A3602" i="1"/>
  <c r="A3612" i="1"/>
  <c r="A3631" i="1"/>
  <c r="A3632" i="1"/>
  <c r="A3624" i="1"/>
  <c r="A3680" i="1"/>
  <c r="A3663" i="1"/>
  <c r="A3684" i="1"/>
  <c r="A3688" i="1"/>
  <c r="A3704" i="1"/>
  <c r="A3728" i="1"/>
  <c r="A3707" i="1"/>
  <c r="A3722" i="1"/>
  <c r="A3743" i="1"/>
  <c r="A3738" i="1"/>
  <c r="A3744" i="1"/>
  <c r="A3735" i="1"/>
  <c r="A3752" i="1"/>
  <c r="A3758" i="1"/>
  <c r="A3762" i="1"/>
  <c r="A3765" i="1"/>
  <c r="A3786" i="1"/>
  <c r="A3774" i="1"/>
  <c r="A3787" i="1"/>
  <c r="A3788" i="1"/>
  <c r="A3792" i="1"/>
  <c r="A3793" i="1"/>
  <c r="A3797" i="1"/>
  <c r="A3798" i="1"/>
  <c r="A3801" i="1"/>
  <c r="A3802" i="1"/>
  <c r="A3803" i="1"/>
  <c r="A3809" i="1"/>
  <c r="A3810" i="1"/>
  <c r="A3820" i="1"/>
  <c r="A3813" i="1"/>
  <c r="A3821" i="1"/>
  <c r="A3832" i="1"/>
  <c r="A3833" i="1"/>
  <c r="A902" i="1"/>
  <c r="A900" i="1"/>
  <c r="A905" i="1"/>
  <c r="A907" i="1"/>
  <c r="A909" i="1"/>
  <c r="A910" i="1"/>
  <c r="A916" i="1"/>
  <c r="A917" i="1"/>
  <c r="A921" i="1"/>
  <c r="A926" i="1"/>
  <c r="A928" i="1"/>
  <c r="A930" i="1"/>
  <c r="A939" i="1"/>
  <c r="A935" i="1"/>
  <c r="A933" i="1"/>
  <c r="A947" i="1"/>
  <c r="A952" i="1"/>
  <c r="A956" i="1"/>
  <c r="A955" i="1"/>
  <c r="A957" i="1"/>
  <c r="A965" i="1"/>
  <c r="A976" i="1"/>
  <c r="A977" i="1"/>
  <c r="A970" i="1"/>
  <c r="A983" i="1"/>
  <c r="A971" i="1"/>
  <c r="A966" i="1"/>
  <c r="A984" i="1"/>
  <c r="A985" i="1"/>
  <c r="A989" i="1"/>
  <c r="A997" i="1"/>
  <c r="A999" i="1"/>
  <c r="A1006" i="1"/>
  <c r="A1007" i="1"/>
  <c r="A1009" i="1"/>
  <c r="A1016" i="1"/>
  <c r="A1012" i="1"/>
  <c r="A1014" i="1"/>
  <c r="A1027" i="1"/>
  <c r="A1024" i="1"/>
  <c r="A1029" i="1"/>
  <c r="A1030" i="1"/>
  <c r="A1032" i="1"/>
  <c r="A1038" i="1"/>
  <c r="A1039" i="1"/>
  <c r="A1040" i="1"/>
  <c r="A1048" i="1"/>
  <c r="A1045" i="1"/>
  <c r="A1058" i="1"/>
  <c r="A1061" i="1"/>
  <c r="A1063" i="1"/>
  <c r="A1062" i="1"/>
  <c r="A1064" i="1"/>
  <c r="A1066" i="1"/>
  <c r="A1079" i="1"/>
  <c r="A1084" i="1"/>
  <c r="A1086" i="1"/>
  <c r="A1091" i="1"/>
  <c r="A1100" i="1"/>
  <c r="A1101" i="1"/>
  <c r="A1102" i="1"/>
  <c r="A1104" i="1"/>
  <c r="A1108" i="1"/>
  <c r="A1111" i="1"/>
  <c r="A1123" i="1"/>
  <c r="A1136" i="1"/>
  <c r="A1135" i="1"/>
  <c r="A1137" i="1"/>
  <c r="A1148" i="1"/>
  <c r="A1151" i="1"/>
  <c r="A1158" i="1"/>
  <c r="A1165" i="1"/>
  <c r="A1160" i="1"/>
  <c r="A1166" i="1"/>
  <c r="A1169" i="1"/>
  <c r="A1193" i="1"/>
  <c r="A1201" i="1"/>
  <c r="A1202" i="1"/>
  <c r="A1209" i="1"/>
  <c r="A1211" i="1"/>
  <c r="A1212" i="1"/>
  <c r="A1218" i="1"/>
  <c r="A1221" i="1"/>
  <c r="A1216" i="1"/>
  <c r="A1222" i="1"/>
  <c r="A1236" i="1"/>
  <c r="A1264" i="1"/>
  <c r="A1246" i="1"/>
  <c r="A1265" i="1"/>
  <c r="A1267" i="1"/>
  <c r="A1293" i="1"/>
  <c r="A1294" i="1"/>
  <c r="A1311" i="1"/>
  <c r="A1317" i="1"/>
  <c r="A1314" i="1"/>
  <c r="A1320" i="1"/>
  <c r="A1331" i="1"/>
  <c r="A1326" i="1"/>
  <c r="A1336" i="1"/>
  <c r="A1348" i="1"/>
  <c r="A1349" i="1"/>
  <c r="A1350" i="1"/>
  <c r="A1355" i="1"/>
  <c r="A1360" i="1"/>
  <c r="A1375" i="1"/>
  <c r="A1397" i="1"/>
  <c r="A1392" i="1"/>
  <c r="A1396" i="1"/>
  <c r="A1383" i="1"/>
  <c r="A1386" i="1"/>
  <c r="A1402" i="1"/>
  <c r="A1398" i="1"/>
  <c r="A1408" i="1"/>
  <c r="A1421" i="1"/>
  <c r="A1426" i="1"/>
  <c r="A1431" i="1"/>
  <c r="A1437" i="1"/>
  <c r="A1434" i="1"/>
  <c r="A1439" i="1"/>
  <c r="A1446" i="1"/>
  <c r="A1447" i="1"/>
  <c r="A1450" i="1"/>
  <c r="A1457" i="1"/>
  <c r="A1472" i="1"/>
  <c r="A1477" i="1"/>
  <c r="A1462" i="1"/>
  <c r="A1486" i="1"/>
  <c r="A1487" i="1"/>
  <c r="A1488" i="1"/>
  <c r="A1490" i="1"/>
  <c r="A1501" i="1"/>
  <c r="A1515" i="1"/>
  <c r="A1518" i="1"/>
  <c r="A1508" i="1"/>
  <c r="A1521" i="1"/>
  <c r="A1522" i="1"/>
  <c r="A1531" i="1"/>
  <c r="A1537" i="1"/>
  <c r="A1532" i="1"/>
  <c r="A1549" i="1"/>
  <c r="A1550" i="1"/>
  <c r="A1562" i="1"/>
  <c r="A1568" i="1"/>
  <c r="A1569" i="1"/>
  <c r="A1572" i="1"/>
  <c r="A1576" i="1"/>
  <c r="A1573" i="1"/>
  <c r="A1577" i="1"/>
  <c r="A1599" i="1"/>
  <c r="A1600" i="1"/>
  <c r="A1615" i="1"/>
  <c r="A1622" i="1"/>
  <c r="A1625" i="1"/>
  <c r="A1626" i="1"/>
  <c r="A1616" i="1"/>
  <c r="A1627" i="1"/>
  <c r="A1629" i="1"/>
  <c r="A1630" i="1"/>
  <c r="A1631" i="1"/>
  <c r="A1645" i="1"/>
  <c r="A1632" i="1"/>
  <c r="A1648" i="1"/>
  <c r="A1652" i="1"/>
  <c r="A1671" i="1"/>
  <c r="A1661" i="1"/>
  <c r="A1672" i="1"/>
  <c r="A1680" i="1"/>
  <c r="A1696" i="1"/>
  <c r="A1697" i="1"/>
  <c r="A1710" i="1"/>
  <c r="A1699" i="1"/>
  <c r="A1724" i="1"/>
  <c r="A1716" i="1"/>
  <c r="A1711" i="1"/>
  <c r="A1726" i="1"/>
  <c r="A1727" i="1"/>
  <c r="A1731" i="1"/>
  <c r="A1735" i="1"/>
  <c r="A1737" i="1"/>
  <c r="A1742" i="1"/>
  <c r="A1746" i="1"/>
  <c r="A1753" i="1"/>
  <c r="A1754" i="1"/>
  <c r="A1758" i="1"/>
  <c r="A1762" i="1"/>
  <c r="A1767" i="1"/>
  <c r="A1786" i="1"/>
  <c r="A1788" i="1"/>
  <c r="A1787" i="1"/>
  <c r="A1804" i="1"/>
  <c r="A1811" i="1"/>
  <c r="A1812" i="1"/>
  <c r="A1822" i="1"/>
  <c r="A1813" i="1"/>
  <c r="A1824" i="1"/>
  <c r="A1833" i="1"/>
  <c r="A1834" i="1"/>
  <c r="A1841" i="1"/>
  <c r="A1846" i="1"/>
  <c r="A1859" i="1"/>
  <c r="A1858" i="1"/>
  <c r="A1864" i="1"/>
  <c r="A1861" i="1"/>
  <c r="A1874" i="1"/>
  <c r="A1875" i="1"/>
  <c r="A1884" i="1"/>
  <c r="A1880" i="1"/>
  <c r="A1885" i="1"/>
  <c r="A1892" i="1"/>
  <c r="A1888" i="1"/>
  <c r="A1903" i="1"/>
  <c r="A1906" i="1"/>
  <c r="A1905" i="1"/>
  <c r="A1913" i="1"/>
  <c r="A1916" i="1"/>
  <c r="A1917" i="1"/>
  <c r="A1918" i="1"/>
  <c r="A1929" i="1"/>
  <c r="A1919" i="1"/>
  <c r="A1944" i="1"/>
  <c r="A1933" i="1"/>
  <c r="A1930" i="1"/>
  <c r="A1934" i="1"/>
  <c r="A1954" i="1"/>
  <c r="A1955" i="1"/>
  <c r="A1956" i="1"/>
  <c r="A1957" i="1"/>
  <c r="A1969" i="1"/>
  <c r="A1968" i="1"/>
  <c r="A1974" i="1"/>
  <c r="A1984" i="1"/>
  <c r="A1985" i="1"/>
  <c r="A1986" i="1"/>
  <c r="A1988" i="1"/>
  <c r="A1991" i="1"/>
  <c r="A2011" i="1"/>
  <c r="A2027" i="1"/>
  <c r="A2024" i="1"/>
  <c r="A2025" i="1"/>
  <c r="A2028" i="1"/>
  <c r="A1369" i="1"/>
  <c r="A5828" i="1"/>
  <c r="A6622" i="1"/>
  <c r="A5" i="1"/>
  <c r="A9" i="1"/>
  <c r="A11" i="1"/>
  <c r="A8009" i="1"/>
  <c r="A17" i="1"/>
  <c r="A21" i="1"/>
  <c r="A30" i="1"/>
  <c r="A23" i="1"/>
  <c r="A32" i="1"/>
  <c r="A60" i="1"/>
  <c r="A42" i="1"/>
  <c r="A72" i="1"/>
  <c r="A78" i="1"/>
  <c r="A84" i="1"/>
  <c r="A73" i="1"/>
  <c r="A74" i="1"/>
  <c r="A91" i="1"/>
  <c r="A87" i="1"/>
  <c r="A101" i="1"/>
  <c r="A93" i="1"/>
  <c r="A114" i="1"/>
  <c r="A116" i="1"/>
  <c r="A121" i="1"/>
  <c r="A124" i="1"/>
  <c r="A125" i="1"/>
  <c r="A126" i="1"/>
  <c r="A128" i="1"/>
  <c r="A129" i="1"/>
  <c r="A144" i="1"/>
  <c r="A130" i="1"/>
  <c r="A146" i="1"/>
  <c r="A148" i="1"/>
  <c r="A151" i="1"/>
  <c r="A162" i="1"/>
  <c r="A183" i="1"/>
  <c r="A184" i="1"/>
  <c r="A185" i="1"/>
  <c r="A222" i="1"/>
  <c r="A237" i="1"/>
  <c r="A225" i="1"/>
  <c r="A243" i="1"/>
  <c r="A245" i="1"/>
  <c r="A253" i="1"/>
  <c r="A258" i="1"/>
  <c r="A260" i="1"/>
  <c r="A268" i="1"/>
  <c r="A271" i="1"/>
  <c r="A273" i="1"/>
  <c r="A282" i="1"/>
  <c r="A284" i="1"/>
  <c r="A288" i="1"/>
  <c r="A292" i="1"/>
  <c r="A293" i="1"/>
  <c r="A314" i="1"/>
  <c r="A307" i="1"/>
  <c r="A316" i="1"/>
  <c r="A324" i="1"/>
  <c r="A323" i="1"/>
  <c r="A331" i="1"/>
  <c r="A341" i="1"/>
  <c r="A364" i="1"/>
  <c r="A361" i="1"/>
  <c r="A355" i="1"/>
  <c r="A369" i="1"/>
  <c r="A391" i="1"/>
  <c r="A398" i="1"/>
  <c r="A373" i="1"/>
  <c r="A417" i="1"/>
  <c r="A411" i="1"/>
  <c r="A423" i="1"/>
  <c r="A428" i="1"/>
  <c r="A446" i="1"/>
  <c r="A456" i="1"/>
  <c r="A458" i="1"/>
  <c r="A460" i="1"/>
  <c r="A461" i="1"/>
  <c r="A508" i="1"/>
  <c r="A494" i="1"/>
  <c r="A479" i="1"/>
  <c r="A509" i="1"/>
  <c r="A514" i="1"/>
  <c r="A513" i="1"/>
  <c r="A534" i="1"/>
  <c r="A537" i="1"/>
  <c r="A523" i="1"/>
  <c r="A539" i="1"/>
  <c r="A553" i="1"/>
  <c r="A555" i="1"/>
  <c r="A557" i="1"/>
  <c r="A558" i="1"/>
  <c r="A561" i="1"/>
  <c r="A563" i="1"/>
  <c r="A564" i="1"/>
  <c r="A566" i="1"/>
  <c r="A568" i="1"/>
  <c r="A571" i="1"/>
  <c r="A581" i="1"/>
  <c r="A588" i="1"/>
  <c r="A590" i="1"/>
  <c r="A576" i="1"/>
  <c r="A599" i="1"/>
  <c r="A608" i="1"/>
  <c r="A607" i="1"/>
  <c r="A609" i="1"/>
  <c r="A613" i="1"/>
  <c r="A616" i="1"/>
  <c r="A635" i="1"/>
  <c r="A634" i="1"/>
  <c r="A645" i="1"/>
  <c r="A649" i="1"/>
  <c r="A654" i="1"/>
  <c r="A655" i="1"/>
  <c r="A683" i="1"/>
  <c r="A696" i="1"/>
  <c r="A706" i="1"/>
  <c r="A701" i="1"/>
  <c r="A715" i="1"/>
  <c r="A732" i="1"/>
  <c r="A739" i="1"/>
  <c r="A740" i="1"/>
  <c r="A745" i="1"/>
  <c r="A746" i="1"/>
  <c r="A747" i="1"/>
  <c r="A748" i="1"/>
  <c r="A755" i="1"/>
  <c r="A758" i="1"/>
  <c r="A759" i="1"/>
  <c r="A756" i="1"/>
  <c r="A757" i="1"/>
  <c r="A760" i="1"/>
  <c r="A779" i="1"/>
  <c r="A780" i="1"/>
  <c r="A781" i="1"/>
  <c r="A791" i="1"/>
  <c r="A782" i="1"/>
  <c r="A799" i="1"/>
  <c r="A792" i="1"/>
  <c r="A800" i="1"/>
  <c r="A810" i="1"/>
  <c r="A815" i="1"/>
  <c r="A816" i="1"/>
  <c r="A819" i="1"/>
  <c r="A824" i="1"/>
  <c r="A826" i="1"/>
  <c r="A829" i="1"/>
  <c r="A830" i="1"/>
  <c r="A842" i="1"/>
  <c r="A831" i="1"/>
  <c r="A837" i="1"/>
  <c r="A841" i="1"/>
  <c r="A843" i="1"/>
  <c r="A844" i="1"/>
  <c r="A847" i="1"/>
  <c r="A848" i="1"/>
  <c r="A849" i="1"/>
  <c r="A856" i="1"/>
  <c r="A854" i="1"/>
  <c r="A872" i="1"/>
  <c r="A874" i="1"/>
  <c r="A861" i="1"/>
  <c r="A860" i="1"/>
  <c r="A868" i="1"/>
  <c r="A877" i="1"/>
  <c r="A892" i="1"/>
  <c r="A895" i="1"/>
  <c r="A894" i="1"/>
  <c r="A898" i="1"/>
</calcChain>
</file>

<file path=xl/sharedStrings.xml><?xml version="1.0" encoding="utf-8"?>
<sst xmlns="http://schemas.openxmlformats.org/spreadsheetml/2006/main" count="157705" uniqueCount="34773">
  <si>
    <t>版号：003</t>
  </si>
  <si>
    <t>版号：001</t>
  </si>
  <si>
    <t>版号：008</t>
  </si>
  <si>
    <t>美国股市不会大崩盘</t>
  </si>
  <si>
    <t>到今年年底，纽约股市纳斯达克综合指数从去年3月的最高点跌落了大约50％。于是，1929年纽约股市大崩盘可能会在美国重演的说法最近又开始在美国传扬。虽然绝大多数经济界人士并未对此给予太多注意，但即使那些认为“大崩盘”的预言</t>
  </si>
  <si>
    <t>韩国经济政策重点：提高竞争力</t>
  </si>
  <si>
    <t>韩国经济从60年代初开始起飞，经过70年代、80年代的迅猛发展，创造了令世人惊叹的“汉江奇迹”，从一个农业国家变为新兴的工业化国家，1997年发生的亚洲金融危机虽然使韩国经济遭受沉重的打击。但顽强的韩国人勇敢地面对挑战，终?</t>
  </si>
  <si>
    <t>爱尔兰：崛起的“凯尔特虎”</t>
  </si>
  <si>
    <t>爱尔兰是一个充满生机与活力的美丽岛国；在全国360万人口中，25岁以下人口占40％的比例；自1994年以来，连续5年保持着9％的高增长率，成为欧盟中经济发展最快的国家，赢得了“欧洲软件之都”、“凯尔特虎”等美誉。目前爱尔兰已经</t>
  </si>
  <si>
    <t>版号：006</t>
  </si>
  <si>
    <t>版号：005</t>
  </si>
  <si>
    <t>韩国经济再陷困境</t>
  </si>
  <si>
    <t>新年将至，生活在京畿道龙仁市的家庭主妇金仁子心里却充满不安：“今年的送年聚餐，只准备家里人简单吃一顿饭。国家经济不景气，明年还不知道会怎么样，现在花1万元钱（1200韩元合1美元）都要掂量来掂量去。”    类似金仁子这?</t>
  </si>
  <si>
    <t>版号：002</t>
  </si>
  <si>
    <t>版号：004</t>
  </si>
  <si>
    <t>版号：007</t>
  </si>
  <si>
    <t>平日是公园  灾时好避难</t>
  </si>
  <si>
    <t>火山喷发和地震，是日本这个岛国危害最严重的自然灾害。1923年的关东大地震、1995年的阪神大地震等，都造成了极其惨重的生命财产损失。以生命和鲜血为代价，换来了日本对防灾救灾工作的高度重视，并且积累了不少有益的经验。在城市建立防灾公?</t>
  </si>
  <si>
    <t>飞机尾气危害严重  治理已成当务之急</t>
  </si>
  <si>
    <t>俄罗斯大气物理学家波波维切娃和斯塔里克最近提出，飞机尾气会降低大气臭氧浓度，加剧温室效应，因而急需对飞机尾气加以治理。    据俄罗斯《科学与生活》杂志报道，两位专家指出，当喷气式飞机急速掠过高空时会在尾部留下一道长长的?</t>
  </si>
  <si>
    <t>日本重视研究生教育</t>
  </si>
  <si>
    <t>日本是一个高度注重学历的国家。大学本科教育已在很大程度上得到普及，如今随着高科技迅速发展，研究生教育越来越受到日本社会的重视。扩充和加强研究生教育已被列为日本高等教育中的最重要的课题之一。    迄今为止，日本的研究生教?</t>
  </si>
  <si>
    <t>幸福婚姻有益健康</t>
  </si>
  <si>
    <t>日前美国芝加哥大学的社会学家琳达·维特经研究发现，已婚者寿命平均较长，生活得比较幸福且银行存款较多。    1972年，研究人员也做过一次类似的调查，结果表明婚姻给男性带来的好处远远超过女性：已婚的男性得精神病和抑郁症的几率较低，?</t>
  </si>
  <si>
    <t>捷克经济缓慢复苏</t>
  </si>
  <si>
    <t>本报布拉格专电（记者鲁惠民）今年以来，捷克经济结束连续3年的下滑局面，开始步入缓慢回升阶段。    捷克实现经济转轨后，曾连续几年保持高速增长。但1997年经济开始滑坡。为迅速扭转这种被动局面，捷当局进一步加强了宏</t>
  </si>
  <si>
    <t>高科技将改变残疾人生活方式</t>
  </si>
  <si>
    <t>日前在华盛顿举行的一个名为“高科技设备与残疾人”的展览会上，一些高科技公司推出了为残疾人专门设计的数十种数字技术设备，它们将扩大残疾人的活动和就业空间。    全球定位卫星系统开发出的新技术已经在美国</t>
  </si>
  <si>
    <t>俄罗斯：隧道尽头亮光显现</t>
  </si>
  <si>
    <t>20世纪是俄罗斯经济由盛及衰的世纪。    20年代末，苏联开始了大规模工业化和农业集体化进程，运用工农业产品价格的“剪刀差”，强行实现工业积累；同时利用世界资本主义大危机的有利时机，从国外引进先进技术。在经过3个五年计</t>
  </si>
  <si>
    <t>欧洲空客超大型客机投产</t>
  </si>
  <si>
    <t>本报巴黎专电（记者  沈孝泉）欧洲空中客车工业集团日前宣布，研制10年之久、耗费100多亿美元研制费用的超大型远程客机A380正式投产，第一批交付使用的时间是2006年。    推出这种世界上载客量最大的民用飞机的目的是试图打破美国在国</t>
  </si>
  <si>
    <t>韩国为金融结构调整清障</t>
  </si>
  <si>
    <t>本报汉城专电（记者高浩荣）韩国政府18日命令6家资不抵债的银行销毁现有的全部股票，以便为在明年2月完成金融结构调整扫清道路。    被命令实行这一完全减资措施的6家银行是韩光、汉城、平和、光州、济州和庆南银行</t>
  </si>
  <si>
    <t>五菱：打造中国的“T型车”</t>
  </si>
  <si>
    <t>一提起“汽车进入家庭”，许多人会不由自主地想起美国福特公司的“T型车”，因为正是它使汽车降尊纡贵，成为普通老百姓触手可及的商品。可是，要把五菱与“T型车”联系起来，在外人看来不免有些牵强。五菱造的是“T型车”吗？它的“T</t>
  </si>
  <si>
    <t>对付疯牛病欧洲要大把花钱</t>
  </si>
  <si>
    <t>入夜，欧盟部长理事会办公大楼前停放的一辆辆电视转播车正紧张工作着。这是自1999年1月 1日欧元启动隆重仪式以来，布鲁塞尔这个欧盟总部所在地又一次罕见的场面。    2000年12月4日夜，可以说是欧盟历史上又一个具有</t>
  </si>
  <si>
    <t>哈佛等60名校图书馆联网</t>
  </si>
  <si>
    <t>一个名为“综合电子参考服务”的网站近日诞生。该网站由全球60多所图书馆组成，其中包括著名的哈佛大学图书馆、耶鲁大学图书馆、澳大利亚国家图书馆、加拿大农业图书馆，香港科技大学也参与其中。    “综合电子参考服务”将于明年6月起正</t>
  </si>
  <si>
    <t>从标准化到个性化</t>
  </si>
  <si>
    <t>不久前，我随南方集团到欧洲学习考察，重点考察了欧洲几家汽车公司和电讯公司。耳闻目睹，刷新了一些我多年来奉为金科玉律的企业管理理念。    在菲亚特汽车制造厂的总装厂，我们看到每隔几十秒钟就有一辆漂亮的小轿车从装配线上徐徐?</t>
  </si>
  <si>
    <t>中子探测器</t>
  </si>
  <si>
    <t>世界上的地雷需要多长时间才能全部扫除？据联合国地雷数据库估计，按目前的技术和探测速度，需要1100年才能清除分布在全世界大约70个国家的1．1亿颗地雷。但是，如果研制中的中子扫雷器能够在不久的将来投入实际应用，那么人类的扫雷速度将大?</t>
  </si>
  <si>
    <t>社会影响大  经济效益佳</t>
  </si>
  <si>
    <t>在蒙古首都乌兰巴托市，只要提起中蒙合资开办的“桑斯尔”（蒙古语意为“宇宙”）有线电视台，几乎是家喻户晓，老幼皆知。            社会影响大    前不久，桑斯尔有线电视台隆重庆祝了建台5周年。经过几年的开拓、发展，今</t>
  </si>
  <si>
    <t>氢能开发前景广阔  中意合作拉开序幕</t>
  </si>
  <si>
    <t>最近，《中意氢能具体合作技术文件》在意大利签署，文件确定了双方在氢能基础研究、应用和示范两大领域内的11项合作内容。基础研究方面主要包括氢的制取和储存、氢能应用中的安全等；应用和示范方面主要包括开发氢燃料电池、氢能在交通方面的实际应?</t>
  </si>
  <si>
    <t>台湾贸易顺差下降</t>
  </si>
  <si>
    <t>本报讯：台湾“财政部”7日公布的统计数据显示，今年11月份台湾的贸易顺差为7．746亿美元，比去年同期下降了45．6％。    今年11月份台湾的出口由于来自亚洲地区及美国的需求旺盛，比去年同期增长10．3％，出口额为127．2亿美元。同期</t>
  </si>
  <si>
    <t>欧美经济增长将放缓</t>
  </si>
  <si>
    <t>本报日内瓦专电（记者严明）联合国欧洲经济委员会日前公布的最新一期欧洲经济形势研究报告预计，明年世界经济增长速度将会有所放慢，北美地区明年经济增长率将由今年的5．2％下降到3．2％，西欧将由今年的3．4％放慢到3％左右。</t>
  </si>
  <si>
    <t>新加坡的《电子商务法》</t>
  </si>
  <si>
    <t>在发展中国家里，新加坡是发展电子商务较早、较快的国家。在联合国贸易法委员会于1996年颁布《电子商务示范法》之后，新加坡即开始了相关的立法研究与立法起草工作。1998年，新加坡颁布了第一部有关电子商务的综合性法律《电子商务法》?</t>
  </si>
  <si>
    <t>打破垄断  激活市场</t>
  </si>
  <si>
    <t>现在，由德国政府控股的德国邮政公司在市场上的垄断地位开始受到冲击。这是德国在开放公共事业市场方面又一大进展。    前些时候，德国开放电信市场打破了原国有电信公司的垄断地位。目前德国市场上的有160家电信服务公司。它们</t>
  </si>
  <si>
    <t>沪赣两“大众”  联袂开“的士”</t>
  </si>
  <si>
    <t>本报南昌电（记者余孝忠 通讯员魏早林）江西大众交通运输有限公司和上海大众交通集团顺利完成资产重组，日前宣布在南昌联袂开行出租汽车。    3年前，上海大众交通公司与南昌出租汽车公司、加拿大北美大众公司等3家联合投资组建</t>
  </si>
  <si>
    <t>在中国建立地区性据点</t>
  </si>
  <si>
    <t>韩国三星集团本身不是独立法人，所以美国《财富》杂志500强公司名单中仅有三星物产和三星电子参加排名。如果按集团销售总额计算，三星集团在500家公司中将跻身全球最大的十几家之列。     三星集团起家时是一个名为“三星商会”的小贸易公司，是</t>
  </si>
  <si>
    <t>美科学家发现植物免疫系统基因开关</t>
  </si>
  <si>
    <t>本报洛杉矶专电（记者张小军）在遭遇病害时，植物的免疫系统往往会通过“基因开关”启动或关闭免疫系统，做出保护性反应以减少对自身的伤害。美国研究人员最近以植物拟南芥为研究对象，发现了它的基因开关。    参与研究的北卡?</t>
  </si>
  <si>
    <t>“龙”现沙迦</t>
  </si>
  <si>
    <t>“快看，那两只大龙眼睛就是！”随着同车伙伴的大声提醒，记者很快就在一片灯海中看见两个特别明亮的淡绿色“大亮点”，顺着亮点儿则是一串高挂的灯饰，远远望去宛如一条从地下刚刚探出头角的巨龙。这就是夜幕下的阿联酋沙迦酋长?</t>
  </si>
  <si>
    <t>美国钢铁业难脱困境</t>
  </si>
  <si>
    <t>为使钢铁生产恢复生机，美国伯利恒钢铁公司今年投入了7亿美元用于其现代化改建工程。然而，在它剪彩开工仅仅两个月，就因进口的冷扎钢板价格大幅下降，使它又面临新的危机──亏损日趋严重，其股票下跌到每股不到3美元。据业内人士估计?</t>
  </si>
  <si>
    <t>股票期权的早期执行</t>
  </si>
  <si>
    <t>目前，处于创业阶段的美国互联网和高科技企业日益盛行使用较早行使股票期权（亦称“反授予”）的操作技术。该项操作旨为减少在执行ISOs时所产生的可选择低税额（AMT）或者减少在执行非法定性股票期权（NSOs）时所产生的普通</t>
  </si>
  <si>
    <t>瑞士人偏爱本国名牌</t>
  </si>
  <si>
    <t>本报日内瓦专电（记者严明）瑞士人有钱，人均国民生产总值世界第一：瑞士的国际化程度很高，全国居民中有将近1／5是外国人。可是不管世道如何变，瑞士人还是偏爱瑞士货：最近一次的调查表明，瑞士消费者最认的20个名牌中有14个是?</t>
  </si>
  <si>
    <t>西欧汽车市场销售不旺</t>
  </si>
  <si>
    <t>本报布鲁塞尔专电（记者郑■春）由于油价上涨的不利影响，包括欧盟15国、挪威、瑞士和冰岛在内的西欧18国汽车市场销售不旺，今年10月份的销售量只达到111．9万辆，比去年同期下降了4％。    据设在布鲁塞尔的欧洲汽车制造</t>
  </si>
  <si>
    <t>大宇汽车公司破产的启示</t>
  </si>
  <si>
    <t>韩国大宇汽车公司于今年11月10日正式向仁川地方法院提出申请法庭管理。按照韩国有关经济法，由法庭管理的企业将在法庭的监管下协调债权人和股东的利害关系，谋求破产企业的重生之路。    大宇集团是韩国四大财团之一，但论资排?</t>
  </si>
  <si>
    <t>日本经济复苏在于结构调整</t>
  </si>
  <si>
    <t>本报日内瓦专电（记者李敬臣）世界贸易组织日前发表的日本贸易政策审议报告认为，日本GDP（国内生产总值）从1998年的负增长转为正增长，应归功于日本在亚洲金融危机后进行的旨在鼓励竞争的结构调整。    世贸组织贸易政策审议机</t>
  </si>
  <si>
    <t>从债券市场看美国经济隐忧</t>
  </si>
  <si>
    <t>债券市场是美国公司投资资金的主要来源之一。汤姆森金融证券数据公司的统计显示，今年以来美国公司通过发行债券筹集的资金已达到9350亿美元，远远超过发行新股筹得的1460亿美元。但近几个月来，投资者购买美国公司债券的热情明显减</t>
  </si>
  <si>
    <t>日本：推动电子商务的《行动纲领》</t>
  </si>
  <si>
    <t>日本政府于2000年6月推出了《数字化日本之发端──行动纲领》。《行动纲领》将与信息产业革命有关的政策问题分成三类，并分别从日本国家战略的高度提出了方向性的意见。    第一类是与网络基础设施有关的政策，建议更彻底地适用市场竞</t>
  </si>
  <si>
    <t>新经济与网络经济</t>
  </si>
  <si>
    <t>伴随着网络经济在美国的发展，以“高增长率，低通货膨胀率，低失业率”为特征的所谓美国“新经济”也在全球炒的沸沸扬扬。在美国的新经济和网络经济之间有许多值得讨论的东西。一些学者认为新经济就是网络经济。另一些学者则认为这两者?</t>
  </si>
  <si>
    <t>网上销售：分销中心是关键</t>
  </si>
  <si>
    <t>随着网上销售的不断扩大，许多美国连锁零售店发现，要增加网上销售，就必须建立更加完善的供货和服务设施。    自去年圣诞购物季节开始，美国出现网上购物潮。但由于不少公司供货设施不足，结果导致商品脱销，不能满足消费者的?</t>
  </si>
  <si>
    <t>多媒体超级走廊</t>
  </si>
  <si>
    <t>在马来西亚第7个五年计划（1996－2000年）和第2工业大蓝图（1996－2005年）下，信息技术产业被确定为马经济发展战略重点和未来经济持续发展的新动力。正在建设中的“多媒体超级走廊”便是马来西亚落实向知识经济转型这一战略的核?</t>
  </si>
  <si>
    <t>进入“而立之年”的法国科技园区</t>
  </si>
  <si>
    <t>从1969年索菲亚－昂蒂波利斯高科技园区创建算起，法国的科技园区建设已走过30年路程。如今，遍布全国的41个科技园区在经过初期的摸索、试验、成功和失败后，走向稳定、成熟，并在思考科技园区新的含义，谋求新的发展。     80年</t>
  </si>
  <si>
    <t>美国对股票期权的税务处理</t>
  </si>
  <si>
    <t>按照美国国内收入法典的有关规定，ESO可以分为两类：激励型期权（incentivestock option，ISO）或法定股票期权（statutory  stockoption）和非法定股票期权（nonstautory stock option，NSO），其中ISO在美国是最普通的期权</t>
  </si>
  <si>
    <t>瑞士直接对华投资看涨</t>
  </si>
  <si>
    <t>本报讯：从近日在京召开的中瑞经贸信息推广会上获悉，瑞士直接对华投资近年来不断增长，现已在中国拥有550多家企业，总投资额达35亿至40亿瑞郎。     由瑞士联邦驻中国使馆和中国国际贸易促进委员会联合举办的这次活动，展示了?</t>
  </si>
  <si>
    <t>美国信息产业的发展与调整（下）</t>
  </si>
  <si>
    <t>美国信息产业确已取得很大的业绩，但是正如一家美国刊物所说，新经济“决不会永远是明朗的晴天”。今年以来，天空中已出现了一些乌云。    上半年，在华尔街股市上网络股暴跌，30多家因特网公司倒闭，网络泡沫破灭。股民们期望?</t>
  </si>
  <si>
    <t>欧盟要求制裁美国出口补贴行为</t>
  </si>
  <si>
    <t>本报布鲁塞尔专电（记者 义高潮）欧洲联盟日前正式要求世界贸易组织授权欧盟对美国政府的出口补贴行为予以制裁，制裁总金额为每年40亿美元。    欧盟负责外贸的委员拉米说，欧盟向世贸组织提出制裁要求旨在保护欧盟成员国的利益</t>
  </si>
  <si>
    <t>注重运用虚拟企业组织</t>
  </si>
  <si>
    <t>“虚拟企业组织”一词最初出现在Kenneth Preiss为首的一批美国学者于1991年向美国国会提交的《21世纪制造企业战略》的报告中，此后不久，就在西方企业界引发了一场虚拟化的浪潮，被认为是21世纪的企业组织发展模式。    虚拟企业组织是指为了实现?</t>
  </si>
  <si>
    <t>大宇汽车没油了</t>
  </si>
  <si>
    <t>韩国 30多家银行和金融机构组成的债权团 8日宣布，大宇汽车公司“最终破产”。导致这一结果的直接的原因是该公司无力偿还到期的445亿韩元的期票（1100韩元合1美元），而更主要的原因是大宇汽车公司已经处于资不抵债的败落局面。 10日大宇汽车?</t>
  </si>
  <si>
    <t>浦项的待客之道</t>
  </si>
  <si>
    <t>如何接待访客是企业形象的重要组成部分。记者最近访问韩国期间，在东道主《每日经济新闻》社的安排下参观了浦项钢铁公司的浦项钢铁厂。浦项公司是世界著名钢铁企业，技术和管理之先进自不待言，记者并非这方面的行家，不必?</t>
  </si>
  <si>
    <t>欧盟的两部法律文件</t>
  </si>
  <si>
    <t>欧盟的电子商务立法进程虽然比美国稍慢，但是立法实施的速度与美国相当，甚至稍快于美国。欧洲议会于1999年12月通过了《电子签名指令》，于2000年5月通过了《电子商务指令》。这两部法律文件构成了欧盟国家电子商务立法的核心和基础。其</t>
  </si>
  <si>
    <t>美国信息产业的发展与调整（上）</t>
  </si>
  <si>
    <t>近来，美国纳斯达克指数不断下跌，从今年3月的5408点最高峰到10月中只有3200点，缩水近40％。在其影响下欧亚一些股市的高科技股也出现了暴跌。有的报刊惊呼“泡沫破灭”可能产生新的“股灾”；有的报纸也担心美国的信息产业会不会</t>
  </si>
  <si>
    <t>纳米技术：主导下一次产业革命</t>
  </si>
  <si>
    <t>今年初，美国总统克林顿向国会提出了“国家纳米技术计划”，并指出：“纳米技术将领导下一场工业革命。”而在提出这项计划之前，以美国国家科学基金会为首的十几个政府部门联合出资，委托世界技术评估中心对纳米技术的研究与开发现状和?</t>
  </si>
  <si>
    <t>中国科学家越来越年轻</t>
  </si>
  <si>
    <t>在纳米材料领域备受国内外学者关注的我国科学家卢柯，最近刚刚获得了第三世界科技组织网络应用科学技术奖，这是我国科学家第一次获此殊荣。此时的卢柯，年龄只有35岁。    今年年初，清华大学36岁的特聘教授程京作为十位主讲</t>
  </si>
  <si>
    <t>美国《统一计算机信息交易法》</t>
  </si>
  <si>
    <t>美国的电子商务活动在全球开展得最早，在90年代中期就开始了有关电子商务的立法准备工作，并于1999年7月公布了《统一计算机信息交易法》（UCITA）。《统一计算机信息交易法》没有直接法律效力，能否转化为生效法律，取决于各州是否通过?</t>
  </si>
  <si>
    <t>芬兰将进一步开拓中国市场</t>
  </si>
  <si>
    <t>本报赫尔辛基专电（记者郑焕清）芬兰中国经济问题资深专家雷诺·贡恩最近在芬中大型经贸研讨会上说，改革开放以来，中国经济取得飞速的发展。随着中国加入世界贸易组织，这个东方大国必将迎来更快、更为有力的发展时期，在世界经?</t>
  </si>
  <si>
    <t>瑞士电信推出新服务</t>
  </si>
  <si>
    <t>本报日内瓦专电（记者严明）在瑞士买可口可乐现在又多了一种方式，用手机“打一罐”，这是瑞士电信公司和可口可乐公司最近合作推出了一个新的试验性服务项目。    找到可口可乐公司设在街头的自动售货机，打开手机，输入一组固?</t>
  </si>
  <si>
    <t>全球零售业“三剑客”沪上论剑</t>
  </si>
  <si>
    <t>本报上海电（记者俞丽虹）全球零售业的三大巨头──美国沃尔玛、法国家乐福和德国麦德龙的有关高层人士近日在上海表示，明年他们都将加快各自在华的发展速度，拓展网络规模、扩大市场份额。记者从正在此间召开的“第二届中国连锁?</t>
  </si>
  <si>
    <t>三成多瑞士人是股民</t>
  </si>
  <si>
    <t>本报日内瓦专电（记者严明）号称世界首富的瑞士人投资意识颇强，瑞士苏黎世大学银行学院31日公布的一份研究报告显示，目前瑞士成年人中已有近1／3拥有股票。    专家们分析，90年代以来股市行情不断上涨，加?</t>
  </si>
  <si>
    <t>浅析创新素质的培养</t>
  </si>
  <si>
    <t>在经济学史上享有盛名的英国经济学家马歇尔曾明确指出过：“企业家的任务就是：创造需求者剩余和生产者剩余。”充分指明了企业领导人在市场竞争中具有创新意识的重要性。     创新能力就是创造主体在创造活动中表现出来并发展起来的各</t>
  </si>
  <si>
    <t>外企在中国的研发状况及影响</t>
  </si>
  <si>
    <t>北京天则经济研究所最近举办了“研究与开发全球化”问题的双周学术研讨会，清华大学薛澜教授做了主题发言，研讨了国外公司在中国R＆D投资状况及其对中国的影响。    据介绍，国外在华的R＆D投资，从跨国公司的来源看，美国最多，占了?</t>
  </si>
  <si>
    <t>信息化：跨越发展的有效途径</t>
  </si>
  <si>
    <t>信息化已成为世界经济和社会发展的大趋势。正如世界银行在1999年年度报告中所指出的，衡量一个国家经济社会发展程度的内涵已发生变化，强调人均占有知识总量，国家与国家间发展的差距更多地表现在因信息技术而导致的“知识缺口”?</t>
  </si>
  <si>
    <t>找准中式快餐的对手</t>
  </si>
  <si>
    <t>今年9月份，已在国内拥有362家分店的马兰拉面，又在美国洛杉矶开设了一家分店。记者采访了马兰拉面快餐连锁有限责任公司董事长陈实。    今年30多岁的陈实原是甘肃中医学院的一名老师，1993年进入蓝星集团，从一名普通的员工成长为成功的职?</t>
  </si>
  <si>
    <t>替代能源：中国汽车业赶超世界的契机</t>
  </si>
  <si>
    <t>长期在德国奥迪公司总部工作的中国高级工程师万钢博士日前在接受本报记者专访时指出，全球新一轮石油价格的上涨再次给世界汽车工业敲响了警钟，对以石油为能源的传统汽车工业产生了强大冲击。为此，他呼吁我国政府从国家安全和国?</t>
  </si>
  <si>
    <t>高校到国外招收留学生</t>
  </si>
  <si>
    <t>新闻：包括北京大学等一批著名高等院校，到韩国去举办到中国留学说明会。据悉，中国高校招收外国留学生的速度还会加快，外国留学生到中国留学、特别是要拿学位的留学生的数量还会增加。    点评：最近一个阶段，我们不断见到外国大学纷纷到?</t>
  </si>
  <si>
    <t>环境激素：不可等闲视之</t>
  </si>
  <si>
    <t>世界卫生组织给环境激素所下的定义是：“使内分泌功能发生变化，并因此而对个体及其子孙或者集团（部分是亚集团）产生有害影响的外因性化学物质或者混合物。”   “环境激素”这个词在1997年出版的日本辞典《现代用语的基础知识》里还</t>
  </si>
  <si>
    <t>珠宝店货卖多样</t>
  </si>
  <si>
    <t>近年来，世界上越来越多的著名珠宝品牌公司推出系列居家生活用品，逐渐形成了一种趋势。这些商品不仅更贴近消费者的生活，还可以拓展客户群，有些商品的热销程度，是一般珠宝店望尘莫及的。    例如日本珠宝饰品品牌“4℃”公司，就是从结婚钻戒开始，针</t>
  </si>
  <si>
    <t>美国保险监管体系：改革势在必行</t>
  </si>
  <si>
    <t>美国保险监管体系迄今已运行140多年，对其成败，见仁见智。但专家学者也有共识：挑战必须面对，改革势在必行。美国最大的再保险公司林肯金融集团高级副总裁迪克·罗伯逊最近在接受记者采访时说，美保险监管体系历经约一个半世纪的</t>
  </si>
  <si>
    <t>芬兰企业纷纷落户中国</t>
  </si>
  <si>
    <t>本报赫尔辛基专电（记者郑焕清）近年来，随着中国经济的持续稳定发展和投资环境的不断改善，芬兰森林加工、金属和电信等行业的企业普遍看好中国市场，纷纷增加投资以扩大在这个世界增长最快的市场的经营活动。    芬兰经济界人?</t>
  </si>
  <si>
    <t>吸引人才  培养人才</t>
  </si>
  <si>
    <t>在高科技领域，以色列正处于一个重要和大有可为的时期，被人称为“第二个硅谷”。1997年底，以色列高科技的销售达70亿美元，其中出口超过50亿美元。预计2000年以色列在这方面的销售额将达到100亿美1。以色列高科技产业之所以发展迅猛，关键在</t>
  </si>
  <si>
    <t>面向新世纪的中欧关系</t>
  </si>
  <si>
    <t>金秋10月，中国一欧盟领导人第三次会晤将在北京举行。这次会晤是在中欧合作不断发展和中国即将加入世界贸易组织的背景下举行的。此间欧盟官员表示相信，本次中欧首脑会晤将进一步推动双方关系发展，使欧中合作以更大的步伐迈进新世纪。$</t>
  </si>
  <si>
    <t>芬兰日用品小商店再度受青睐</t>
  </si>
  <si>
    <t>本报赫尔辛基专电（记者郑焕清）近年来，一批小型日用品连锁店再度出现在芬兰大中城市，以优质便捷的服务受到消费者的青睐，成为大型商场有力的竞争对手。    这些日用品小商店多数建在市中心和人口比较集中的居民区附近，销售?</t>
  </si>
  <si>
    <t>争取公平合理的油价</t>
  </si>
  <si>
    <t>国际市场石油价格持续上涨，引起人们的普遍关注。今后油价的走势如何？更令人关切。欧佩克轮值主席，委内瑞拉石油部长罗德里格斯说，欧佩克争取的是“公平合理的油价”。    近30年来的事实证明，油价的大起大落，不但对石油消?</t>
  </si>
  <si>
    <t>欧元依然是市场焦点</t>
  </si>
  <si>
    <t>国际市场原油价格飙涨和中东情势紧张原本就令欧元备感压力，而华尔街股市大举回扬更是雪上加霜。现在美国和欧洲各国央行都无暇他顾，而且欧洲央行总裁杜依森贝赫的谈话似乎淡化央行进一步干预的可能性。在没有干预牵制的情况下，?</t>
  </si>
  <si>
    <t>“中国四大古代官衙”将成为国际旅游专线</t>
  </si>
  <si>
    <t>本报讯：10月19日，“中国四大古代官衙”国际旅游专线踩线典礼活动在北京人民大会堂举行，这标志着具有浓郁中国历史特色的国际旅游线路被正式推出。    由被联合国列入“世界人类文化遗产”的古代中央官衙“北京故宫”，?</t>
  </si>
  <si>
    <t>上海上汽大众汽车销售有限公司开业</t>
  </si>
  <si>
    <t>本报上海专电（记者姜微）由中德三方合资组建的上海上汽大众汽车销售有限公司，昨天召开首届董事会，并宣布正式开业。    这表明：最早涉足中国汽车工业的德国大众汽车集团，通过与上海汽车工业的加深合作，又迈出了稳固?</t>
  </si>
  <si>
    <t>企业怎样实行多元化经营</t>
  </si>
  <si>
    <t>海路装饰材料有限公司是德国圣象牌强化木地板的山东地区总代理，在山东地区市场份额一直比较稳定。但是由于装饰地板市场竞争日益激烈，公司决策层决定抓住机遇，进军涂料行业，为公司的发展培育新的利润点和事业机会。近期，海路公司取得澳大?</t>
  </si>
  <si>
    <t>大众规划五年后在中国生产的轿车</t>
  </si>
  <si>
    <t>本报柏林专电：德国大众汽车股份公司将在中国投产一种高质量的新型小轿车。德国大众公司的中国问题专家、奥迪汽车公司董事埃里希·施米特日前在北京透露说，这种新型小轿车的价格比不到1．9万马克的Lupo型轿车还便宜，预计到2004年或2005年将?</t>
  </si>
  <si>
    <t>B2B定制海尔空调零距离销售</t>
  </si>
  <si>
    <t>本报讯：近日，来自意大利的43位海尔空调经销商在海尔集团总部获得了由海尔集团颁发的荣誉奖。这43位意大利经销商提前三个月完成了2000年海尔空调的销售任务，并签订了2001年海尔空调供货合同，且是自费赶赴青岛的。</t>
  </si>
  <si>
    <t>美国将进入光通信时代</t>
  </si>
  <si>
    <t>本报华盛顿专电（记者王建生）随着最新光学通信技术的广泛应用，美国正在迅速进入光通信时代。据RHK公司估计，今年美国用于光通信交换设备的投资将从去年的310亿美元增加到440亿美元，到2003年将达到890亿美元。    分析?</t>
  </si>
  <si>
    <t>部分软件企业共议反盗版</t>
  </si>
  <si>
    <t>本报深圳电（记者周亮）为更加有效地遏制软件盗版行为，营造健康的软件产业发展环境，深圳市和诚科技实业公司、特发现代计算机公司和美国赛贝斯软件公司、奥多比公司等中外软件公司日前聚首深圳，向国内外同行发出了一份“反盗版?</t>
  </si>
  <si>
    <t>中国吸收新设外资规模世界第一</t>
  </si>
  <si>
    <t>本报日内瓦专电（记者严明）联合国贸易和发展会议的亚洲投资问题专家詹晓宁日前接受记者采访时说，1999年中国吸收外商直接投资404亿美元，其中新设外商直接投资超过380亿美元，继续保持世界最大的新设外资接受国地位。    詹晓?</t>
  </si>
  <si>
    <t>芬兰地下水资源的治理和保护</t>
  </si>
  <si>
    <t>芬兰地下水资源状况良好，除了以沙土为主的地层结构和战后工业发展相对滞后等原因外，制定严密的水法并依法用水、管水和治水在水资源的保护方面发挥着重要的作用。    早在1962年，芬兰第一部水法诞生，并成立了专门处理水资源?</t>
  </si>
  <si>
    <t>新世纪  新起点  新格局</t>
  </si>
  <si>
    <t>近年来，中日两国的经济贸易合作关系在两国政府和广大民间人士的共同努力下取得了长足的发展，形成了一种多层次、多领域、互补性强、形式多样、稳定发展的新格局。    日本已经连续7年成为中国的最大贸易合作伙伴，中国也是日本</t>
  </si>
  <si>
    <t>“房顶雨水收集”回补地下水资源</t>
  </si>
  <si>
    <t>印度水资源的分布有一个致命的弱点，就是受其季风性气候的影响而造成季节性分布严重不均。每年6月中旬到9月中旬是印度的季风期和雨季，3个月的降水量占全年总降水量的3／4。全国河流普遍河水暴涨，大量水资源白白流掉不说，还常常</t>
  </si>
  <si>
    <t>中非经贸合作大有可为</t>
  </si>
  <si>
    <t>非洲市场：贸易投资机会多            本报记者：杨桂凤    近半个世纪以来，中国与非洲国家在国际事务中建立了相互同情、相互尊重、相互支持的新型国际关系。同时，随着政治关系的不断加强和深化，中国与非洲国家之间的经贸合作</t>
  </si>
  <si>
    <t>中石化海外上市小心翼翼</t>
  </si>
  <si>
    <t>被国内外各界广泛关注的中国石化股份有限公司海外上市之事，已经进入最后冲刺阶段。9月11日，中国石油化工股份有限公司（中石化）正式向美国证券交易委员会登记注册。中石化高层已于近日开始了向各大投资市场的路演推介工作</t>
  </si>
  <si>
    <t>加拿大CGA项目南京有了培训点</t>
  </si>
  <si>
    <t>本报南京电（记者周振丰）加拿大注册会计师协会（CGA）董事会主席、首席执行官Sylvie Voghel女士，日前在南京主持召开CGA培训项目咨询会时宣布，CGA培训项目南京联络处正式挂牌成立。    这是江苏众兴会计师事务所与加拿大CGA为</t>
  </si>
  <si>
    <t>“海尔经验”进了瑞士大学教案</t>
  </si>
  <si>
    <t>本报洛桑（瑞士）专电（记者李敬臣 严明）以培训在职经理著称的瑞士国际管理学院7日正式将中国家电企业海尔集团从小到大、从弱到强、从国内走向海外的成功经验列入该校教学方案。    海尔集团总裁张瑞敏在国际管理学院举行的专题研讨?</t>
  </si>
  <si>
    <t>引进技术与自主创新</t>
  </si>
  <si>
    <t>美籍华裔科学家李文和被单独监禁278天后于今年9月13日获释并与家人团聚。负责审理此案的美国联邦法官帕克表示，美国有关部门在这一案件中的行为“令整个国家和每一位公民感到难堪”。他说，由于“受到政府部门的误导，他去年下令?</t>
  </si>
  <si>
    <t>创造使世界激动的新价值</t>
  </si>
  <si>
    <t>据美国《财富》杂志今年最新统计，伊藤忠商事在世界最大500家公司中排名第 6位，在日本公司中排名第2位。    伊藤忠商事按业务类别，分成6个大的业务集团，即纺织品集团，机械、宇航集团，基础产业集团，生活产业集团，建设集</t>
  </si>
  <si>
    <t>足球彩票风靡意大利</t>
  </si>
  <si>
    <t>热情浪漫的意大利人对博彩一向“情有独钟”。意大利彩票业，尤其是它的足球彩票和其足球运动一样，异常火爆。    据文字记载，1528年，意大利发行的第一张公共彩票，被公认为世界现代意义的彩票的起源。如今在意大利发行</t>
  </si>
  <si>
    <t>人类基因组中心的诞生</t>
  </si>
  <si>
    <t>1998年8月10日至15日，在遗传学飞速发展了将近一个世纪之后，作为国际遗传学界最高学术会议的国际遗传学大会首次在我国举行。国际遗传学联合会主席史密斯和来自美国、日本、墨西哥、西班牙等54个国家和地区的2000多位学者出席了这</t>
  </si>
  <si>
    <t>宇航机器人长出“手”</t>
  </si>
  <si>
    <t>宇航员们在太空中的工作极为危险而复杂，但又非人力所莫能为，因为用于宇航工作的机器人不具备像人一样灵巧的双手，所以只能胜任一些“粗活”，更为精细的工作还得靠宇航员亲自动手。为了解决这个问题，美国国家航空航天局?</t>
  </si>
  <si>
    <t>当当网上书店不再赔钱</t>
  </si>
  <si>
    <t>做网络不再赔钱。在中国互联网业不成熟、中国电子商务缺乏基础的喊声中，“不再赔钱”是难以令人置信的。    当今规模最大、模式最为成熟的美国“亚马逊”怎么样？在业务量急剧增大的同时，亏损额也以更为惊人的速度增长?</t>
  </si>
  <si>
    <t>海尔节水洗衣机“出使”欧盟</t>
  </si>
  <si>
    <t>进入21世纪之际，全球范围内的干旱频频发生，严重的水资源危机威胁着人类的生存和社会经济的发展。在全球不少地区干旱严重、许多江河干涸、水土资源大量流失、居民用水频频告急的背景下，节水型洗衣机已是世界洗衣机发展的重要趋?</t>
  </si>
  <si>
    <t>要听逆耳之言</t>
  </si>
  <si>
    <t>在亚洲经济强劲复苏、增长之际，美国《政企首要情报评论》今年8月11日一期载文认为：“这个世界正在摇摇欲坠地朝着一场金融体制大灾难走去，这场灾难将会让1929－1931年的那一幕相形见绌。”文章在谈到亚洲经济形势时说：“在亚洲，</t>
  </si>
  <si>
    <t>中东为水伤“和气”</t>
  </si>
  <si>
    <t>最近，记者随新华社报道组对中东地区进行了为期一月的采访。当飞机进入中东上空，透过舷窗向下俯瞰，满眼莽莽沙原──撒哈拉大沙漠、阿拉伯沙漠覆盖着中东大片地区。一个清晰的直觉扑面而来：在这里，水是宝贵的。    中东地区石油资?</t>
  </si>
  <si>
    <t>日本的主题旅馆</t>
  </si>
  <si>
    <t>在日本，除了传统的日式旅馆和西式酒店以外，还有很多特殊主题的旅馆。这类旅馆不仅是为了招揽生意，在更大程度上是从日本的文化生活以及历史中酝酿出来的，形成了构思独特甚至怪诞的旅馆。    船舱旅馆：这种旅馆以</t>
  </si>
  <si>
    <t>揭开电视发展新篇章</t>
  </si>
  <si>
    <t>电视机到底是何时问世的？谁是“电视之父”？一直是颇有争议的问题。1991年年底，著名考古学家夏劳·勒加博士在埃及尼罗河畔一座新发掘的古墓中，竟然发现了一台完好无损的彩色电视机。这台彩电以太阳能为动力，有四个三角?</t>
  </si>
  <si>
    <t>科龙启动“世纪品牌工程”</t>
  </si>
  <si>
    <t>本报讯：科龙集团目前正式启动酝酿已久的“世纪品牌工程”，同时宣布将与国际著名的两大广告公司日本电通、美国奥美以及国际知名的朗涛CI设计公司进行合作，力求将科龙建设成为以高科技为基础的国际化企业集团。这是新任总?</t>
  </si>
  <si>
    <t>从“扩大供应”转变为“需求管理”</t>
  </si>
  <si>
    <t>自古以来以山明水秀而获得“锦绣江山”美誉的韩国，降雨量大，水资源丰富，过去似乎没有为缺水而发过愁。但是，随着人口的增加、经济的发展和城市化的发展， 用水量大增，水质恶化，韩国现在也在数量和质量两个方面面临着“水的危机”，</t>
  </si>
  <si>
    <t>欧盟反倾销调查案例激增</t>
  </si>
  <si>
    <t>本报布鲁塞尔专电 （记者郑■春） 欧盟委员会最近公布的1999年欧盟反倾销调查报告承认， 1999年欧盟立案的反倾销和反补贴调查案由1998年度的29个激增至86个。 其中针对对中国立案调查数量最多，达12例。 有关人士认为，中国有关部</t>
  </si>
  <si>
    <t>别再折腾北京老城区了</t>
  </si>
  <si>
    <t>本报讯（记者王军）新加坡国家艺术理事会主席刘太格日前在参加北京国际商务发展论坛时提出，北京市应借鉴国外成功经验，调整城市功能布局，控制并转移旧城区建设量，使新旧城市分开发展，以利于在现代化建设的同时，保护好北京明清古城。</t>
  </si>
  <si>
    <t>21世纪管理国际研讨会将办</t>
  </si>
  <si>
    <t>本报讯：为帮助我国企业和非营利机构引进先进的管理知识和管理工具，北京光华管理研修中心和美国德鲁克基金会将于2000年10月11日至15日共同发起“21世纪管理国际研讨会”。本次研讨会在著名的“现代管理之父”彼得·德鲁克?</t>
  </si>
  <si>
    <t>韩国节能应对高油价</t>
  </si>
  <si>
    <t>本报汉城专电（记者高浩荣）国际油价的不断上升使资源贫乏的韩国颇感紧张，决定采取节约能源的紧急措施，把今年内支援民间企业安装节能设施的资金从原来的650亿韩元（1100韩元合1美元）增加到940亿韩元，并从明年开始每年增加1000亿韩元的企业</t>
  </si>
  <si>
    <t>日本制定应付水危机对策</t>
  </si>
  <si>
    <t>日本根据国土开发总体计划的需要，于去年制定了第3个水资源开发和利用计划一《新的全国综合水资源计划》，简称“21世纪水计划”。它以2010～2015年为目标，提出要“构筑可持续发展的水资源利用体系”，重点是构筑可持续的用水体系</t>
  </si>
  <si>
    <t>德国：经济与法律手段并重</t>
  </si>
  <si>
    <t>德国经济技术部下设中小企业局，并在各州设有分局，专门负责中小企业的管理事务。管理主要体现在维护市场秩序、监督产品质量等方面，不直接干预企业的经营活动。另外，联邦教育科研部主要在中小企业教育和科研方面提供支持，并与?</t>
  </si>
  <si>
    <t>日本：政策法律体系完善</t>
  </si>
  <si>
    <t>日本政府主要针对不同经济发展阶段的需要，以法律形式实施对中小企业的政策引导和扶持，使其作用得以充分发挥。    1963年颁布的《中小企业基本法》，主要是为解决日本战后复兴时期“高速增长的大企业与落后的中小企业的经济双?</t>
  </si>
  <si>
    <t>英国：小企业是重点扶持对象</t>
  </si>
  <si>
    <t>英国私营小企业在发展经济、创造就业中，发挥着不可或缺的关键作用。前保守党政府和现工党政府都大力重视和鼓励小企业的发展，力图为它们创造和维持一个有利的经济社会环境。目前工党政府实施的宏观经济政策，除了向鼓励投资及占有股份?</t>
  </si>
  <si>
    <t>纳米，离我们不遥远</t>
  </si>
  <si>
    <t>作为一种尺度单位，“纳米”（十亿分之一米）一词越来越多地跃入人们的眼帘。纳米技术可使许多传统产品“旧貌换新颜”这种改进并不见得昂贵，但却使产品更具市场竞争力。    比如说，在化纤制品和纺织品中添加纳米微粒，可以除味杀菌?</t>
  </si>
  <si>
    <t>警惕餐桌污染</t>
  </si>
  <si>
    <t>来自国家进出口商品检验检疫局的资料显示，90年代初以来，我国对西欧、东欧、日本、美国等国家和地区出口的冻猪肉、冻兔肉、鳗鱼、蜂蜜、茶叶和蔬菜等一些主要农畜产品，由于农药、兽药残留、重金属含量等技术指标超过外方?</t>
  </si>
  <si>
    <t>人口控制与避孕药具</t>
  </si>
  <si>
    <t>随着人口剧增、对自然资源的过度开发和破坏以及贫富差距的进一步拉大，人与自然甚至人与人之间的关系越来越不协调，控制人口已成为各国特别是广大发展中国家极为重视的一个问题。    据联合国环境规划署统计，现在世界上有一半以上的?</t>
  </si>
  <si>
    <t>德国人热衷网上购书</t>
  </si>
  <si>
    <t>德国越来越多30岁以下的年轻人喜欢读书，而且热衷网上购书。    1999年，德国图书市场总营业额为180．4亿马克，比前年增长 1．5％，其中销售最好的是金融方面的书籍，增长率达到了21．6％；其次是文学类书籍，增长率为12．9％。预计今</t>
  </si>
  <si>
    <t>出境旅游市场开始整顿</t>
  </si>
  <si>
    <t>本报讯（记者索研）从今年9月起，国家旅游局将会同公安、工商等部门在全国开展出境旅游市场治理整顿。    国家旅游局局长何光■8月29日在北京召开的全国整顿出境旅游市场工作会议上说，这次一治理整顿以赴泰国、马来西亚、</t>
  </si>
  <si>
    <t>德语中英语词汇越来越多</t>
  </si>
  <si>
    <t>现在德语中的英语词汇越来越多，在德语的句子里，经常可以见到许多英语单词。    德国语言学会会长格哈德·施蒂克尔认为，外来词汇对德语不会造成问题，他说：“在17和18世纪，法语词汇对德语的影响要比今天英语还大。但是现在一些法语词已?</t>
  </si>
  <si>
    <t>福特：汽车工业之父</t>
  </si>
  <si>
    <t>汽车是20世纪西方经济的主要支柱之一。最早的汽车可以追溯到1769年法国卡诺所造的蒸汽三轮汽车。之后德国本茨首先提倡采用汽油机，并于1885年发明使用二冲程单缸发动机的三轮汽车。而真正意义上的现代汽车出现在1893年，亨利·福特（1863</t>
  </si>
  <si>
    <t>德国税收改革的内容和影响</t>
  </si>
  <si>
    <t>2．提高企业竞争力：由于高成本，德国的竞争能力相对处于不利地位，是该国的一个已经争论了一二十年的问题。企业所得税税率从40％降到25％意味着德国的企业税率将低于法国、意大利、日本和美国。据德国财政部说，在欧洲，将只有爱</t>
  </si>
  <si>
    <t>二、关于企业税：    1．公司所得税：从2001年起，股份公司和有限公司只须为其盈利支付25％的税收。而目前是供分配的利润的税率为30％，不予分配的利润的税率为40％，改革后不再存在这种区别。但是改革后的25％的企业所得税将成</t>
  </si>
  <si>
    <t>越南火龙果面临危机</t>
  </si>
  <si>
    <t>由于国家没有给予足够的重视，缺少必要的科技支持和科学管理，越南专家认为，越南南方的特有水果──火龙果正在面临逐渐失去其优势的危险。    越南的研究专家们说，火龙果原是越南的特产，在其它东南亚国家都没有。火龙果颜色?</t>
  </si>
  <si>
    <t>德国税收改革的内容和影响（上）</t>
  </si>
  <si>
    <t>早在1994年11月，德国就提出了税收改革设想。经过6年的争论和妥协，税收改革法案终于在2000年7月4日由联邦参议院讨论通过，将在2001年1月－2005年年底分3阶段实行。    在经济全球化、欧洲一体化、科学技术进步和宏观经济理论变</t>
  </si>
  <si>
    <t>青啤再掀重组巨浪</t>
  </si>
  <si>
    <t>18日下午，备受媒体关注的“青岛”吞“五星”的谜团终于浮出水面──青岛啤酒集团与美国亚洲战略投资集团正式签定协议，以2250万美元接手其拥有的北京亚洲双合盛五星啤酒有限公司  62．64％的股权和北京三环亚太啤酒有限公司</t>
  </si>
  <si>
    <t>法国旅游业红红火火</t>
  </si>
  <si>
    <t>法国旅游业的红火可以用两个数字说明：1999年全年至少出游一次的法国人占全国人口的3／4，今年的情况估计也差不多，旅游已融入法国人的生活；尽管“埃里卡”号油轮泄漏造成法国西北部大片海滩污染，但据法国有关部门初步统计，今年来法的外国?</t>
  </si>
  <si>
    <t>着装：企业形象的名片</t>
  </si>
  <si>
    <t>本来“穿衣戴帽，各有所好”，这种个人的“私生活”旁人无权干涉。但作为一个企业家的“穿衣戴帽”却远非那么“自由”。据最近美国颇具权威的博雅公关公司调查显示：三百多名美国公司的行政总裁约有七成表示企业家个人的形?</t>
  </si>
  <si>
    <t>走近悉尼奥运会</t>
  </si>
  <si>
    <t>清晨，一轮朝阳跳出海平线，金色的光芒温柔地洒向澳大利亚海滨城市悉尼，洒向霍姆布什湾畔新建的雄伟壮观的奥林匹克公园。9月15日，2000年奥运会将在这里举行。这一天，世界的目光将投向悉尼；悉尼也将把她最美丽的一面展现给世界。目前，悉尼</t>
  </si>
  <si>
    <t>盈动与香港电讯合并</t>
  </si>
  <si>
    <t>本报香港专电（记者徐京跃）今天，原香港电讯总部大楼出现一个引人注目的变化，“电讯盈科”的标牌替代了原来的“香港电讯”的标牌。    盈科数码动力与香港电讯今天下午联合宣布，成功完成亚洲最大规模的合并计划，正式组成</t>
  </si>
  <si>
    <t>菲利普斯曲线是否失灵</t>
  </si>
  <si>
    <t>英国人菲利普斯依据1861－1957年近一个世纪英国的经济数据得出一个纯粹统计方面的看法，就是通货膨胀加快时，失业率就会下降，通货膨胀下降时，失业率就会上升。他的理论被称为菲利普斯曲线，多年来在西方宏观经济理论中一直被奉?</t>
  </si>
  <si>
    <t>昭君文化在日本</t>
  </si>
  <si>
    <t>王昭君的故事在国外也广为人知。一衣带水的邻邦日本，很早就在和歌中引用昭君故事的诗句；14世纪时就出现过昭君题材的绘画；15世纪，在日本的“能乐”中就演出有昭君故事；到了近现代有关王昭君的艺术作品和研究论文以及剧作不断出现。$</t>
  </si>
  <si>
    <t>对“信息社会”的共识</t>
  </si>
  <si>
    <t>不久前在冲绳举行的八国首脑会议所通过的《全球信息社会冲绳宪章》，是一个十分重要的历史性文件。这标志着占全球国民生产总值2／3的八个大国已经接受“全球信息社会”这个观点。    1983年美国学者约翰·奈斯比特在其《大趋势?</t>
  </si>
  <si>
    <t>给汽车尾气加道安全闸</t>
  </si>
  <si>
    <t>提到汽车尾气治理，人们对姜鹏明这个名字或许并不熟悉，但对三元汽车催化转化器却并不陌生。由北京绿创环保公司研制的科华牌三元催化转化器目前已在全国要求控制汽车尾气的18个省市被广泛采用，该产品也是目前为止国内惟一一家通过美国?</t>
  </si>
  <si>
    <t>普京斗财阀  谁是最后赢家</t>
  </si>
  <si>
    <t>最近，普京与财阀“斗法”成了俄罗斯街谈巷议的大事：先是把炙手可热的媒体大亨古辛斯基拘了四天，可谓势大力沉；后又对这些在叶利时代就已扎下根基的财阀和风细雨起来，表示他们只要遵纪守法，过去的事可以既往不咎……    在俄国有?</t>
  </si>
  <si>
    <t>把失败信息变成知识资源</t>
  </si>
  <si>
    <t>在日本，生产和科研领域中失败事例和重大事故的借鉴意义越来越引起人们的重视。日本政府已着手构筑“失败学”，把失败和事故作为一种“知识资源”，用以指导和改进生产及科研开发工作。    多年来潜心研究各种失败和事故的日本东京大?</t>
  </si>
  <si>
    <t>德意电信改革的启示</t>
  </si>
  <si>
    <t>中国（海南）改革发展研究院课题组不久前赴欧洲进行了考察。他们在详细了解了德国、意大利两国电信改革与发展的背景，电信业改革和企业发展的情况，电信管理体制的各自特点，电信改革相关立法等内容的基础上，认为德国、意大利两国电信?</t>
  </si>
  <si>
    <t>如何看待泰铢大幅贬值</t>
  </si>
  <si>
    <t>1997年，泰铢兑美元汇率骤降，带动本地区其他货币大幅贬值，从而引发东南亚金融危机。近期，泰铢再次走软，7月26日跌至41．63铢兑换1美元的10个月来的新低，东南亚地区其他货币走势也不妙。这是否预示着新一轮金融危机的开始？</t>
  </si>
  <si>
    <t>新经济与宏观政策</t>
  </si>
  <si>
    <t>新经济并不意味着通货膨胀不会死灰复燃，也并不意味着经济周期的消失。要使新经济持续快速发展，宏观经济政策仍起重要作用。今年4月5日在美国政府举行的讨论“新经济”的精英会议上，克林顿总统说：“感谢使财政赤字变为盈?</t>
  </si>
  <si>
    <t>从杜邦公司看经营如何多元化</t>
  </si>
  <si>
    <t>创建于1802年的杜邦公司是美国历史上创建最早、存在时间最长的企业之一，还是经营和管理堪称一流的“百年老店”式的成功企业。经过近200年的发展，如今杜邦公司已成为总资产近400亿美元、年销售额400亿美元左右、拥有2000多个商标品牌、从事多样化</t>
  </si>
  <si>
    <t>废旧泡沫塑料制造隔音材料</t>
  </si>
  <si>
    <t>目前，泡沫塑料作为一种包装衬料被广泛使用，随之而来的问题是，大量的废弃泡沫塑料造成严重环境污染。日本大成建设公司利用废旧苯乙烯泡沫塑料制造低成本消音材料，为减少废弃物污染找到了一条理想的途径。    在制造过程中，废旧泡?</t>
  </si>
  <si>
    <t>净化农业废水新方法</t>
  </si>
  <si>
    <t>芬兰农业研究中心约基奥伊宁实验基地经过长期研究，发明了一种净化农业废水的新方法。    这种新方法的原理是：将液态的小分子结构的氢氧化铝聚合物按比例注入农业生产过程排放的废水中，通过活性反应，水中夹带的土壤质?</t>
  </si>
  <si>
    <t>扎扎实实做“信息流”</t>
  </si>
  <si>
    <t>7月10日，拥有全球100万读者的美国权威财经杂志《福布斯》全球版将阿里巴巴网站创始人马云作为封面人物报道。这表明中国互联网产业正受到全世界的关注，以阿里巴巴为代表的互联网企业的运作模式正日渐被世界互联网界所接受和肯定。</t>
  </si>
  <si>
    <t>另类物业投资</t>
  </si>
  <si>
    <t>“The World of Residensea”是一艘设有豪宅单位的海上邮轮，去年在挪威动工建造至今，已成功售出77个单位，可以说是物业市场的另类创新投资。    该邮轮共有110个单位可供出售，面积由1100到4000平方英尺不等，售价220万至680万美元。负责该邮轮?</t>
  </si>
  <si>
    <t>空客发展氢燃料飞机</t>
  </si>
  <si>
    <t>本报柏林专电（记者刘钢）欧洲空中客车飞机公司正在致力于发展一种以氢为燃料的新型民用飞机。    空客公司负责这一项目的工程师克鲁格介绍说，这种以氢为燃料的发动机与传统的涡轮发动机没有什么区</t>
  </si>
  <si>
    <t>三星集团在韩国独领风骚</t>
  </si>
  <si>
    <t>据此间媒体报道，随着经济全面复苏，原来在大企业集团排名榜上屈居第二的三星集团上半年的销售额和纯利润额一举跃上了排名榜的头把交椅，一直雄踞“龙头老大”的现代集团目前尚难与三星集团匹敌。    今年上半年，韩国4个大企业</t>
  </si>
  <si>
    <t>韩国现代起亚促销出新招</t>
  </si>
  <si>
    <t>本报汉城专电：从这个月开始，韩国现代和起亚汽车公司对在美国销售的汽车延长免费修理的期限，对发动机和动力传动装置，免费修理的期限为10年、16万公里，对其他零部件的免费修理期限为5年、9．6万公里。    现代公司的这一做法被人们</t>
  </si>
  <si>
    <t>欧盟全面调整股票市场</t>
  </si>
  <si>
    <t>本报布鲁塞尔专电（记者郑■春）欧盟财政部长理事会最近宣布，成立一个“贤人委员会”，研究欧洲股票市场的发展方向，并对如何调整欧洲股市提出可行性方案。这是欧盟面对国际金融市场变化和欧洲股市合并重组趋势作出的一个?</t>
  </si>
  <si>
    <t>风险管理——银行日益关注的主题</t>
  </si>
  <si>
    <t>“一朝被蛇咬，十年怕井绳”。这几年银行家们被蛇咬了不少回了，有着百年历史的英国巴林银行让一个胆大包天的交易员利森就给拖累垮了；亚洲金融危机和俄罗斯金融机构里也是有人欢喜有人愁，损失惨重的银行家据说是数不胜数……难?</t>
  </si>
  <si>
    <t>中间业务：“蛋糕”做大要得法</t>
  </si>
  <si>
    <t>在现代商业银行中，中间业务是与资产、负债业务并重的三大支柱业务之一。从国际上看，西方商业银行的中间业务收入比重一般都在30％至50％之间，国内近几年商业银行中间业务发展加快，年增速达14．5％，但仍距国外有一定的差</t>
  </si>
  <si>
    <t>波音应对空客挑战</t>
  </si>
  <si>
    <t>本报华盛顿专电（记者吴伟农）为了应对欧洲空中客车集团A3XX大型客机的挑战，美国波音公司正在积极与潜在客户讨论打算投资30亿至40亿美元生产加长型747客机。    多年来，波音747是不可动摇的蓝天皇后，是各大航空公司的旗</t>
  </si>
  <si>
    <t>在调整中成长的大宇重工</t>
  </si>
  <si>
    <t>韩国大宇集团是世界著名的大型综合性商社，由于受亚洲金融危机的影响，1999年大宇集团被解体并成立了若干独立的公司，原工程机械、机加工设备、造船等业务归属新的大宇重工业株式会社（DHI）。到2000年8月1日，大宇重工业进一步将造船部门分离</t>
  </si>
  <si>
    <t>旅游在法国</t>
  </si>
  <si>
    <t>法国人极爱旅游，有钱的    人旅游，钱不太多的人也旅游。去年，全年至少出游一次的法国人占全国人口的3／4，旅游已经融入法国人的生活。    法国的旅行社星罗棋布，各种旅游信息和广告比比皆是。旅行社不光进行旅游方面</t>
  </si>
  <si>
    <t>中小企业电子商务选择须慎重</t>
  </si>
  <si>
    <t>信息通过互联网传递，有着与传统方式截然不同的特点：首先是传输成本低，通过网络发送国际传真到美国，只需要0．15美元／页，而通过普通传真机发送，每分钟的成本高达15元人民币，这当中的比例是任何一个人都可以理解的；而作为世界上最</t>
  </si>
  <si>
    <t>增值服务将引发银电新一轮竞争</t>
  </si>
  <si>
    <t>本报上海电（记者吴宇）最近，全球智能卡业巨头法国斯伦贝谢技术有限公司宣布在浦东成立一家生产SIM卡和银行卡的大型合资企业。有关专家评价说，这一信息就像是“发令枪”，打响了中国银行和电信行业围绕增值服务开展的新一轮激烈</t>
  </si>
  <si>
    <t>敢与世界通信巨人较量</t>
  </si>
  <si>
    <t>7月5日至7日，联合国经济和社会理事会在纽约联合国总部召开了关于信息技术革命的高级别会议。与此同时，联合国举办了由41家世界级著名公司和联合国有关机构参加的信息技术展览，参展的著名公司有康柏、诺基亚、惠普、德尔和金山等</t>
  </si>
  <si>
    <t>“箭牌”抢滩中国市场</t>
  </si>
  <si>
    <t>7月13日，美国最著名的服装品牌之一──“箭牌”在北京衬衫厂的首家旗舰店正式开业，掀开了他们大规模进入中国市场的序幕。         引领时尚     在国际服装界，“箭牌”常常被作为时尚的领导者，也是世界上最受欢迎的男装品</t>
  </si>
  <si>
    <t>什么是“后工业社会”</t>
  </si>
  <si>
    <t>美国社会学家丹尼尔·贝尔在70年代出版的《后工业社会的来临：对社会预测的一项探索》一书，提出了“后工业社会”理论。他把已经在发达国家出现的以服务业等第三产业为主要支柱产业的社会称为“后工业社会”，以区别以农业为支柱?</t>
  </si>
  <si>
    <t>传统IQ测试存在缺陷</t>
  </si>
  <si>
    <t>由加拿大三所大学组成的专家小组最近对长期以来全球通用的儿童智商（IQ）测定法产生质疑，并进行了新的研究，结果发现非本地出生的孩子远远比本地出生的孩子聪明，但是传统的IQ测试却没能正确显示这个现象，这项研究导致IQ高代表聪明的?</t>
  </si>
  <si>
    <t>美国反导“天网”前途难卜</t>
  </si>
  <si>
    <t>美国东部时间8日凌晨，一枚作为标靶的改进型“民兵Ⅱ”洲际弹道导弹，从加州的范登堡空军基地呼啸升空，这枚导弹将被从数千公里以外马绍尔群岛发射的另一枚导弹拦截。在对建立国家导弹防御系统的一片质疑声中，这次拦截技术试验尤为引人</t>
  </si>
  <si>
    <t>法国的国土整治计划</t>
  </si>
  <si>
    <t>法国是西方发达国家之一，国民经济的整体发展程度居世界的前列；但是，法国各地区之间相比较，依然存在发展上的差距，有些地区落后程度还相当大，因此，缩小地区经济发展差距始终是摆在中央政府面前的重要课题。这项长远经济社会?</t>
  </si>
  <si>
    <t>传统玩具魅力不让“芯片”</t>
  </si>
  <si>
    <t>在廉价芯片和高额利润的诱惑下，美国的玩具商近年来都不惜工本开发各式各样的“高科技”玩具。但一些专家认为，玩具厂商其实已走入误区，因为它们严重忽视了孩子们的兴趣所在，也忽视了如下基本事实：便宜的、传统的玩具仍然有市场。</t>
  </si>
  <si>
    <t>我国国际竞争力排名下降</t>
  </si>
  <si>
    <t>本报讯（记者王一娟）记者从科技部获悉，瑞士洛桑国际管理开发研究院近日发表了2000年度《国际竞争力报告》。我国国际竞争力总体排名比前一年度下降2位，列第31位。有关专家分析后认为，企业创新能力不足是制约我国整体科技竞争力</t>
  </si>
  <si>
    <t>寻求中俄经贸合作新领域</t>
  </si>
  <si>
    <t>如何开辟新途径，充分发挥潜力，使中俄两大邻国间的经贸合作达到更高水平，是中俄两国经贸界人士共同关注的问题。    据中国海关统计，1999年中俄两国贸易额为57．2亿美元，比上年增长4．4％。今年前4个月双边贸易额已达到20．5</t>
  </si>
  <si>
    <t>法国经济进入强劲增长期</t>
  </si>
  <si>
    <t>经合组织最近发表的一份预测分析报告认为，今年法国的经济增长率可达3．7％，2001年预计为2．9％。这一预测与法国政府的预测十分接近，不久前法国政府提出的数字是2000年的增长率是3．6％，2001年是3％。一些私人机构的预测则是，</t>
  </si>
  <si>
    <t>《洛美协定》结束 《科托努协定》开始</t>
  </si>
  <si>
    <t>非洲、加勒比和太平洋地区77个国家与15个欧盟成员国6月23日在贝宁经济首都科托努正式签署新的贸易和援助协定《科托努协定》，此前实施长达25年的《洛美协定》即告完成历史使命，这标志着双方合作从此进入一个新的阶段。      新</t>
  </si>
  <si>
    <t>中德合资建大型石化企业</t>
  </si>
  <si>
    <t>本报柏林专电（记者吕鸿杨华升）中国石油化工公司和德国巴斯夫公司日前在柏林签署了南京扬子－巴斯夫一体化石化基地项目合资经营合同，合同总金额高达26．5亿美元。    该合资公司名称为“扬子石化－巴斯夫有限责任公司”，中德</t>
  </si>
  <si>
    <t>韩国电子产业重组初现成效</t>
  </si>
  <si>
    <t>。    本报汉城专电（记者高浩荣）在发生金融危机的1998年，韩国政府提出了进行产业结构调整的政策，其中一个重要内容是进行产业重组，并称之为“企业互换”。政府希望通过这种“企业互换”达到防止重复投资、提高产业竞争力的效?</t>
  </si>
  <si>
    <t>埃及以BOT方式建机场</t>
  </si>
  <si>
    <t>本报开罗专电（记者张礼庆）埃及近年来以优惠条件大力吸引外资，采用BOT方式进行机场建设，取得了良好的效果。    埃及1998年与科威特的穆罕默德·阿卜杜勒—穆赫辛·哈拉菲公司签订合同，由该公司承建和经营马萨阿拉姆机场，并</t>
  </si>
  <si>
    <t>新经济与信息经济</t>
  </si>
  <si>
    <t>美国《商业周刊》1996年12月30日一期刊登的一组文章论述了美国经济已从工业经济时代迈向新经济时代。文章认为，新经济是建立在信息技术革命和全球大市场基础之上的经济。几年来，在一些文章中，往往把新经济与信息经济不加区别地?</t>
  </si>
  <si>
    <t>DDT功过和启示</t>
  </si>
  <si>
    <t>瑞士昆虫学家保罗·米勒（1899．1．12—1965．10．12）因发明DDT（滴滴涕）在1948年获得诺贝尔医学生理学奖。然而，10多年后，英国女作家、海洋生物学家卡逊却在《寂静的春天》一书中指出DDT和其他杀虫剂对生物、人和环境存在严重的危害</t>
  </si>
  <si>
    <t>日本航空业：价格大比拼没有赢家</t>
  </si>
  <si>
    <t>近年来，日本航空运输业加快开放步伐，放宽准入限制。从今年4月份开始，日本航空运费制定实行原则上自由。这样一来，不仅扩大了日本航空市场，同时也使竞争更加激烈。为了求生存、求发展，为了招揽更多旅客，日本各航空公司在机票价格上大做文</t>
  </si>
  <si>
    <t>蒙古野马：重返故乡  回归自然</t>
  </si>
  <si>
    <t>6月1日，由荷兰空运到蒙古的19匹野马被放入呼斯泰岭综合自然保护区。这批从欧洲动物园回归故乡的蒙古野马将被围栏放养一年，待初步适应野外气候和草场条件后，将完全回归自然，重过真正的野马生活。这是“蒙古野马回归故乡?</t>
  </si>
  <si>
    <t>网络法专业毕业生好找工作</t>
  </si>
  <si>
    <t>因特网在飞速改变现代生活的同时也大大增加了对法律人才的要求。美国哈佛、耶鲁和加利福尼亚这类顶尖的法学院率先设立了因特网法律研究中心。如今，全美的法学院几乎都有网络空间法、知识产权、电子商务法、信息社会的未来等课程，网络?</t>
  </si>
  <si>
    <t>欧墨自由贸易条约将启动</t>
  </si>
  <si>
    <t>本报马德里专电（记者夏顺英）7月1日，欧盟和墨西哥签署的自由贸易条约将正式生效。     欧墨自由贸易协定意味着双方将迅速降低关税，除了少数农产品和渔业产品以外，墨西哥和欧盟分别将于2006年和2002年完成减税。届时，所有的</t>
  </si>
  <si>
    <t>空客宣布改制</t>
  </si>
  <si>
    <t>本报巴黎专电（记者 沈孝泉）欧洲空中客车工业集团23日在巴黎宣布，这个集团的彻底改造方案经过有关国家和企业的长时间酝酿和反复谈判最终达成一致意见，集团将于明年1月起正式改建成空中客车联合公司。此间舆论认为，这标志着欧洲航</t>
  </si>
  <si>
    <t>日本重视材料科学技术研发</t>
  </si>
  <si>
    <t>在进入21世纪的时候，日本继续把新的材料研究开发置于优先地位。    80年代以来，日本把材料科学技术作为实现“科学技术立国”战略的基础，新材料被置于三大基础产业技术（微电子技术、新材料和生物技术）之一的地位。在“八大基础性?</t>
  </si>
  <si>
    <t>“9·11”后的欧盟经济</t>
  </si>
  <si>
    <t>“9·11”事件对美国、欧盟及世界其他地区的长短期经济影响仍处于渐渐显露的过程之中。有几点似乎已经可以肯定：首先，鉴于欧美经济的密切关联性，对美国的打击必定会殃及欧盟；其次，欧盟经济自身受“9·11”事件的影响的短期直接损</t>
  </si>
  <si>
    <t>神奇的“秘鲁人参”玛卡</t>
  </si>
  <si>
    <t>南美洲的秘鲁有种奇特的植物叫作玛卡（MACA），虽然它与人参毫无关系，却有“秘鲁人参”的美称。    玛卡的根茎像小圆萝卜头，叶子像胡萝卜秧，易存活。这种植物主要生长在秘鲁中部海拔4000多米的安第斯山脉高原地带，那里高寒、强风?</t>
  </si>
  <si>
    <t>人造绿洲瓦夫拉</t>
  </si>
  <si>
    <t>以120公里的时速驱车沿高速公路出科威特城向南行驶，大约一个半小时后，一片片绿色的椰枣林和沙柳林映入记者的眼帘，在这一道道绿色屏障之中，不时能够看到一排排铝合金制的温室大棚和伫立在田间的大型喷灌机，田边的骆驼和羊只悠</t>
  </si>
  <si>
    <t>世界旅游人数略有增加</t>
  </si>
  <si>
    <t>本报马德里专电（记者刘瑞常）总部设在西班牙首都马德里的世界旅游组织在日前公布的一份统计报告中表示，今年全世界旅游人数将达到7．05亿，比2000年增加1％，但远远低于年初所预测的3％的增长率。    这份报告说，今年到欧洲、</t>
  </si>
  <si>
    <t>韩国如何应对反倾销</t>
  </si>
  <si>
    <t>对于以“贸易立国”的韩国来说，出口对经济发展至关重要。随着进出口的增加，遭遇反倾销案也就成了家常便饭。据韩国外交通商部地区通商局审议官、进口限制对策组组长朴相均说，目前韩国接到的反倾销案件共有120件，居世界第三位，相比起</t>
  </si>
  <si>
    <t>澳门卫视逐步覆盖亚太地区</t>
  </si>
  <si>
    <t>本报讯：经过两年多时间的发展，澳门卫视已经能通过卫星把各类电视节目发送至香港、祖国内地、台湾、菲律宾、澳大利亚、日本、韩国等东南亚国家和地区及北美地区，覆盖范围较以往更广阔，并全日 24小时不间断播放节目，内容包括影</t>
  </si>
  <si>
    <t>香港将与欧洲结算系统直接联网</t>
  </si>
  <si>
    <t>本报香港专电：香港金融管理局日前宣布，香港金融管理局已与欧洲结算系统达成协议，该局负责管理的债务工具中央结算系统，将与总部设在布鲁塞尔的欧洲结算系统进行直接联网。    发言人说，通过这项完全自动化的即时联网系统，?</t>
  </si>
  <si>
    <t>尽快完善反倾销预警机制</t>
  </si>
  <si>
    <t>在反倾销应诉中，如何取得理想结果？先看两个例子：    1998年10月，中国食品土畜进出口商会得到信息，美国将对中国出口的苹果汁发起反倾销调查。商会立即召集各出口企业商讨对策，决定实行出口自律。由于我方反应及时，出口美?</t>
  </si>
  <si>
    <t>进口反倾销：用好这把“双刃剑”</t>
  </si>
  <si>
    <t>不久前，外经贸部发布公告，决定终止对原产日本、韩国和泰国的进口聚苯乙烯进行的反倾销调查。这是自1997年首次对进口新闻纸提起反倾销调查以来，在12起进口反倾销案中作出无损害裁定并终止反倾销调查的第一起案例。    据有关?</t>
  </si>
  <si>
    <t>俄罗斯：多种医保任你挑</t>
  </si>
  <si>
    <t>现在越来越多的俄罗斯人认识到买医疗保险很重要，并且越早买越划得来。    俄罗斯人的平均寿命要比西方人低15％－20％。也就是说，俄罗斯人的寿命差不多要比德国人和法国人短10年左右，这其中最主要的原因是医疗服务水平?</t>
  </si>
  <si>
    <t>中日贸易争端引人关注</t>
  </si>
  <si>
    <t>随着12月21日的临近，中日贸易摩擦的温度越来越高了。    上周二，中日双方就农产品贸易争端举行的首次部长级会晤没有进展，无功而返的日本农林水产省大臣武部勤在向小泉汇报后向媒体放风，“鉴于距离21日的调查期限没几天了，?</t>
  </si>
  <si>
    <t>投资健康和教育  提高农村人口就业率</t>
  </si>
  <si>
    <t>内容提要　　中国作为一个劳动力绝对过剩的国家，其就业压力在短期内不会由于加入世贸组织而缓解。农业中失业和就业不足的劳动者与预期新增的就业岗位并不匹配，他们中间的大多数人属于农村贫困人口。投资于这些劳动者的健康和教育，既有提高他们的就业应变能力从而缓</t>
  </si>
  <si>
    <t>人文价值不可忽视</t>
  </si>
  <si>
    <t>城市的发展不仅是一个经济命题，也是一个人文命题。　　城市的历史文化传统，往往也是城市标志的主要来源。意大利是当今世界旅游大国之一，它之所以吸引大批游客，靠的就是保存完好而又丰富多彩的人文景观。同样，聪明的法国人对老巴黎呵护有加，一砖一石，不敢稍加损</t>
  </si>
  <si>
    <t>沃尔玛  三大高招  富甲天下</t>
  </si>
  <si>
    <t>作为世界上最大的商业零售企业，沃尔玛1999年全球销售总额达到1650亿美元，在世界500强中排名第二，仅次于美国通用汽车公司。2000年沃尔玛公司销售总额达到1913亿美元超过了通用汽车公司。但是，由于埃克森和美孚两大石油集团合并，营业</t>
  </si>
  <si>
    <t>再谈“中国—东盟自由贸易区”</t>
  </si>
  <si>
    <t>以 10年为期，建立“中国－东盟自由贸易区”，困难是相当大的，有利因素也是不少的。首先，多数国家的经济结构虽然有互补的一面，但相当多的国家与中国有类同的一面，因而在出口市场和吸引外资方面竞争是十分激烈的，而且也会产生某些误</t>
  </si>
  <si>
    <t>创造真正的量子计算机</t>
  </si>
  <si>
    <t>美国第一届NASA量子信息国际会议主席贝纳特和最早提出离子阱等重大新学术思想的奥地利科学家左拉认为：目前还没有真正意义上的量子计算机。正如一辆汽车形状的三轮车不是一辆真正的汽车那样，目前出现的演示用量子计算机，只是为了向人们展示?</t>
  </si>
  <si>
    <t>日本高科技企业加大对华投资</t>
  </si>
  <si>
    <t>本报东京专电（记者王大军）随着中国经济在世界上的崛起，日本高科技企业竞相加大在华投资力度。索尼等日本三大数码照相机企业已经或计划到中国办厂，具有尖端技术的数字电视机和手机厂家也增加了在中国生产的比重。    在数码?</t>
  </si>
  <si>
    <t>中国企业：“走出去”海阔天高</t>
  </si>
  <si>
    <t>跨国经营    的国际比较        跨国投资区域    根据《世界投资报告》，截至1998年底，全球国际直接投资累计金额，其中68．1％流入了发达国家，29．8％流入了发展中国家，2．1％流入了中东欧国家。也就是说，全球近70％的国?</t>
  </si>
  <si>
    <t>政府国企携手  加快改革进程</t>
  </si>
  <si>
    <t>国务院发展研究中心副主任陈清泰不久前在北京举行的一次高级研讨会上提出，从入世的角度来看，遇到的一个相当大的挑战就是如何处理好政府和企业的关系。必须按世贸组织的规则进行整合和规范，企业和政府应该携手抓紧进行改革。    陈?</t>
  </si>
  <si>
    <t>美国寻求长期能源安全</t>
  </si>
  <si>
    <t>11月中旬，美国总统布什要求美国能源部将美国的战略石油储备在未来几年内从目前的5．45亿桶增加到所能达到的储备能力7亿桶。布什称，这一行动“将增强美国长期的能源安全”。    全球石油进口大国    美国对石油危机和其自身?</t>
  </si>
  <si>
    <t>中尼石油合作具有战略意义</t>
  </si>
  <si>
    <t>本报阿布贾专电（记者李文飞）日前率团访问尼日利亚的中国石油化工股份有限公司副总裁牟书令在接受记者采访时表示，中国与尼日利亚在石油领域的合作具有战略意义。    访尼期间，牟书令受到尼日利亚总统奥巴桑乔和副总统阿布</t>
  </si>
  <si>
    <t>香港经济基础稳固前景看好</t>
  </si>
  <si>
    <t>本报香港专电：香港美国商会一项调查显示，有66％的受访会员预期公司明年业绩会有良好及满意的表现，近半数受访者表示将会在3年内扩充香港特区业务及招聘新员工。    该会认为，虽然全球经济衰退及受“9·11”事件的拖累，但美商会</t>
  </si>
  <si>
    <t>澳门拟在世贸总部设办事处</t>
  </si>
  <si>
    <t>本报讯：为迎接祖国内地加入世界贸易组织后对澳门特区整体经济发展带来的机遇与挑战，特区政府计划在澳门经济局组建国际关系厅，并于今年在世贸总部所在地日内瓦设立办事处。另外还将加强与亚太经合组织及联合国亚太经社理事会的?</t>
  </si>
  <si>
    <t>关于“中国-东盟自由贸易区”</t>
  </si>
  <si>
    <t>近两个月来，我国在对外经济贸易关系方面有两件大事：一是中国正式参加世界贸易组织；二是在文莱举行的东盟10国与中日韩政府首脑会议上，东盟与中国一致同意在10年内建立“中国－东盟自由贸易区”。对于中国入世问题，报刊上报道评论比?</t>
  </si>
  <si>
    <t>美国反恐技术招招鲜</t>
  </si>
  <si>
    <t>自“9·11”恐怖袭击事件和炭疽事件发生之后，美国加强了公共场所尤其是机场和地铁等重要地点的安全保卫工作，而目前美国的安检技术经评估还不足以对付恐怖活动。为此，开发新的安检和防范设备成为美国安全部门的当务之急。</t>
  </si>
  <si>
    <t>美国生物技术产业浪潮滚滚</t>
  </si>
  <si>
    <t>本报华盛顿专电（记者吴伟农）1976年，基因技术公司在美国加利福尼亚成立，当时这仅是一家从事生命遗传物质DNA研究的新公司，但它的成立却标志着一个生物技术产业的奠基。25年后的今天，生物技术产业已成为美国高技术产业发展的核心动力之一。</t>
  </si>
  <si>
    <t>欧洲网络安全意识亟待加强</t>
  </si>
  <si>
    <t>本报巴黎专电（记者卢苏燕）法国4日公布的一份调查报告称，34％的欧洲企业在过去一年里遇到过网络安全问题，1／3以上的欧洲企业至今根本没有采取真正有效的网络安全措施。报告说，欧洲企业的网络安全意识不够，技术上也较落后。</t>
  </si>
  <si>
    <t>IBM的制度文化改革</t>
  </si>
  <si>
    <t>IBM公司的全称是美国国际商用机器公司，公司前身是1911年6月15日在纽约成立的CRT公司。在创办人查尔斯·弗林特的时代，公司员工约1300人。1914年，40岁的沃森加入了CTR公司，并担任总经理。他上任后，要求公司的每一个职工以公司?</t>
  </si>
  <si>
    <t>丙稀酸脂打响反倾销阻击战</t>
  </si>
  <si>
    <t>今年下半年，我国外经贸部及国家经贸委等部门作出决定，对马来西亚、印尼、新加坡和韩国部分丙稀酸脂企业出口到中国的丙稀酸脂除缴纳关税外，还征收从31％到69％不等的反倾销税。国内丙稀酸脂业打响了自我保护的反倾销阻击战。</t>
  </si>
  <si>
    <t>全球药物市场现状和趋势</t>
  </si>
  <si>
    <t>全世界用于医疗卫生保健方面的开支已占世界国民生产总值（GNP）的10％左右，但世界药物市场前景继续看好。    据统计，截至今年4月为止的12个月内，在世界13个主要用药地区，药品销售额达2254亿美元，其中北美地区为1090亿美元。在这些地</t>
  </si>
  <si>
    <t>国内会计事务所亟须解开死结</t>
  </si>
  <si>
    <t>入世后中国会计市场将发生五大变化    根据世贸组织“服务与贸易总协定”的框架，我国将全面开放会计市场。如果说前些年会计市场的开放是开了一条“门缝”的话，那么，加入WTO之后的开放将是门户洞开，包括允许外资在中国开设独资会计师事务</t>
  </si>
  <si>
    <t>中国展览业：需要多少巨型展馆</t>
  </si>
  <si>
    <t>日前，被誉为我国会展经济“摇篮”的中国国际展览中心宣布，经国务院正式批准立项，将易地重建新的中国国际展览中心。据称，新的中国国际展览中心将是全国规模最大、亚洲第一、世界一流的会议展览设施。    据了解，新的国展中心，将从目前?</t>
  </si>
  <si>
    <t>菲律宾：在困境中挣扎</t>
  </si>
  <si>
    <t>今年以来，菲律宾政府一再调低经济增长目标，从年初的3．8％－4．3％直降至3．3％－3．8％。“9·11事件”以后，世界银行等国际经济机构预测菲律宾今年的经济增长最高只能达2．8％，面对这种情况，菲律宾政府和工商界正使尽浑身解术，在困境中</t>
  </si>
  <si>
    <t>马来西亚：刺激消费  抵御衰退</t>
  </si>
  <si>
    <t>今年以来，美国等西方国家经济持续下滑，世界经济低迷不振，国际市场需求疲软，这对以出口加工业为主导的马来西亚经济打击颇大。为了克服不利的外部条件造成的经济困难，马政府采取了一系列拉动内需、刺激经济增长的措施。</t>
  </si>
  <si>
    <t>国产数据库有“钱”途</t>
  </si>
  <si>
    <t>本报讯：经过多次严格测试，北京国信贝斯软件公司的拳头产品iBASE数据库及基于它的数据处理中心和内容管理系统，成功占领了全球著名IT巨头韩国三星的电子商务平台的核心，分别作为三星电子商务平台解决方案的数据交换平台和</t>
  </si>
  <si>
    <t>贸易救济条例公布日期已定</t>
  </si>
  <si>
    <t>本报讯（记者王小波）外经贸部进出口公平贸易局局长王世春日前透露，新的反倾销条例、质补贴条例和保障措施条例，将很有可能在12月11日中国正式成为世贸组织成员之前公布施行。他说，三个条例的公布，将使中国的贸易救济制度更加?</t>
  </si>
  <si>
    <t>在开放中将比较优势转化为竞争优势</t>
  </si>
  <si>
    <t>关于用什么模式发展中国汽车工业，业界一直争论不休，而争论主要集中在两种模式上：一是自主发展，效仿韩国；二是完全开放，效仿巴西等国。    谈论发展模式，当然首先要看我们的现实优势和潜在优势在哪里？我认为，目前我们有?</t>
  </si>
  <si>
    <t>中国汽车工业发展十大趋势</t>
  </si>
  <si>
    <t>罗兰·贝格国际管理咨询公司前不久对国内的10家制造商和90家零部件供应商的主要负责人进行了访谈，根据访谈的结果我们形成了一份《加入世贸组织后中国汽车工业发展的十大趋势研究报告》。    在这份近100页的报告中，除了大量的</t>
  </si>
  <si>
    <t>世界建筑巨擘抢滩中国房市</t>
  </si>
  <si>
    <t>本报讯（记者韩洁）曾几何时，美国式的小木屋和加拿大的“钢筋”屋令多少国人向往。如今随着中国入世一槌定音，越来越多的世界级建筑商将目光瞄准中国市场，希望凭借其先进的建筑设计理念和高效、节能的建筑环保产品，圆中?</t>
  </si>
  <si>
    <t>形形色色虚拟现实技术</t>
  </si>
  <si>
    <t>虚拟经济模型    美国桑迪亚实验室创造的“阿斯彭”虚拟经济模型证实了虚拟技术在规划经济发展中的重要作用。该模型的目的是在计算机内部创建一个微型经济社会──不是细细罗列经济数据记录，而是创建拥有数百个微程序的虚拟世界。每个微程序都代?</t>
  </si>
  <si>
    <t>瑞士旅游业改变宣传策略</t>
  </si>
  <si>
    <t>本报驻日内瓦专电（记者陈威华）地处中欧的小国瑞士素有“欧洲花园”之称，其湖光山色享誉全球。旅游业也因此同机械制造和化工医药并列，成为瑞士的3大创汇产业之一。但是今年以来，瑞士旅游业遭遇内忧外患，发展前景不容乐观，旅游部门不得不</t>
  </si>
  <si>
    <t>南非将调整博彩和娱乐政策</t>
  </si>
  <si>
    <t>本报讯  南非政府正在重新考虑目前的博彩政策。现在的博彩政策消极的东西较多，它误导穷人尽量花光自己的钱去追逐眼前的利益。前不久，福利和人口发展部长佐拉·斯奎伊亚在议会发表讲话说：“我认为，现在是到了重新审视我们对博彩业、尤其是对娱乐业的政策的时候了。”?</t>
  </si>
  <si>
    <t>衰退已相当严重  复苏非指日可待</t>
  </si>
  <si>
    <t>本报华盛顿专电（记者王建生）今年的诺贝尔经济学奖得主、美国哥伦比亚大学经济学教授斯蒂格利茨认为，美国经济已陷入了可能是过去20年来最严重的衰退之中，可能要一到两年后才会复苏。     斯蒂格利茨曾担任过克林顿政府时期的</t>
  </si>
  <si>
    <t>韩国企业巨头加速进军中国</t>
  </si>
  <si>
    <t>本报汉城专电（记者高浩荣）中国经济的稳定快速增长，中国申办2008年奥运会成功，以及中国加入世界贸易组织等一系列重大事件，强烈地吸引着韩国大企业集团的目光，促使这些大企业集团加速推进进军中国的战略。     韩国的大企业</t>
  </si>
  <si>
    <t>有机污染物可随风远飘</t>
  </si>
  <si>
    <t>空气污染不只是局部问题。事实上，科学家研究发现，有机污染物可能被吹到数千里之外，所以人们呼吸的空气可能含有被风带来的污染物。    美国得克萨斯农业和机械大学地球化学与环境研究组织的一个地球科学家小组，在研究了多核芳香烃、杀虫?</t>
  </si>
  <si>
    <t>市场信息不对称理论及其意义</t>
  </si>
  <si>
    <t>今年10月10日，瑞典皇家科学院宣布，美国经济学家阿克尔洛夫、斯彭斯和斯蒂格利茨共获2001诺贝尔经济学奖。这三位经济学家在20世纪70年代奠定了对充满不对称信息市场进行分析的理论基础。他们的理论还构成了“现代信息经济学”的核</t>
  </si>
  <si>
    <t>阿富汗战争打响  美国军火商赚钱</t>
  </si>
  <si>
    <t>9月11日，美国遭受恐怖袭击。全美的航空运输业、保险业、旅游业等因此而受到重创。然而，美国自10月7日开始对阿富汗塔利班政权的军事打击，却让美国的军火商迎来了发展的良好机遇。可以预见，随着军火企业利润的扩大，美国的军火工业无?</t>
  </si>
  <si>
    <t>老龄化——及早面对挑战</t>
  </si>
  <si>
    <t>在未来几十年，绝大多数亚洲国家都要经历日益突出的老龄化威胁。随着退休金和健康方面投入日渐增加，那些原先只有很有限的社会保险系统的国家，将面临财政和社会政策方面的巨大挑战。政策制定者怎样面对这个挑战？这是前不久在东京举行的一个?</t>
  </si>
  <si>
    <t>中日农产品贸易争端备忘</t>
  </si>
  <si>
    <t>2000年12月，日本政府将大葱、茄子、干香菇、裙带菜、鳗鱼（包括制成品）和木节鱼等6个品种的进口农产品作为监视对象，将葱、新鲜香菇、草席、西红柿、菜椒、洋葱和木材（制成品与复合成材）指定为紧急监视对象。    2000年12月22日，日本政</t>
  </si>
  <si>
    <t>股票期权制须解决四大问题</t>
  </si>
  <si>
    <t>股票期权制度是西方国家的公司激励经营者及员工为公司长期发展而努力工作的一种薪酬制度。对公司经营者普遍缺乏激励和约束，是我国公司治理存在的一个主要问题。因而我们也需要创造条件，尽快有步骤地推行股票期权制度。      必须解?</t>
  </si>
  <si>
    <t>红红火火的法国彩票</t>
  </si>
  <si>
    <t>法国彩票红火，法国的乐透彩票最红火，这是许多人都知道的。但法国彩票公司不久前公布的调查显示，乐透之外的彩票由于玩法新颖也深得彩民们的喜欢，某些彩票拥有的彩民数量甚至不低于乐透彩票。    调查显示，位于榜首的</t>
  </si>
  <si>
    <t>通用的进展让我兴奋</t>
  </si>
  <si>
    <t>APEC让上海成为世界瞩目的焦点。出席 APEC工商界高峰会的美国通用汽车公司董事长约翰·史密斯接受了中国媒体的专访。    今年63岁的约翰·史密斯先生有很高的知名度。这不仅仅因为通用汽车是世界最大的跨国公司，2000年的销售收</t>
  </si>
  <si>
    <t>日本房地产前景仍然暗淡</t>
  </si>
  <si>
    <t>日本的泡沫经济与其房地产价格先飞涨和后暴跌有直接的关系。据统计，目前大城市中各类物业的价格普遍掉了五成以上，例如在昂贵的地区如东京银座现在商业性房地产包括写字楼和商铺及其用地的平均价格，只是1990年泡沫颠峰时?</t>
  </si>
  <si>
    <t>数字网络方便芬兰市民</t>
  </si>
  <si>
    <t>20世纪90年代，世界数字和移动通信技术日新月异，给各国经济和社会发展带来了前所未有的良机。90年代中期，芬兰政府审时度势，不失时机地制定了在欧洲率先建立信息社会的战略，着力培育全民的信息意识，投入巨资进行网络基础设施?</t>
  </si>
  <si>
    <t>英国铁路：尝到私有化的苦涩</t>
  </si>
  <si>
    <t>英国本月8日决定由政府指定的管理部门接管铁轨公司，并且把这个案件交给高等法院裁决。至此，在英国对铁路基础设施实行私有化后，接管全国铁道设施5年之久的铁轨公司终于被强制破产，并且计划不再由私人参股。此间舆论认为这标志着英国?</t>
  </si>
  <si>
    <t>国内外厂商争夺彩涂板市场</t>
  </si>
  <si>
    <t>随着国内彩涂钢板市场需求的快速增长，国内外厂商纷纷争夺这块市场。有关人士认为，加入世贸组织后，我国彩涂板市场将面临国内生产能力迅速扩大和国外产品大量进入的双重压力。    近几年来，国内彩涂板消费增长速度加快，而生?</t>
  </si>
  <si>
    <t>越南旅游业持续发展</t>
  </si>
  <si>
    <t>本报河内专电（记者张加祥）越南旅游业今年以来取得了骄人的成就：今年头8个月接待外国游客达157．5万人次，同比增长8．1％，预计全年有可能达到10％的增长率。     越南旅游总局旅游司司长黄世平认为，根据旅游人数增长周期，从</t>
  </si>
  <si>
    <t>嗜饮咖啡不利健康</t>
  </si>
  <si>
    <t>挪威奥斯陆乌列文大学医院的研究人员在一项新的研究中发现，饮用咖啡可使人体内胆固醇和同半胱胺酸的水平上升，而这两种物质在血液中水平过高将会导致患心脏病的危险增加。     在这项研究中，研究人员对191名非吸烟、但?</t>
  </si>
  <si>
    <t>保护环境  节约粮食</t>
  </si>
  <si>
    <t>一场“减少食物垃圾”的活动正在韩国各地展开。发起这一活动的是韩国的一个社会团体──“大韩女子基督教青年联合会”（简称“联合会”）。    “减少食物垃圾应该成为环保的一个重要项目”。“要让每个人、?</t>
  </si>
  <si>
    <t>你争我抢“大蛋糕”</t>
  </si>
  <si>
    <t>吸引外国留学生，是世界上许多国家越来越积极推行的政策。        对于接收外国留学生的国家来讲，有人上门来学习他们的语言和文化，给本国学生带来世界各地的新鲜气息，同时外国留学生还自付大笔的钞票，真是一举数得。这样，外国留学生市场就成为一个?</t>
  </si>
  <si>
    <t>化解银行风险重在完善资本市场</t>
  </si>
  <si>
    <t>亚洲金融危机源于脆弱的银行体系。中国未被卷入，是因为我们尚处于计划经济向市场经济的过渡期，资本大门还未对外完全开放。而今入世在即，与国际接轨，开放资本市场已成定势。    面对入世后的挑战，我国商业银行的不良资产状况更加?</t>
  </si>
  <si>
    <t>非洲地区跨国投资锐减</t>
  </si>
  <si>
    <t>非洲地区今年上半年的跨国投资总额（包括外国在非洲的投资和非洲在外国的投资）仅37亿美元，低于去年同期的44亿美元。其中埃及在吸引外资金额方面独占鳌头，高达8亿美元，而南非在吸引外资数量方面位居榜首。    南非引进和输出</t>
  </si>
  <si>
    <t>人民币汇率稳定</t>
  </si>
  <si>
    <t>本报讯：自9月21日中国外汇交易中心推出新版交易系统以来，银行间外汇市场运行正常，交易顺畅，清算及时。国际突发事件对国内银行间外汇市场没有产生直接影响，人民币汇率保持稳定。    三季度美元兑人民币汇率小幅震荡。</t>
  </si>
  <si>
    <t>美国精确农业好处多</t>
  </si>
  <si>
    <t>家住美国明尼苏达州棉花木镇的农民波特每天驾驶飞机在农田里工作，飞机上装有一台微型电脑，从电脑屏幕上他可以看到700公顷的玉米地和大豆地。波特打算明年在飞机上加装一部价值3000美元的接收器，从而可使他在农田工作时接收卫星定位信号，以</t>
  </si>
  <si>
    <t>瑞士银行体系及其监管</t>
  </si>
  <si>
    <t>瑞士是金融业最发达的国家之一，其银行体系及其运作和监管方式都较有特点。    目前，瑞士共有400多家银行。其中，大型银行两家（即瑞士联合银行和瑞士信贷银行），按资产计算，这两家大型银行的市场份额约为57％。140多家外资?</t>
  </si>
  <si>
    <t>“内需为主”应是长期方针</t>
  </si>
  <si>
    <t>内需为主与外贸    依存度问题    中国经济1997年实现了“软着陆”之后，由于受到东亚金融危机等因素的影响，出现了通货紧缩趋势。 1998年开始，中国政府连续四年实施了扩大内需的宏观调控政策，取得了显著的成绩，2000年年中中</t>
  </si>
  <si>
    <t>不做项羽做刘邦</t>
  </si>
  <si>
    <t>2001年7月，国家广电总局为包括华为、中兴、比利时Barco公司在内的几家大型通讯电子公司颁发了入网证，允许它们生产经营编码、解码器。这其中还有一家创办仅两年的“小”公司──北京数码视讯科技有限公司。这个“小”公司究竟靠?</t>
  </si>
  <si>
    <t>美国新经济兴衰的启示</t>
  </si>
  <si>
    <t>从2000年第三季度起，以IT业为核心的美国陷入了困境，并带动美国整体经济进入快速下滑的轨道。以技术股为主的纳斯达克股市在2000年3月10日创造了5048．62点的最高记录后，开始一路惨跌到2001年4月3日的1673．00点，跌幅达66．9％，</t>
  </si>
  <si>
    <t>澳航开辟新航线</t>
  </si>
  <si>
    <t>本报讯：澳门航空公司总经理张红鹰表示，澳航将由美国国际租赁金融有限公司代理为澳航租用5架全新的空中巴士A319型客机，并于明年中至2003年上半年陆续投入澳航机队，进一步拓展祖国内地和东南亚的地区航线，使</t>
  </si>
  <si>
    <t>会安与美山</t>
  </si>
  <si>
    <t>到越南中部采访，记者有机会参观了越南被列为世界文化遗产的会安与美山。    1987年越南加入了“保护世界文化和自然遗产公约”。到1999年底，越南已经有顺化、下龙湾、会安、美山等四处经联合国教科文组织世界遗产委员会审定，被列入《世界?</t>
  </si>
  <si>
    <t>学会表达  学会交往</t>
  </si>
  <si>
    <t>在美国中小学里，学生可以像学习其他各科课程一样，学习怎样与他人和谐相处。由于学生的社会能力表现水平不同，所以学校针对学生的不同需求，设计了相应的课程对其进行社会能力培养。    美国学校的社会能力课程可分为综合课程?</t>
  </si>
  <si>
    <t>最早获诺贝尔奖的中国籍科学家（下）</t>
  </si>
  <si>
    <t>杨振宁祖籍安徽凤阳，父亲杨武之是美国芝加哥大学的数学博士。杨振宁于1922年10月 1日出生在合肥，他四岁时开始认方块字，一年多时间内母亲教他认识了3000个字。1938年，杨振宁中学没有毕业就考入了西南联大物理系，师从赵忠尧、吴有训、周培?</t>
  </si>
  <si>
    <t>蝙蝠：恢复生态平衡是帮手</t>
  </si>
  <si>
    <t>最新研究表明，蝙蝠并不都是“吸血鬼”，其中大多数是热带森林的“保护神”，有助于恢复遭到人类破坏的生态系统平衡。    墨西哥国立自治大学生态研究所研究者梅德林日前指出，墨西哥和美国的科学家近年来发现，在目前世界上仅存的940种蝙蝠</t>
  </si>
  <si>
    <t>迎接入世</t>
  </si>
  <si>
    <t>中国即将于年底加入世界贸易组织，国内媒体无不关注入世带给中国的机遇和挑战。    60岁的李仲周是中国原复关谈判代表团成员，当年任外经贸部主管关贸的国际司司长，现在任职于总部设在瑞士日内瓦的联合国贸易和发展会议，担任?</t>
  </si>
  <si>
    <t>欧元防伪动用高科技</t>
  </si>
  <si>
    <t>本报柏林专电（记者刘钢）随着欧元现金开始向各国银行分发，欧洲央行也在为欧元的宣传进行最后阶段的冲刺。有关方面将在未来几个月里强化大规模的宣传运动，重点是普及识别欧元真伪的知识。    为了防止伪造欧元，欧洲央行</t>
  </si>
  <si>
    <t>生机无限的自组织管理模式</t>
  </si>
  <si>
    <t>“自组织”是前人在对哲学、自然学科研究中产生和发展出来的一个概念，比利时诺贝尔化学奖获得者普利高津教授和原西德著名物理学家哈肯教授是自组织理论的主要奠基人。自组织指的是一种有序结构，这种有序结构是系统在外部环境作用下，?</t>
  </si>
  <si>
    <t>中外企业融资模式的异同</t>
  </si>
  <si>
    <t>企业融资方式可以分为内源融资与外源融资。由于经济发展水平、金融体制和资本市场发育程度的差别，工业发达国家的企业融资模式与发展中国家有很大不同。    有些学者把工业发达国家的企业融资模式划分为两种：一种是以英国、美国</t>
  </si>
  <si>
    <t>加强交流协作  开拓旅游市场</t>
  </si>
  <si>
    <t>随着中西部地区的开发和加入世贸组织的临近，做好跨地区、跨行业、跨所有制经济协作更为重要，鹤壁市根据自身的资源优势，尤其要积极开拓旅游市场。    首先要加强鹤壁企业与大专院校、科研单位的联合与协作。鹤壁经济基础比较?</t>
  </si>
  <si>
    <t>法国彩票与体育运动结缘</t>
  </si>
  <si>
    <t>本报讯：据法国彩票公司公布的资料显示，法国彩票公司在近十几年中，积极支持法国的体育事业，为各项体育运动提供了大量的资金，而且资助的金额每年增加，仅1999年一年就提供了10．55亿法郎。2000年虽然没有公布数字，但为?</t>
  </si>
  <si>
    <t>重新认识市场经济</t>
  </si>
  <si>
    <t>“现在我们要加入世贸组织了，我们要遵循一系列国际市场运行的规则，按这些规则加快市场化步伐。因为世贸组织的规则就是市场经济运行的规则，这样，实践迫使我们要重新思考和认识以前的一些提法，推动理论向前发展”。这是著名经济学家?</t>
  </si>
  <si>
    <t>我国外汇收支面对机遇与挑战</t>
  </si>
  <si>
    <t>国民经济研究所最新宏观经济专题研究报告指出，全球经济放缓对我国涉外经济特别是外汇收支带来了新的挑战和机遇。    该报告指出，当前，世界经济正处于亚洲金融危机以来不确定因素最大的时期。去年下半年以来，美国经济增长骤然</t>
  </si>
  <si>
    <t>体制创新是“源动力”</t>
  </si>
  <si>
    <t>与东部沿海地区相比，西部地区在资金、技术、信息、区位等方面都没有优势可言。在这种情况下，西部高新技术产业开发区如何实现跨越式发展？日前，记者采访了绵阳市市长助理、高新技术产业开发区管委会主任林新。他认为，体制创新是西</t>
  </si>
  <si>
    <t>跨国公司的两重性</t>
  </si>
  <si>
    <t>陈宝森研究员在其新著《美国跨国公司的全球竞争》中深刻地分析了跨国公司的两重性。书中指出：“随着跨国公司在全球的扩张，又引发许多新的矛盾，它们对世界经济的发展产生着正面的和负面的不同影响，必须正确地认识这些两重性，采取明智的对?</t>
  </si>
  <si>
    <t>瑞士的彩票也有名</t>
  </si>
  <si>
    <t>说起瑞士，可能没有人不知道这是一个欧洲的富裕国家，瑞士的手表更是家喻户晓。但许多人可能不知道，瑞士的彩票也很有名，许多到瑞士的游客，在欣赏瑞士风光、购买瑞士手表的同时，也不忘玩上一把瑞士彩票。据说，瑞士彩票已</t>
  </si>
  <si>
    <t>冷暖谁知话东欧</t>
  </si>
  <si>
    <t>很长一段时间了，东欧这个地域概念似乎远离了人们的视线；那个在苏联模式时世人所知的东欧，已经变得无足轻重。然而，关注东欧的人仍知道，那里的国家正悄然发生着变化。最近，东欧一些国家相继公布了今年头几个月的经济发展数字，尽管?</t>
  </si>
  <si>
    <t>德国大众创造全新就业模式</t>
  </si>
  <si>
    <t>本报柏林专电（记者刘钢）经过艰苦谈判，德国大众汽车集团公司与德国五金工会终于就一种新型劳资协议达成一致，创造了一种全新的就业模式。    这种被称为“5000X5000”的就业模式最早由大众集团总裁皮希于今年6月初正式提出，?</t>
  </si>
  <si>
    <t>过日子需要实实在在的消费</t>
  </si>
  <si>
    <t>近10年来，美国人的消费观念出现了较大的转变，长期时兴的名牌意识被当今讲究实际的意识取而代之。人们不再像过去那样挥霍钱财摆阔气，而是精打细算，追求实惠耐用。  二手货备受青睐    美国人习惯于每年3月份进行“大扫除”</t>
  </si>
  <si>
    <t>法国让科学成为所有公民的科学</t>
  </si>
  <si>
    <t>重视教育，是法国的基本国策。在社会经济的漫长发展过程中，法国形成了能够不断适应社会经济发展需要的教育体制，科普教育在其中占有重要位置。    法国科学工作者认为，科普教育如果到高中才开始未免太迟。他们普遍认为，一个人在幼童时代有着强?</t>
  </si>
  <si>
    <t>垃圾处理设备成热门</t>
  </si>
  <si>
    <t>近年来日本经济不景气，一些传统的工业部门开工不足，销售下降。与此形成鲜明对照的是，日本的环保产业却发展迅速，其中尤以垃圾回收、处理设备的生产增长最为突出。据日本通产省和环境厅的调查，自1995年至1999年，日本企?</t>
  </si>
  <si>
    <t>美国就业形势日趋严峻</t>
  </si>
  <si>
    <t>本报纽约专电（记者白卫涛）美国经济连续几个季度低速增长，一些分析家甚至预计第二季度美国经济可能会出现零增长，这导致很多企业宣布裁员计划并冻结雇佣新员工，使得美国就业形势日趋严峻。    据美国劳工部上周公布的官</t>
  </si>
  <si>
    <t>世行肯定中国环保成就</t>
  </si>
  <si>
    <t>日前，世界银行推出关于中国环境问题的报告《中国：土地、水和大气──新世纪的环境优先领域》。该报告指出，尽管中国过去20年的高增长对环境造成了严重危害，但中国政府有能力在治理水和大气污染以及砍伐森林等各种环境问题方面取得重?</t>
  </si>
  <si>
    <t>美国跨国公司是怎样发展起来的</t>
  </si>
  <si>
    <t>陈宝森教授在其专著《美国跨国公司的全球竞争》（以下简称“竞争”）中指出：美国跨国公司并不是同美国与生俱来的，经历了“发育、成熟和壮大”过程。    联合国经济及社会理事会1978年关于跨国公司的定义：“跨国公司是在作为基地的?</t>
  </si>
  <si>
    <t>日本：个人资金蓄势待发</t>
  </si>
  <si>
    <t>泡沫经济时期，日本国民手中绝大部分闲散资金都涌入了高利息的定期存款。这笔数目不小的个人资金长期以来一直处于冬眠之中，无用武之地，令一些金融专家望“钱”兴叹。然而，随着日本银行实行超低利率、明年春天恢复使用存款保险?</t>
  </si>
  <si>
    <t>太空污染不容忽视</t>
  </si>
  <si>
    <t>波兰天文学家预计，在未来50至100年内，太空垃圾可能遍及空间的各个角落，使太空轨道上无法再容纳新发射的卫星和太空舱，太空污染问题已不容忽视。    波兰克拉科夫教育学院的克雷内尔教授日前在接受波通社采访时介绍说，造成太空污染</t>
  </si>
  <si>
    <t>夏威夷建地热电站引起争论</t>
  </si>
  <si>
    <t>风光旖旎的夏威夷不仅有着得天独厚的旅游资源，而且火山周围还有巨量的地热资源。围绕着要不要开发地热能，一场激烈的争论正在工程技术人员和环保人士之间展开。    在夏威夷凯卢阿山背后──地球上最活跃的火山地区之一，</t>
  </si>
  <si>
    <t>法国彩票业2000年大丰收</t>
  </si>
  <si>
    <t>本报讯：法国彩票公司最近发表的统计数字显示，法国彩票公司2000年度彩票营业额达428亿法国法郎（约合62亿美元），比1999年增长了13．3％，国家从中得到的税收额为 114．9亿法郎。    统计表明，这是法国彩票公司的</t>
  </si>
  <si>
    <t>商务交往先问俗</t>
  </si>
  <si>
    <t>和外商谈判打交道的时候，一些看似不起眼的小节，都有可能关系到交易的成败。    早年，为了与日本住友商事公司进行合作，美国著名的3M（明尼苏达州矿业和制造业）公司与日本通产省的官员有过一场艰难的马拉松式谈?</t>
  </si>
  <si>
    <t>韩国：靠“内功”摆脱外部影响</t>
  </si>
  <si>
    <t>韩国政府日前公布的统计数字显示，今年来出口增长率、工业生产增长率和设备投资增长率相继出现负增长，韩国经济当前正处于一个困难时期。为此，韩国政府正在采取一系列措施努力摆脱经济困境。    据统计，今年韩国的出口在第</t>
  </si>
  <si>
    <t>意大利的体育彩票</t>
  </si>
  <si>
    <t>赛马彩票    （IOTIP）    从发行的时间看，“赛马彩票”是意大利历史上存在时间较长的体育彩票之一，仅比最早的“13奖”足球彩票迟两年。它是于1948年由意大利一家私人公司“希萨尔”推出的，目前仍由这家公司负责</t>
  </si>
  <si>
    <t>蒙古的20年发展大计</t>
  </si>
  <si>
    <t>近来，蒙古政府为未来20年社会经济发展绘制的蓝图已初显轮廓，引起国内外媒体的广泛关注。    蒙古政府对未来20年经济发展的总体构想分为四大阶段：一、4年内实现经济稳步发展目标，同时在蒙中、蒙俄边境地区建成两大自由经济区</t>
  </si>
  <si>
    <t>韩国浦项制铁进军中国市场</t>
  </si>
  <si>
    <t>本报汉城专电（记者高浩荣）韩国最大的钢铁公司──浦项制铁公司最近提出了一个口号：“要把进军中国市场作为打破钢铁行业不景气的突破口”。      由于世界经济不景气，特别是美国经济疲软、日本经济停滞，韩国钢铁业面临严重?</t>
  </si>
  <si>
    <t>英国修订竞争与破产规则</t>
  </si>
  <si>
    <t>本报伦敦专电（记者刘桂山）近日，英国政府接连发表竞争白皮书和破产白皮书，对进一步规范企业竞争行为和有关破产事宜作出了新的规定。    竞争白皮书所公布的新措施包括：在作出有关竞争的决定时摒弃政治因素，对公司合并和整</t>
  </si>
  <si>
    <t>韩国努力摆脱经济困境</t>
  </si>
  <si>
    <t>日本终身雇佣制受冲击</t>
  </si>
  <si>
    <t>日本松下电器产业公司近日宣布，从9月开始实行提前退休制度，并以此为契机，实行裁员计划。松下公司这一宣布举惊四座，此间舆论纷纷认为，日本的终身雇佣制度将不可避免地受到冲击。    日本松下电器产业公司宣布，将从今年9月?</t>
  </si>
  <si>
    <t>越南加快发展证券市场</t>
  </si>
  <si>
    <t>一年前，越南第一个证券市场──胡志明市证券交易中心诞生并投入活动。这是越南建设和完善金融市场进程中的一个重要步骤，开辟了动员中、长期资金的新渠道。目前，胡志明市证券交易中心的活动已经走上轨道，吸引了广大投资人士的?</t>
  </si>
  <si>
    <t>关于“循环型经济”</t>
  </si>
  <si>
    <t>为了更好地保护生态环境，保证经济的可持续发展，许多国家进行了有益的探索，特别是利用现代科学技术的成就，来为这一目标服务。    日本是一个地少人多、资源缺乏的国家，前几年日本政府就提出了为了克服环境的制约，实现21世纪的可?</t>
  </si>
  <si>
    <t>世界各国彩票拾零</t>
  </si>
  <si>
    <t>美国电视提醒中奖者莫失良机    美国许多州发行彩票，许多粗心的彩民买完彩票后便将彩票往抽屉、书包里一放便完事大吉，由此而失去大奖者大有人在。为了彩民的利益，遇到这种情况，彩票公司在媒体、尤其是在电视上?</t>
  </si>
  <si>
    <t>意大利是世界上重视彩票业的国家之一。半个多世纪以来，意大利的彩票业严格按照法律进行管理，同时也受法律监督和保护。彩票对推动意大利体育运动的发展，对活跃足球市场和吸引球迷起着重要作用。    意大利的体育彩票主?</t>
  </si>
  <si>
    <t>爱玩彩票的法国人</t>
  </si>
  <si>
    <t>法国人爱玩彩票，这在世界上是出了名的。一个5800万人口的国家，有2900万人经常购买彩票，他们追寻那“百万富翁”的梦境，孜孜以求、乐此不疲。法国官方统计数字显示，每年彩票销售总额都在340亿法郎以上，可以说，正是这数</t>
  </si>
  <si>
    <t>劣质剧毒农药危害大</t>
  </si>
  <si>
    <t>本报阿比让专电（记者令狐道成）在发达国家已经被禁止和受到严格控制的劣质农药目前仍继续在发展中国家，特别在非洲国家使用，对当地生态环境和人民的身体健康造成严重危害。世界卫生组织和联合国粮农组织最近联合发出公报，要求?</t>
  </si>
  <si>
    <t>西方市场绿色农产品供应不足</t>
  </si>
  <si>
    <t>本报日内瓦专电（记者严明）联合国贸发会议日前举行的专家会议认为，目前西方国家绿色农业产品供应不足，为发展中国家的绿色农产品出口带来机遇。    专家们指出，疯牛病等现代化农业带来的弊端使得西方消费者越来越重视食品安?</t>
  </si>
  <si>
    <t>体育产业适逢发展好时机</t>
  </si>
  <si>
    <t>本报讯（记者刘广 张健）在北京获得2008年奥运会主办权后，中国体育产业界又迎来另一个好消息：在德国举行的世界体育用品联合会会议上，今年1月成为会员的中国体育用品联合会当选为理事会成员。    刚刚从此次会议归来的中国</t>
  </si>
  <si>
    <t>意大利出书指点迷津     旨在增加企业效益    意大利的彩票业十分发达。经过多年的运行，意大利彩票业已经形成了巨大的市场。目前，全国约有近两万个彩票销售点，分布在各地的烟草店、酒吧等场所，全部采用计算机联网销</t>
  </si>
  <si>
    <t>直接投资为中俄经贸添动力</t>
  </si>
  <si>
    <t>随着俄罗斯经济的好转，近期以来中俄贸易发展迅速。据统计，今年双边贸易额比去年同期增长43．4％，达到37．9亿美元。但业内人士认为，双方的贸易还主要集中在纺织品、皮毛制品及日用消费品等传统项目上，而这些传统贸易项目增</t>
  </si>
  <si>
    <t>废旧电脑处理：迫在眉睫大难题</t>
  </si>
  <si>
    <t>美国南卡罗来纳州的《早间新闻报》给编辑记者们配备了新计算机，旧计算机自然要处理掉。他们并不指望这些机器能卖多少钱，所以觉得处理掉这批三吨重的设备应该不成问题。但是经过八个月的出售、捐赠和回收尝试之后，系统经理助理卡伦·罗伯逊?</t>
  </si>
  <si>
    <t>芬兰教师假期生活丰富多彩</t>
  </si>
  <si>
    <t>近日，记者就教师假期生活的话题走访了芬兰教师工会联合会执行委员会主席希尔卡·丽萨·欣察女士。在两个小时的交谈中，记者强烈地感觉到，芬兰是十分重视教育事业的国度，教师是受人尊敬的职业，教师的假期生活丰富多彩，从一个侧面展示了社会对这?</t>
  </si>
  <si>
    <t>瓦希德败走麦城</t>
  </si>
  <si>
    <t>如果说东南亚千岛之国──印度尼西亚的政治局势一直是“山雨欲来风满楼”，那么，7月22日至23日就是印尼政坛暴风雨来临的日子。    这两天里，印尼经历了最具戏剧化的政府更迭，“身残志坚”的瓦希德遭到最高权力机构──人民协商会议</t>
  </si>
  <si>
    <t>日本开发第四代移动通信系统</t>
  </si>
  <si>
    <t>本报东京专电（记者张可喜）日本总务省日前在信息通信审议会上宣布，日本将着手开发第四代移动通信系统，目标是在2010年之前达到实用化水平。    第一代移动通信系统是模拟式语音移动通信；第二代是数字语音移动通信，目前广泛?</t>
  </si>
  <si>
    <t>传统竞猜体彩日益冷清  乐透数字彩票越来越火</t>
  </si>
  <si>
    <t>本报讯：意大利的彩票业十分发达，全国发行的各类彩票有十多种。但近几年随着彩票发行规模的日益扩大，市场竞争越来越激烈，各类彩票出现了发展不平衡的态势：有的彩票行情越来越火，有的彩票行情却日益冷清。对此，意大利?</t>
  </si>
  <si>
    <t>对电子商务征税是迟早的事</t>
  </si>
  <si>
    <t>税制要素是构筑税收制度的基本因素，离开税制要素无所谓税收，而电子商务对各个税制要素都进行了不同程度的冲击。对电子商务征税是必须的，这符合税收公平原则和税收管辖权的要求。世界电子商务最发达的国家──美国对此的?</t>
  </si>
  <si>
    <t>海外中文教育热度不减</t>
  </si>
  <si>
    <t>近20年来，随着中国经济的发展和国际地位的提高，学习中文在海外逐渐升温，这一势头还将继续发展。美、法、英、加、澳，特别是亚洲的泰国、日本等学习中文的热潮一浪高似一浪。    早在1989年，泰国的有识之士就开始呼吁重视中?</t>
  </si>
  <si>
    <t>世界人口形势的新变化</t>
  </si>
  <si>
    <t>联合国最近发表一份调查报告说，世界人口形势正发生深刻的变化。一些国家的青少年人口已达到前所未有的程度。另外一个变化就是在所有国家老年人的数量均在快速增加，特别是那些数十年来生育率一直很低的国家中老年人的比例更大。$</t>
  </si>
  <si>
    <t>公共工程大国日本的反思</t>
  </si>
  <si>
    <t>日本是世界头号公共工程大国。根据OECD的一项统计，在日、美、加、德、法、意、英7个主要工业化国家中，日本的公共工程费比其余6个国家的总和还要多出30％左右。从公共工程费占GDP的比重看，日本的这一比重近年来一直保持在上述其他各国</t>
  </si>
  <si>
    <t>世界大公司加强与伊朗能源合作</t>
  </si>
  <si>
    <t>本报德黑兰专电（记者蒋晓峰）尽管8月份美国国会投票表决是否延长对伊朗制裁日期临近，世界能源大公司却纷纷置美国的惩罚警告于不顾，加大了它们与伊朗能源部门合作的力度。    从美国国会传来的消息表明，大多数议员赞同继续对</t>
  </si>
  <si>
    <t>俄罗斯航天  重振雄风不是梦</t>
  </si>
  <si>
    <t>今年3月，代表俄罗斯航天骄傲的“和平号”空间站“光荣退休”。正当人们为这个航天大国感到惋惜时，俄罗斯相继推出令人刮目的举措：高能中子探测器启程赴火星找水；组建航天部队；纪念加加林首航太空40年；送美国富翁蒂托上太空玩了一圈──</t>
  </si>
  <si>
    <t>英国：依法制约金融犯罪</t>
  </si>
  <si>
    <t>今年5月16日，英国证券与期货管理局宣布解除国际期货公司两位高级经理人员的职务，并对他们每人处以7500英镑的罚金。原因是，这两位经理在国际期货公司为一个客户进行代理时，既没有对其进行调查获得有关其财务状况的足够资料，也</t>
  </si>
  <si>
    <t>韩国车商反攻时机已到？</t>
  </si>
  <si>
    <t>今夏的上海车展谁最风流，不可否认当数韩国现代起亚汽车摆谱大、人气旺，17辆各式各样的靓车撑满一台，令任何一家参展商黯然。毗邻的上汽集团尽管捆绑了上海大众和上海通用，但摆出的几款花色品种仍相形见绌。有心者不禁会?</t>
  </si>
  <si>
    <t>英国推出“道德”股指</t>
  </si>
  <si>
    <t>本报伦敦专电（记者 刘桂山）英国伦敦股票交易所和《金融时报》共同拥有的《金融时报》股票交易所国际公司10日宣布，将于31日推出8种名为“FTSE4GOOD”的“道德”指数，旨在提倡和促进道德投资。    《金融时报》股票交易所国际</t>
  </si>
  <si>
    <t>清洁能源行业吸引外商眼球</t>
  </si>
  <si>
    <t>本报讯（记者李文川）我国即将加入WTO的消息，使在中国一些重要领域门槛外翘首等待已久的西方企业家十分振奋。而欧盟第五大对华投资国──意大利新近则对我国包括新能源和再生能源在内的清洁能源行业，表示出极高的兴趣。    7月9日来</t>
  </si>
  <si>
    <t>数十家外资公司在香港设立地区总部</t>
  </si>
  <si>
    <t>本报香港专电（记者李凯）香港特区投资推广署署长卢维思日前在新闻发布会上说，根据传媒财经报道统计，从去年6月1日到今年5月31日期间，共有74家外资公司在香港设立了地区总部。其中6家公司的地区总部是从亚洲其它地区迁到香港的?</t>
  </si>
  <si>
    <t>瑞士为异种器官移植开绿灯</t>
  </si>
  <si>
    <t>在瑞士，有三万糖尿病人每天需要靠注射胰岛素维持生命；在全世界，这样的患者有数百万之多。如今，一种叫作“胰岛移植”的手术正日趋成熟，使糖尿病人看到了康复的希望。其实这种手术并不复杂：只要将50毫升“液体”──身体健康的志愿?</t>
  </si>
  <si>
    <t>韩国大力发展网络大学教育</t>
  </si>
  <si>
    <t>为了迎接知识经济时代的到来，韩国政府近年来加大了发展网络教育的力度。自今年3月韩国的9所网络大学开课后，7月1日，韩国政府又批准了7所网络大学在2002年正式创办的申请。届时，韩国的网络大学将增加至16所，课程将增加至34门，学生人数</t>
  </si>
  <si>
    <t>全球化影响利大于弊</t>
  </si>
  <si>
    <t>本报赫尔辛基专电（记者郑焕清）芬兰外贸部长基莫·萨西最近撰文认为，全球化是当今世界经济活动中不可避免的发展趋势，其影响是积极和有利的。    萨西部长首先说，全球化在有控制地向前发展，各国经济国际化，为人们创造福利。通信?</t>
  </si>
  <si>
    <t>新型雷达本领不凡</t>
  </si>
  <si>
    <t>多用雷达──美国劳伦斯利弗莫尔国家实验室的科技人员，研制出一种应用广泛的袖珍雷达，这种雷达发射一种单一的高频无线短脉冲，一秒钟之内可以重复近百万次，还能够区分视角范围内相同距离物体的差别。目前，这种雷达作为一种新的传感系统已?</t>
  </si>
  <si>
    <t>德国加强职业教育</t>
  </si>
  <si>
    <t>目前，德国政府正准备修改旨在推动职业教育的“大师教育促进法”。德国政府希望，此举能够鼓励各行业的从业人员努力学习技能，不仅成为本行业的技术能手，而且能够自己创业。    据德国社民党议员朗格不久前透露，目前，德国政府已经就此与?</t>
  </si>
  <si>
    <t>韩国：在结构调整中加强监管</t>
  </si>
  <si>
    <t>韩国自1997年发生金融危机后，进行了金融结构调整，同时加强了对金融机构的监管。这些监管措施对于克服金融危机，健全金融机构发挥了重要作用。    韩国金大中政府从1998年初上台后，随即成立了金融监督委员会，并在次年1月成立</t>
  </si>
  <si>
    <t>净出口缩减对增长的影响</t>
  </si>
  <si>
    <t>经过二十多年的改革开放，中国经济已经较深地融入到世界经济体系之中，目前外贸依存度已超过40％，为美国、日本和印度等国的两倍以上。由此，世界经济形势变化也必将对中国经济增长产生重大的影响。针对去年下半年以来美国经济增速急剧?</t>
  </si>
  <si>
    <t>瑞典：双管齐下防范内幕交易</t>
  </si>
  <si>
    <t>对股票市场运作稍有了解的人都清楚，上市公司的内幕消息对该公司的股票行情走势具有非常重要的影响，谁要是能事先获悉内幕消息，也许转眼间就可发上一笔横财或免遭巨大的财产损失。因此，如何防范那些掌握内幕消息的人利用近水楼?</t>
  </si>
  <si>
    <t>专利法在法律理论上有进步</t>
  </si>
  <si>
    <t>由于专利法在TRIPS协议框架文件已基本形成的1992年，曾参考国际惯例作过一次修订，所以它本来已是我国知识产权三个基本法中，与世贸组织的要求差距最小的一个。在2000年8月的再次修订中，该法仍旧有许多明显的进步。从法理上看，至少有?</t>
  </si>
  <si>
    <t>强生公司的“强身”之道</t>
  </si>
  <si>
    <t>美国强生公司是一家具有上百年历史的卫生保健产品制造和服务商，在科技发展日新月异、高科技公司竞争日趋激烈的今天，该公司没有被残酷的竞争击垮，其销售额和纯收入反而呈迅速增长之势，被誉为最具竞争力的高科技企业之一。</t>
  </si>
  <si>
    <t>毕业季掀失业潮</t>
  </si>
  <si>
    <t>随着毕业季节的来临，台湾自去年下半年以来节节攀升的失业率，正严重冲击即将步入社会的应届毕业生。逐月缩减的就业机会，使得学子们面临“毕业即失业”的窘境。    毕业生找工作难已成不争的事实。在台湾师范大学举行的“市</t>
  </si>
  <si>
    <t>墨西哥大力推动中美洲一体化</t>
  </si>
  <si>
    <t>本报巴拿马城专电（记者徐发兴）墨西哥总统福克斯于6月中旬出席了在萨尔瓦多举行的中美洲特别首脑会议，紧接着又访问了巴拿马，极力推动他提出的旨在推动墨西哥和中美洲及巴拿马地区经济一体化的普埃布拉－巴拿马计划。由此表明墨</t>
  </si>
  <si>
    <t>学外语从娃娃抓起</t>
  </si>
  <si>
    <t>近20年来，外语学习越来越受到各国政府、教育机构、家长和学生们的重视。一股强劲的学外语热潮已传遍全球，学外语从娃娃抓起已渐成共识，在教学实践中各有各的长处。  芬兰：  寓教于乐生动活泼    由于小国语言?</t>
  </si>
  <si>
    <t>高压加速器的发明和发展</t>
  </si>
  <si>
    <t>美国物理学家考克罗夫特和爱尔兰物理学家沃尔顿于1928年发明了粒子高压加速装置，1932年第一次成功地利用高能质子袭击锂原子核实现核反应，他们于1951年获得诺贝尔物理学奖。      考克罗夫特于1897年5月27日出生在英国文化古城图德摩</t>
  </si>
  <si>
    <t>见证欧元硬币出炉</t>
  </si>
  <si>
    <t>距离欧元现金进入流通只有半年时间了，各方都在为此进行着紧张而又有条不紊的准备。不久前，记者对德国柏林市铸币厂进行采访，提前目睹了各种欧元硬币的真容，并了解了它们的铸造过程。    位于柏林市中心的“柏林国家造币厂”是一家被欧洲中央银行授权</t>
  </si>
  <si>
    <t>开征社会保障税已具条件</t>
  </si>
  <si>
    <t>社会保障制度属于公共产品，具有全国性、统一性、强制性特征，起着调节居民收入分配、提供社会安全的公共职能。国外许多国家都纷纷把分权式养老保险改革成国家级养老保险制度，实行国家统筹和国家标准。我国的基本社会保障也应在全国范?</t>
  </si>
  <si>
    <t>我国MDI产业面临挑战</t>
  </si>
  <si>
    <t>据有关方面介绍，名列世界50强企业的大型化工企业德国巴斯夫与美国亨斯迈公司已联手在上海兴建年产16万吨的MDI生产企业，预计2004年投产。另一家50强企业德国拜耳化工公司也正在紧锣密鼓地与中国有关方面谈判，谋求在中国建厂。</t>
  </si>
  <si>
    <t>中国：水资源的短缺及对策</t>
  </si>
  <si>
    <t>我国的水资源总量居世界第6位，人均占有水资源量仅为世界人均占有量的1／4，居世界第121位（1997年联合国可持续发展委员会对世界上153个国家的评价结果），被列为世界上最贫水的13个国家之一。    特别是我国水的时空分布极其不</t>
  </si>
  <si>
    <t>对“新经济”的几点反思</t>
  </si>
  <si>
    <t>第四，传统经济是人类赖以生存和发展的基本条件。高新技术的发展从根本上来说，只有有效地改造传统产业，极大地提高其生产率，才能具有强大的生命力。美国的《世界周刊》的文章说：“越来越多的经济学家认为，网络经济的根本出路?</t>
  </si>
  <si>
    <t>阅读——美国中小学教学的重点</t>
  </si>
  <si>
    <t>美国人普遍善于讲话，会写文章，公关能力较强，这都与学校大力培养他们的阅读能力有关。    阅读一直是美国中小学语言课中最重要的一个方面。在美国的中小学里，语言课一般不讲话法和语言理论，主要是阅读。阅读分精读和泛读。精读课?</t>
  </si>
  <si>
    <t>MBA的教学目标</t>
  </si>
  <si>
    <t>一提美国的MBA教育，很多人就会想到它是培养企业高级管理人才的摇篮，而对美国MBA教育的教学目标，似乎并不全面了解。美国的MBA教育不仅仅致力于怎样适应多变的商业环境，还重视怎样才能走在时代的前头，以把握无限的商机。</t>
  </si>
  <si>
    <t>戴尔何以称雄</t>
  </si>
  <si>
    <t>今年以来，在全球个人电脑市场降温的情况下，美国戴尔计算机公司却继续取得不凡的销售业绩。第一季度全球个人电脑销售量比去年同期仅增加了85．2万台，但戴尔公司由于成功地挤占了竞争对手的市场，销售量增加了95．7万台。?</t>
  </si>
  <si>
    <t>美国“新经济”的特点</t>
  </si>
  <si>
    <t>经济学家一般认为“新经济”是在经济全球化和信息技术革命的推动下，以生命科学技术、新能源技术、新材料技术、空间技术、海洋技术、环境技术和管理技术等7大高科技产业为龙头的经济，而且具有低失业、低通货膨胀、低财政赤字、高</t>
  </si>
  <si>
    <t>中越经贸合作还有潜力</t>
  </si>
  <si>
    <t>本报河内专电（记者侯鹤祥）越南贸易部部长武宽在上海亚太经合组织贸易部长会议前夕接受本报记者的专访时表示，越南很重视此次会议，正积极准备参加这次会议，希望借此机会与中国有关部门讨论进一步发展越中经贸关系。    武宽?</t>
  </si>
  <si>
    <t>从风险投资“感冒”中提取“抗菌素”</t>
  </si>
  <si>
    <t>自从去年美国网络经济泡沫破灭后，美国风险投资公司的感冒就没好过，不仅平均回报率大大下降，一些风险投资公司甚至出现投资严重亏损，难以募集新的基金，面临倒闭的危险。    美国的风险投资感冒了，中国的风险投资会不会也打喷嚏呢?</t>
  </si>
  <si>
    <t>人造器官前景广阔</t>
  </si>
  <si>
    <t>在20世纪，器官移植已取得重大成就，但正如蜚声俄罗斯的器官移植专家瓦列里·舒马科夫院士所言，供移植的器官数量总是满足不了等待做移植手术者的需要，接受手术者不得不长时间等待，有的人往往尚未等到就死去了。另一方面，直到目前机体组织?</t>
  </si>
  <si>
    <t>麦当劳的儿童营销观</t>
  </si>
  <si>
    <t>麦当劳全球营销副总裁玛丽·米勒曾谈到针对孩子的推销计划。    根据米勒提供的资料，美国的孩子1998年共花费了大约350亿美元，比1997年高出了43％，而且他们还对价值3000亿美元的包括从食品到汽车的家庭消费产生过影响。</t>
  </si>
  <si>
    <t>巴西中小学生的必修课</t>
  </si>
  <si>
    <t>巴西教育专家卡西亚说，人们可以从孩童时代起学习如何花钱。这对于一个人的健康成长，形成正确的道德和劳动观念有重要意义。他制定的理财教育计划正被越来越多的巴西学校采用，英国等国最近也将理财教育列为中小学生的必修课。</t>
  </si>
  <si>
    <t>上岗需有真本事</t>
  </si>
  <si>
    <t>自第二次世界大战之后，美国培养中小学师资的重任逐渐由师范学院转移到一般大学，原师范学院也纷纷改制为综合大学，以提升形象吸引更多的学生就读。而在20世纪50年代以后，更有将美国中小学教师的学历提高到研究生的趋势。    教师上岗须具备学士?</t>
  </si>
  <si>
    <t>芬兰大学生择业目标明确</t>
  </si>
  <si>
    <t>本报赫尔辛基专电（记者郑焕清）芬兰一家研究所最近就择业志向和标准等问题对14所大学和学院的1500多名大学生进行了调查，结果发现，诺基亚电信集团仍然是芬兰大学生择业的首要目标。    调查显示，尽管选择诺基亚电信集?</t>
  </si>
  <si>
    <t>美国功能性饮料市场扩大</t>
  </si>
  <si>
    <t>本报纽约专电（记者白卫涛）随着生活水平的提高和人口的老龄化，美国人更加重视健康问题，添加了某些保健成分的功能性饮料因而受到美国消费者的欢迎，市场规模迅速扩大。    根据市场调查公司统计，美国功能性饮料?</t>
  </si>
  <si>
    <t>爱尔兰：打开大门迎外资</t>
  </si>
  <si>
    <t>素有“欧洲乡村”之称的爱尔兰，近年来，由于不断调整对内对外经济政策和产业结构，注重提高经济中的科技成分，创造良好的投资环境，大量吸引外资，积极开发“人力资本”，使经济保持了平均7％左右的高速稳定增长，增长率位于欧洲之</t>
  </si>
  <si>
    <t>安全生产需要保险业的参与</t>
  </si>
  <si>
    <t>本报讯（记者陈晓彬）美国利宝互助保险集团亚洲区总裁林志伟在接受本报记者采访时指出，实现安全生产，预防和减少事故不仅要靠政府的行政管理，保险公司也能发挥重要作用。    林志伟指出，近年来中国政府十分重视安全生产问题?</t>
  </si>
  <si>
    <t>外贸出口受美经济下滑影响最大</t>
  </si>
  <si>
    <t>本报讯（记者高露）国务院研究室、国家计委宏观经济研究院、国务院发展研究中心、财政部和中国社会科学院的经济专家们日前分析认为：美国经济下滑对我国最大的影响是外贸出口，然而至迟到明年美国经济应当有所好转。    美国经?</t>
  </si>
  <si>
    <t>韩国造船业大步发展</t>
  </si>
  <si>
    <t>韩国的造船业近几年来发展迅速，为带动韩国经济的复苏和发展起到了重要作用，被韩国经济界称为“孝子产业”。    统计显示，韩国造船业近几年来每年收到的造船订单超过1000万吨。1999年，韩国造船企业共收到订单1271万吨，首次超过日本成为</t>
  </si>
  <si>
    <t>项目管理热起来</t>
  </si>
  <si>
    <t>美国学者戴维·克兰德（David Cleland）指出：在应付全球化的市场变动中 ，战略管理和项目管理将起到关键性的作用。战略管理立足于长远和宏观，考虑的是企业的核心竞争力，以及围绕增强核心竞争力的企业流程再造、企业业务外包和供应链管理等问题；?</t>
  </si>
  <si>
    <t>最不发达国家的困境</t>
  </si>
  <si>
    <t>联合国5月 14日－20日在布鲁塞尔举行了第三次世界上最不发达国家会议。被列入最不发达行列的国家共有49个，其中非洲34个，亚洲9个，太平洋和加勒比地区6个。    会议和媒体透露的材料令人触目惊心：这49个穷国共有人口6．3亿，?</t>
  </si>
  <si>
    <t>法国彩票业渐向欧元过渡</t>
  </si>
  <si>
    <t>本报讯：法国彩票公司透露，由于2002年1月1日欧盟将实行统一货币欧元，法国彩票业近期已开始进行向欧元过渡的准备工作。为此，法国财政部已同意届时将对其减少2亿法国法郎的税收，以支持彩票业向欧元的过渡，避免差错和减少</t>
  </si>
  <si>
    <t>意大利彩票管理公司上市</t>
  </si>
  <si>
    <t>本报讯：热情浪漫的意大利人钟爱博彩，喜欢碰运气。5月17日，意大利全国较有影响的彩票管理公司──洛特玛蒂卡博彩公司（LOTTOMATIC）开始在米兰股票交易所上市，成为动荡不定的股市上一个新的弄潮儿。    也许是和</t>
  </si>
  <si>
    <t>中医药：体味经济全球化</t>
  </si>
  <si>
    <t>近百年来，西医西药主宰着大部分地区。作为一种存在方式，中医药只是在中国境内处于艰难衍生的状态。    但是近10年，越来越多的迹象表明，由于人类在生命科学领域的不断探索，西方对历来持排斥态度的中医药开始刮目相看──</t>
  </si>
  <si>
    <t>“e化”传统企业——沃尔玛的成功法宝</t>
  </si>
  <si>
    <t>前不久，伦敦《星期日泰晤士报》上的一则短讯引起全球关注：微软总裁比尔·盖茨再度从“世界首富”的宝座上跌下来，取而代之的是美国传统零售业巨擘──沃尔玛公司总裁罗布森·沃尔顿。沃尔顿目前拥有资产453亿英镑（约合65</t>
  </si>
  <si>
    <t>马鞍山把国有土地当资本运营</t>
  </si>
  <si>
    <t>本报合肥电（记者李仁虎 卢尧）安徽省马鞍山市在全国率先进行国有土地资本运营探索，即把国有土地当作资本来经营、管理和运作。政府通过统一征用、统一收回、统一供应的方式，运营全市土地的“买”与“卖”，从而实现了政府对土地</t>
  </si>
  <si>
    <t>知识产权比实物财产权更需法律保护</t>
  </si>
  <si>
    <t>知识产权保护        喜忧参半    谈到知识产权保护，我的感受是喜忧参半。喜，正如日本的一位权威人士评价：“中国的知识产权立法基本完备，遇到侵权的事情，有解决的途径。”忧，在于目前的知识产权保护意识及水平亟待提高。$</t>
  </si>
  <si>
    <t>法国信息产业成为新动力</t>
  </si>
  <si>
    <t>如果有人提出这样一个问题：在世纪之交对经济和社会生活影响最大的是什么？答案十有八九是：信息技术。对此，任何一个国家，只要它有一分能力，就绝不会等闲视之。近年来，信息技术的兴起与迅猛发展给法国经济带来了新的机遇与挑?</t>
  </si>
  <si>
    <t>按照比较优势原则发展信息产业</t>
  </si>
  <si>
    <t>发展软件和硬件产业，是我国城市信息化建设中的一个重要部分。在软件产业的发展上，我国在80年代初曾与印度处于同样的起点上，但近年来却落后了。1998年，印度软件业的出口达到了30亿美元。这30亿美元中，基本上可分为三个部分。第一部?</t>
  </si>
  <si>
    <t>北极：气候变化最明显</t>
  </si>
  <si>
    <t>据加拿大媒体报道，加拿大北极地区的一些因纽特老人认为，北极地区气候已发生了很大的变化，因纽特人的生活环境和规律也因此发生了某些变化。    加拿大北部的努纳武特省政府的研究人员最近就北极地区气候变化问题向55位因纽特老人进?</t>
  </si>
  <si>
    <t>人造景观“超生”严重</t>
  </si>
  <si>
    <t>荔浦县丰鱼岩是广西的著名风景区，这里有号称“亚洲第一洞”的美景，近年来游客甚众。3年前记者曾到这里旅游，对这里的原生景观产生良好印象。但记者日前来这里采访却发现，离洞口不远的山坡上、山脚下，由本地及外地商人投资兴建</t>
  </si>
  <si>
    <t>感受美国城市交通</t>
  </si>
  <si>
    <t>北京是个特大型城市，车多、人多，交通有时难免拥堵。北京市政府正在积极采取措施不断改善城市交通设施和管理方式。因此，作为北京市民出国时我总是很注意外国城市是怎样管理交通的。    在美国旧金山、纽约、华盛顿、洛杉矶等?</t>
  </si>
  <si>
    <t>CT扫描仪医学诊断技术新进展</t>
  </si>
  <si>
    <t>美国科学家科马克和英国电气工程师豪斯菲尔德因发明电子计算机控制的X射线断层扫描仪（CT扫描仪），于 1979年获得诺贝尔医学奖。    伦琴发现X射线以后的100多年间，科学家们一直在努力改善X射线透视照相技术，另一</t>
  </si>
  <si>
    <t>印度软件业调整结构开拓欧洲</t>
  </si>
  <si>
    <t>印度是仅次于美国的世界第二大计算机软件生产国，软件出口每年以50％以上的速度增长。1999－2000年度印度软件出口额为40．5亿美元，约占印度出口总额的12．5％。印度政府预计，到2008年，印度软件出口额将达到500亿美元，占出口总</t>
  </si>
  <si>
    <t>机构健全  责权分明</t>
  </si>
  <si>
    <t>彩票发行的第一步骤就是取得法律依据。美国各州在发行彩票之前一般以州民投票取得共识，随即正式制定法规，明确彩票发行的宗旨，并规范发行的行为准则，以期能建立公平、公正的彩票娱乐大众，并在不增税情况下增加政府财政?</t>
  </si>
  <si>
    <t>沃伦·巴菲特的投资法宝</t>
  </si>
  <si>
    <t>过去一年来，美国股票市场上演高台跳水，股市财富一下减少了将近五万亿美元，相当于美国国内生产总值的一半。虽然投资商们早已欲哭无泪，但华尔街却有一个人气定神闲，他就是美国“股神”沃伦·巴菲特。    “一鸟在手胜?</t>
  </si>
  <si>
    <t>鸟类生存受威胁</t>
  </si>
  <si>
    <t>候鸟随季节变化迁徙，这是自然常识。但近年来，特别是今年，一些候鸟在法国的“隆冬”季节即开始返回，有些甚至根本不再向南迁徙。“春江水暖鸭先知”，一些鸟类保护专家认为，动物对气候的变化比人类更为敏感，鸟类习性的改变就</t>
  </si>
  <si>
    <t>中国经济地位提升</t>
  </si>
  <si>
    <t>本报讯（记者王健平 徐培英）日前在京召开的“中国经济分析与预测2001年春季座谈会”上，德意志银行资深经济师马骏博士分析认为，中国在全球经济中的地位明显提升。    马骏指出，尽管中国受到了亚洲金融危机的影响，在过去的5</t>
  </si>
  <si>
    <t>冰箱新技术走向</t>
  </si>
  <si>
    <t>冰箱行业是个传统行业，但并不是夕阳产业，仍有许多新技术要开发，操作的方便性、功能的多元化以及环保、节能、低噪，都是其主要的发展方向。    1、节能、环保和降噪。节能环保是家用电器的永恒主题。美国、欧洲对新一代的电器</t>
  </si>
  <si>
    <t>西欧在华投资企业的研发与我国创新体制</t>
  </si>
  <si>
    <t>西欧对华投资概况    西欧历来是中国最主要的经济合作伙伴之一，自90年代后期以来，仅欧盟15国每年在华投资项目近1000项，实际投入约40－50亿美元。据欧盟统计署统计，截止1998年底，欧盟对华投资存量为261欧元。中国外经贸部资料（见</t>
  </si>
  <si>
    <t>货币市场新理论</t>
  </si>
  <si>
    <t>自去年1月份，澳元汇率像自由落体一样一落千丈，平均每月下跌1美分多一点，一下子跌了17美分。对于澳大利亚众多的经济学家来说，是尴尬多于惊慌。他们发现，以前的理论不怎么管用了，他们据此作出的种种预测都证明是错误的。西太银行经济学主?</t>
  </si>
  <si>
    <t>日本金融业前景仍不容乐观</t>
  </si>
  <si>
    <t>经过合并与重组的日本三井住友、三菱东京金融以及日本联合金融控股（UFJ）三大金融集团在日本新年度的第一个营业日──4月2日相继重新开业。这样，加上去年秋季成立的瑞穗金融集团在内，日本金融业缓缓拉开了四雄争霸时</t>
  </si>
  <si>
    <t>法律法令齐全  组织机构严密</t>
  </si>
  <si>
    <t>足球彩票是一项涉及大笔资金的活动，必须有严密的制度和认真的监督才能保证正常运转，为此，意大利通过了有关的法律法令，并建立了一整套组织机构，保障了这项活动的公开、公正和公平，多年来一直未发生重大问题。</t>
  </si>
  <si>
    <t>足球彩票振兴意大利体育事业</t>
  </si>
  <si>
    <t>意大利足球彩票诞生于第二次世界大战之后的国家经济困难时期。战后，体育运动的恢复提上日程，当时资金奇缺。在这种情况下，一名从国外归来的意大利记者提出了运用足球彩票的办法。意大利的第一期足球彩票于1946年5月5日</t>
  </si>
  <si>
    <t>地球温室效应增强有确证</t>
  </si>
  <si>
    <t>英国科学家在对两组卫星观测数据进行分析后发现，从20世纪70年代初到90年代末，地球大气中二氧化碳、甲烷等温室气体的含量有所增加，导致地球向外释放的热量减少。    这是科学家首次发现地球温室效应在增强的直接证据。以前人们曾经?</t>
  </si>
  <si>
    <t>英国：农业旅游业遇春寒</t>
  </si>
  <si>
    <t>往年的英伦三岛此时早已大地回春，然而今年，冬季的寒气却迟迟不肯退去。肆虐的口蹄疫令英国的农业和旅游业内外交困，农场里见到的不是风吹草低，牛羊遍地，而是牲畜死尸堆积如山，焚尸火场黑烟处处。    英国经济与商业研究中?</t>
  </si>
  <si>
    <t>关注企业生命周期</t>
  </si>
  <si>
    <t>企业像生物有机体一样，也有一个从生到死、由盛转衰的过程。西方管理学者们90年代以来分别从不同的角度探讨如何延续企业生命，使其成为“长寿公司”的企业生命周期理论，对造就国内生命型企业就有着深刻的现实指导意义。    美国爱迪思研究所创始?</t>
  </si>
  <si>
    <t>我国核电规划凸显市场辐射力</t>
  </si>
  <si>
    <t>本报上海电（记者吴宇）国家“十五”计划纲要中提出“适度发展核电”，近日在上海开幕的第四届国际核电工业展览会上，便出现了数10家海内外知名核电设计、制造、服务厂商云集的红火场面。    新近与英国核燃料公司、ABB公司核电</t>
  </si>
  <si>
    <t>看好中国金融市场</t>
  </si>
  <si>
    <t>本报讯：瑞士信贷第一波士顿近日在北京成功举办第二次中国金融会议。为期一天的会议吸引了来自国际投资界及中国主要金融机构的60多位代表出席，多位来自政府、银行业的专家们和学者在会上就金融领域的体制改革及市场开放问?</t>
  </si>
  <si>
    <t>韩国欲做亚洲航空中心</t>
  </si>
  <si>
    <t>本报汉城专电（记者高浩荣）地处大陆和海洋连接点的韩国决心实现一个世纪梦想──成为连接大陆和海洋的核心通道、亚洲航空的中心枢纽。29日投入使用的仁川国际机场为韩国实现这一梦想打下了一个基础。    仁川国际机场被韩国媒?</t>
  </si>
  <si>
    <t>格力空调巴西造</t>
  </si>
  <si>
    <t>在巴西北部亚马孙森林中的马瑙斯工业区，一栋蓝白两色的巨大厂房显得格外醒目，这就是巴西第一个分体空调生产厂家──格力电器巴西有限公司。今年4月，工厂将正式投产，它将首次在巴西生产出分体式空调。这将是格力公司向南美洲市</t>
  </si>
  <si>
    <t>电弧离子镀膜工艺有突破</t>
  </si>
  <si>
    <t>本报兰州电（记者田恒江）航天科技集团公司第五院五一Ｏ所的科技人员，经过多年刻苦钻研，反复实验，终于攻克电弧离子镀膜工艺及技术，使我国在这一领域达到与美国、俄罗斯等国家同等先进水平，在世界上处于领先地位，并被国际相?</t>
  </si>
  <si>
    <t>制药业与信息技术日益交融</t>
  </si>
  <si>
    <t>本报华盛顿专电（记者吴伟农）美国市场分析家日前在费城举行的国际医药年度会议及展览会上说，医药市场的快速膨胀和业内竞争的日趋激烈对制药商提出了前所未有的要求，制药商为了创造新价值、加快产品开发、提高外购和销售过程的?</t>
  </si>
  <si>
    <t>苏州工业园引资大幅度增长</t>
  </si>
  <si>
    <t>本报讯（记者高露）由我国政府与与新加坡政府合作开发建设的苏州工业园区，自从按照双方协议从今年初对中新双方的股权比例进行调整后，园区继续保持了高速发展的势头，1月份国内生产总值同比增长84．7％，引进外资同比增长98％。$</t>
  </si>
  <si>
    <t>泰国不会再次发生经济危机</t>
  </si>
  <si>
    <t>本报曼谷专电（记者袁莉）受美国股市大幅下跌影响，泰国股市日前跌破了300点大关，泰铢兑美元汇率也跌至44铢兑换1美元。但泰国官方和国际金融界人士一致认为，泰国目前不存在再次发生经济危机的危险。    泰国总理他信·西那瓦?</t>
  </si>
  <si>
    <t>欧洲超市纷纷进军亚洲</t>
  </si>
  <si>
    <t>本报东京专电（记者王大军）欧洲的超市公司愈来愈看好亚洲市场，它们正在这个地区着力巩固已有地盘，并且摩拳擦掌准备开拓新的领地。激烈的竞争将使亚洲流通产业发生大规模的改组。    由于菲律宾对外资流通企业进入本国市场放?</t>
  </si>
  <si>
    <t>曼昆的《宏观经济学》</t>
  </si>
  <si>
    <t>格里高利·曼昆现任哈佛大学经济学教授，教授宏观经济学和经济学原理。曼昆的教科书《宏观经济学》是在国际上最有影响力的中级教科书之一。这本书不仅在美国取得了巨大成功，而且在国际上也名声卓著：它已被翻译成法、德、意、日、葡萄?</t>
  </si>
  <si>
    <t>法国城市垃圾循环处理</t>
  </si>
  <si>
    <t>法国政府正在执行一项新政策，旨在保证法国城市垃圾处理走向法制化、规范化、资源化和合理化。法国地区发展和环境部1999年10月发布的调查报告指出，国内大多数城市和地区已具备贯彻新的垃圾处理政策的条件，全国一半的家庭垃圾从2</t>
  </si>
  <si>
    <t>商号与商标间的“大业”冲突</t>
  </si>
  <si>
    <t>某大业饲料有限公司成立于1994年8月，是经过工商行政管理机关依法核准登记的企业法人。1998年11月5日，该公司打算将“大业”文字作为产品商标申请注册，经向国家工商行政管理局商标局查询，“大业”文字已被日本大永株式会社于1994年10?</t>
  </si>
  <si>
    <t>色彩营销时代来了</t>
  </si>
  <si>
    <t>摩托罗拉手机率先推出彩色机身后，全球手机行业迅速刮起了色彩旋风，彩色手机一下子成为新的热卖点，尤其是随心换彩壳的手机更具吸引力。世界最大的白色家电制造商瑞典伊莱克斯全球电器公司也一改白色的一统天下，推出了一系列彩绘冰箱，给看?</t>
  </si>
  <si>
    <t>库存商品出路可觅</t>
  </si>
  <si>
    <t>新世纪刚刚来临，中国西部便“爆出”一条令当地政府、企业皆感振奋的消息：经过对四川等西部省市的考察了解，由前美国众议院议长沃尔夫先生带领的美国高级商务代表团决定在中国西部采购10亿美元的库存商品。1月 15日，代表团在成都签下?</t>
  </si>
  <si>
    <t>美国发展和调整信息产业的启示</t>
  </si>
  <si>
    <t>近年来，美国的信息技术产业同时经历了反差十分强烈的两个景象：一面是风雨交加，股市暴跌，因特网公司倒闭，网络泡沫破灭、人心惶惶，留下了一批破产的公司和焦头烂额的投资者，但是在这同时，信息技术和信息产业继续出现“惊人的发展?</t>
  </si>
  <si>
    <t>墨西哥：以反倾销保护本国企业</t>
  </si>
  <si>
    <t>墨西哥1986年8月加入关贸总协定后，在经济政策上开放与保护并举，在机构设置和法规上作出相应调整，成功地迎接了入关的挑战。墨西哥大型企业也采取应对之策，在与外国企业的竞争中求得生存和发展。     入关是墨西哥经济开放过?</t>
  </si>
  <si>
    <t>版号：010</t>
  </si>
  <si>
    <t>马来西亚：政府作用依然有效</t>
  </si>
  <si>
    <t>马来西亚自1957年加入关贸总协定（现为世界贸易组织）以来，贸易政策不断根据外部形势而调整，使经济持续不断增长。    马国际贸易和工业部副部长郭洙镇最近在接受记者专访时说，为了应对入世挑战，马来西亚采取的相应措施分两?</t>
  </si>
  <si>
    <t>版号：009</t>
  </si>
  <si>
    <t>版号：011</t>
  </si>
  <si>
    <t>中国软件业也要“走出去”</t>
  </si>
  <si>
    <t>本报讯（记者王小波）“中国的软件业既要重视国内市场，也要大力开拓国际市场。”江苏省人大常委会主任陈焕友代表在接受记者采访时说，“在这一点上，中国可以借鉴印度软件业发展的经验。”    陈焕友代表曾考察过印度的?</t>
  </si>
  <si>
    <t>版号：016</t>
  </si>
  <si>
    <t>版号：014</t>
  </si>
  <si>
    <t>版号：013</t>
  </si>
  <si>
    <t>创新：上海通用汽车之魂</t>
  </si>
  <si>
    <t>这是一个创新的时代，没有创新就没有发展。    作为美国通用公司跨国经营的战略性项目和上海市的“一号工程”，上海通用汽车从一开始，就注定要与“创新”紧紧联系在一起，并写下一连串振奋人心的记录，创造出令人惊叹的“SGM速度”：</t>
  </si>
  <si>
    <t>版号：015</t>
  </si>
  <si>
    <t>版号：021</t>
  </si>
  <si>
    <t>美国制造业下滑接近探底</t>
  </si>
  <si>
    <t>本报纽约专电（记者白卫涛）美国全国采购经理协会1日公布的数据显示，半年来一直下滑的美国制造业活动已经出现探底迹象。    这个行业组织说，2月份美国制造业活动指数从1月份的41．2点回升至41．9点，虽然仍然处于低位，但半年</t>
  </si>
  <si>
    <t>瑞士垃圾处理：回收与焚烧并举</t>
  </si>
  <si>
    <t>日内瓦西郊的舍纳维垃圾处理厂占地面积不大，规模跟中国的乡镇企业相差无几。漆成红白相间的烟囱里飘出的是淡淡的白烟；紧挨着厂房是绿色的罗纳河，蓝天白云下群鸥起舞；河边有树林和空地，是向公众免费开放的野餐和活动场地，每到周末，附</t>
  </si>
  <si>
    <t>新加坡七大教育新举措</t>
  </si>
  <si>
    <t>2000年对于新加坡教育界是不寻常的一年，新加坡政府采取了七项重大举措：    大力增加教育拨款    在未来几年新加坡政府把教育的费用，从2000年占国内生产总值的3．6％（60亿新元，1．73新元合一美元）提升到4．5％（75</t>
  </si>
  <si>
    <t>欧盟“斗牛”路难行</t>
  </si>
  <si>
    <t>去年10月，新一轮疯牛病危机爆发，欧盟殚精竭虑，推出一系列措施，试图遏制疯牛病危机的发展。几个月过去了，危机不仅未见缓解，欧盟养牛业反而在危机中越陷越深；消费者对牛肉更加“敬而远之”。欧盟农业部长会议日前承认，欧盟?</t>
  </si>
  <si>
    <t>21世纪杰出女性越来越多</t>
  </si>
  <si>
    <t>目前，全球共有15名妇女执掌着她们自己国家的政治大权：六位总统，三名总理，三名总督，此外还有欧洲的三位女王作为国家元首在位多年。在统计的190个国家里，145个国家的政府中都有妇女担任部长、副部长等职。如新一届美国政府的21位内阁成员中有五?</t>
  </si>
  <si>
    <t>航天大国的没落</t>
  </si>
  <si>
    <t>俄罗斯航空航天局新闻处今年1月16日宣布，俄罗斯总理卡西亚诺夫已签署“结束和平号空间站工作”的政府命令，和平号空间站将于今年3月6日坠入太平洋水域，为航天事业作出重大贡献、堪称俄罗斯“自豪与骄傲”的太空“巨无霸”</t>
  </si>
  <si>
    <t>青春期提前引起专家忧虑</t>
  </si>
  <si>
    <t>目前，青春期提前是一种全球化趋势。早在1997年的一项对1．7万名女孩的调查发现：高加索女孩的青春期平均提前了一年，为9．7岁；而非洲裔女孩还要早，平均是八岁左右。随之而来的问题已引起专家忧虑，有研究显示：早熟的女孩开始约会和性</t>
  </si>
  <si>
    <t>蘑菇群落可反映土壤污染状况</t>
  </si>
  <si>
    <t>俄罗斯专家经过多年研究发现，蘑菇群落能较准确地反映出废弃石油产品对土壤的污染程度。    据报道，在蘑菇群落分布区，除常见的、个头较大的蘑菇外，还生存着一些只有在显微镜下才能看得见的蘑菇类真菌，它们在当地的微生物世界中占据着数量上的</t>
  </si>
  <si>
    <t>西山煤电展宏图</t>
  </si>
  <si>
    <t>山西西山煤电集团公司是我国最大的冶炼精煤和优质动力煤生产基地之一，产品供应国内各大钢铁企业以及华北、广东、山东电网，部分出口日本、韩国等国家。    2001年1月12日，西山煤电集团公司置换山西省经济建设投资公司全部股权</t>
  </si>
  <si>
    <t>把自然生趣注入城市环境</t>
  </si>
  <si>
    <t>如今，园林绿化已成为加强现代城市基础设施建设的重要组成部分。为了把城市扮靓，许多城市不惜代价争相在园林绿化上大做文章。但是，有些城市在园林绿化建设中盲目模仿和“克隆”西方欧陆园林风格，有些城市盲目追求形式、追求赢?</t>
  </si>
  <si>
    <t>城镇化的模式</t>
  </si>
  <si>
    <t>中东部各地，因地制宜，发展了多种形式的城镇化道路。    农业发展型。这是农村城镇化的一条主要途径。典型的例子是河南省的南街村。该村紧紧围绕着农字做文章，从农产品深加工入手，在发展以方便面为主导产品的乡镇企业的同时，以工?</t>
  </si>
  <si>
    <t>投资巴西正逢其时</t>
  </si>
  <si>
    <t>本报巴西利亚专电（记者杨立民）巴西经济现已进入恢复增长时期，众多跨国公司和国际投资者纷纷到巴西并购企业或投资建厂，抢占市场份额。1999年和2000年，巴西每年吸引外国直接投资300多亿美元。据美国一家投资顾问公司最近对全球</t>
  </si>
  <si>
    <t>从摆地摊到创“国际市场”</t>
  </si>
  <si>
    <t>新疆华凌集团，一个在西部大建设中应运而生的企业，2000年集团和市场创税收超过1亿元。目前，华凌正在哈萨克斯坦新首都阿斯塔纳建造一座规模较大的建材市场。      市场开路      多元发展    华凌集团自1988年创建以来，</t>
  </si>
  <si>
    <t>整顿重组：俄银行业恢复元气</t>
  </si>
  <si>
    <t>德国欲改革金融体制</t>
  </si>
  <si>
    <t>本报柏林专电（记者吕鸿）德国财长艾歇尔日前推出了金融体制改革草案，内容之一为“改革德国金融监管体制”，内容之二为“改革联邦银行体制”，目的是加强德国在全球中的金融地位并为全球金融稳定作贡献。    迄今为止，在德国财政部?</t>
  </si>
  <si>
    <t>在向市场经济转轨的十年间，俄罗斯银行系统走过了一条坎坷发展的道路：转轨之初，金融市场过早开放，商业银行盲目发展，致使问题成堆，1998年在金融危机的打击下银行系统陷于瘫痪；1999－2000年，俄政府采取了一系列措施，使银行?</t>
  </si>
  <si>
    <t>瑞士人活得“保险”</t>
  </si>
  <si>
    <t>本报日内瓦专电（记者严明）据瑞士联邦私人保险局近日公布的最新统计，1999年瑞士173家保险公司的保费收入（再保险部分不计在内）456亿瑞士瑞郎（约合300亿美元），按人头平均，等于每个瑞士人全年买了6344瑞士法郎的商业保险。</t>
  </si>
  <si>
    <t>建立中国的国际品牌</t>
  </si>
  <si>
    <t>中国服装有悠久的历史，大大丰富了具有悠久历史的中国服装文化。近些年来，中国服装产业落后于西方。这是一个不争的现实。探寻落后的原因，仁者见仁，智者见智，但大多是从设计、工艺、技术、设备等“传统”的方面去着眼，不免落入俗套?</t>
  </si>
  <si>
    <t>爱立信转变经营甩“包袱”</t>
  </si>
  <si>
    <t>本报斯德哥尔摩专电（记者吴平）世界手机生产巨头瑞典爱立信公司最近宣布，除了与中国电信部门合资经营的手机生产业务外，该公司所有的手机生产业务将全部实行外包。到今年年底，公司从事手机业务的雇员由去年年底的约1．7万人减?</t>
  </si>
  <si>
    <t>让“市场导向”取代“技术导向”</t>
  </si>
  <si>
    <t>日本的制造技术支撑了日本的“技术立国”，而过分迷信技术，不注重与消费者的沟通，也一直是日本企业的一个通病。当信息时代来临，互动成为时代最大的特征，日本一些企业却还沉迷于原来的制造技术中不能自拔，以致丧失了许多宝贵的发展机会。日本企?</t>
  </si>
  <si>
    <t>营销合资：给上海大众带来了什么</t>
  </si>
  <si>
    <t>桑塔纳的总经销──上海汽车工业销售总公司要与德国大众合资成立销售公司去年曾是业界轰动一时的新闻，因为它是我国汽车流通领域第一家合资企业，因此它的成立在中国即将加入“世贸”的背景下就格外地引人关注。    新成?</t>
  </si>
  <si>
    <t>美国花大钱下大力培训教师</t>
  </si>
  <si>
    <t>目前全美95％的中小学和63％的中小学教室都可以上网。但根据美国教育部门不久前对从幼儿园到高中四年级的3560名教师进行调查发现，其中只有1／5的教师能够熟练地利用电脑教学。在2000年，当时的总统克林顿指出，随着新生入?</t>
  </si>
  <si>
    <t>美国加州严格立法见成效</t>
  </si>
  <si>
    <t>出席2000年全国绿化化学化工会议的专家曾在长沙发出呼吁：面对“垃圾围城”不断加剧的状况，垃圾分类应尽快在全国范围内推行。下面这篇有关美国加州分类处理垃圾的报道或许可给我们一些启发。    在美国扔垃圾是有讲究的，不但不能随便扔，</t>
  </si>
  <si>
    <t>战火停息  东欧经济复苏  发展失衡  南北差距加大</t>
  </si>
  <si>
    <t>历经十年体制转型、法规修改和结构调整后，东欧国家经济目前呈现普遍增长和复苏的态势。据统计， 2000年东欧经济平均增长4％以上，是近十年来增长幅度最大的一年。    岁末年初，东欧一些国家和国际组织相继对去年经济状况作出</t>
  </si>
  <si>
    <t>高招赢得价格战</t>
  </si>
  <si>
    <t>1992年，美国航空公司、西北航空公司、美国联合航空公司等进行了一场如火如荼的机票降价大战。当时选择乘飞机旅行的旅客人数创新高，同时航空公司的亏损也创了新高。据估计，那一年整个行业所遭受的损失超过美国民航业创建以来赢利的总?</t>
  </si>
  <si>
    <t>澳大利亚教育别具一格</t>
  </si>
  <si>
    <t>在澳大利亚，上大学不难，毕业难，读研究生更难。    澳大利亚大学没有入学考试，主要是看学生在高中阶段的平时成绩。达到标准的，只要有大学招收你，你就可以到这所大学读书了。大学教学与中小学完全不同，中小学宽松，大学严?</t>
  </si>
  <si>
    <t>经营个性与企业家精神</t>
  </si>
  <si>
    <t>日本的企业是充满了活力的企业。其重要原因之一便是企业领导人根据自己的决策力，充分发挥了具有独特个性领导能力的结果。企业领导人的“领导能力”，基本上取决于是“管理者型”还是“企业家型”，所谓“管理者型”是在上级给予的工作范围内?</t>
  </si>
  <si>
    <t>中国传统文化与全球化</t>
  </si>
  <si>
    <t>当今世界的全球化如何“化”和向何方向“化”都直接涉及世界上各个国家、各个民族甚至每一个人的前途命运。例如，全球化是统一于单一的西方模式，还是各种文化和文明的相互融合，求同存异？全球化是用军事的、经济的乃至文化的霸权征服?</t>
  </si>
  <si>
    <t>瑞士中小学推广因特网</t>
  </si>
  <si>
    <t>本报日内瓦专电（记者严明）瑞士政府近日决定与企业部门合作，发起一个全国性的因特网教育推广计划，准备在未来数年内给全国所有的中小学和技术学校都配备必要的上网设备，并且加强对教师的网络信息技术培训，使半数以上的教师能?</t>
  </si>
  <si>
    <t>搭建中国社会保障的新平台</t>
  </si>
  <si>
    <t>长期以来，我国社会保障体系建设基本上是按照欧洲社会保险模式去设计与实施的，然后用社会救济制度来“补台”。目前，社会保险制度的门槛过高、自我封闭及其不可持续发展的缺陷越来越明显。实践表明，用社会保险的方式搞社会保障不适合我国的国情。为此，建议以目前尚未被社?</t>
  </si>
  <si>
    <t>中国金融难题及其出路</t>
  </si>
  <si>
    <t>根据最新公布的数字，中国国有银行的坏账与ＧＤＰ比差不多在２６％－２７％。如果加上从银行转到资产管理公司的１４００亿元资产（扣除出售部分，还剩１３００亿元），坏账总额大概占ＧＤＰ的４０％。可以说在银行的坏账方面，中国算是世界上最高的国家之一。我们常常称日本?</t>
  </si>
  <si>
    <t>中非经货共同体经济高速发展</t>
  </si>
  <si>
    <t>据最新一期《青年非洲——智慧》期刊报道，非洲法郎区两大区域性组织——中部非洲国家经济与货币共同体和西非经济货币联盟——的经济发展态势显示，前者发展正逐步赶上，并将会超过后者。    中非经货共同体成员国为６个，即加蓬、中非共和国、乍得、喀麦隆、赤道几内亚和?</t>
  </si>
  <si>
    <t>版号：T00</t>
  </si>
  <si>
    <t>日本汽车业调整亚洲战略</t>
  </si>
  <si>
    <t>日本汽车制造业正积极调整亚洲战略，加强在亚洲特别是中国的直接投资和市场开发，努力建立出口基地，并取得了引人注目的成果。    由于东南亚地区的汽车生产技术和汽车质量不断提高，加上劳动力价格相对便宜，其国际竞争力大大加强。日本汽车生产厂家计划在东南亚建成汽车?</t>
  </si>
  <si>
    <t>打造外包呼叫中心业航母</t>
  </si>
  <si>
    <t>Ｒｏｂｅｒｔ  Ｌｅｅ先生出生于中国台湾省，后到美国留学和创业，有多项重要发明推广应用。成功地兴办了几家高技术公司。他热爱祖国，要以自己的知识、经验和投资报效祖国。１９９８年起他回国投资高科技企业，与邮电国旅集团合资兴办了我国第一家外包式呼叫中心——九五咨?</t>
  </si>
  <si>
    <t>海湾天然气储量丰富</t>
  </si>
  <si>
    <t>本报阿布扎比专电  阿联酋石油和矿产部最新发表的一份研究报告说，海湾６国以及伊朗和伊拉克目前已探明天然气储量超过５２万亿立方米，约占全球总储量的３５％。    按这些国家２０００年产量计算，可持续生产２４５年。按全球目前消费量计算，可供全球使用２１年。    ?</t>
  </si>
  <si>
    <t>举世瞩目的油价走势</t>
  </si>
  <si>
    <t>临近年终岁末，受美国可能发动对伊拉克战争和委内瑞拉石油部门爆发大罢工的影响，国际市场石油价格急剧上涨。今年１２月２３日，纽约商品交易所２００３年２月份交货的原油价格以每桶３１．７５美元收盘，比上年同期上涨６０％，达到两年来的最高水平。市场分析人士预测，石?</t>
  </si>
  <si>
    <t>韩国企业对外投资首选中国</t>
  </si>
  <si>
    <t>本报讯  近日，记者随“中国历史文化名城展市长考察团”赴韩访问时获悉，中韩建交１０年来，中国已成为韩国对外最大的投资国。韩国对华投资也逐渐从东北三省和山东向沿海其他城市和内地扩展。    由于地缘优势，过去韩资企业主要集中在东北三省、山东半岛一带，产业则集中?</t>
  </si>
  <si>
    <t>勃拉姆斯：《第一交响曲》</t>
  </si>
  <si>
    <t>巴赫、贝多芬、勃拉姆斯，这三位大作曲家通常被称为“德国三Ｂ”，因为他们名字的字头都是Ｂ。在这３位当中，贝多芬和勃拉姆斯有着许多相同之处。比如，他们都诞生在地方城镇、在波恩成名、终生独身、嗜酒以及不修边幅、不拘小节；而最值得一提的是，他俩在创作上都十分严谨?</t>
  </si>
  <si>
    <t>法国经济将逐步走出低谷</t>
  </si>
  <si>
    <t>本报巴黎专电  法国全国统计和经济研究所２０日发表的预测显示，法国经济将于２００３年上半年逐步走出低谷。    该机构预计，明年第一季度，法国的国内生产总值将实现０．４％的增长，幅度略高于今年第四季度的０．３％，第二季度的增长率将进一步上升到０．６％。报告对?</t>
  </si>
  <si>
    <t>大众“变脸”</t>
  </si>
  <si>
    <t>当德国大众上个月宣布在华“卖车”时，尽管媒体并没有对这一信息作大篇幅的报道，关注也远不及东风与日产、PSA合作以及一汽与丰田携手那样热情，但是在业内还是引起了很大的反响。    “引进高端产品是对在华生产的产品系列的补充”，</t>
  </si>
  <si>
    <t>上海通用烟台扩张</t>
  </si>
  <si>
    <t>$T相对于一汽与丰田、东风与日产的合作，无论从规模还是从深度来说，上海通用、上汽集团与美国通用三家联手重组山东烟台整车项目都要小许多。但令人关注的是，这次重组的主角是上海通用，一家合资企业充当重组的主角这在中国汽车史上还是第一次，它将开创?</t>
  </si>
  <si>
    <t>中国家电如何走向海外</t>
  </si>
  <si>
    <t>尽管中国家电已经叩响世界大门，但中国家电应如何走向海外仍是一个值得充分讨论的话题。因此，本刊特约驻海外记者对当地市场进行调查，为国内家电企业的海外策略提供参考。$F印度：中国家电须过四关$E今年１１月１４日至２７日，印度首都新德里举行了规模盛?</t>
  </si>
  <si>
    <t>积极参与多边投资框架</t>
  </si>
  <si>
    <t>当前国际投资缺乏一个全球性的游戏规则，对国际投资的国际性协调滞后，建立一个全球性的具有法律约束力的多边投资框架（MFI），成为国际经济政策议程中的核心。积极参加多边投资协议，对我国具有重要的战略利益。    积极参与多边投资</t>
  </si>
  <si>
    <t>藏书要藏到点上</t>
  </si>
  <si>
    <t>私人藏书据史书记载始于春秋战国时期，一代又一代延绵不绝。近现代出版物浩如烟海，值得我们去收藏的只是其中的珍稀品种。    具体说到值得收藏的近现代珍稀书刊，应分出几个门类。    一、名家签名本    签名本书源自西方国家，传入我国尚不足百年。中国书店拍卖会上?</t>
  </si>
  <si>
    <t>欧美圣诞网上零售将逾１７２亿</t>
  </si>
  <si>
    <t>本报洛杉矶专电  据美国高科技市场调查公司福里斯特公司日前公布的一项市场预测，由于欧洲网上零售额快速增长，美国和欧洲网民在今年圣诞购物季节将在网上采购价值超过１７２亿美元的商品。    福里斯特公司说，在今年圣诞购物季节美国网上零售额将达到９５亿美元左右，而?</t>
  </si>
  <si>
    <t>浅谈人才的市场化</t>
  </si>
  <si>
    <t>现在，许多国企大公司都在谈论如何与跨国公司在人才方面进行竞争。越来越多的人懂得，与跨国公司竞争，最根本的就是人才的竞争。因为一切事情都是由人去完成的，有了真正的人才，才能发明创造出新的技术，才能拥有先进的管理，才能取得超过其他人的业绩。    那么，国企如?</t>
  </si>
  <si>
    <t>日本银行惜贷导致高利贷盛行</t>
  </si>
  <si>
    <t>近来，日本金融市场出现了奇怪的现象：一方面大型商业银行所持资金找不到合适的放贷对象，沉淀在手中；另一方面，许多中小企业从银行得不到所需贷款，因而被迫从地下市场借取利率惊人的高利贷。日本金融业出现了银行信贷紧缩与高利贷业火爆并存的局面。    为了刺激经济复?</t>
  </si>
  <si>
    <t>美洲银行  进军墨西哥</t>
  </si>
  <si>
    <t>美国《华尔街日报》消息，美洲银行日前宣布，以１６亿美元收购墨西哥银行Ｓａｎｔａｎｄｅｒ  Ｓｅｒｆｉｎ的２５％的股份。这表明美洲银行将在拉丁美洲银行业市场上与其他美国同行如花旗、富国公司银行集团和其他货币汇兑公司展开竞争。Ｓａｎｔａｎｄｅｒ  Ｓｅｒｆｉｎ是?</t>
  </si>
  <si>
    <t>中外专家盛赞入世一年来中国经济形势</t>
  </si>
  <si>
    <t>本报重庆电  中外专家对加入世贸组织一年的中国经济形势纷纷发表看法，认为中国加入世贸组织后经济运行情况比预期的还好。    在日前结束的世界银行信息年会上，联合国贸发会议发展与贸易效率局代局长李中周说，中国今年经济增长速度达到７．９％，比预计增长速度更快。</t>
  </si>
  <si>
    <t>美国可再生能源消耗锐减</t>
  </si>
  <si>
    <t>本报华盛顿专电  美国能源部最新统计数字显示，美国可再生能源消耗量２００１年比上年锐减１２％，跌到了最近１２年来的最低点，可再生能源在全国能源消耗总量中所占份额目前仅为约６％。    能源部解释说，可再生能源消耗量大幅下跌有客观原因。美国２００１年的干旱导致?</t>
  </si>
  <si>
    <t>巴愿与中国共享信息产业市场</t>
  </si>
  <si>
    <t>在巴基斯坦首都伊斯兰堡市中心的一家“网吧”，１６岁的中学生瓦希姆告诉记者：“我每天都来上网。上网使我了解了伊斯兰世界以外的许多东西，让我结识了全世界的很多朋友。我的一位中国网友还邀请我到中国去玩哩。”    如今，像这样大大小小的“网吧”已遍布这个只有８０?</t>
  </si>
  <si>
    <t>西贝柳斯：《芬兰颂》</t>
  </si>
  <si>
    <t>当格里格在挪威如日中天的时候，同属斯堪第纳维亚北欧山地的芬兰人也迎来了他们民族乐派的第一轮太阳——西贝柳斯。    像德沃夏克一样，约翰·西贝柳斯（１８６５－１９５７）的一生是伴随着争取民族独立的斗争度过的。１９世纪的最后十几年里，芬兰为摆脱沙皇俄国的统治?</t>
  </si>
  <si>
    <t>德国年轻人失业情况严重</t>
  </si>
  <si>
    <t>德国《世界报》报道，德国劳动部门日前呼吁社会对日益严重的年轻人失业情况给予充分重视。据统计，１１月份４７．２万２５岁以下的年轻人失业，同比增长了４．２万人。从地区分布上看，东部地区的年轻人失业问题最为严重。有关部门通过临时援助计划在１１月份解决了３５．７?</t>
  </si>
  <si>
    <t>对外贸易发展的任务和面临的外部环境</t>
  </si>
  <si>
    <t>加入世贸组织，为我国享有和维护一个稳定公平的外部竞争环境提供了一个基本保障。但也不能不看到，我国对外贸易所面临的外部环境还是相当严峻的。世贸组织还允许各成员采取这样那样的措施对贸易进行保护，比较突出的是反倾销、反补贴、保障措施和形形色色的绿色壁垒、技术壁?</t>
  </si>
  <si>
    <t>日本家电业竞相在华设立研发中心</t>
  </si>
  <si>
    <t>本报东京专电  日本索尼、松下电器、日立制作所、先锋等主要家用电器厂家最近纷纷将部分产品的研究开发中心转移到中国，或者决定在中国新设研究开发中心，在中国建立强大的研究开发体系。这表明日本大型家电厂家在华投资已从生产领域过渡到研究开发领域。    为确保高质量?</t>
  </si>
  <si>
    <t>外包式呼叫中心前景广阔</t>
  </si>
  <si>
    <t>兴起自二十世纪六七十年代，如今一跃成为美国第二大服务行业，高投入、低产出，因其劳动密集型的特点而为社会创造大量就业机会，预计在我国今后几年将以２０％以上的速度高速增长……一种产业同时具备了以上几点，它的潜能已经不言而喻，这就是外包式呼叫中心产业。    美?</t>
  </si>
  <si>
    <t>外包呼叫行业的领军者</t>
  </si>
  <si>
    <t>１９９８年，当“呼叫中心”在我国还是一个陌生的名词时，在北美已成立了９万多家这样的中心。就在这一年，美籍华人Ｒｏｂｅｒｔ  Ｌｅｅ先生将专业化的客户服务中心这种全新的商业运作模式引入中国，与邮电国旅集团合资兴办了国内第一家外包式呼叫中心——九五资讯产业有限?</t>
  </si>
  <si>
    <t>中国与欧盟签署海运协定</t>
  </si>
  <si>
    <t>本报布鲁塞尔专电 中国政府与欧盟６日在布鲁塞尔欧盟理事会大厦签署了《中国与欧盟海运协定》，这标志着中国和欧盟海运合作揭开了新的篇章。    中国交通部部长张春贤、欧盟轮值主席国丹麦北欧事务大臣本特·本特森、欧盟委员会副主席兼交通委员洛约拉·德帕拉西奥以及欧盟</t>
  </si>
  <si>
    <t>欧盟汽车营销改革：有人欢喜有人忧</t>
  </si>
  <si>
    <t>欧盟汽车营销体制的全面改革于１０月１日在１５个成员国正式启动。这是欧盟车市的一次重大改革，结束了独家销售体制在欧盟汽车销售业数十年之久的统治地位，拉开了欧盟汽车销售业大变革的序幕。这一旨在打破垄断、引入竞争的改革让成员国广大消费者欢欣鼓舞，但同时也使各大?</t>
  </si>
  <si>
    <t>纺织服装业比较优势不容乐观</t>
  </si>
  <si>
    <t>本报讯  “中国加入世贸组织已届一年，纺织行业在享受自由贸易回归后递减配额好处的同时，也暴露出自身创新能力弱、结构调整慢、生产管理粗放等弱点，产业的比较优势在国际市场上的发挥空间日益萎缩。但无论如何，１至１０月纺织品５０７．１７亿美元的出口额还是令人鼓舞。?</t>
  </si>
  <si>
    <t>新加坡出台工资改革建议</t>
  </si>
  <si>
    <t>本报新加坡专电  新加坡经济检讨委员会工资小组４日公布一份深化工资改革建议书，其目的是使工资制度更具灵活性，结构更富竞争力，以及职工福利具有流动性。    该工作小组建议，扩大工资结构中的可变动部分，加快实行月基本工资中至少２％可变动的工资制度，使普通职员的?</t>
  </si>
  <si>
    <t>我国金融开放程度越来越高</t>
  </si>
  <si>
    <t>本报讯  在４日举行的“中国资本之年”论坛上，中国人民银行行长戴相龙说，加入世贸组织一年以来，中国金融对外开放程度不断提高。    戴相龙说，新近对外资银行开放７个城市，受理４家外资银行在中国开设分行的申请，新批１４家外资银行在国内设立代表处。人民币的经常项?</t>
  </si>
  <si>
    <t>家电产品从模拟走向数码</t>
  </si>
  <si>
    <t>尽管早在几年前数码家电产品就已经开始在许多媒体上大肆宣传，而２００２年显然是家电从模拟走向数码的分水岭。    １１月１１日出版的《商业周刊》，对美国本年度的科技产品做了一个年终的回顾。在谈及美国家庭数字产品时，还提出了“数字家庭”的概念，就是用ＰＣ与其它?</t>
  </si>
  <si>
    <t>印度经济的发展趋势</t>
  </si>
  <si>
    <t>最近几年，印度经济发展良好，与爱尔兰、中国、韩国等国在世界经济低迷形势下成为新的经济亮点，引起人们的关注。    印度虽然是资本主义国家，但是受计划经济的影响，长期以来经济发展缓慢。１９９１年开始了被认为“与１９４７年印度独立一样重要”的经济改革，即走上了?</t>
  </si>
  <si>
    <t>小康社会的重要标准就是共同富裕</t>
  </si>
  <si>
    <t>小康社会的标准不是一个指标，而是多种指标，还包括像技术进步这个指标，就是联合国计划开发署去年提出来的技术成就指标，可持续发展指标等。从现在来看，中国的小康还只是低水平的，不全面、不平衡的。党的十六大报告，对目前小康的判断，还是比较实事求是的，也是符合中国?</t>
  </si>
  <si>
    <t>美国运通拓展中国旅游市场</t>
  </si>
  <si>
    <t>本报讯  美国运通公司和中国国际旅行社总社１２月３日在北京签署合作协议，大力拓展中国日益增长的休闲旅游市场。通过此项联盟协议的签署，美国运通旅游服务网络指定国旅总社作为其在中国休闲旅游唯一的被授权特许经营伙伴，邀请在中国具有相同理念及目标的旅行社加盟这个迅?</t>
  </si>
  <si>
    <t>健全现代市场体系   提高对外开放水平</t>
  </si>
  <si>
    <t>这几年，特别是２００１年我国加入世贸组织后，许多人都看到，我国的市场体系还有不少不完善、不健全的地方。健全统一、开放、竞争、有序的市场体系仍是完善社会主义市场经济体制的一个重要方面。    首先，要以发展要素市场为重点，清除制约市场优化配置资源的各种障碍。?</t>
  </si>
  <si>
    <t>港台经济加快与内地经济融合</t>
  </si>
  <si>
    <t>本报讯  提前出版的１２月９日一期的美国《商业周刊》（亚洲版）发表封面文章认为，在中国加快改革开放，特别是加入世贸组织后所产生的强大吸引力下，内地与港台地区的经济加快相互融合的速度，从而对世界经济产生重大影响。文章在副标题中甚至使用“这个新的超级大国”一词?</t>
  </si>
  <si>
    <t>瑞士私人银行业  面临挑战</t>
  </si>
  <si>
    <t>英国《金融时报》消息，瑞士私人银行的数量在未来几年内可能会急剧下降，这些银行需要大力节省开支，以应付资产管理费用和顾问费用不断下降的趋势，避免被兼并或淘汰的命运。一家美国信用机构的评估报告显示，到目前为止，瑞士私人银行数目为３６９家，较１０年前下降了３８?</t>
  </si>
  <si>
    <t>“看不见的隧道”</t>
  </si>
  <si>
    <t>英国物理学家约瑟夫森1962年预言，存在超导电子对隧道电流，第二年这一预言被实验证实，并被命名为“约瑟夫森效应”；挪威裔美国物理学家加埃沃1957年完成了量子力学隧道效应实验，并于1960年完成了超导体隧道效应实验。约瑟夫森和加埃</t>
  </si>
  <si>
    <t>国外报废汽车回收各有所长（下）</t>
  </si>
  <si>
    <t>$F英国：轮胎发电效果显著$E英国目前登记注册的各类汽车约３０００万辆，每年约有２００万辆旧车报废。过去，汽车拆解厂在收取旧车时要向车主支付５０英镑，两年前受废钢铁价格下跌的影响，车主将报废车送往拆解厂后不仅分文不得，还要交纳一笔处理费用。结果，每?</t>
  </si>
  <si>
    <t>继续调整产业结构和地区结构</t>
  </si>
  <si>
    <t>中央十五计划建议把经济结构的战略性调整作为主线，这是适应新阶段新形势（如经济全球化趋势在曲折中发展、科技进步日新月异、一般商品买方市场格局形成、加入世贸组织）作出的正确选择。调整经济结构，除了上题已论述的调整城乡结构外，主要是推进产业结构优化升级，实施西?</t>
  </si>
  <si>
    <t>荷航看好中国空运市场</t>
  </si>
  <si>
    <t>本报讯  日前在上海举行的国际旅游交易会上，荷兰航空公司以丰富的图片、详尽的资料向观众介绍了荷兰航空公司中国业务的发展。在展会上，专程来沪的荷航大中国区总经理韩蓝霆高兴地对记者说，中国的空运市场发展前景非常好，荷航计划从明年４月起，再增加每周两个到上海的航?</t>
  </si>
  <si>
    <t>国际社会应该管管破烂船</t>
  </si>
  <si>
    <t>悬挂巴哈马旗、装载７．７万吨燃料油的“威望号”油轮本月１９日在西班牙西北部海域断裂沉海的消息震惊了全世界。“威望号”燃油泄漏造成的污染使西班牙损失惨重，而且很快将波及法国和葡萄牙，甚至更远的国家。人们惊讶的是，“威望号”这样一艘破船怎么就能满载着污染危险?</t>
  </si>
  <si>
    <t>刘向东：入世应对开局良好</t>
  </si>
  <si>
    <t>本报讯  外经贸部党组成员刘向东２７日在“中国国际贸易学会２００２年学术年会暨联合征文研讨会”上说，我国加入世界贸易组织后应对开局良好，今后仍需加倍努力。    刘向东说，一年来，我国冷静应对了美国的钢铁保护、欧盟对我动物源食品的限制，日、韩对我蔬菜更加严格?</t>
  </si>
  <si>
    <t>外国中小企业怎么融资</t>
  </si>
  <si>
    <t>筹集资金困难，是中外中小企业在筹建和经营过程中普遍存在的现象。多年来，西方国家通过立法和改革金融、证券市场制度，为中小企业融资创造了便利条件。    政府担保贷款    英法等欧洲国家自８０年代初即采纳了美国的做法，通过立法规定政府可以按照一定程序，为中小企?</t>
  </si>
  <si>
    <t>超导现象的发现和意义</t>
  </si>
  <si>
    <t>最早发现超导现象的是荷兰物理学家卡末林·昂内斯。1911年，超导现象的发现，导致了超导物理学的诞生。由于低温物理学上的重大突破和成功地液化了氦气，昂内斯获得了 1913年的诺贝尔物理学奖，昂内斯是第一个因为超导理论的研究而获此殊</t>
  </si>
  <si>
    <t>创造精彩科技杰作</t>
  </si>
  <si>
    <t>11月  26日，应江泽民主席的邀请，芬兰总统塔里娅·哈洛宁 （TarjaHalonen）前来中国进行国事访问。在随访的代表团成员中，以诺基亚公司首席执行官约玛·奥利拉（Jorma Ollila）为首的7位大企业领导人格外引人注目。     作为全球最大</t>
  </si>
  <si>
    <t>当务之急是解决巨额不良债权</t>
  </si>
  <si>
    <t>“日本整体经济形势虽然已经止跌回稳，但近几个月景气一直在谷底爬行，既没有下跌也没有向上突破。最近的经济环境趋向不明朗，对景气的判断必须更加谨慎。经济前景不容乐观。”日本中央银行行长速水优在日本央行总部接受记者采访时对日?</t>
  </si>
  <si>
    <t>最新原子钟：百亿年不差一分</t>
  </si>
  <si>
    <t>如果在宇宙形成之初就存在新式原子钟的话，那么即使到今天，你仍然可以信赖它──如果按照它所显示的时间去参加重要的午餐约会，保证还是很准时。这就是美国宇航局最新研制出的原子钟所具有的功能──即使世间万物都已被时间侵蚀得面目?</t>
  </si>
  <si>
    <t>日本家庭消费支出增长2.2%</t>
  </si>
  <si>
    <t>据《日本经济新闻》报道，日本总务省发表的“家计调查”表明，今年第三季度日本平均每个家庭的月均消费支出为30．4万日元，扣除物价因素比上年同期增长2．2％，连续两个季度增长。增幅为1996年一季度以来最大。调查显示，今年9月份日本?</t>
  </si>
  <si>
    <t>欧盟恢复进口部分中国海产品</t>
  </si>
  <si>
    <t>本报布鲁塞尔专电 欧盟委员会（欧委会）２０日宣布，欧盟将于近日内恢复进口部分中国动物源海产品。这项解禁决定将经欧委会正式通过后生效。    欧委会表示，欧盟食物链和动物健康常设委员会已通过投票表决支持这项决定。中欧双方就动物源产品的监督检测工作加强了沟通，中</t>
  </si>
  <si>
    <t>核心技术铸造联想新品牌</t>
  </si>
  <si>
    <t>具有国际领先水平的万亿次计算机由联想研制成功、联想自主研发的双模式电脑推出、联想服务器自主技术的突破、联想进军欧洲日本市场……种种事实表明，在以强劲的销售实力成为中国电脑市场的巨无霸之后，联想正从一个国内大众消费品牌向高技术的国际ＩＴ品牌转变，并正在改变?</t>
  </si>
  <si>
    <t>非洲石油引发美国浓厚兴趣</t>
  </si>
  <si>
    <t>非洲在美国的全球利益中一直处于次要地位。２０世纪９０年代，克林顿政府曾大力推进对非洲的贸易与投资，但并不认为非洲具有战略重要性。“９．１１”事件后，非洲地区巨大的石油资源潜力改变了美国的看法。美国将非洲提高到关系国家安全战略的高度。    作为世界八大产油?</t>
  </si>
  <si>
    <t>美国电子商务：从狂热到实在</t>
  </si>
  <si>
    <t>２０００年初刚到美国的时候，我饱受了一番意想不到的电子商务广告轰炸。无论是看电视还是看报纸，你都无法回避．ｃｏｍ的轰炸：从航空公司到旅行社，从饭店到零售商，从飞机制造集团到运动鞋厂家，商家轮番在媒体上公布各自的虚拟空间门牌，争夺网民的在线访问。    那时?</t>
  </si>
  <si>
    <t>以人为本的国外汽车召回</t>
  </si>
  <si>
    <t>$F编者按：$E   $T早在20世纪70年代前后，美国、日本和欧洲各国就实行了汽车召回制度，其立法机构陆续制定了一系列法律法规，授权政府有关行政部门对缺陷汽车进行管理。有关资料显示，美国实行汽车召回制度以来，先后被召回的各种机动车数量已</t>
  </si>
  <si>
    <t>新一代显示技术异彩纷呈</t>
  </si>
  <si>
    <t>据日本东北大学的市场研究人员分析，与２０００年的“纯平年”和２００１年的“液晶年”相比，今年全球彩电显示技术呈现出百花齐放的盛况，同属新一代显示技术的低温多晶硅ＬＴＰＳ、有机发光平面ＯＬＥＤ、等离子ＰＤＰ与薄膜晶体管液晶（ＴＦＴ－ＬＣＤ）等都?</t>
  </si>
  <si>
    <t>世纪初的突围(1)</t>
  </si>
  <si>
    <t>第一场会议    香港中环是香港的金融中心地带，弹丸之地云集了特区政府总部、众终审法院、立法会三大权力机构以及世界各国驻港的领事馆、几千家全球金融机构、跨国公司地区总部。中环的国际金融大楼26层，是美国资本研究公司所在地。?</t>
  </si>
  <si>
    <t>新加坡改进人力资源开发</t>
  </si>
  <si>
    <t>本报新加坡专电  新加坡经济检讨委员会人力资源小组１１日在这里公布了人力资源开发的建议报告书，就知识经济时代如何满足对知识型劳动力的需求提出多项建议。    报告书建议改进新加坡的高等教育，大学扩大招收本科生，提高研究生的比例，将大学招生率从目前的１６．９％?</t>
  </si>
  <si>
    <t>新ＣＥＯ模式与未来挑战</t>
  </si>
  <si>
    <t>在近日举行的第三届“世界知识论坛”大会上，来自世界各国诸多企业的ＣＥＯ和经济学者就未来ＣＥＯ的成功模式进行了专题讨论。ＣＥＯ的确切定义、其个性与在企业中扮演的角色、韩国如何更好地利用ＣＥＯ发展本国经济，成为专题讨论的３个热点。    美国ＴＡＯ能源公司的创?</t>
  </si>
  <si>
    <t>用新的投资分享快速增长的中国汽车市场</t>
  </si>
  <si>
    <t>１１月４日的上海，晴空万里，秋风和煦。前来上海出席上海市市长国际企业家咨询会议的美国通用汽车公司总裁兼首席执行官瓦格纳在浦东香格里拉饭店接受了几家中国媒体的专访。    作为一家年产８００万辆汽车，营业额１７７３亿美元，全球排名第一的跨国汽车公司总裁，今年?</t>
  </si>
  <si>
    <t>日商看好宁夏投资环境</t>
  </si>
  <si>
    <t>本报讯  日本国际贸易促进协会理事长中田庆雄日前率领日本促进西部开发与日中合作代表团赴宁夏参加了日本·宁夏西部开发经济合作研讨会。日方人士对参与中国的西部大开发，发展同宁夏经贸关系表现出很大兴趣。    宁夏方面对这次研讨会十分重视，向客人详尽介绍了宁夏经济?</t>
  </si>
  <si>
    <t>民营企业亟待规范和扶持</t>
  </si>
  <si>
    <t>２０多年来，民营企业经过长期摸索，生产规模和发展空间日益壮大，尤其是沿海地区民营企业异军突起。目前，经营规模已从家庭作坊到劳动密集型甚至向高科技领域发展，所从事的行业由服务行业发展到集产品的产、供、销于一体的工贸结合，经营区域也由国内转向国外。当然任何事?</t>
  </si>
  <si>
    <t>有感于日本科学家获诺贝尔奖</t>
  </si>
  <si>
    <t>瑞典皇家科学院从今年１０月初起陆续公布本年度各项诺贝尔奖的得主。令人注目的是日本科学家小柴吕俊与两位美国科学家同获物理学奖；田中耕一与美国、瑞士两位科学家同获化学奖。日本在连续三年内获得了４个诺贝尔奖。如果从１９４９年汤川秀树获得日本第一个诺贝尔奖以来，?</t>
  </si>
  <si>
    <t>非常浙商</t>
  </si>
  <si>
    <t>有两个与浙江民营经济有关的排行榜令人瞩目。一是美国《福布斯》杂志公布的２００１年度“中国大陆百名富豪”名单，其中浙江人独占１４席，居各省市之首；二是国家工商联公布的２００１年度“中国十大民营企业”，浙江竟分割了半壁江山，而且有４家跻身前五位。    另外与?</t>
  </si>
  <si>
    <t>日本着手研究中药服用量化标准</t>
  </si>
  <si>
    <t>本报讯  日本富山医药大学和日本津村公司最近根据实验得出的数据，开始制定中药服用量化标准，以使中药和西药一样可以按时定量服用。    据悉，研究人员对一些患者进行的调查结果表明，疾病种类不同，血液中发生变化的蛋白质种类也不同，而病情程度的不同同样也会导致特定?</t>
  </si>
  <si>
    <t>人、自然与科技的和谐</t>
  </si>
  <si>
    <t>随着浦东新区的建设与发展，南浦大桥、上海明珠电视塔、金茂大厦、上海科技馆等一批标志性建筑已成为沪上旅游的新景点。如果说登临亚洲第一的东方明珠塔，一股雄浑与豪迈油然而生的话，那么游览上海科技馆，则会令人感到人、自然与科技?</t>
  </si>
  <si>
    <t>马里转口贸易将转向几内亚</t>
  </si>
  <si>
    <t>本报阿比让专电  为避免科特迪瓦内乱对马里经济造成的严重影响，马里当局打算将其转口贸易从阿比让海港转向几内亚的科纳克里海港。    这是近日对几内亚进行访问的马里总统杜尔同几内亚总统孔戴会晤的主要议题之一。    马里是西非地区的一个内陆国家，同布基纳法索和尼?</t>
  </si>
  <si>
    <t>匈牙利积极吸引中国投资</t>
  </si>
  <si>
    <t>本报讯匈牙利经济和交通部政治国务秘书加博尔日前在在京举办的匈牙利投资环境会上介绍说匈牙利将于２００４年加入欧盟，届时，在其境内投资的中国企业的产品也能进入欧盟市场。    据介绍中国历来是匈牙利的重要经贸伙伴，２００２年１月至９月，中匈双边贸易额达到?</t>
  </si>
  <si>
    <t>韩国企业对华投资进入高峰期</t>
  </si>
  <si>
    <t>本报汉城专电  今年以来，韩国企业大力进军中国市场的势头不减，对中国的投资额呈不断增加之势。韩国《每日经济》报称，韩国企业对中国的投资“正进入一个高峰期”。    据韩国贸易投资振兴公社最近的统计，截止到８月底，韩国已经批准的对华投资达到９．７亿美元，比去年?</t>
  </si>
  <si>
    <t>电力改革能否打破垄断</t>
  </si>
  <si>
    <t>初春３月，北京。正在召开的全国“两会”传出两则备受媒体关注的新闻：一是全国人大代表提交的“一号议案”——反垄断议案。其中明确提出：“电力、电信、金融、铁路、煤气、自来水等行业无不被垄断，市场不公，百姓受害，行业垄断的弊端日益突出。”二是电力改革。一位美国?</t>
  </si>
  <si>
    <t>关注“非贸易关注”</t>
  </si>
  <si>
    <t>非贸易关注是ＷＴＯ新一轮农业谈判的重要议题，是农产品贸易国之间争论和分歧的一个焦点。作为世界贸易组织的成员，我国将在ＷＴＯ的框架内履行义务，承担责任，并行使权利，我国势必要在多边贸易谈判中更多地体现发展中国家的利益。因此，正确认识农业的非贸易关注问题，有?</t>
  </si>
  <si>
    <t>院线制谁的奶酪</t>
  </si>
  <si>
    <t>《蜘蛛侠》在杭州两条院线上映的第一天，浙江星光电影院线旗下的西湖电影院里举行了我国首次电影产品拍卖活动。    虽然“蜘蛛侠”滑板、Ｒｅｅｂｏｋ球鞋、“蜘蛛衣”及美国原版制作的绝版明信片这四件“无价之宝”在颇为冷清的现场以极低的价格被出售，不过作为一种电影?</t>
  </si>
  <si>
    <t>后电影产品在我国萌芽</t>
  </si>
  <si>
    <t>对于电影艺术来说，“超人”这样使电影生命得以延续的后电影产品，好莱坞星光大道这样的电影延伸物，几乎已经跟电影本身融为一体。    在美国，电影工业总收益的３０％来自银幕营销，７０％来自于电影后期产品开发。《泰坦尼克》全球票房收入是７亿元，而它的电影后产品包?</t>
  </si>
  <si>
    <t>著名企业ＣＥＯ论道京城</t>
  </si>
  <si>
    <t>在北京金秋１０月的微风细雨中，“２００２年全球工商领导人论坛暨《商业周刊》第六届ＣＥＯ年会”落下了帷幕。此次主题为“２１世纪企业新构思：变革、发展与责任的平衡”的全球性论坛引起了国际企业界的高度关注，吸引了美国３Ｃｏｍ公司、ＡＴ＆Ｔ、美国普华永道咨询公司?</t>
  </si>
  <si>
    <t>德沃夏克：《新大陆交响曲》</t>
  </si>
  <si>
    <t>捷克人民具有非凡的音乐才能，所以自古以来捷克就被誉为“欧洲的音乐学校”。捷克在国土面积上虽是东欧的一个小国，但在音乐上却是仅次于德、奥的“大国”。    出生于波西米亚的安东尼·德沃夏克（１８４１－１９０４），被捷克人民奉为最高荣誉的大作曲家，他是浪漫主义?</t>
  </si>
  <si>
    <t>控辩对手成了生意伙伴</t>
  </si>
  <si>
    <t>河北省一家化工产品进出口公司，在与美国一企业做生意时遭遇对方退货。河北公司拿起法律武器，把美国企业推上国际仲裁庭，最终不仅赢了官司，还赢得美方企业的尊重。近日美企业派出海外市场部部长专程飞抵中国，与河北公司续谈合作事宜。    美方公司无端退货起纷争    ?</t>
  </si>
  <si>
    <t>泉州再造“海上丝路”</t>
  </si>
  <si>
    <t>泉州位于东海之滨，与台湾隔海相望。这里山海奇会，景色如画。绵延的戴云山脉、奔腾的晋江水、曲折的海岸线、宽阔的泉州冲积平原，形成了泉州山海兼备的地理优势，气候温暖湿润，是东南旅游胜地。著名的戴云山、九仙山、清源山、紫帽山层峦叠嶂，娇娆多姿，为历代文人墨客登?</t>
  </si>
  <si>
    <t>中旅频频并购 谋求国内上市</t>
  </si>
  <si>
    <t>国内旅行社三巨头之一的中旅集团中国旅行社总社，不久前完成了对中旅系统１３家地方中国旅行社的控股重组和改制，还收购了国外的瑞典中国旅行社。中旅集团总经理刘家骧日前表示，经过此次大规模购并，中旅初步形成了以北京为中心、资本为纽带、辐射全国的新型旅行社网络。今?</t>
  </si>
  <si>
    <t>中国成为最受欢迎的高科技投资地</t>
  </si>
  <si>
    <t>本报讯  在世界高科技行业不景气的背景下中国的科技产业却能依然保持活力吸引了越来越多的目光。美国《商业周刊》１０月２８日（提前出版）一期发表封面文章说，中国的高科技产业几年前在世界同行的眼中还只是一个玩笑，但现在，谁也不敢忽视中国在半导体行业的竞争能力?</t>
  </si>
  <si>
    <t>在国外贷款购车很方便</t>
  </si>
  <si>
    <t>汽车信贷是国际上十分普通的营销方式，是汽车消费市场中的主角。有关资料显示，世界范围内７０％的私用车是贷款购买的。在美国，贷款购车的比例是８０％，德国７０％，而在中国，这个数字只有１１％。    从１９９８年１０月起，我国开始允许商业银行开展汽车消费信贷业务?</t>
  </si>
  <si>
    <t>中日经贸优势互补</t>
  </si>
  <si>
    <t>本报东京专电  日本财务省财务综合政策研究所最近就中日经贸关系的现状和发展趋势发表的一份内部研究报告认为，中日两国的经济贸易关系属于互补性质，日本制造业向海外转移是产业结构调整所致，不能“归罪”于中国经济高速发展。    这份研究报告认为，认真分析贸易数据，?</t>
  </si>
  <si>
    <t>节能与卫生：日本冰箱市场新卖点</t>
  </si>
  <si>
    <t>２０世纪７０年代，日本的电冰箱普及率就高达９９％。目前，日本平均每个家庭拥有１．２台冰箱。尽管日本电冰箱市场早已处于饱和状态，但由于节能和环保技术的进步以及冰箱功能的增加、外观设计的改进，消费者对电冰箱更新换代的热情不减。    记者最近采访了日本主管电冰?</t>
  </si>
  <si>
    <t>中美经贸乘风破浪大发展</t>
  </si>
  <si>
    <t>中美建交２０多年来，无论两国政治关系出现风风雨雨，还是美国经济增速放慢甚至发生衰退，中美经贸关系持续发展。    去年美国经济发生衰退，年增长率从２０００年的３．８％降为１．２％。世界贸易量下降１．５％，出现２０年来的首次负增长，以美元计算的世界商品贸易额?</t>
  </si>
  <si>
    <t>海宁皮革业:破了欧盟壁垒却栽在"技工荒"上</t>
  </si>
  <si>
    <t>本报讯  成功突破欧盟偶氮“壁垒”的“皮衣之都”——浙江省海宁县，却因车工紧缺，不得不忍痛放弃到手的国际定单，每天损失至少百万美金。    来自海宁职业介绍所的统计数字显示，目前的皮衣车工缺口近２０００人。海宁职业介绍所人士说，最严重的时候１２个岗位等着一个?</t>
  </si>
  <si>
    <t>韩国：小游戏做大文章</t>
  </si>
  <si>
    <t>市场分析家预测，以电子游戏为基础的电子娱乐产业不久将超过音乐行业。对此，韩国有关部门已经确定，把电子游戏产业作为21世纪的核心产业，不仅把它培养成重要的出口行业，而且要借小小电子游戏向全世界推销韩国文化。    韩国?</t>
  </si>
  <si>
    <t>电脑游戏产业“玩”出财富</t>
  </si>
  <si>
    <t>“玩”也有无限商机    游戏是人类的天性。    电脑游戏产业经过２０年的发展，已经成为与影视、音乐等并驾齐驱的全球最重要的娱乐产业之一，该行业全球年销售额超过好莱坞电影业的全年收入。据权威调查机构美国互动软件协会（ＩＤＳＡ）统计，今年全球电玩游戏主机产值?</t>
  </si>
  <si>
    <t>亚太航空市场增长夺冠</t>
  </si>
  <si>
    <t>本报讯  大部分美国与欧洲民航公司第三季度财务报表显示，他们仍未走出亏损减员的困境。然而亚洲却是另一番景象，据美国《航空及太空科技周刊》报道，今年前８个月，亚洲各主要机场的营运量都有５％至１０％的平均增长率，作为民航业后起之秀的众多亚洲航空公司业绩蒸蒸日上?</t>
  </si>
  <si>
    <t>德要求欧盟灵活控制财政赤字</t>
  </si>
  <si>
    <t>本报柏林专电（记者戎昌海）据德国《明镜》周刊报道，德国外长菲舍尔表示，欧盟在要求成员国控制财政赤字方面应表现出更大的灵活性，以支持经济复苏。    为了确保欧元稳定，欧盟于1997年通过了《稳定与增长公约》，要求成员国将年度?</t>
  </si>
  <si>
    <t>“地质学的一次革命”</t>
  </si>
  <si>
    <t>古生物学家和自然地理学家都认为，大多数当今为辽阔海洋所分隔的大陆，在古代必然有陆地通道（“陆桥”）。由于“陆桥”说维护了正统的大陆固定说，所以得到广泛的承认。    大陆犬牙交错、相互对应的情况早在１７世纪已引起科学家们的注意，英国哲学家培根在１６２０年就?</t>
  </si>
  <si>
    <t>１０＋１"：云桂能否先行？</t>
  </si>
  <si>
    <t>日前出席西南六省区市七方第１８次经济协调会的一些代表建议，在云南和广西建立中国－东盟自由贸易区实验区，参照世界上其他自由贸易区的通行做法率先运作，为最终全面建成贸易自由区奠定基础。    ２００１年１１月，中国与东盟提出了在１０年内建立自由贸易区（“１０＋?</t>
  </si>
  <si>
    <t>社保基金入市备受关注</t>
  </si>
  <si>
    <t>近期，我国社保基金管理人申请已提交完毕，社保基金入市的鼓声也越敲越响。但与此同时，美国社保基金却因股市低迷遭受了巨大的损失。由此社保基金进入股票市场的风险问题再次成为全社会关注的焦点。    社保基金资本构成需调整    据全国社保基金发布的２００１年年报显?</t>
  </si>
  <si>
    <t>中国汽车市场“韩流”来了</t>
  </si>
  <si>
    <t>韩国现代汽车当家人郑梦九曾经说过：“如果不能在中国市场获得成功，现代公司进入世界汽车五强的目标就不可能实现。”在中国汽车业界一轮又一轮的兼并重组后，韩国人终于耐不住寂寞了，对他们来说，冲锋的时候到了。        中国娱乐业先是日本偶像人气一路飙升，接着就?</t>
  </si>
  <si>
    <t>国家财政将加大环保投入</t>
  </si>
  <si>
    <t>本报讯  财政部部长项怀诚１７日说，中国财政将进一步增加对生态建设、环境保护的资金投入，强化财政政策对环境保护和可持续发展的引导作用。    项怀诚在“全球环境基金与中国环境保护”研讨会上发言时说，中国是１９９２年联合国环境与发展大会以后率先制定和实施可持续?</t>
  </si>
  <si>
    <t>郑百文公司案件开庭审理</t>
  </si>
  <si>
    <t>本报讯  １０月１７日上午，郑州市中级人民法院公开审理了郑州百文股份有限公司（以下简称“郑百文公司”）提供虚假财会报告一案。法庭将择日宣判。    郑百文公司原董事长、法人代表李福乾、公司总经理兼家电分公司经理卢一德、财务处主任都群福到庭接受审理。郑州市人民?</t>
  </si>
  <si>
    <t>北京现代汽车有限公司开业</t>
  </si>
  <si>
    <t>本报讯 我国加入ＷＴＯ后批准的第一个汽车生产领域的合资项目－－北京现代汽车有限公司将于１０月１８日上午在北京市顺义区挂牌开业。    据了解，该公司由北京汽车投资有限公司和韩国现代汽车公司共同组建，注册资本１８亿元人民币，中韩双方各５０％股本，合资期３０年。</t>
  </si>
  <si>
    <t>美国：能效标准一严再严</t>
  </si>
  <si>
    <t>冰箱是家用电器中最大的一只“电老虎”，这在美国也不例外。据统计，冰箱的耗电量平均占到美国家庭总耗电量的９％至２５％左右，超过任何其它家用电器，而最新的数字表明，美国家庭的冰箱普及率已接近１００％，因此降低冰箱能耗带来的效益是可想而知的。考虑到能源供应和环?</t>
  </si>
  <si>
    <t>泰国：节能促进基金高达４亿美元</t>
  </si>
  <si>
    <t>在终年气候炎热的泰国，冰箱早已成为千家万户必不可少的家居用品，而泰国的冰箱环保和节能运动也捷足先登，是目前亚洲在实施冰箱节能标准与标识方面比较成功的几个国家之一。泰国人在推广冰箱环保和节能方面采取的是政府积极引导与企业主动配合的非强制方式，成效显著。</t>
  </si>
  <si>
    <t>美国的纳米技术研究与开发重点</t>
  </si>
  <si>
    <t>据专家预测，纳米技术、信息技术和生物技术将成为２１世纪社会经济发展的三大支柱，因而受到世界各国的高度重视。目前，美国、日本和欧洲是纳米技术研究领域的领头羊，三者的水平旗鼓相当。为了赢得在纳米科技领域的绝对优势，美国政府采取了一系列重要举措。    一、制订?</t>
  </si>
  <si>
    <t>国外政府如何推进物流发展</t>
  </si>
  <si>
    <t>对于发展物流业，各国政府都介入，差别在于介入的程度不同而已。纵观各国政府的作为，主要集中于以下几个方面：    纳入经济发展总体战略目标之中，或制定物流规划，或制定物流发展产业政策。    １９９１年，美国为适应全球经济一体化的需求，使美国在全球竞争中立于不?</t>
  </si>
  <si>
    <t>美日经贸关系的微妙变化</t>
  </si>
  <si>
    <t>上世纪９０年代，美国和日本的贸易战还是颇为引人关注的问题，特别是为汽车及其零部件的贸易纠纷，两家打得难解难分。然而这一切现在看来好像已没了踪影，美日经贸关系发生了微妙变化。    据有关专家分析，目前美国政府对美日经贸关系的兴趣已经减弱，两国的合作更多地是?</t>
  </si>
  <si>
    <t>外来有害生物威胁我国生态建设</t>
  </si>
  <si>
    <t>本报讯（记者 刘铮）小到肉眼无法辨别的松材线虫从北美入侵我国后，造成3500多万株松树枯死；随交通工具侵入的美国白蛾，爆发时几乎吃光当地所有绿色植物叶片。外来有害生物入侵正威胁着我国林业发展和生态建设。    国家林业局副局长</t>
  </si>
  <si>
    <t>器官移植技术的发展和应用</t>
  </si>
  <si>
    <t>美国医学家默里于１９５９年完成了世界首例非同卵孪生子之间的肾移植手术；２０世纪６０年代末，美国医学家托马斯完成了多例白血病患者的骨髓移植。他们采用放射疗法和化学疗法有效地克服了病人移植手术后出现的异体排斥反应，为器官和组织细胞移植的成功奠定了基础。他们于?</t>
  </si>
  <si>
    <t>带内同频技术将遍及美国</t>
  </si>
  <si>
    <t>本报华盛顿专电  美国联邦电信委员会１０日宣布，批准将“带内同频技术”作为美国地面数字音频广播的传输标准。这一决定为美国数字音频广播的普及正式打开了绿灯。    联邦电信委员会称，全美各调幅和调频广播电台可以在自愿的基础上，马上开始采用带内同频系统进行由模拟?</t>
  </si>
  <si>
    <t>心理经济学和实验经济学的先驱人物</t>
  </si>
  <si>
    <t>对于所有致力于经济学研究的学者来讲，诺贝尔经济学奖无疑是对其工作成就的最高认可。１０月８日，２００２年度的诺贝尔经济学奖在世人的瞩目中揭晓，获奖者为来自美国普林斯顿大学的丹尼尔·卡尼曼教授和来自美国乔治·梅森大学的弗农·史密斯教授，他们分别是心理经济学和?</t>
  </si>
  <si>
    <t>大众要继续占据中国轿车“半壁江山”</t>
  </si>
  <si>
    <t>作为最早进入中国汽车市场的跨国公司，德国大众今年以来遇到了前所未有的挑战。随着丰田、日产等跨国企业的进入，中国市场上德国大众的霸主地位能继续保持吗？大众在中国的战略会有哪些调整？带着这些人们关心的问题，９月２７日上午，在巴黎国际车展大众汽车新闻记者接待室?</t>
  </si>
  <si>
    <t>日本企业面临诚信危机</t>
  </si>
  <si>
    <t>日本大阪地方法院８日以做假帐坑蒙投资者的罪名判处福特瓦克公司原总经理大桥渡有期徒刑２年，伙同大桥造假的注册会计师松川利一被判处有期徒刑１年。福特瓦克公司在过去的３年中共虚报利润４２４亿日元，把一个濒临倒闭的企业粉饰成一个盈利企业，坑害了许多投资者。    ?</t>
  </si>
  <si>
    <t>美国证交会存在制度性失误</t>
  </si>
  <si>
    <t>本报讯  美国参议院政府事务委员会１０月７日公布的报告认为，美国证券交易委员会（ＳＥＣ）在监管安然公司过程中，存在“制度上的，灾难性的失误”。    这份长达１２７页的报告严厉批评了证交会没有察觉安然公司的可疑商业活动的错误。例如，证交会没有仔细审查安然１９?</t>
  </si>
  <si>
    <t>《索克斯法案》补漏股票期权约束机制</t>
  </si>
  <si>
    <t>已经在美国生效的《索克斯法案》，显著特点是针对上市公司管理层新增了许多相当严厉的法律规定。尽管谈论法案实施的效果还言之过早，但从该法案所涉及关于会计和公司治理的一揽子改革方案来看，它可能是从１９３３年美国证券法通过以来对证券法律制度调整最大的法案之一。</t>
  </si>
  <si>
    <t>日本对华投资新特点</t>
  </si>
  <si>
    <t>中国正以巨大市场潜力吸引着外国投资。日本企业从去年开始又形成一轮新的对华直接投资潮。据统计，去年日本企业对华投资额达到４５．８亿美元，比上一年增加６０％，创历史最高纪录。今年上半年，投资合同额又比上年同期增加７．１％，达到３１．４５８７亿美元，合同实行额?</t>
  </si>
  <si>
    <t>英国牛肉出口现转机</t>
  </si>
  <si>
    <t>最近的两件事，使得因疯牛病而遭重大损失的英国农民松了一口气。一是法国食品安全机构认为英国的牛肉已经没有了疯牛病危险，宣布赞成解除对英国牛肉的进口禁令；二是去年口蹄疫发生后再次遭禁的英国牛肉又穿越英吉利海峡首先运往荷兰。    ９月２０日，法国食品安全机构总?</t>
  </si>
  <si>
    <t>珠宝首饰成为第三大消费热点</t>
  </si>
  <si>
    <t>随着经济的持续增长和百姓消费能力的提高，珠宝首饰正成为继住房、汽车之后中国百姓的第三大消费热点。而中国加入世贸组织、关税的下调、贸易的自由化以及中国珠宝首饰市场与国际的接轨，将有力地促进中国在2010年成为全球首饰加工和消?</t>
  </si>
  <si>
    <t>节能住宅：三方受益引人关注</t>
  </si>
  <si>
    <t>在我国，房地产开发一直是人们关注的热门领域，而最近热起来的节能住宅更引人注目。今年４月份，河南省首家节能住宅小区“嘉和园”在郑州诞生，当地有关领导亲自到现场授牌；６月份，我国第一个按欧洲发达国家居住标准设计的节能住宅“锋尚国际公寓”，打出“告别空调暖气时?</t>
  </si>
  <si>
    <t>中国企业有望追收国外欠款</t>
  </si>
  <si>
    <t>本报讯  记者从有关方面获悉，９月２８日，我国信用行业最大的信用管理公司——中国诚信证券评估有限公司，与世界最大的信用管理公司——美国邓白氏商帐管理公司（ＲＭＳ  ＨＫ）达成合作协议，这意味着我国加入ＷＴＯ之后中国信用管理机构与国际著名信用管理机构在商帐管理?</t>
  </si>
  <si>
    <t>血型的发现与安全输血</t>
  </si>
  <si>
    <t>奥地利裔美国病理学家兰斯坦纳于１９００年发现人类血型。血型的发现，奠定了临床输血术和现代外科学的基础，为安全输血提供了保障。    卡尔·兰斯坦纳于１８６８年６月１４日出生在奥地利维也纳。兰斯坦纳的父亲是维也纳一位著名的新闻记者，他在兰斯坦纳６岁时去世。是?</t>
  </si>
  <si>
    <t>世界传媒巨头面临困境</t>
  </si>
  <si>
    <t>本报讯  在全球经济不景气的阴影下，排名世界传媒集团前３位的美国在线时代华纳、美国沃特·迪斯尼和法国威望迪环球集团都面临着前所未有的困境。    美国有线电视新闻网（ＣＮＮ）和美国广播公司（ＡＢＣ）都是美国新闻界的超级巨头，人们难以想像，这两家媒体的合并将给?</t>
  </si>
  <si>
    <t>暗流难阻中日经贸合作潮</t>
  </si>
  <si>
    <t>中日邦交正常化３０年来，特别是中国改革开放后，两国的经济贸易合作取得了很大发展，已经成为稳定两国关系的重要基础。    统计显示，２００１年，中日贸易总额达到了创记录的８８０多亿美元（日本方面的统计为８９４亿美元），比关系正常化前１９７２年的１１亿美元增加?</t>
  </si>
  <si>
    <t>建设集团推出全新沙滩车</t>
  </si>
  <si>
    <t>本报讯  依靠百年军工沉淀聚集的一流技术，建设集团瞄准西欧、北美市场，大胆打破摩托车的传统设计思路，广泛借鉴汽车领域的相关技术，成功地将摩托车由两轮改为四轮，最近隆重推出了拥有自主知识产权的大排量沙滩车——建设ＪＳ２５０ＡＴＶ。    ＡＴＶ是全地形车英文名?</t>
  </si>
  <si>
    <t>３Ｇ遭遇成长的烦恼</t>
  </si>
  <si>
    <t>经过近两年的预热，曾被寄予厚望的３Ｇ没能如期带给人们新的惊喜，世界范围内有关３Ｇ的喧闹开始调低了音量。日前，在一个有关３Ｇ话题的研讨会上，业内外专家认为，像３Ｇ在世界许多国家面临的境遇一样，在中国真正实现３Ｇ服务起码还要两三年时间，中国的３Ｇ正走在一个十?</t>
  </si>
  <si>
    <t>十年友邦中国路</t>
  </si>
  <si>
    <t>本报上海电 对于雄踞在上海外滩的美国友邦保险上海分公司来说，９月２５日是个特别的日子。１０年前的这一天，友邦重返６０年前的出生地上海，成为首家在中国开业的外资保险公司。    作为友邦上海分公司的首任总经理，徐正广在上海待了９年多的时间。今年７月，徐正广由于</t>
  </si>
  <si>
    <t>戴尔财务业务两面受挫</t>
  </si>
  <si>
    <t>本报讯  ９月２３日，经营网络业务的美国３Ｃｏｍ公司宣布，与戴尔电脑中止转售协议，原因是戴尔已经开始经营自己的网络业务。这已经是３个月以来第３家宣布与戴尔脱离关系的大型ＩＴ企业。与此同时，《纽约时报》刊登专栏文章，提醒读者注意戴尔日益恶化的财务状况。    ?</t>
  </si>
  <si>
    <t>中国信息化建设仍需努力</t>
  </si>
  <si>
    <t>尽管中国的信息化建设成就有目共睹，但与国际水平相比，还有不少差距。最新发布的《２００２全球信息技术报告》对７５个国家和地区的信息化水平进行了评价，中国排名第６４位，不仅低于发达国家，而且在发展中国家中也明显偏低。    这份报告由世界经济论坛与美国哈佛大学?</t>
  </si>
  <si>
    <t>美国ＣＥＯ“好日子”到头了</t>
  </si>
  <si>
    <t>上个世纪９０年代后期，美国经济蓬勃发展，优秀的管理人员成为大公司猎取的目标，各公司都为ＣＥＯ们提供了丰厚的薪金待遇，而这些管理精英们也毫不客气。现今，大公司一个接一个地垮台，人们很自然地将怨气集中在那些年薪７位数以上的ＣＥＯ身上。    ＴＹＣＯ前国际总裁?</t>
  </si>
  <si>
    <t>美国财政赤字突破２０００亿美元</t>
  </si>
  <si>
    <t>本报华盛顿专电 美国财政部２０日公布的报告显示，２００２年财政年度前１１个月，美国政府的财政赤字已经突破２０００亿美元。这与上一财年同期的９１８亿美元财政盈余形成鲜明的对照。    报告说，将于９月３０日结束的２００２财年的头１１个月，美国政府的财政总收入为</t>
  </si>
  <si>
    <t>我对日韩ＭＤＩ进行反倾销调查</t>
  </si>
  <si>
    <t>本报讯  外经贸部９月２０日发布了２００２年第３５号公告，决定自即日起对原产于日本、韩国的进口ＭＤＩ进行反倾销立案调查。    本案涉及的ＭＤＩ为一种化工产品，包括纯ＭＤＩ和聚合ＭＤＩ，化学名称为二苯基甲烷二异氰酸酯和多亚甲基多苯基异氰酸酯，中华人民共和国海?</t>
  </si>
  <si>
    <t>我国已成为旅游大国</t>
  </si>
  <si>
    <t>本报讯 世界旅游组织日前发布的２００１年世界旅游统计数字公报表明，２００１年，我国国际旅游收入首次超过德国和英国，从排名世界第７位升至第５位。    ２００１年，我国旅游业发展呈现良好的发展态势。国家旅游局的统计表明，全年旅游业总收入达４９９５亿元，比上年增</t>
  </si>
  <si>
    <t>２１世纪初世界科技发展动向</t>
  </si>
  <si>
    <t>信息化技术突飞猛进    世界信息化技术在美国１９９３年实施“信息高速公路”战略以后获得突飞猛进的发展。特别是因特网技术、移动电话（手机）和卫星定位系统等技术的使用使全球性的信息化进程大大加速了。不仅是美、日、欧各工业发达国家，就连韩国、新加坡、印度等发展?</t>
  </si>
  <si>
    <t>软件联盟没能一“联”就“活”</t>
  </si>
  <si>
    <t>日前，记者获悉中软总公司以软件企业联盟为后盾，正在参与一家美国公司的项目竞标，竞争对手是来自印度、爱尔兰等软件产业发达的国家。该项目的投入将达到２０００多万美元，时间跨度长达３至５年，如果中标，它将是国内软件企业承接的最大项目。但就连中软内部人士承认，此?</t>
  </si>
  <si>
    <t>世界顶级品牌看好中国眼镜市场</t>
  </si>
  <si>
    <t>本报讯  记者从第１５届国际眼境展览会组委会获悉，法国的艾伦米加利、意大利的ＣＫ、杜嘉班纳、德国的保时捷、美国宝利徕等世界顶尖品牌眼镜公司，首次齐聚京城：国内外２００多个名牌的眼境产品，１７个国家和地区和６００多个眼境制造商，将同台亮相。    由中国眼镜协?</t>
  </si>
  <si>
    <t>美国的另类服务公司</t>
  </si>
  <si>
    <t>美国现在一些职业可谓炙手可热，有心的中国人不妨研究研究，从而发现一些有价值的东西，以便在创业时予以参考：    寻根服务公司  专门为个人寻找自己的祖籍，也为公司企业查找其父辈或祖父辈经营该公司或企业的方方面面。    礼品篮零售店  在美国送“礼品篮”算是大礼?</t>
  </si>
  <si>
    <t>德国企业看好北京奥运商机</t>
  </si>
  <si>
    <t>本报柏林专电  随着北京２００８年奥运会筹建步伐的加快，巨大的奥运商机越来越引起德国企业界的关注。在德国南部内卡地区工商协会１３日组织的一次北京２００８年奥运会情况座谈会上，德国企业界纷纷表示了对北京举办２００８年奥运会的浓厚兴趣，并表示希望更多了解有关经?</t>
  </si>
  <si>
    <t>打开史前古埃及大门</t>
  </si>
  <si>
    <t>“不论是谁骚扰了法老的安宁，死神之翼将在它头上降临。”这是刻在世界上最大的埃及胡夫金字塔上的一段铭文。作为人类历史上最伟大和最不可思议的巨石建筑，埃及金字塔留给世人太多的诡异、不解和种种幻想，仿佛一个巨大的历史“黑洞”不断地发出触摸史前古埃及脉搏跳动的请?</t>
  </si>
  <si>
    <t>人类暴力行为与基因有关</t>
  </si>
  <si>
    <t>为什么一些童年遭到虐待的人更具暴力倾向？为什么男性比女性更容易犯罪？科学家认为这些可能与人脑一种基因的变异有关。最新一期的《科学》杂志称，人类的暴力行为可能归结于一种基因的变异。    伦敦国王学院和美国威斯康星大学的专家们进行了长达２６年的跟踪研究，发现?</t>
  </si>
  <si>
    <t>本田的中国摩托车市场新攻略</t>
  </si>
  <si>
    <t>加入ＷＴＯ后，中国摩托车产业面临的市场环境和政策环境都发生了变化，国外摩托车企业纷纷调整自己在中国的市场战略，作为世界摩托车业界的“大哥大”，本田在市场战略上的转变受到业界的普遍关注——        作为世界摩托车产业的头号劲旅，日本本田在市场上的一举一动?</t>
  </si>
  <si>
    <t>通用：新思路打造新汽车</t>
  </si>
  <si>
    <t>圣芭芭拉是美国加州一个西班牙风格的小城，轻柔的海风终年吹拂，阳光充足，树木葱茏。８月中旬，通用汽车的高层和来自世界各国７０位有影响的汽车记者聚集在这里，参加２００２通用汽车公司全球产品研讨会。    到达的当晚，在园林别墅式的ＢＡＣＡＲＡ酒店的草坪上主人举?</t>
  </si>
  <si>
    <t>国外家电流行趋势</t>
  </si>
  <si>
    <t>随着信息技术的日新月异，数字化、网络化以及对环保的高标准要求，引领着世界家电发展的新潮流，家电产品正日益摆脱传统意义上的简单功能，成为改变人们生活方式的一种力量。目前，在美国、日本、韩国和德国等科学技术领先的国家，家用电器开始全方位服务于人们的日常起居的?</t>
  </si>
  <si>
    <t>香港有望成为亚洲邮轮枢纽</t>
  </si>
  <si>
    <t>本报香港专电  香港旅游发展局日前发表的一项顾问研究报告指出，未来１０年，亚太地区一般邮轮旅客将大幅度增长，香港将有条件发展成为亚洲主要邮轮枢纽。    这项研究是受香港旅游发展局委托进行的。研究显示：全球邮轮旅客在２００５年将高达１３６０万人次，亚洲太平洋?</t>
  </si>
  <si>
    <t>ＬＧ三星：“垄断”韩国家电业</t>
  </si>
  <si>
    <t>韩国电子产品的国产化率很高，从洗衣机、电冰箱、吸尘器到电脑显示器、光驱、风迷世界的ＭＰ３播放机，还有手机、电话座机，几乎都是本土品牌的天下，其中ＬＧ与三星电子涉足了所有电子产品领域，品牌知名度家喻户晓。    亚洲金融危机后，韩国政府与企业认识到单纯依赖出?</t>
  </si>
  <si>
    <t>“９·１１”事件重创美国部分行业</t>
  </si>
  <si>
    <t>去年美国发生的“９·１１”恐怖事件令当时本已陷入衰退的美国经济雪上加霜。秋去秋又来，一年后的美国经济渐显复苏迹象。然而对安全问题比较敏感的旅游、航空业以及保险等行业来说，“９·１１”事件依旧给它们留下严重的创伤。    恐怖袭击事件发生后，旅游业始终被安全?</t>
  </si>
  <si>
    <t>当科学家就得淡泊金钱</t>
  </si>
  <si>
    <t>２００２年５月１８日至２４日，参加在北京举行的中国第二届全国科技活动周的外宾中，有位来自太平洋彼岸的客人——美国著名科学家格林加德。格林加德在接受新华社记者专访时说：从事科研需要献身精神，如果仅从全球角度看，在美国华尔街工作的商人挣的钱远比美国一些著名科?</t>
  </si>
  <si>
    <t>英国管制机构变化的启示</t>
  </si>
  <si>
    <t>目前，英国通信行业的各个领域受下列五个机构管制：独立电视委员会（ＩＴＣ）、广播标准委员会（ＢＳＣ）、Ｏｆｔｅｌ、无线管制局和无线通信局。为适应新的发展趋势，为通信行业发展提供更有效管制，２０００年１２月，英国贸工部和文化、媒体、运动部联合发布了面向２１世?</t>
  </si>
  <si>
    <t>欢迎中国制造业企业到德国投资</t>
  </si>
  <si>
    <t>今年是中德建交３０周年。记者日前专访了德国工商总会北京、上海代表处首席代表，中国德国商会总经理葛礼慕博士。他表示，中德经贸关系经过３０年来的快速、健康发展，取得了重大进步。随着中国成功加入世贸组织，中国企业尤其是制造类工业企业现在完全可以走出去，到德国投?</t>
  </si>
  <si>
    <t>从数字看变化</t>
  </si>
  <si>
    <t>延边朝鲜族自治州50年来，变化是多方面的，记者从延边州统计局获得的和全国30个少数民族自治州对比资料表明：    延边州是全国教育程度最高的地区之一    延边朝鲜族自治州享有“教育之乡”的美誉。全州形成了从幼儿教育到高等教育</t>
  </si>
  <si>
    <t>诚信对保险业发展至关重要</t>
  </si>
  <si>
    <t>本报讯  保险监督管理委员会主席马永伟近日在湖北、重庆工作调研时说，我国保险业正处于一个关键的转折时期，诚信服务对保险业发展至关重要。各保险公司必须树立诚信意识、开展诚信服务和公平竞争，促进保险业健康发展。    马永伟指出，我国加入世贸组织后，随着外国保险?</t>
  </si>
  <si>
    <t>ＩＭＦ为何迟迟不援助阿根廷</t>
  </si>
  <si>
    <t>国际货币基金组织发言人托马斯·道森２９日在华盛顿宣布，该组织将在下周研究向巴西提供３００亿美元应急贷款的问题，但同时表示该组织目前还不能与阿根廷签署任何协议。    ８月中旬，阿根廷经济部长拉瓦尼亚曾向国际货币基金组织递交了一项名为意向书的经济方案，希望该?</t>
  </si>
  <si>
    <t>人格障碍特性可随时间改变</t>
  </si>
  <si>
    <t>研究人员一直认为，与人格障碍有关的特性会长期保持相对稳定。但一项新的研究表明，事实并非如此。经过对人格障碍患者的长期追踪，研究人员发现，那些过度焦虑或偏执者症状可能逐渐加重，而那些不与人来往或反复无常者症状可能减轻。    英国帝国大学医学院的泰勒说，此前?</t>
  </si>
  <si>
    <t>跨越三十年的握手</t>
  </si>
  <si>
    <t>８月２８日夜，北京。    长安街上灯火通明，汽车川流不息。    站在北京饭店１８层会客大厅里，望着窗外生机勃勃的北京，日本丰田汽车公司副社长白水宏典心潮澎湃，心情久久不能平静。    １９７２年，也正是在这座楼里，他与一汽集团洽谈合作，帮助一汽引进丰田生产?</t>
  </si>
  <si>
    <t>一汽与丰田将进行战略合作</t>
  </si>
  <si>
    <t>本报讯  正如人们预料，一汽重组天汽为丰田买到了“新船票”。一汽集团总经理竺延风与日本丰田公司社长张富士夫２８日晚在接受本报记者采访时透露，２９日上午１０点，双方将在人民大会堂正式签署双方战略合作的框架协议。    据一汽集团总经理竺延风介绍，一汽此次与丰田?</t>
  </si>
  <si>
    <t>股票期权弊端不少</t>
  </si>
  <si>
    <t>近一两年来，在我国国企改革和建立现代企业管理制度的探讨和实践中，为了最大限度调动管理人员的积极性，不少人提出要借鉴西方发达国家对公司高级管理人员给予股票期权的办法。据我所知，目前在一些国企和上市公司中，已经开始对管理层实行股票期权的奖励制度。这样做的原意?</t>
  </si>
  <si>
    <t>咖啡危机——全球可持续发展问题的缩影</t>
  </si>
  <si>
    <t>埃尔帕里索，一个盛产咖啡豆的墨西哥村庄。每到收获季节，这里到处都是忙碌而快乐的身影。但那只是咖啡危机发生之前的记忆。当咖啡豆的价格已经降到１００年来最低点的时候，许多农民不得不放弃沿袭了几代人的生活方式，甚至割舍深爱的土地，远走他乡谋生。    正值世界可?</t>
  </si>
  <si>
    <t>六亿元损失为什么没有压垮我们</t>
  </si>
  <si>
    <t>2000年11月15日，国家药品监督管理局规定，凡是含有PPA产品的药物，都要暂停生产、销售和使用。我们的产品康泰克含有PPA的成分，这个药占我们公司6亿元左右的销售，通告一出来，这6亿元一转眼就丢掉，而中美史克当时最高时候的销?</t>
  </si>
  <si>
    <t>中国动画产业门户洞开</t>
  </si>
  <si>
    <t>中国动画片：有望成为一个产业    一向只在艺术殿堂驻足的动画片，如今有望成为一个新产业，并给经营者带来丰厚的利润。    据不完全统计，中国一年的动画市场就将达到２００亿元人民币。正式基于这种原因，今年９月中旬，来自中国、美国、日本、韩国以及欧洲等国的卡通?</t>
  </si>
  <si>
    <t>美三家航空公司实行营销合作</t>
  </si>
  <si>
    <t>本报华盛顿专电  在航空市场形势严峻的情况下，美国第三大航空公司德尔塔航空公司日前宣布同大陆航空公司和西北航空公司达成营销合作协定，以联手对付其他航空公司的竞争。    根据这项协定，３家公司将协调航班计划，互相出售３家公司的机票，以赢得很多的乘客，但每家公?</t>
  </si>
  <si>
    <t>验证“光量子说”和发现宇宙射线</t>
  </si>
  <si>
    <t>密立根于１８６８年３月２２日出生在美国伊利诺伊州莫里森。１８９１年密立根毕业于奥伯林学院，１８９５年在哥伦比亚大学获得博士学位。１９１０年晋升为芝加哥大学教授。密立根的研究生弗莱彻接受了一项要求改进测定电荷的方法的任务。第一个测定是１８９７年英国剑桥做的?</t>
  </si>
  <si>
    <t>韩国上半年经济增长６％</t>
  </si>
  <si>
    <t>本报汉城专电  韩国中央银行韩国银行２２日发表的统计显示，今年韩国经济发展情况良好，上半年经济增长率达到６％。    韩国银行经济统计局局长赵成钟当天说，上半年韩国经济在生产和出口方面出现了均衡的增长，下半年这一势头仍将保持下去。    拉动韩国经济发展的主要?</t>
  </si>
  <si>
    <t>油价波动对美国经济影响有限</t>
  </si>
  <si>
    <t>纽约商品交易所９月份交货的原油价格已连续９个交易日上涨，并于２０日突破３０美元大关，达到１５个月来的最高点。油价急剧上涨通常会对经济产生消极影响。但分析家认为，目前油价变化对美国经济的影响有限。    纽约市场原油价格自８日以来已上涨了１３％。这主要是因为?</t>
  </si>
  <si>
    <t>债务——拉美动荡之源</t>
  </si>
  <si>
    <t>２０世纪８０年代是拉美“失去的１０年”。拉美国家推行私有化和新自由主义改革，经济得以恢复和发展。但是，好景不长，从２０世纪９０年代中期起，拉美国家的金融和经济危机一波未平一波又起。债务问题已成为拉美动荡之源。    ２０世纪５０、６０年代，在利率较低情况下?</t>
  </si>
  <si>
    <t>制造业升级带动资本市场发展</t>
  </si>
  <si>
    <t>本报讯  法国巴黎百富勤公司董事总经理黄灌球日前在接受香港媒体采访时表示，目前中国制造业的升级，将带动内地经济发展和香港资本市场的活跃。    黄灌球表示，中国制造业的发展已成为近期证券界讨论的焦点。法国巴黎百富勤早就进行过深入研究，发表了题为《中国，崛起的?</t>
  </si>
  <si>
    <t>中国的野生动植物资源及保护状况</t>
  </si>
  <si>
    <t>野生动植物资源是指一切对人类有益的野生动植物的总和。 中国是世界上生物多样性最丰富的国家之一，野生动植物资源十分丰富。据不完全统计，仅高等植物就有３万余种，约占世界高等植物总数的１０．５％，仅次于马来西亚和巴西，居世界第三位。中国还是世界８个作物起源中心</t>
  </si>
  <si>
    <t>知识产权扼住中国摩托车发展的咽喉</t>
  </si>
  <si>
    <t>今年以来，中日摩托车企业间知识产权的纠纷一波未平、一波又起，两国民间行业组织和政府管理部门之间关于知识产权的沟通接连不断。与此同时，日本摩托车企业在国际市场上大打专利战，我国摩托车出口遭遇严重滑坡，以有“摩托车之都”之?</t>
  </si>
  <si>
    <t>只做价值链中最有价值的事</t>
  </si>
  <si>
    <t>１９５７年，朱家良出生于中国台湾南部屏东县。１９８６年，他从中国台湾移民美国，代理销售一家台湾厂商的键盘。１９９０年，朱家良正式独资创立了美商优派集团，同时创立了独特的品牌行销策略，在１０年间使美商优派集团成为全球最大的显示器跨国集团。        在众多?</t>
  </si>
  <si>
    <t>埃及改造金字塔景区旅游设施</t>
  </si>
  <si>
    <t>本报开罗专电  埃及最高文物委员会秘书长扎希·哈瓦斯日前在这里宣布，为了完善开罗西南郊吉萨金字塔景区的旅游设施，加强对这个景区的管理，埃及文化部将于明年初对那里的旅游设施实施改造，工程预算约１０００多万美元。    哈瓦斯在记者招待会上说，吉萨高地的金字塔群?</t>
  </si>
  <si>
    <t>日元贷款为中国经济锦上添花</t>
  </si>
  <si>
    <t>本报讯  从财政部了解到，日本政府对华贷款在我国经济建设中正发挥着积极的作用。截至２００２年７月底，日本政府累计向我国承诺提供日元贷款２８２９２亿日元，安排建设１８６个项目，我国实际使用日本政府贷款约１９０００亿日元，约９０个项目已建成投产。    目前，中?</t>
  </si>
  <si>
    <t>南美金融危机的警示</t>
  </si>
  <si>
    <t>南美的金融危机正在蔓延。金融风暴中心阿根廷处于孤立无援的境地，南美第一大国巴西正在紧急呼救，素有“南美瑞士”之称的乌拉圭被金融风暴席卷后留下一片狼籍。    阿根廷的金融危机始于去年底。危机爆发后，政府宣布暂停偿还外债，冻结储户银行帐户，美元存款比索化等措?</t>
  </si>
  <si>
    <t>从１２８号公路到硅谷</t>
  </si>
  <si>
    <t>１２８号公路地区和硅谷科技园区素以开发高新技术产品而著称于世，创造过无数奇迹，对美国高技术和新经济发展起着火车头作用，因而被誉为“未来战略产业的摇篮”。    所谓１２８号公路地区泛指波士顿纽约地区（或称大波士顿地区），是美国最早和极其重要的高技术中心。第?</t>
  </si>
  <si>
    <t>丰田何以长盛不衰</t>
  </si>
  <si>
    <t>日本丰田汽车公司不断进取，在经济低迷、大企业多数亏损的情况下，去年实现利润达到１万亿日元。记者日前参观了丰田公司，对丰田的“秘诀”深有感触。用前董事长丰田章一郎的话说，丰田的“秘诀”就是“顾客第一主义”、“领先潮流研究和创造”。    “顾客第一主义”主要?</t>
  </si>
  <si>
    <t>上海地铁激活商业经济圈</t>
  </si>
  <si>
    <t>2002年7月27日，上海地铁莘庄站广场大楼迎来了华联吉买盛的进驻，这是上海商业连锁经营史上第一个在地铁车站设立的大型综合超市，几经沉浮的上海“地铁经济”又一次出现了复苏的景象。     三大商圈风光初现      上海在规划?</t>
  </si>
  <si>
    <t>日本、欧盟、美国与印尼的汽车贸易争端</t>
  </si>
  <si>
    <t>$T国际汽车争端典型案例（一）$E    $F编者按：$E   $T 近十几年来，有关汽车产业保护措施的国际争端案件多有发生，这些案件均以GATT和 WTO规则为基础进行审理，并加以解决。我国汽车产业在 WTO框架下也有可能遇到类似问题。本刊特约有关专家撰文?</t>
  </si>
  <si>
    <t>日本银行存款“大逃亡”</t>
  </si>
  <si>
    <t>本报东京专电  最近，日本金融机构出现存款“大逃亡”现象。无论是企事业单位存款，还是居民个人存款，都由定期的逃向活期、存在中小银行或地方银行的逃向大型金融集团、存入日资银行的逃向外资银行。据日本中央银行的统计，截至今年５月底，日本１０００万日元以上的定期存?</t>
  </si>
  <si>
    <t>南美金融动荡波及墨西哥</t>
  </si>
  <si>
    <t>阿根廷去年底爆发的金融危机已蔓延至巴西、乌拉圭等周边国家，人们担心的“多米诺骨牌”效应正逐步显现。作为拉美地区的另一个大国，墨西哥的经济是否也会受到严重影响已成为人们关注和议论的焦点。    墨西哥最近两年的经济增长速度本来就不乐观，不过其主要原因是来自美?</t>
  </si>
  <si>
    <t>外国对美直接投资剧减</t>
  </si>
  <si>
    <t>本报讯  据美国媒体报道，在上个世纪９０年代对美国经济繁荣发挥重要作用的海外投资者，目前提高了对美国经济前景的戒心。这将大大减弱美国经济复苏的力度。    据美国商务部最近公布的数据，去年外资几乎没有收购美公司，美国获得的海外直接投资，从２０００年创纪录的３?</t>
  </si>
  <si>
    <t>豪华轮旅游发展势头猛</t>
  </si>
  <si>
    <t>本报斯德哥尔摩专电（记者吴平）据瑞典《每日工业报》报道，国际豪华游轮旅游业近几年来一直保持了强劲的增长势头，并将在 2005年之前有更大的发展。    根据瑞典航运界提供的数字，国际豪华游轮旅游业的营业额近5年来一直以 10</t>
  </si>
  <si>
    <t>印度软件业的成功之路</t>
  </si>
  <si>
    <t>印度计算机软件业取得今天举世瞩目的成就主要得力于政府的鼎立支持和优惠政策。早在20世纪80年代中期，当时的印度总理拉吉夫·甘地就提出了“要用电子革命把印度带入21世纪”的口号，大力扶持计算机和软件产业。80年代后期，印度政府根?</t>
  </si>
  <si>
    <t>信贷消费：未来中国汽车消费的主流</t>
  </si>
  <si>
    <t>中国汽车信贷消费出现三种模式    汽车信贷消费在中国是从1998年亚洲金融危机后，国家采取拉动内需的政策后才大力开展的业务。目前，中国汽车信贷消费占贷款规模的比例只有1％，截至2001年底，国内金融机构的个人汽车贷款余额为</t>
  </si>
  <si>
    <t>信用卡消费风行韩国</t>
  </si>
  <si>
    <t>有一份统计显示， 至今年3月底， 韩国发行的各种信用卡达到了8933万张。 这等于每个韩国人的钱包里都有3至4张信用卡。 上下班坐公交车有公交车卡， 需用现金有银行卡，去健身房锻炼有休闲卡……持有多张信用卡的人在韩国被称为“卡</t>
  </si>
  <si>
    <t>中国离“世界工厂”还有多远</t>
  </si>
  <si>
    <t>差距是明显的    统计表明，改革开放以来，中国制造业增长是全球最快的。其中，1985年－1990年的工业生产指数上升了1．86倍，1991－1996年中国的工业生产指数又上升了3．75倍，而世界上其他的制造业大国如美国、日本的增长相对较低，?</t>
  </si>
  <si>
    <t>对“美国模式”的反思</t>
  </si>
  <si>
    <t>近年间，“美国式资本主义（U．S－style  Capitalism）”，或曰“美国模式（U．SModel）”一词频频出现在西方媒体，特别是美国的财经类媒体上。上世纪末，当亚洲新兴经济作陷入危机，日本经济10年低迷，欧洲经济长期不振，而美国新经济?</t>
  </si>
  <si>
    <t>外资“变脸”：我要独资</t>
  </si>
  <si>
    <t>据记者观察，眼下外资已不大满足于单纯以合资的形式与中方合作了，他们更乐于以独资或控股的形式在中国投资。    有专家指出，由于目前中国已经成功加入世贸组织，贸易壁垒不断降低，引资政策不断优化完善。而大多数在华外资企业也基?</t>
  </si>
  <si>
    <t>中国软件业将与印度并驾齐驱</t>
  </si>
  <si>
    <t>本报讯（记者丛亚平）市场权威研究机构加特纳公司最新发表的研究报告指出，中国内地在软件服务方面的收益到2006年将与全球领先的印度并驾齐驱。届时，两地软件服务方面的收益均会超过270亿美元。    加特纳公司表示，中国入世将成为</t>
  </si>
  <si>
    <t>信任危机导致日本股市暴跌</t>
  </si>
  <si>
    <t>近来，日本股市的各类股指不断大幅下挫。26日，东京证券交易所日经股指在上两个交易日大幅下挫的基础上再跌338．88点，以9591．03点报收，一度逼近今年2月创下的9420点的18年最低记录。    一般认为，股市是经济的晴雨表，它及?</t>
  </si>
  <si>
    <t>日本企业调整运输方式减少废气排放</t>
  </si>
  <si>
    <t>本报讯：现在不少日本企业调整物资运输方式，减少公路运输，增加铁路和海洋运输，努力降低导致温室效应的二氧化碳排放量，以提高环境质量。    据悉，运送同等数量的物品，轮船所排放出的二氧化碳只有飞机的1／30，铁路运输只有公路运</t>
  </si>
  <si>
    <t>芬兰高中学校无班级</t>
  </si>
  <si>
    <t>在最近两年全球权威的国际竞争力及创新能力评比中，地处北欧的小国芬兰一直名列前茅。之所以如此，重要原因之一就是政府历来重视教育，并以此提高全民整体素质。自20世纪60年代，芬兰开始大力普及九年制义务基础教育，并实行高中和高等?</t>
  </si>
  <si>
    <t>日本制造业企业向中国转移</t>
  </si>
  <si>
    <t>本报东京专电（记者王大军）据此间经济大报《日本经济新闻》报道，日本制造业企业最近纷纷从东南亚向中国转移，其理由主要是中国的生产成本低，市场有潜力。      从去年以来，日本企业总共关闭或者缩小了在泰国、马来西亚、新加坡、?</t>
  </si>
  <si>
    <t>展会须加强服务意识</t>
  </si>
  <si>
    <t>科龙和长虹作为两家国内外知名的家电企业，都参加过很多中外家电展，对于展会都有自己的独到的见解。    科龙近几年参加的国内展会有广交会、深交会、中国顺德国际家用电器博览会、北京中国国际家电展等；国际展会有柏林家用博?</t>
  </si>
  <si>
    <t>英国航展显示国际航空制造业竞争加剧</t>
  </si>
  <si>
    <t>本报法恩伯勒专电（记者张振安）两年一度的英国法恩伯勒航空展目前正在位于伦敦西南的法恩伯勒镇隆重举行，来自世界40多个国家和地区的1000多家与航空有关的企业参展。但“9·11”恐怖袭击事件的阴影仍明显笼罩此次航展，各大飞机制造公</t>
  </si>
  <si>
    <t>全球股灾对中国股市影响没多大</t>
  </si>
  <si>
    <t>受大公司财务丑闻影响，全球股市正在经受严冬，美国股市四年多头行情成了黄梁一梦，不但击溃了9·11的低位，而且重新回到了1998年的底部区域。英国股市也在五年来的低位苦苦挣扎，以科技股为代表的纳斯达克指数已逼近  1300点的牛市起点</t>
  </si>
  <si>
    <t>韩国确定近期经济政策</t>
  </si>
  <si>
    <t>本报汉城专电（记者高浩荣）韩国政府24 日决定基本保持目前的宏观经济政策，但在形势恶化时将作必要的调整。    韩国的这一决定是在当天在这里召开的经济长官座谈会上针对美国股市暴跌和美元疲软等外部经济形势的变化作出的。</t>
  </si>
  <si>
    <t>美国关于公司破产的法律规定</t>
  </si>
  <si>
    <t>美国公司在不能如期偿还债务时，可以依照《破产法》的第7章申请破产，或依照《破产法》第11章申请破产保护。    如果依据《破产法》第7章申请破产，公司立即完全停业。由破产财产托管人拍卖公司资产，所得资金用来偿还公司债务。清偿?</t>
  </si>
  <si>
    <t>重庆大力开发越南市场</t>
  </si>
  <si>
    <t>本报河内专电（记者张加祥）近年来，重庆市重视开发越南市场，促进同越南的贸易交流与经济合作，取得了显著效果。    重庆市把越南看成是海外开发的重点市场，并且希望通过越南辐射到东南亚市场。重庆与越南的经济互补性很强，?</t>
  </si>
  <si>
    <t>服务业创新是篇大文章</t>
  </si>
  <si>
    <t>在最近公布的《财富》全球500强企业排行榜上，美国连锁业巨头沃尔玛雄居榜首，标志服务性企业首次“登顶”；同时，500强里的服务性企业普遍表现良好，远胜于亏损严重的电子、通信类企业。这个现象，很值得我们关注。    曾几何时，以?</t>
  </si>
  <si>
    <t>五国反垄断法对我国的启示</t>
  </si>
  <si>
    <t>去年9月至今年5月，国家经贸委有关部门先后对俄罗斯、芬兰、瑞典、澳大利亚、新西兰等国的反垄断立法进行了考察。考察团与五国的有关政府部门、专业机构、企业进行了交流和会谈，广泛了解了五国的反垄断立法基本情况、法律内容、执法体?</t>
  </si>
  <si>
    <t>中美信用制度建设比较</t>
  </si>
  <si>
    <t>中国与美国信用制度比较，目前有四方面不同之处。   对信用概念内涵的理解不同    在美国，信用是作为商品在市场上大量生产、大量销售的，把与信用有关的信息加工成信用产品，卖给需求者，使正面信用积累成为扩大信用交易的动力，</t>
  </si>
  <si>
    <t>美国政府积极引导信用需求</t>
  </si>
  <si>
    <t>美国政府重视对信用产品特别是评级结果的运用，为信用服务业的发展创造良好的市场环境。特别是金融监管机构和州政府，越来越多地利用评级结果，作为确保银行、保险公司及养老基金，能使其所持固定收入或证券组合维持在足够信用水平上的?</t>
  </si>
  <si>
    <t>美国存在的信用问题</t>
  </si>
  <si>
    <t>在考察中，我们发现美国的信用体系和信用管理仍然存在不少问题。    盗用身份欺诈的犯罪行为十分猖獗    美国至今还没有全国统一的身份证号码，信用局要花大量时间进行信息匹配。美国公民虽然有可以证明身份的有社会保障安全?</t>
  </si>
  <si>
    <t>韩国确定世界杯后经济发展对策</t>
  </si>
  <si>
    <t>本报汉城专电（记者张利）据韩国联合通讯社报道，韩国总统金大中 16 日主持召开“后世界杯综合对策报告会”，确定了韩国世界杯后的经济发展综合对策。    根据这项对策，韩国政府将对经济特区内外国企业实行税务优惠政策，同时改善外?</t>
  </si>
  <si>
    <t>将投资大陆提升到创新层面</t>
  </si>
  <si>
    <t>新华社台北电（记者程瑛 范丽青）从最初被大陆制造成本低廉所吸引，到希望占据大陆与国际市场之间的节点，台湾高利被企业投资大陆的步伐始终在前行。今天，更多高科技业者及学者呼吁，以创新思维引领台商“西进”，把投资大陆提升到产业</t>
  </si>
  <si>
    <t>拍卖发展的四大趋势</t>
  </si>
  <si>
    <t>在2002年拍卖理论南昌研讨会上，中国拍卖行业协会秘书长姚广海对加入世贸组织后我国拍卖业发展面临的四大趋势进行了预测。      准入门槛将逐步降低。加入世贸组织后，我国拍卖企业设立的审批制度将首先受到冲击。有些人期望在《拍卖?</t>
  </si>
  <si>
    <t>欧盟改革实施40载的农业政策</t>
  </si>
  <si>
    <t>本报布鲁塞尔专电（记者王星桥）欧盟委员会10日公布了欧盟共同农业政策中期评估报告，提出了将农业补贴与产量脱钩等一系列改革方案。     这将是欧盟共同农业政策自1962年实施以来最重大的改革之一。根据这项方案，今后欧盟对农民的直</t>
  </si>
  <si>
    <t>美国酝酿金融司法制度大改革</t>
  </si>
  <si>
    <t>本报讯（记者张心松）美国总统布什9日在华尔街向1000多名美国企业领导人发表了演讲，表示将通过行政命令，创建一个司法部企业欺诈行为调查特别工作组，并行使“金融犯罪调查特别行动小组”的职责，负责调查和起诉企业欺诈刑事案件，以期</t>
  </si>
  <si>
    <t>韩国经济与民族精神</t>
  </si>
  <si>
    <t>最近一段时间， 韩国在国际上似乎大出风头。 世界杯足球赛进入了四强，全国振奋， 亚洲高兴，西方震惊。经济上也已取得新的成就，再现当年“小龙”的雄风。 一些报刊纷纷用溢美之辞加以报道。美国《商业周刊》封面标题是《酷韩国（Cool</t>
  </si>
  <si>
    <t>德国旅游看什么</t>
  </si>
  <si>
    <t>7月1日，中德签署了一项关于开放中国旅游团体到德国旅游的协定。德国由此成为欧盟国家中第一个获得由中国批准的经营费用统包旅游的目的国，这也标志着中国公民赴德国旅游业务即将正式展开。    德国是世界第一旅游大国，德国人爱</t>
  </si>
  <si>
    <t>国际货币基金组织要保卫美元</t>
  </si>
  <si>
    <t>本报讯：美元近来持续走低已经引起各方注意，如果这种情况持续下去，可能会伤害到全球经济复苏。在这种情况下，监控全球货币系统安全的国际货币基金组织表示，如有必要，将发动各国央行联手入市干预。    7月4日，国际货币基金?</t>
  </si>
  <si>
    <t>经济衰退对旅游业影响有限</t>
  </si>
  <si>
    <t>本报曼萨尼约（墨西哥）专电（记者叶书宏）世界旅游组织秘书长弗兰贾利4日在这里指出，2001年世界游客数量与前年相比只下降了 0．6％，世界经济不景气和“9·11”事件对旅游业的影响并没有人们想象得那么严重，“旅游业再一次显示了它的</t>
  </si>
  <si>
    <t>假账——美国经济的毒瘤</t>
  </si>
  <si>
    <t>近几个月来，美国大公司做假账问题频频“曝光”，引起政府、经济界以及投资者的普遍关注。从目前情况看，公司做假账问题已经成为美国经济肌体上的一颗毒瘤，危及美国经济的正常运行。    美国大公司做假账欺骗市场首先是从能源?</t>
  </si>
  <si>
    <t>塑造21世纪高科技出口产业</t>
  </si>
  <si>
    <t>韩国政府花资金、投人力，对本国电子游戏产业给予强有力的支持，意欲把其塑造成21世纪高科技出口产业，同时向全世界推销韩国文化。    韩国把电子游戏产业定位为21世纪的一个核心产业。韩国政府支持电子游戏产业的实体是韩国游戏开发?</t>
  </si>
  <si>
    <t>日本出台知识产权战略大纲</t>
  </si>
  <si>
    <t>本报东京专电（记者何德功）日本政府知识产权战略会议3日正式出台《知识产权战略大纲》，就强化专利和著作权保护提出了综合对策。政府还决定年内向国会提出知识产权基本法案，小泉纯一郎首相也明确表示将在内阁官房设立基本法筹备室。</t>
  </si>
  <si>
    <t>进口车与国产车共用销售网络需慎重</t>
  </si>
  <si>
    <t>随着国产车厂家在全国的销售网点越铺越多，相同品牌进口车、国产车销售网络又日渐重叠，如何建立一支有实力的销售、服务网络，是各大汽车公司今天面对的一道难题。      业内有人议论说，日本本田公司将利用广本在全国范围内</t>
  </si>
  <si>
    <t>温州打火机应诉欧盟反倾销</t>
  </si>
  <si>
    <t>本报杭州电：针对6月28日欧盟发布的对中国打火机实行反倾销调查的公告，温州众多打火机企业奋起应诉。这是入世以来中国首次对欧盟反倾销作出反击。     今年5月，欧盟通过了一项旨在抵制中国打火机的贸易技术壁垒──CR法规。令中国打</t>
  </si>
  <si>
    <t>本质是对就业岗位的竞争</t>
  </si>
  <si>
    <t>一段时期来，欧盟提出CR法案，要求2欧元以下的打火机加装安全锁，针对中国产品树起“技术壁垒”的问题引起人们的广泛关注。    打火机争端的根本原因不是技术标准，不是贸易顺逆差，而是对就业岗位的国际化竞争。    经济全球</t>
  </si>
  <si>
    <t>最具争议的农业法</t>
  </si>
  <si>
    <t>新农业法得到了美国农场主、农作物种植者行业间组织和农工综合企业的支持，但也在美国内外引发了广泛的批评，被认为是美国历史上最有争议的一部农业法。    国外的批评主要是说新农业法大规模增加对农业的补贴，违背了美国在世贸</t>
  </si>
  <si>
    <t>日本企业巨头乐观情绪转浓</t>
  </si>
  <si>
    <t>本报讯：日本《日经新闻》日前对100家日本大公司总裁所做的调查显示，73％的调查对象预计，今年底日本经济开始复苏。而3月份时所做的同样调查中，只有14％的人持这种意见。     调查显示，在上个财政年度曾出现巨额亏损的科技业企业的</t>
  </si>
  <si>
    <t>美国  网络游戏超过电影业</t>
  </si>
  <si>
    <t>$F编者按$E    $T近年来，随着互联网的高速发展，网络游戏产业也在各国蓬勃兴起，目前已成为蕴藏巨大市场潜力的朝阳产业。据美国加州圣迭哥DFC咨询公司最近发布的研究报告称，目前世界上有5000万网络游戏用户，</t>
  </si>
  <si>
    <t>日本坚决取缔暴力色情内容</t>
  </si>
  <si>
    <t>日本是一个高速网络大国，上网人数占日本人口的一半，其中多数上的是宽带网。自然，网络游戏在日本也十分发达，可以说风靡全国。不管走到哪里，人们都可以看到不少人如痴如醉地用手机上网玩游戏，好像忘记了周围的现实世界。在网吧里，?</t>
  </si>
  <si>
    <t>伦敦推出300多年来最大重建计划</t>
  </si>
  <si>
    <t>本报伦敦专电（记者黄兴伟）据英国媒体25日报道，伦敦市长肯·利文斯通日前宣布，伦敦在未来10余年内将大规模改善公共交通服务质量，每年新建2．3万套住宅。这是英国首都自1666年发生大火以来推出的最大规模的重建计划。    根据利文?</t>
  </si>
  <si>
    <t>LG电子展示多款尖端数码产品</t>
  </si>
  <si>
    <t>本报讯：在日前召开的2002年青岛国际家电博览会上，IG电子展出了多款高科技数码家电产品，其独领风骚的大屏幕等离子电视、吸顶式空调、清新柜式空调、帝雅斯对开门豪华冰箱、获欧洲3A认证的滚筒洗衣机以及40余款手机等产品，令广大参观?</t>
  </si>
  <si>
    <t>瑞穗为日本银行重组敲警钟</t>
  </si>
  <si>
    <t>本报讯：日本金融厅日前勒令因电脑故障而导致业务瘫痪的世界最大的银行──日本瑞穗金融集团整顿业务。此举为日本银行业的重组敲响了警钟。    饱受不良债权困扰的日本银行业为提高竞争力，重振昔日雄风，自    1999年起开始大规模的?</t>
  </si>
  <si>
    <t>推着“好孩子”闯世界</t>
  </si>
  <si>
    <t>前不久，《财富》杂志以《好孩子成长的烦恼》为题，用整整8页的篇幅，介绍了中国江苏好孩子儿童用品有限公司的成长历程。    《财富》杂志如此关注这个中国企业，实属罕见，但这并非偶然。目前在美国，40％的手推车市场和一半以上的儿</t>
  </si>
  <si>
    <t>美国多管齐下加强金融监管</t>
  </si>
  <si>
    <t>本报华盛顿专电（记者何瑛）经过几个月的酝酿，美国证券交易委员会日前正式提议成立一个独立监督机构──公共责任委员会，专门负责监督和检查会计公司和上市公司的会计行为是否符合职业道德，会计业务是否规范化以及业务水平是否达到财?</t>
  </si>
  <si>
    <t>科学家好像也说不清</t>
  </si>
  <si>
    <t>今年3月，南极半岛的“拉森B”陆缘冰出现了大面积坍塌，一块相当于美国罗得岛州大小的冰山从这里脱离，坍塌面积创近30年记录。科学家还发现，近年来从南极洲脱离的冰山正越来越多。有人怀疑，这与全球气候变暖有关。以“拉森B”为例，在</t>
  </si>
  <si>
    <t>美国政府出现巨额财政赤字</t>
  </si>
  <si>
    <t>本报华盛顿专电（记者王振华）在连续4年呈现财政盈余之后，美国政府财政又出现巨额赤字。本财年前8个月，美国政府的财政赤字高达1471亿美元。    据美国财政部20日公布的报告，在从去年10月1日开始的2002财政年度头8个月里，美?</t>
  </si>
  <si>
    <t>世界杯光环照耀韩国经济复苏</t>
  </si>
  <si>
    <t>本报讯：在2002年世界杯1／8决赛的最后一场比赛中，韩国队凭借顽强的斗志，在加时赛最后3分钟灌入一粒金球，淘汰了意大利队，闯入八强。这突如其来的幸福使韩国举国欣喜若狂，在这一刻，被韩国经济寄予了厚望的世界杯已经远远超出了足球</t>
  </si>
  <si>
    <t>IMF向巴西提供贷款</t>
  </si>
  <si>
    <t>本报华盛顿专电（记者何瑛）国际货币基金组织 18日发表公报说，为了防止阿根廷金融危机向外蔓延，它将向巴西提供77亿基金组织特别提款权（约为100亿美元）的贷款。    基金组织对巴西的经济政策和经济运行情况表示肯定，但同时指出，?</t>
  </si>
  <si>
    <t>应对人口老龄化带来的挑战</t>
  </si>
  <si>
    <t>不久前召开的联合国第二届世界老龄大会认为，全球人口老龄化是经济发展和社会进步的结果，是人类历史发展的巨大成就。历史上第一次人口革命使死亡率下降，世界人口从高出生──高死亡──低增长到高出生──低死亡──高增长；第二次人</t>
  </si>
  <si>
    <t>美国的遗产资源管理</t>
  </si>
  <si>
    <t>国家公园运动在不同国家有着不同的社会与文化背景，但作为一项国际性运动，它们所需要处理的矛盾与关系基本相同。这些矛盾与关系包括：资源保护与旅游发展之间的关系；中央政府与地方政府之间的关系；国家公园用地与周边土地之间的关系?</t>
  </si>
  <si>
    <t>世界杯未给韩国带来旅游热</t>
  </si>
  <si>
    <t>本报汉城专电（记者高浩荣）韩国文化观光部官员今天在此间说，世界杯并没有像预计的那样出现外国游客旅游热潮。外国旅游者人数看来不会超过去年同期的水平。    文化观光部说，自世界杯开幕后，到韩国旅游的外国游客人数大大低于</t>
  </si>
  <si>
    <t>香港是令人振奋的创业之地</t>
  </si>
  <si>
    <t>“香港是令人振奋的创业之地，这里实行低税制，而且税制简单，创业起家所需资金可能比世界上任何其它地方都要低廉。加之香港商务活动频繁，充斥着各种各样的机会，使你有很多事情可以大有作为。”在香港商圈打拼了7年的香港加拿大商会会</t>
  </si>
  <si>
    <t>反生物恐怖：人类面临的新课题</t>
  </si>
  <si>
    <t>“9·11”美国遭受恐怖袭击后不久，炭疽热病菌感染事件接踵而至：佛罗里达州《太阳报》的一位编辑死于吸入性炭疽热病，随后，又有数十人被检出体内携有炭疽杆菌。    “生物恐怖”霎时传遍整个世界。    国家科技部在最新的一份研究</t>
  </si>
  <si>
    <t>为促进中国就业献“良方”</t>
  </si>
  <si>
    <t>中国就业问题的艰巨性让政府和经济学家感到头痛。美国匹兹堡大学教授劳动经济学专家托马斯·罗斯基认为，目前中国促进就业的一些对策同长期以来的政策倾向和制度安排可能存在冲突，实现就业增长的目标是困难的。在今后十年中，就业和劳?</t>
  </si>
  <si>
    <t>全球软件盗版现象加剧</t>
  </si>
  <si>
    <t>本报洛杉矶专电（记者 支林飞）美国反软件盗版组织商用软件联盟10日公布一份报告指出。去年全球盗版软件的平均使用率从2000年的37％上升到40％，但由于美元升值等原因，软件盗版对全球软件业所造成的损失减少了6．7％。    商用</t>
  </si>
  <si>
    <t>韩国经济复苏势头强劲</t>
  </si>
  <si>
    <t>本报汉城专电（记者高浩荣）最近，许多经济数据都显示，韩国经济业已摆脱3年的低迷状态，出现强劲的复苏势头。    韩国中央银行不久前发表的统计显示，今年第一季度韩国的国内生产总值比去年同期增长了5．7％，超过该银行原先估</t>
  </si>
  <si>
    <t>版号：012</t>
  </si>
  <si>
    <t>移动通信与环境保护</t>
  </si>
  <si>
    <t>2002年6月5日是第 30个“世界环境日”，联合国环境规划署将今年的主题定为“让地球充满生机”。该主题呼吁全人类高度重视环境问题，并采取切实有效的行动，拯救我们共有的家园──地球。在移动通信方式日益普及的今天人们开始关心移动通</t>
  </si>
  <si>
    <t>美国蔬菜反倾销案的启示</t>
  </si>
  <si>
    <t>20世纪90年代末期，我国农产品出口（如大葱、草菇和蔺草席）开始受到周边日本、韩国等国的反倾销调查，对此尽管我们能够针锋相对对相关国家的出口产品（如手机、空气调节器、汽车）进行反倾销，但这远非解决问题的最佳方案，因为我国需?</t>
  </si>
  <si>
    <t>我国产品出口如何应对反倾销</t>
  </si>
  <si>
    <t>审慎对待国外对华反倾销。反倾销是一种在合法前提下进行的活动，代表的是一项合法的权利，要改变以往我们总是把国外对华反倾销看作是一种外国贸易保护主义工具的观念，也不应该老是抱怨西方国家因为我们的社会主义经济制度就对我们实行?</t>
  </si>
  <si>
    <t>E-Book阅读遭遇变革</t>
  </si>
  <si>
    <t>2000年3月 14日，美国著名恐怖小说家史蒂芬·金在网上发售了他的新作《骑弹飞行》，两天内它的下载次数就高达到50万，一个月后，史蒂芬·金宣称已获45万美元的收入。而如果该书印刷出来的销售纪录大约会是7．5万本，他的收入也将只有1万</t>
  </si>
  <si>
    <t>项目外包  现在机遇正好</t>
  </si>
  <si>
    <t>国际项目外包市场近年来迅速扩张，已形成一个拥有1万亿美元的大市场。这个大市场呼唤中国企业把握商机。在日前召开的“中美国际项目外包商务发展年会”情况介绍会上，这一信息不但引起了与会者的兴趣，而且普遍认为这是我国企业参与这个</t>
  </si>
  <si>
    <t>通用网址破产不影响中国网络实名市场</t>
  </si>
  <si>
    <t>本报讯（记者张瑾）近期，由于美国著名Keyword服务提供商RealNames的破产倒闭，世界互联网市场掀起了一场风波，中国这块Keyword全球最大的市场也很快卷入了旋涡当中。    Keyowrd服务是一种在浏览器里输入简单的词组即可访问相关网站?</t>
  </si>
  <si>
    <t>美公立学校IT投资有望大幅增加</t>
  </si>
  <si>
    <t>本报洛杉矶专电（记者支林飞）据美国著名的信息技术（IT）市场研究机构国际数据公司30日预测，由于信息技术在美国教育中越来越普及，预计美国公立中小学在今后5年内将大幅增加在IT方面的投资，到2006年该项支出可高达95亿美元。</t>
  </si>
  <si>
    <t>诊断中国的公司治理</t>
  </si>
  <si>
    <t>完善公司治理 需要系统推进   ──对世界银行报告的评介     由世界银行专家完成的研究报告《中国的公司治理与企业改革》，结合国际经验和中国国有企业改革的进程，分析了中国公司治理的现状和问题，并提出政策建议。</t>
  </si>
  <si>
    <t>美国增加农业补贴：太自私</t>
  </si>
  <si>
    <t>今年5月13日，美国总统布什签署了新的农产品补贴法案，决定在未来10年内，美国将对农业提供高达1900亿美元的补贴，比目前的农业法的拨款增加了近80％。    在去年11月世界贸易组织部长级会议期间，美国承诺逐步减少农业补贴，欧</t>
  </si>
  <si>
    <t>日本大银行不良债权大幅增加</t>
  </si>
  <si>
    <t>本报东京专电（记者王大军）日本七大银行集团共13家大银行24日公布的年度结算结果显示，在今年3月份结束的2001年度里，它们的不良债权为26．78万亿日元，比上一年度增加了48．5％。    在七大银行集团中，2001年度不良债权减少的只有?</t>
  </si>
  <si>
    <t>永远的芭比</t>
  </si>
  <si>
    <t>4月27日，“芭比娃娃”的缔造者露丝·汉德勒，在美国洛杉矶市中心医院因结肠手术并发症溘然长逝，享年85岁。43年来，她创造的健康向上的“芭比娃娃”形象──窈窕傲人的身材、自信迷人的微笑、随意撩人的金发、还有那令人眼花缭乱千变万</t>
  </si>
  <si>
    <t>人因学：让产品贴近人</t>
  </si>
  <si>
    <t>两个美国孩子在玩耍，大一点的骑脚踏车，小一点的跟在后面跑，不小心摔了一跤，手不巧伸到车链中，被夹成骨折。家长马上把脚踏车厂家告上法庭，理由是对方的产品存在设计缺陷──没有把车链罩住。厂家为此付出巨额赔款。    由于打火?</t>
  </si>
  <si>
    <t>全球环境状况持续恶化</t>
  </si>
  <si>
    <t>本报内罗毕专电（记者 王敬中）联合国环境规划署22日在此间发布的最新研究报告指出，全球环境状况在过去30年里持续恶化，如国际社会不迅速采取有效措施，人类未来的发展与生存将会面临巨大威胁。    这份题为《全球环境展望》的报告是</t>
  </si>
  <si>
    <t>“宝马”换帅波澜不惊</t>
  </si>
  <si>
    <t>本报柏林专电（记者江本敏）不久前在德国宝马汽车公司股东大会上，赫尔穆特·潘克正式接替约阿希姆·米尔贝格担任公司董事长。    今年55岁的潘克在宝马公司供职长达20年时间，他当过公司技术和开发部门的主管、宝马美国分公司老板，?</t>
  </si>
  <si>
    <t>欧元强势对德国经济的利与弊</t>
  </si>
  <si>
    <t>欧元兑美元的比价在低谷徘徊了相当长时间后，最近半年终于反弹，稳定在了1：0．9大关之上。上周伦敦汇市欧元兑美元的平均比价为1：0．915，比今年2月份的最低点时提高了大约5％。本周头两天，欧元汇率仍然分别达到 0．9214和 0．9194。$</t>
  </si>
  <si>
    <t>住宅供给中的政府作用</t>
  </si>
  <si>
    <t>住宅分配货币化、市场化是实现社会资源优化配置的一种好方法。但是，市场不是万能的，市场机制的种种缺陷，如外部效应、分配不公、信息不对称等，为政府合理干预住宅市场奠定了基础。    从发达市场经济国家的经验看，英国是世界上第?</t>
  </si>
  <si>
    <t>中老友好合作成果丰硕</t>
  </si>
  <si>
    <t>老中合作委员会主任麦燕·因祥日前在老挝首都万象接受记者的专访指出，近年来，老中两国在各领域的友好合作取得了全面丰硕的成果。    他说，老中两国发表的关于双边合作关系的联合声明为老中两国在21世纪建立长期稳定、彼此信赖、睦?</t>
  </si>
  <si>
    <t>太阳能建筑“阳光灿烂”的市场</t>
  </si>
  <si>
    <t>美国伯克利加利福尼亚大学太阳能实验室最近取得一项科研成果，研制出可涂到任何物体表面上的廉价塑料太阳能电池，同时它还可以为各种便携式装置、甚至佩戴式电子装置提供电源。据称，这种第一代塑料太阳能电池有可能取代现在广泛使用的?</t>
  </si>
  <si>
    <t>跨世纪的企业领导特质</t>
  </si>
  <si>
    <t>$T企业取得成功的方法就是：75％－80％靠领导，其余20％－25％靠管理，而不能反过来。        ──约翰·科特博士    约翰·科特曾就读于麻省理工学院和哈佛大学， 1972年开始任职于哈佛商学院。1980年，时年32岁的他被授予终</t>
  </si>
  <si>
    <t>微软中国：职业经理人的“滑铁卢”</t>
  </si>
  <si>
    <t>微软公司，一个创造全球经济奇迹的跨国企业，在全球有约4万名员工，年收入230亿美元。然而，就是这家公司，它在中国的公司总裁，却屡遭“下课”，以致于这个位子被称作具有“滑铁卢”的宿命。从杜家滨到吴士宏，再到高耀群，高层的频繁?</t>
  </si>
  <si>
    <t>建立外贸预警机制迫在眉睫</t>
  </si>
  <si>
    <t>5月 17日，欧盟正式公布了限制中国打火机出口的CR法规，这意味着中国加入世贸组织民营企业打的第一场“洋官司”以败诉告终。除了经济损失外，这一结局再次提醒我们，要加快外贸预警机制的建立。    早在1998年，欧盟就制定了针对中</t>
  </si>
  <si>
    <t>10万美元太空玩一回</t>
  </si>
  <si>
    <t>2000万美元去渡一次假！这事只有亿万富翁才干得出来──“拔毛”而已！南非青年马克·沙特尔沃思就是这样一个人。他说：“对我，金钱本身没有任何意义。”也许，只有他这样的人才能觉得如此旅游“每一分都值”。    今年4月27日到5月5</t>
  </si>
  <si>
    <t>中国和东盟的必然选择</t>
  </si>
  <si>
    <t>第三次中国－东盟经济高官会于16日在北京闭幕。会议讨论了中国－东盟自由贸易区的目标、原则、内容、时间框架等具体问题，取得了积极成果。此间分析家指出，中国与东盟建立自由贸易区体现了全球贸易的发展趋势，是双方必然的选择。</t>
  </si>
  <si>
    <t>企业掌舵人“十诫”</t>
  </si>
  <si>
    <t>本报讯：去年美国有257家上市公司宣布破产或申请破产保护，涉及资产2580亿美元，打破历史纪录。很多家喻户晓的大公司，如生产一次成像相机的宝丽莱、凯－玛特连锁店、安然公司、安达信会计行、WorldCom电信公司或是已经申请破产，或正在</t>
  </si>
  <si>
    <t>一个德国家族企业在中国的成功</t>
  </si>
  <si>
    <t>罗福斯公司是德国艾文·穆勒家族集团旗下的4个品牌公司之一，创建于1949年，主要生产办公用品。公司产品因技术先进，质量可靠，多年来享誉欧洲。1996年公司在中国安徽的滁州市开设独资公司，短短5年内发展为年产值3000万元的多元化现代?</t>
  </si>
  <si>
    <t>凤凰城：美国西部开发的经典</t>
  </si>
  <si>
    <t>坐落在山谷之中，环绕于沙漠之间，凤凰城依靠强大的电子工业和旅游业成为当今美国最热门的现代城市之一。从一个靠近美墨边境、曾被视为荒地的地区到目前成为最有活力的大都市和重要的高技术基地，凤凰城在近几十年中走过的道路书写了美?</t>
  </si>
  <si>
    <t>深港澳合造航空物流板块</t>
  </si>
  <si>
    <t>深圳－澳门－台湾货运航线即将开通、深港澳直升机联航在即、三地客货流经海陆空交通网络快速“流动”……种种迹象表明，深港澳三地航空业正冲破地域界限，朝着结成利益共同体的大方向靠拢，“大珠三角”概念的航空物流“板块”正日益凸?</t>
  </si>
  <si>
    <t>邮戳史话</t>
  </si>
  <si>
    <t>邮戳上一般标明邮件寄出收到的时间地点， 是研究邮政的重要组成部分。 现代的纪念性邮戳更有文字和图案说明特定的事件， 邮戳已经成为集邮收藏中的重要一项。     邮票出现前就有邮戳，世界上最古老的邮戳是英国的“别休泼邮戳”。</t>
  </si>
  <si>
    <t>探秘深海眼界开</t>
  </si>
  <si>
    <t>2002年2月3日     3日上午8时，“阿尔文”第3768次下潜开始了。我与来自波特兰州立大学的AnnaLouise Reysenbach（这位科学家背景很国际化，来自南非，国籍荷兰，父亲生在印度尼西亚，母亲荷兰人，自己生在荷兰，现在美国工作）一起组?</t>
  </si>
  <si>
    <t>老挝经济正逐步复苏</t>
  </si>
  <si>
    <t>老挝国家计划和合作委员会负责人洪蓬·粟瓦莱日前在老挝首都万象接受记者的专访时指出，老挝经济正在逐步复苏，各个经济领域恢复增长，国家货币趋于稳定，通货膨胀得到遏制，人民生活水平不断提高。但老挝经济发展中仍存在不少亟待解决?</t>
  </si>
  <si>
    <t>解读WTO反倾销协议</t>
  </si>
  <si>
    <t>对生产者实行公平竞争，对消费者实行保护的原则也是反倾销的理论依据。在市场经济中形成的成本价格是反倾销的立法基础。当然，随着世界多边贸易规则的不断补充，生产者公平竞争已经增加了许多内容，如工作环境、环境保护等，已经不仅仅?</t>
  </si>
  <si>
    <t>“安然事件”爆出德国版</t>
  </si>
  <si>
    <t>本报柏林专电（记者刘海燕）在号称德国“二板市场”的法兰克福新市场上占有一席之地、被认为是高科技网络通信企业代表的ComRoad远程信息供应公司，日前因涉嫌做假账而陷入万人唾指的境地。该公司股票遭处罚性摘牌。此事被喻为德国</t>
  </si>
  <si>
    <t>物美何必要价廉</t>
  </si>
  <si>
    <t>温州打火机最近处境堪忧：按照欧盟即将开会表决的GR法规草案，凡售价两欧元以下的打火机，必须配有防止儿童开启的安全锁，否则不能进入市场销售。这项法规一旦通过，年产5亿多只、占世界市场份额近70％的温州打火机，将面临退出欧洲市场</t>
  </si>
  <si>
    <t>西欧国家对阿变债务为投资</t>
  </si>
  <si>
    <t>本报阿尔及尔专电（记者徐东华）不久前，阿尔及利亚政府与西班牙政府签署了一项变债务为投资的协定。此外，阿与意大利也即将签署类似的协定，而阿与法国就变债务为投资的谈判已进入后期。据悉，西、意、法三国将同意把阿尔及利亚所欠的?</t>
  </si>
  <si>
    <t>印度软件业刮起“中国旋风”</t>
  </si>
  <si>
    <t>本报新德里专电（记者熊昌义）印度计算机软件业近日刮起了一场“中国旋风”，著名软件公司纷纷将目光投向中国。印度计算机软件业王牌企业信息系统技术公司正筹备在上海开设办事处，第四大软件公司萨特亚姆已经登陆上海，著名软件?</t>
  </si>
  <si>
    <t>菲律宾经济初露复苏曙光</t>
  </si>
  <si>
    <t>今年以来，随着美国等西方国家经济出现回升迹象，菲律宾经济也初露复苏曙光。菲政府初步估计国内生产总值第一季度能增长3．8％至4．3％，对全年增长率达到其预定的4％至4．5％的目标充满信心。     去年全球经济滑坡、电子产品需</t>
  </si>
  <si>
    <t>中德经贸合作前景广阔</t>
  </si>
  <si>
    <t>今年是中国和德国建交30周年。中华人民共和国主席江泽民于4月访问了德国。4月 10日他在德国外交政策协会的演讲中说：中德关系建立了广泛而牢固的基础，中德友好深入人心，两国经贸合作不断扩大，中德合作前景广阔。    1972年，中国和</t>
  </si>
  <si>
    <t>世界人口老龄化警钟敲响</t>
  </si>
  <si>
    <t>联合国第二届世界老龄大会日前在西班牙首都马德里举行。156个国家的国家元首、政府首脑、政府部长和有关专家5000多人出席了大会。会议结束时，发表了《政治宣言》和《老龄问题国际行动计划》。此间观察家认为，从大会最后发表的两个文件</t>
  </si>
  <si>
    <t>蛋白质研究：生命科学最前沿</t>
  </si>
  <si>
    <t>随着破译生命密码的人类基因组计划进入尾声，一个以蛋白质组学为研究重点的后基因组时代已拉开序幕。21世纪，生命科学的研究热点也将从基因组学转向蛋白质组学。    为在这一研究领域处于领先地位，美国、日本和欧洲科技发达国家都在?</t>
  </si>
  <si>
    <t>印度经济稳步发展</t>
  </si>
  <si>
    <t>自20世纪90年代印度政府进行经济改革以来，印度经济开始加快发展步伐。1994年至1996年，印度国内生产总值的年平均增长率超过7％，这在印度历史上是从未有过的。但是，自1997年以来，印度经济的发展速度明显减缓，2000至2001财政年度，印</t>
  </si>
  <si>
    <t>美国农业战略调整成效显著</t>
  </si>
  <si>
    <t>本报华盛顿专电（记者王振华）近十几年来，美国政府不断加强对农业政策的调整力度，特别是把扩大农产品出口作为农业战略性调整的重中之重，取得了明显的效果，为解决国内市场供大于求、农产品过剩问题找到一条成功之路。     随着科技</t>
  </si>
  <si>
    <t>私车产地私人购车并不易</t>
  </si>
  <si>
    <t>作为我国经济型轿车生产基地的天津，同时也是我国整车进口最大的口岸。这两点已经决定了这个城市在全国轿车市场上的特殊位置。特别是今年，天津两次成为业界和消费者关注的焦点：元月1日，我国加入世贸组织后，进口整车关税首次下调，在</t>
  </si>
  <si>
    <t>行业协会要走上世贸前台</t>
  </si>
  <si>
    <t>不久前，温州烟具协会赴欧交涉团经过多方努力，已在欧盟成员国中争取到不少反对欧盟CR法规草案的表决票，并征得了欧盟人士对其反对CR法规草案、反对将打火机安全性与价格挂钩态度的理解。    由全国主要肉鸡加工出口企业组成的?</t>
  </si>
  <si>
    <t>法国经济进入转折点</t>
  </si>
  <si>
    <t>今年是法国的大选年，目前竞选活动已经全面展开。同时，法国经济也正处在一个转折点上。20世纪最后几年，法国经济顺水顺风，在内需与出口的双重带动下曾呈现出一片繁荣的景象，从1998年到2000年，连续3年增长超过3％，2000年高达3．6％?</t>
  </si>
  <si>
    <t>韩国经济复苏迹象日益明显</t>
  </si>
  <si>
    <t>受去年世界经济增长放缓以及“9·11”事件等的影响，韩国经济去年遭遇了严重的困难。为了摆脱困境，韩国政府采取了多种措施，并收到了一定的效果。    根据韩国官方的统计，去年韩国经济在第二、第三季度连续下降后，第四季度开</t>
  </si>
  <si>
    <t>德国电信公司降低线路租金</t>
  </si>
  <si>
    <t>本报波恩专电（记者潘治）德国电信与邮政监管局日前在此间表示，将降低其它电信公司租用德国电信公司所拥有的从主干电信线路到最终用户的“最后一公里”费用，以促进所有电话业务市场的自由竞争，鼓励各公司提供更好服务。    据悉，?</t>
  </si>
  <si>
    <t>全球钢铁生产格局与美国钢铁业</t>
  </si>
  <si>
    <t>美国政府宣布，从  3月 20日起，对进口的10种钢材征收8％到30％的关税，为期三年。这一决定，逆世界贸易自由化的潮流而动，遭到欧盟、日本、韩国、中国和俄罗斯等国的强烈抗议。3月中的欧盟首脑会议上，一致要求美国作出20亿美元的补偿?</t>
  </si>
  <si>
    <t>韩国企业再次大规模进军中国市场</t>
  </si>
  <si>
    <t>本报汉城专电（记者高浩荣）据此间媒介报道，最近以来，随着经济景气的复苏和韩国国家信用等级的提高，韩国企业再次掀起进军海外市场的热潮，而中国则是韩国企业最为看好的市场。    最近，韩国现代起亚汽车公司实施“从南北两方同时?</t>
  </si>
  <si>
    <t>世界风能发电增长创记录</t>
  </si>
  <si>
    <t>本报巴黎专电（记者卢苏燕）欧洲风能协会2日在首届世界风能大会上宣布，截至 2001年年底，全球风能发电能力已经达到2．4万兆瓦，比上一年增长6500兆瓦，创下世界风能发电功率年增长的最高记录。     煤炭、天然气、石油等燃料发电可产</t>
  </si>
  <si>
    <t>世贸组织解决贸易争端机制</t>
  </si>
  <si>
    <t>随着经济全球化的不断发展，国际经贸领域的贸易战也日见频繁。上月20日，美国政府限制外国钢铁产品进口的“201”条款生效，引起国际社会、特别是长期对美国出口钢铁产品国家的强烈反对。      世界贸易组织解决争端的机构是总理事会，</t>
  </si>
  <si>
    <t>朝鲜政府加强经济财政管理</t>
  </si>
  <si>
    <t>本报平壤专电（记者张锦芳  李拯宇）据朝鲜内阁机关报《民主朝鲜》31日报道，朝鲜内阁在最近举行的扩大会议上强调，朝鲜国民经济各部门要加强经济和财政管理，开展增产节约运动，增加经济收入，争取最大的经济效益。    报道说，朝鲜?</t>
  </si>
  <si>
    <t>英国去年经济增长居西方之冠</t>
  </si>
  <si>
    <t>本报伦敦专电（记者刘桂山）英国国家统计局27日公布的数字显示，去年英国全年经济增长率为2．2％，虽然略低于预算设定的2．25％至2．75％的增长目标，但是在西方主要工业国家中却高居首位，一改以前历次全球性衰退中英国经济总是最差的?</t>
  </si>
  <si>
    <t>委内瑞拉经济发展尝苦果</t>
  </si>
  <si>
    <t>本报加拉加斯专电（记者贾安平）石油工业作为委内瑞拉的支柱产业。但长期以来过分依赖“石油美元”的畸形外贸结构给委内瑞拉经济所带来的消极影响日益突出。    委内瑞拉是世界第四大石油出口国，日产石油能力达310万桶。石油占全</t>
  </si>
  <si>
    <t>美政府抢滩高技术人才市场</t>
  </si>
  <si>
    <t>虽然美国网络经济遇到困难，高技术公司纷纷裁员，但美国政府的信息技术人才仍然严重不足，政府正想方设法在人才市场中占得先机，吸引更多年轻的高技术人才进入政府部门工作。    美国农业部首席信息官依拉·霍布斯去年底称，目前网络?</t>
  </si>
  <si>
    <t>走入英国纳税世界</t>
  </si>
  <si>
    <t>英国作为老牌资本主义国家实行严格的税收管理制度。虽然英国没有单独的税法典，但目前实行《印花税法》、《资本补贴法》、《资本利得税法》、《增值税法》和《继承税法》等。除此之外，一年一度颁布的财政预算也是税法的主要组成部分，?</t>
  </si>
  <si>
    <t>表皮生长因子——修复健康与美丽</t>
  </si>
  <si>
    <t>1962年，美国的柯亨博士等人在小鼠颌腺中发现一种新的活性成分，可促使新生小鼠开睑、长牙。随后，他们将这一活性成分加入培养的皮肤表皮中，发现它可直接促进表皮的生长，这一活性成分因而被命名为“表皮生长因子”（EGF），从此开辟了</t>
  </si>
  <si>
    <t>“两会”代表委员为中国汽车消费建言献策</t>
  </si>
  <si>
    <t>$T3月8日本报发表了《买车遇阻 汽车消费不易 养车有绊 各地都有苦衷》一组稿件后，引起许多读者的共鸣。    正值“两会”期间，汽车消费也成了“两会”代表委员们热烈谈论的话题之一。代表委员们关心的是：如何进一步剔除限制汽车消费的障碍，尽快培育一</t>
  </si>
  <si>
    <t>银行改革：从人事开始</t>
  </si>
  <si>
    <t>“面对加入世贸组织的冲击，银行业最大的挑战就在人事方面。”全国人大代表、中国金融协会副秘书长秦池江在接受记者采访时说，冗员过多已经成为国有银行深化改革的制肘，削减冗员不是银行改革的目标，但是人事问题应该是银行改革首先要?</t>
  </si>
  <si>
    <t>昂起北方经济发展的龙头</t>
  </si>
  <si>
    <t>“两会”期间，天津滨海新区建设的话题，引起了许多代表、委员的关注。人们注意到：在渤海湾这块350平方公里的土地上，正在发生着日新月异的变化；人们期待着：这块热土不仅成为天津发展的后劲，而且能带动环渤海乃至中国北方经济的提速</t>
  </si>
  <si>
    <t>“透明”的德国住房市场</t>
  </si>
  <si>
    <t>德国是一个法律和法规无处不在的国家，在住房市场上也不例外。无论是租房还是买房，当事人都有章可循，交易的透明度很高。    对普通德国人来说，要买一栋房子不是件容易的事。统计资料显示，德国一栋房产的平均售价为26．3万欧元，相</t>
  </si>
  <si>
    <t>中美大学生创业比较</t>
  </si>
  <si>
    <t>近日，香港亚洲周刊发表文章认为，不同的文化背景，不同的教育方式使中美两国的学生在对待创业的态度和思维上，创业的方式和取向上各有异同。    创业的起步时间相差了15年。    美国大学生的创业热潮起源于各个大学举办的创业计划?</t>
  </si>
  <si>
    <t>克隆技术大事记</t>
  </si>
  <si>
    <t>1938年：德国科学家首次提出克隆设想。     1952年：科学家开始用青蛙进行克隆实验。     1970年：克隆青蛙实验取得突破， 青蛙卵发育成了蝌蚪，但是在开始进食以后死亡。    1981年：科学家进行克隆鼠实验，据称用鼠</t>
  </si>
  <si>
    <t>火花问世比邮票早13年</t>
  </si>
  <si>
    <t>火花，即火柴盒之贴画。日本称“磷寸片”，欧美称“火柴商标”。1827年由英国人约翰·华克发明了世界上第一根火柴，随即诞生了以其名字命名的《约翰·华克牌》火花，早于世界上第一枚邮票《黑便士》13年。我国也于1879年生产出中国第一?</t>
  </si>
  <si>
    <t>触摸磁悬浮</t>
  </si>
  <si>
    <t>20世纪80年代， 因初步掌握了高速磁悬浮铁路技术而成竹在胸的德国人，对欧洲以外最有可能修建磁悬浮铁路的国家和地区作了一次排序：    1．美国和加拿大    2．东南亚    3．日本    4．澳大利亚    5．苏联</t>
  </si>
  <si>
    <t>艰难的俄罗斯房改</t>
  </si>
  <si>
    <t>俄罗斯推行大规模的住房制度改革已有10年之久， 从福利性质的住房制度逐步向市场化住房制度过渡。政府通过向居民无偿转移房屋产权， 迅速建立起比较发达的一二级房地产市场。目前俄罗斯人均住房面积已达到19平方米，但低收入居民住房难?</t>
  </si>
  <si>
    <t>版号：022</t>
  </si>
  <si>
    <t>知识产权意识亟待强化</t>
  </si>
  <si>
    <t>本报讯（记者 王一娟）知识产权作为世界贸易体系的三大支柱之一，是知识经济时代最重要的财产权。武汉市副市长辜胜阻委员认为，面对加入世贸组织，我们必须正确认识知识产权制度带来的严峻挑战，积极推进技术创新和制度创新，去争取国际</t>
  </si>
  <si>
    <t>发达国家政务信息化发展趋势</t>
  </si>
  <si>
    <t>建立电子网络政府，推动电子政务的发展，是一种世界性潮流。综观美国、英国、加拿大、法国、日本等西方国家电子政务发展的状况，虽然这些国家的具体做法有许多差异，但有一些最新的动向值得我们注意。    电子政务的发展普遍与政府改</t>
  </si>
  <si>
    <t>版号：023</t>
  </si>
  <si>
    <t>中国海尔名扬海外</t>
  </si>
  <si>
    <t>本报柏林专电（记者郑汉根）日前开幕的柏林国际家用电器博览会吸引了来自全球的725个家电制造商，在如云的家电参展商中，中国的海尔集团成了最亮点。    海尔集团的这次展览由海尔欧洲公司主办，展出了代表当今世界最先进水平的</t>
  </si>
  <si>
    <t>出品牌的城市要做品牌城市</t>
  </si>
  <si>
    <t>“如何抓住加入世贸组织带来的机遇，加速发展”依然是今年“两会”讨论的主题。作为沿海开放的青岛有怎样的打算？记者采访了山东省副省长、青岛市市长杜世成代表。    杜世成认为：2001年发生在我国的几件大事为经济和社会的发展带来?</t>
  </si>
  <si>
    <t>军衔的等级也是藏品</t>
  </si>
  <si>
    <t>我军1955年首次实行军衔制，迄今已 47年。现在已有不少收藏爱好者开始研究和收藏军衔。总的来说，这款收藏有较多的渠道，装饰起来也比较漂亮，给人一种威武自豪感。    55式军衔是在以苏联为代表的东方型军衔基础上， 参照朝鲜等社会?</t>
  </si>
  <si>
    <t>欧莱雅打造出欧洲新首富</t>
  </si>
  <si>
    <t>2月4日，英国财经杂志《EuroBusiness》刊出最新的“欧洲四百富豪”排行榜，荣登富豪榜首的是化妆品王国欧莱雅的“女皇”丽利亚娜·贝当古尔，其坐拥的财产达200．6亿欧元，远远超过同样榜上有名的女王伊莉莎白二世（28．6亿欧元）。</t>
  </si>
  <si>
    <t>中国成为“世界汽车工厂”的概率很小</t>
  </si>
  <si>
    <t>墨斐先生1955年出生，曾获通用汽车学院学士学位和斯坦福大学工业管理硕士学位。1973年进入通用汽车公司工作，曾担任通用汽车海外公司日本业务部的制造总监、五十铃汽车公司产品计划执行总监的执行助理、以及英格兰卢顿IBC ?</t>
  </si>
  <si>
    <t>德国调整农业发展战略</t>
  </si>
  <si>
    <t>本报柏林专电（记者戎昌海）德国不仅是世界上第三大工业国，而且还是世界上仅次于美国、法国和荷兰的世界第四大农产品和食品出口国。随着经济全球化的迅猛发展，德国农产品在世界市场上面临越来越激烈的竞争，加之近年来受疯牛病等因素?</t>
  </si>
  <si>
    <t>安然阴影依然笼罩美元</t>
  </si>
  <si>
    <t>安然会计丑闻曝光以来，投资者日益忧虑美元企业的会计状况，这为美国股市笼罩上一层阴云，并使美元陷于区间波动，整体走势较弱。    有越来越多的迹象表明美国经济正在摆脱衰退，但市场对企业会计的关注超过对美国经济复苏迹象的关注?</t>
  </si>
  <si>
    <t>纳米电子时代可望提前</t>
  </si>
  <si>
    <t>本报华盛顿专电（记者毛磊）随着过去半年来科学家在纳米研究领域接连取得一连串实质性的突破，一个纳米电子时代可望提前到来。这是本报记者在19日闭幕的美国科学促进协会波士顿年会上了解到的最新预测。    出席美国科学促进协会波士?</t>
  </si>
  <si>
    <t>韩国船舶出口再创新高</t>
  </si>
  <si>
    <t>本报汉城专电（记者高浩荣）受世界经济不景气的影响，“出口主导型”的韩国经济去年面临一系列困难，尤其是信息技术产品的出口影响更为严重。然而，韩国造船业却再振雄风，连创记录。    据韩国产业资源部的统计，韩国去年的造?</t>
  </si>
  <si>
    <t>中美经贸：摩擦和曲折中迅速发展</t>
  </si>
  <si>
    <t>1979年中美正式建交。据中国海关统计，当年中美贸易额为24．5亿美元。20多年来，尽管中美经贸关系经历了种种摩擦和曲折，但仍取得迅速发展。2001年达到805亿美元，增加了32倍。美国企业在华投资的规模也逐步扩大，截至2001年底直接投资?</t>
  </si>
  <si>
    <t>泰国大力开发生态旅游</t>
  </si>
  <si>
    <t>本报曼谷专电（记者杨睛川）泰国旅游业经过多年发展和经营，已形成一定规模，年产值达70亿美元左右，占国民生产总值的6％。全国酒店客房有15万间，来泰旅游的外国游客人数去年达到990万人次，今年预计可突破1000万人次大关，在10年间翻?</t>
  </si>
  <si>
    <t>美会计行业陷入危机</t>
  </si>
  <si>
    <t>本报讯：安然公司破产案震动美国朝野。在这起丑闻中，安然公司聘用的会计公司安达信也扮演了很不光彩的角色。20世纪80年代中，安达信开始承担安然的外部审计业务，到90年代中又承担了其内部审计业务。这样，安达信用一只手为安然?</t>
  </si>
  <si>
    <t>日本企业不为日元贬值叫好</t>
  </si>
  <si>
    <t>本报讯（记者姜俏梅）《日本工业新闻》日前所做的一项调查显示，与人们想象的相反，即便是可从日元贬值中“大捞好处”的日本企业，也大都对日元贬值持谨慎态度，普遍担心汇率剧烈波动可能给企业带来风险，期望日元汇率保持稳定。$</t>
  </si>
  <si>
    <t>欧洲央行顾虑通胀难有作为</t>
  </si>
  <si>
    <t>欧洲中央银行7日在荷兰马斯特里赫特举行一月一度的例会，决定将其指导利率维持在现行的水平上。鉴于目前欧元区的经济形势，此举早已在多数经济分析人士的预料之中。    自去年年初以来，在世界经济环境恶化的背景下，欧元区经济步步走</t>
  </si>
  <si>
    <t>DNA计算机微乎其微  功能强大</t>
  </si>
  <si>
    <t>2001年11月，以色列科学家研制成功一种极微脱氧核糖核酸（DNA）计算机。说它“极微”，到底“微”到什么程度？要一万亿个才能装满一枚试管。这一万亿个计算机每秒能进行10亿次运算，准确率为99．8％。    这种微型计算机不是用数字和?</t>
  </si>
  <si>
    <t>诺基亚巩固全球手机市场霸主地位</t>
  </si>
  <si>
    <t>本报赫尔辛基专电（记者赵长春）世界最大的手机生产厂商芬兰诺基亚集团公司日前宣布，2001年诺基亚全年净销售额达到311．91亿欧元（1欧元约合0．88美元），比 2000年增加了 3％；全年共销售手机1．4亿部，占全球手机市场份额的37％，从?</t>
  </si>
  <si>
    <t>完善公共支出效绩评价体系</t>
  </si>
  <si>
    <t>从 20世纪 30年代开始尤其是二战以来，世界上许多国家为了减少经济建设和政府支出中的浪费情况，纷纷开始关注公共财政领域的支出效益评价工作。目前支出评价在西方国家已成为政府财政支出管理的重要组成部分，成为有利于改进日常工作的?</t>
  </si>
  <si>
    <t>唐装卷起世纪潮</t>
  </si>
  <si>
    <t>在上海APEC会议上，中国国家主席江泽民、美国总统布什、俄罗斯总统普京、菲律宾总统阿罗约以及泰国、日本、越南、马来西亚、澳大利亚、印度尼西亚……等国家元首，齐刷刷地穿上了唐装，笑容满面的一字儿排开，在上海科技馆公开亮相，留?</t>
  </si>
  <si>
    <t>伊藤洋货堂的“单品管理”</t>
  </si>
  <si>
    <t>伊藤洋华堂，日本第三大商业企业，是名列世界500强第152位的跨国公司。它成立于1958年，至今已在世界各地发展为拥有百货店、超市、7－11便利店、折扣商店及餐馆等10余种业态的世界著名企业集团。    1998年7月，在北京朝阳区十里</t>
  </si>
  <si>
    <t>世界原油需求年增幅16年最低</t>
  </si>
  <si>
    <t>本报巴黎专电（记者马芳云）设在巴黎的国际能源机构18日公布的统计表明，在经济增长减速和美国“9·11”事件的影响下，2001年世界原油需求增幅降至16年以来的最低点。    据该机构当天发表的石油市场月报中提供的数字，去年世界原油平</t>
  </si>
  <si>
    <t>美国去年工业生产下滑3.9%</t>
  </si>
  <si>
    <t>本报华盛顿专电：美国联邦储备委员会16日公布的报告显示，去年12月份美国的工业生产比11月份下降了0．1％，为连续第五个月下滑。而去年全年的工业生产比前年下降了3．9％。      美国的工业生产于前年6月达到高峰，此后几乎是一路下滑</t>
  </si>
  <si>
    <t>日元贬值：人民币不会跟着贬</t>
  </si>
  <si>
    <t>本报讯（记者张长安 孟庆丽 于海）近来，日元贬值趋势加快，引起了世界各国特别是亚洲各国和地区的普遍关注。中国人民大学经济学院教授、太平洋经济研究所所长陈建，国务院发展研究中心对外经济研究部副部长、中日经济知识交流会事务局?</t>
  </si>
  <si>
    <t>新加坡检讨经济发展思路</t>
  </si>
  <si>
    <t>2001年新加坡陷入1965年独立以来最严重的经济衰退，预计全年经济萎缩3％。新加坡总理吴作栋指出，国家安全、社会凝聚力和经济衰退是新加坡当前面临的三大严重挑战；保住员工饭碗，减少失业是渡过难关的焦点；怎样处理近期解困和长期发展</t>
  </si>
  <si>
    <t>瑞典网上银行客户激增</t>
  </si>
  <si>
    <t>本报斯德哥尔摩专电（记者吴平）根据瑞典银行协会4日公布的统计数据，尽管去年信息产业普遍不景气，但瑞典网上银行客户仍继续急剧增加。    截至去年10月底，瑞典网上银行客户达到340万户，半年里激增70万户。全国2／3的银行客户都已?</t>
  </si>
  <si>
    <t>陷入低迷的国际石油市场</t>
  </si>
  <si>
    <t>与前年油价长期居高不下形成鲜明对比，去年国际市场原油价格每况愈下。尽管石油输出国组织（欧佩克）为确保油价稳定作出了不懈的努力，但全球经济不景气的阴影始终挥之不去导致原油市场需求疲软，油价不振。从发展的前景来看，今年国际石油市场的油价走势同样不容乐观。</t>
  </si>
  <si>
    <t>平安与汇丰联手收购福建亚洲银行</t>
  </si>
  <si>
    <t>本报讯  １２月２９日，平安信托投资公司与香港上海汇丰银行有限公司分别宣布，经中国银监会批准，平安信托和汇丰银行分别以不超过２０００万美元的资金获准收购福建亚洲银行１００％股份。    本次收购结束后，平安将增资２３００万美元，持股比例将达到７３％，汇丰持股?</t>
  </si>
  <si>
    <t>穷富结亲的利与弊</t>
  </si>
  <si>
    <t>２００４年１月１日是北美自由贸易协定正式生效１０周年的日子。１０年前由美国、加拿大和墨西哥积极倡导建立的、覆盖人口达到４亿的世界上最大的自由贸易区，究竟给墨西哥这个发展中国家带来了什么？    统计数字显示，北美自由贸易协定生效１０年来，区域内贸易额由１９?</t>
  </si>
  <si>
    <t>美国证券丑闻层出不穷</t>
  </si>
  <si>
    <t>从安然，到世通，最后到全球“五大”之一的安达信，过去几年美国证券业丑闻主要集中在上市公司和会计师事务所共同做假账上。而今年则从对冲基金，到证交所，再到共同基金，“打黑”目标开始向“外围”扩展。    在２００２年就开始陆续暴露出的美国对冲基金欺诈丑闻，到今?</t>
  </si>
  <si>
    <t>贝塔斯曼：两项策略开发中国市场</t>
  </si>
  <si>
    <t>本报讯  自今年５月１日起，中国的图书零售市场对外资正式开放后，经过半年的市场适应期，德国媒体巨人贝塔斯曼集团近日正式提出了全面进军中国市场的两项市场规划策略。    首先，贝塔斯曼主动联手本地图书零售企业，以迅速扩大规模。经过半年来详尽的市场调查，贝塔斯曼?</t>
  </si>
  <si>
    <t>北京现代伊兰特23日上市</t>
  </si>
  <si>
    <t>本报讯  １２月２３日，北京现代汽车有限公司在北京饭店举行隆重仪式，正式发布伊兰特在中国上市的消息。该车装配１．８Ｌ排量的强劲型发动机，手动挡和自动挡的定价分别为１５６，０００元和１６６，８００元。    北京现代版伊兰特改进自韩国现代在国际市场极负盛誉的第?</t>
  </si>
  <si>
    <t>春节出境游市场价格平稳</t>
  </si>
  <si>
    <t>本报讯  记者从国家旅游局了解到，随着元旦和春节的临近，国内部分大型旅行社组织的出境长线团日益升温，出境游价格总体平稳。    记者在采访中得知，目前北京市各大旅行社推出的欧洲游分为８天、１０天、１３天等，其中８天９０００元及１０天１５０００元的线路最受欢迎?</t>
  </si>
  <si>
    <t>帕玛拉特财务黑洞越揭越大</t>
  </si>
  <si>
    <t>本报讯  据外电报道，被称为“欧洲版安然”的意大利最大食品公司帕玛拉特财务丑闻升级，日前爆出的近４０亿欧元财务黑洞到２２日已扩大至１００亿欧元。意大利内阁定于当地时间２３日举行会议，专门讨论处理帕玛拉特财务危机的具体方案。    据报道，帕玛拉特前董事长兼首?</t>
  </si>
  <si>
    <t>伊战后石油市场格局渐变</t>
  </si>
  <si>
    <t>战前的伊拉克在国际石油市场可谓“无足轻重”。在“石油换食品计划”下，伊拉克几乎没有左右油价的能力，而且国际制裁使其开采设施年久失修，即使放开了也产不出多少油来。美国对伊战争结束后，全球能源巨头蜂拥而入，伊拉克“油阀”大开指日可待，欧佩克配额对它的约束力也?</t>
  </si>
  <si>
    <t>拿印度比中国不公平</t>
  </si>
  <si>
    <t>本报讯  １２日美国商务部决定对从中国进口的木制卧室家具立案进行反倾销调查。美方提出将按照第三国替代原则，以印度的生产要素作为参照来核算中国产品的成本。对此，一些业内人士和专家近日在接受本报记者采访时提出，中国目前是全球家具的生产中心，通过比较印度的家具市?</t>
  </si>
  <si>
    <t>詹德：接掌摩托罗拉的“外人”</t>
  </si>
  <si>
    <t>美国东部时间１２月１６日早晨，摩托罗拉公司任命前太阳微系统公司总裁爱德华·詹德为其新一任董事长兼首席执行官，该任命自２００４年１月５日起生效。这一事件意味着克里斯托夫·高尔文将在詹德上任同日正式退休，控制摩托罗拉公司长达７５年之久的高尔文家族将淡出历史舞?</t>
  </si>
  <si>
    <t>逾八成中国对美食品出口企业受阻</t>
  </si>
  <si>
    <t>本报讯（记者张心松）美国东部时间12月12日（北京时间13日），美国食品药品管理局（FDA）正式实施“入境食品企业注册”和“进口食品提前通报”两项法规，此前未登记注册的外国食品出口企业，产品出口美国时将在入境港口被扣留。而美国农</t>
  </si>
  <si>
    <t>英镑兑美元触及11年高点</t>
  </si>
  <si>
    <t>上周纽约外汇市场盘中走势震荡。虽然越来越多的证据显示美国经济正在复苏，但近期美元兑欧元不断跌至纪录低点，周五欧元／美元再次触及１．２３０６美元的历史纪录高点，之后略有回软。美元兑日元亦触及三年低点。    欧元／美元今年以来已涨逾１６％，同期美元兑日元则下?</t>
  </si>
  <si>
    <t>美国“药物一代”引起社会关注</t>
  </si>
  <si>
    <t>在美国的大超市里，人们时常会看到推着购物车的顾客从商品架上取下大包装缓解疼痛的阿斯匹林、治鼻塞感冒的泰诺以及其他非处方药，买药的架势就跟拎走大桶装牛奶和经济装面包那样寻常。    一位顾客曾说，买那么多药并非只为储备，而是日常需要，稍有不适就得吃药，吃药已?</t>
  </si>
  <si>
    <t>缺维D可导致老年人易摔跤</t>
  </si>
  <si>
    <t>本报讯  摔个跟斗对年轻人来说不算什么事，但如果是身体衰弱的老人就可能导致重伤甚至死亡。澳大利亚科学家新发现了一个使老年人容易跌倒的危险因素：体内缺少维生素Ｄ。    西澳大利亚大学的科学家在最新一期《美国老年病学学会杂志》上报告说，他们对１５００名老年妇女?</t>
  </si>
  <si>
    <t>奥运会将成中国旅游橱窗</t>
  </si>
  <si>
    <t>本报讯  西班牙驻华使馆旅游参赞阿都乐·科维日前表示，２００８年北京奥运会将成为一个向世人展示中国旅游的“橱窗”。    科维在“世界旅游组织旅游目的地开发与管理地区合作研讨会”上说，目前西班牙的巴塞罗那已经与北京签署了一项协议，同北京奥组委和有关旅游部门分?</t>
  </si>
  <si>
    <t>煤粉锅炉等离子点火及稳燃技术</t>
  </si>
  <si>
    <t>本报讯  近日，在北京召开的中国电力科学技术奖励评审会上，一种煤粉锅炉等离子点火及稳燃技术获一等奖。    据悉，该项技术是乌鲁木齐电业局副局长杨生贵同志任原新疆电力试验研究所副所长期间，从哈萨克斯坦动力研究院引进的。该项技术曾在宝鸡电厂做试验，但没有成功。?</t>
  </si>
  <si>
    <t>世界咖啡产量将下降15%左右</t>
  </si>
  <si>
    <t>本报讯  哥斯达黎加“共和国报”１０日援引美国农业部的一份研究报告预测，２００３－２００４咖啡季节，世界咖啡产量可能将下降１５．２％左右，总计１．０５３亿包（６０公斤装），可出口产量将下降２０％，达７８００万包。这使世界可出口咖啡总量下降到近６年来的最低点?</t>
  </si>
  <si>
    <t>对重启国债期货市场的思考</t>
  </si>
  <si>
    <t>一、国债期货的暂停及原因    由于国债期货恶意炒作屡禁不止，１９９５年５月１７日中国证监会发出《关于暂停全国范围国债期货交易试点的紧急通知》，上市仅两年六个月的国债期货被暂停。时至今日，我国仍然没有恢复国债期货交易。之所以会发生恶意炒作，从根本上说是因为?</t>
  </si>
  <si>
    <t>中美经贸互补互惠互利</t>
  </si>
  <si>
    <t>中国今年外贸总额将达到８０００亿美元，特别是进口增长速度大于出口增长速度。《波士顿环球报》专栏作家斯坦发表文章介绍，今年前９个月，中国进口额增加了４０％，超过了３２％的出口增长幅度。他援引美国国际经济研究所专家拉迪的预测，中国将是紧随美国和德国之后的世界?</t>
  </si>
  <si>
    <t>德大规模临床试验再度证明针灸疗效</t>
  </si>
  <si>
    <t>本报柏林专电  德国医学家日前报告说，通过一项有５０万人参加的大规模临床试验，他们再度证明了针灸疗法确有疗效。这一结论有望为针灸疗法被纳入德国医疗保险体系亮起绿灯。    据德国《焦点》杂志报道，柏林医学家斯特凡·维利希证实说，在这项可能是迄今全球最大规模的?</t>
  </si>
  <si>
    <t>美国家族企业长盛不衰</t>
  </si>
  <si>
    <t>■《商业周刊》日前的一次调查显示，在标准普尔５００指数的成分股公司当中，有１７７家属于家族企业——创始人或其家庭成员在企业管理中扮演重要角色的企业。    在美国《财经杂志》上，美洲大学教授安德森和坦波大学教授里布在共同发表的文章中也作了类似的阐述。根据长?</t>
  </si>
  <si>
    <t>我农产品对日出口将受冲击</t>
  </si>
  <si>
    <t>本报东京专电  记者从日本熊本县政府获悉，该县政府有关部门２日向长崎海关提出申请，要求禁止从中国进口一种蔺草以及用这种蔺草制作的榻榻米，因为熊本县有关方面认为这种蔺草是盗用了该县培育出的种苗生产的，侵犯了其知识产权。    长崎海关已经接受了该县的申请，今后?</t>
  </si>
  <si>
    <t>汽车设计进入智能化时代</t>
  </si>
  <si>
    <t>信息技术革命正在推动汽车设计翻开新的一页。无论是美国、欧洲或者日本，车商们无不将小轿车的自动化、智能化和网络化列为２１世纪发动新的市场攻势的有力手段。为此，车商们同电子技术厂商的合作也开始翻开新的一页。    操作系统的新涵义    如果你正驾车行驶在高速公?</t>
  </si>
  <si>
    <t>第三方服务</t>
  </si>
  <si>
    <t>进入新的世纪，一度曾被产品的品牌、质量等模糊了的服务再度进入人们的视线，而以第三方的角色提供服务成为众多专业服务商的首选。    “第三方服务”一词最早出现于１９８７年美国海军对物流运输业的一次市场调查，随后普遍运用于物流业、物业管理行业、ＩＴ业，最后被各?</t>
  </si>
  <si>
    <t>美共同基金进入“齐抓共管”时代</t>
  </si>
  <si>
    <t>本报讯  美国证券交易委员会１２月３日全票通过了新的共同基金业监管规则。和９月初开始调查丑闻时不同，证交会现在已经不是唯一的共同基金监管者了。    美证交会最新规则要求：共同基金公司需任命直接对基金独立董事负责的首席执法长；严格禁止共同基金在纽约时间下午４?</t>
  </si>
  <si>
    <t>欧盟财政政策面临两难选择</t>
  </si>
  <si>
    <t>针对德法两国财政赤字问题的争吵至今没有平息的迹象。２日，欧盟委员会负责经济与金融事务的委员佩德罗·索尔韦斯再次表示，欧盟财政部长理事会放弃对法国和德国财政赤字问题采取行动的决定，将影响欧盟的信誉并妨碍欧洲的经济增长。    欧盟财政部长理事会上周决定暂时放?</t>
  </si>
  <si>
    <t>人民币升值不能解决贸易不平衡</t>
  </si>
  <si>
    <t>据美方统计，从１９８４年到２００２年，美国对中国的贸易逆差从３００亿美元增加到１０３０亿美元，而在此期间人民币汇率并没有发生重大变化。美国摩根士丹利公司首席经济学家罗奇认为，即使将人民币对美元汇率上调２０％，中国出口的产品价格也只会上升４％左右，根本不会?</t>
  </si>
  <si>
    <t>德隆鲸吞世界第三霸主地位更稳</t>
  </si>
  <si>
    <t>“已经万事俱备，只等国务院批准！”    新疆德隆董事局主席唐万里告诉记者，“要不是中美贸易战，我们现在可能已经完成签约。”唐万里表示，收购方案已经经过国家发改委批准，德隆将以８０００万美元的价格，以全部买断的方式，购入世界园林机械的第三大品牌ＭＵＲＲＡＹ?</t>
  </si>
  <si>
    <t>美国就业减少不是中国造成的</t>
  </si>
  <si>
    <t>《华盛顿邮报》最近发表文章指出：“由于中国和美国之间累积了巨额贸易顺差，因此中国就顺理成章地成为布什执政期间美国制造业减少２６０个就业岗位的替罪羊。”文章认为：“纠缠北京可能是一种好的政治策略，但无助于美国的劳动者。”因为美国制造业就业岗位减少，不是中国?</t>
  </si>
  <si>
    <t>专业住房信贷模式进入中国</t>
  </si>
  <si>
    <t>本报讯  中国建设银行行长张恩照和德国施威比豪尔住房储蓄银行行长艾尔德兰特１日签署了中德住房储蓄银行章程。据悉，这家银行将在年内开业运营。这是中国第一家按照国际通行运作模式建立的住房储蓄银行。    中德住房储蓄银行由中国建设银行和德国施威比豪尔住房储蓄银行?</t>
  </si>
  <si>
    <t>迪斯尼家族告别迪斯尼公司</t>
  </si>
  <si>
    <t>本报洛杉矶专电  美国娱乐业巨头迪斯尼公司３０日宣布，作为迪斯尼家族最后一名现职成员的罗伊·迪斯尼由于超龄而被迫退休，至此迪斯尼家族告别了由它创立的这个娱乐王国。    迪斯尼公司的董事会主席乔治·米歇尔说，现年７３岁的副主席罗伊·迪斯尼将与其他两位也到了退?</t>
  </si>
  <si>
    <t>乔丹不再 品牌依旧</t>
  </si>
  <si>
    <t>本报讯  据《亚洲华尔街日报》报道，在一个没有乔丹的ＮＢＡ新赛季，耐克公司决定继续推广乔丹品牌的运动系列产品，并将这一品牌拓展到休闲服饰领域。    报道称，一般来说，以某个运动员命名的品牌在该运动员退役后便会淡出市场，但迈克尔·乔丹和耐克公司长达１９年的合?</t>
  </si>
  <si>
    <t>豚草成为三成过敏症元凶</t>
  </si>
  <si>
    <t>本报哈尔滨电  秋冬季是过敏性疾病的多发期。近日，医生在哈尔滨临床过敏源检查中发现，３０％过敏患者得病源于一种叫“豚草”的北美植物。    据黑龙江省中医药大学附属第一医院变态反应科（过敏科）贾宽教授介绍，入冬以来，该科接待呼吸道、皮肤过敏患者逐渐增多。通过?</t>
  </si>
  <si>
    <t>韩最大信用卡公司暂免破产</t>
  </si>
  <si>
    <t>本报讯  韩国最大的信用卡公司ＬＧ信用卡公司两周来面临支付危机，数次停止透支服务。在韩国政府的干预下，八大债权银行同意向其提供２万亿韩元（约合１７亿美元）紧急贷款，并延长债务到期时间，使ＬＧ信用卡公司暂时免遭破产命运。    两年前韩国政府实施扩大内需政策以?</t>
  </si>
  <si>
    <t>信用等级遭下调 福特公司特不满</t>
  </si>
  <si>
    <t>本报讯  国际评级机构标准普尔日前将福特汽车公司的长期信贷评级下调至“ＢＢＢ－”。这家美国汽车业巨头对此表示强烈不满，认为标准普尔未准确判断公司的经营状态。    据英国《金融时报》报道，考虑到福特汽车公司目前的盈利能力和现金流状况尚无起色，标准普尔决定将福?</t>
  </si>
  <si>
    <t>新型柴油发动机</t>
  </si>
  <si>
    <t>本报讯：日前，由江苏四达动力机械集团生产的柴油发动机全线产品，在合肥举办的2003年全国农机产品订货交易会上闪亮登场，其产品全线通过欧洲一号尾气排放标准，其中485ZL型柴油机和4100ZL、4112ZL型等增压中冷柴油机率先通过欧洲二号</t>
  </si>
  <si>
    <t>“一日元起家”掀起日本创业热潮</t>
  </si>
  <si>
    <t>本报讯  以往要在日本注册一家公司，商业法律规定至少要有３００万日元或者是１０００万日元的资本金。日本政府为鼓励“白手起家”，在今年初开始将公司的注册最低资本金降低到１日元。在失业严重的恶劣环境中，“１日元起家”逐渐奏效，引发了空前的创业热潮。    根据日?</t>
  </si>
  <si>
    <t>智力支持博鳌论坛 推进亚洲经济合作</t>
  </si>
  <si>
    <t>博鳌亚洲论坛连续两届年会的胜利召开，为亚洲区域内经济合作起到了较大的推动作用。与会代表一致称赞年会设计的主、议题切中了亚洲区域经济发展的命脉，呈现准确、及时、重大的特点，为年会的成功召开起到了非常好的软件支撑作用。    为博鳌亚洲论坛两届年会提供智力支持?</t>
  </si>
  <si>
    <t>全球贸易摩擦骤起 贸易大战恐难打响</t>
  </si>
  <si>
    <t>本报讯  ２４日，美国商务部宣布，初步裁定中国彩电存在倾销行为。不久前，美国还决定对中国的３种纺织品实施进口配额限制措施并对中国木制家具进行反倾销调查。此外，美国还与欧盟、挪威、日本等国在钢铁贸易上发生严重纠纷。一时间，全球贸易紧张局势逼近了沸点。    分?</t>
  </si>
  <si>
    <t>针灸成为中医药被世界接受的突破口</t>
  </si>
  <si>
    <t>本报巴黎专电  在巴黎参加全欧洲中医药专家联合会２００３年学术年会的中外专家对记者说，目前西方医学界已越来越多地了解和承认针灸的功效，针灸已成为中医药被世界接受的突破口。    法国针灸协会主席安德海思博士认为，针灸可以明显减轻患者症状和痛苦，而西方医学认为?</t>
  </si>
  <si>
    <t>中国摩托车企业推出新款速度超过日本</t>
  </si>
  <si>
    <t>本报重庆专电  嘉陵集团曾是日本摩托车企业的“徒弟”，但如今嘉陵每年推出１５个新产品，１００多个改型新产品，推出新品速度超过了全球最大的摩托车企业日本本田。    从无到有，从小到大，短短２０多年，中国摩托车产业崛起为世界摩托车第一王国：生产量、销售量占据全?</t>
  </si>
  <si>
    <t>中国不是美国的威胁</t>
  </si>
  <si>
    <t>■编者按：本报接到美国联邦储备银行达拉斯分行研究人员的越洋电话及电子邮件，希望我们能转载该行高级副总裁、首席经济学家迈克·考克斯和该行经济学家具滋亨日前在美国《财经时代》发表的文章。我们认为这篇文章对中国读者了解中美经济关系有一定参考价值，因此略做删节后?</t>
  </si>
  <si>
    <t>新型面包粉碎机</t>
  </si>
  <si>
    <t>本报讯  近日，由中日合作、国内首家生产的面包粉碎机系列产品在正奥食品机械（天津）有限公司成功下线，该系列产品适合多种加工需求。    据悉，近年来随着国内加工食品、餐饮业的发展及扩大出口，面包屑在中西餐馆炸货辅料、出口的生鲜调理食品裹料、百姓餐桌食品等方面?</t>
  </si>
  <si>
    <t>您办了信用卡没有</t>
  </si>
  <si>
    <t>朋友小王刚刚成为建行龙卡贷记卡的持卡人，他曾经讲过这样一件事：以前他所在的公司派他到英国进行商务考察，到达英国的当天晚上，他在一家酒店预定房间，前台的侍者告诉他本酒店只能受理信用卡订房，不收取现金。无奈之下他只好又走了很远才找到一家可以现金订房的酒店。</t>
  </si>
  <si>
    <t>中日韩应尽快建立自由贸易</t>
  </si>
  <si>
    <t>本报讯  一项由中国、日本、韩国三方研究机构进行的调查表明，三国企业界对可能建立的中日韩自由贸易区态度非常积极。    在１８日召开的第二届中日韩商务论坛上，由中国国务院发展研究中心、韩国对外经济政策研究院和日本综合开发研究机构联合组建的中日韩合作研究小组发?</t>
  </si>
  <si>
    <t>通用汽车在中国快马扬鞭</t>
  </si>
  <si>
    <t>通用汽车公司董事长兼首席执行官瓦格纳日前中国之行的意义在他返回美国后，即刻得到了体现。    １１月１２日，作为促进中美两国经贸往来的重要举措之一，全球最大的汽车公司通用汽车公司在美国底特律签署了一系列重要协议，将通过通用汽车中国公司和上海通用汽车公司等，?</t>
  </si>
  <si>
    <t>中铁联合物流链接国际市场</t>
  </si>
  <si>
    <t>本报讯  成立仅两年的中铁联合物流有限公司以进行铁路货运代理切入市场后，努力拉长物流业务供应链，１１月２日他们为德国苏达明公司一站式服务采购的３万吨焦炭安全运抵印度孟买港。    采用这种新型物流模式开展经营的企业，在全国铁路主办或控股的物流企业中还是第一家?</t>
  </si>
  <si>
    <t>欧洲冠军杯比赛将由网站转播</t>
  </si>
  <si>
    <t>由于各种原因，国内没有一家电视台拿到明年欧洲足球俱乐部冠军杯决赛阶段的电视转播权。然而，记者近日却获悉，国内某具有电信背景的知名互联网网站却正在与相关组织谈判，希望拿到该赛事的转播权，并通过宽带网络向球迷全程转播。据了解，目前双方的谈判已经进入最后阶段，?</t>
  </si>
  <si>
    <t>研究揭示全球“信息爆炸”现状</t>
  </si>
  <si>
    <t>本报讯  这是一个名符其实的“信息爆炸”时代，美国一项新研究结果可以为证：加利福尼亚大学伯克利分校研究人员发现，仅过去３年中，全球新生产出的信息量就翻了一番。    据这所大学发布的新闻公报介绍，该校信息管理及系统学院莱曼教授领导的小组在研究中对多种信息源进?</t>
  </si>
  <si>
    <t>欧盟高额农业补贴是最大障碍</t>
  </si>
  <si>
    <t>本报讯  首届亚欧农业高级别合作会议１２日在北京召开。参加会议的专家在接受本报记者采访时提出，欧盟的高额农业补贴政策将成为未来亚欧农业合作的最大障碍，而减少农业补贴，平衡亚欧农产品价格将是本届亚欧农业高级别会议亟需解决的问题。    本次会议是在世贸组织坎昆?</t>
  </si>
  <si>
    <t>“烟控公约”将全面影响我国烟草业</t>
  </si>
  <si>
    <t>本报讯  中国常驻联合国代表王光亚于１１月１０日在纽约联合国总部代表中国政府签署了《烟草控制框架公约》（以下简称“烟控公约”）。专家指出，“烟控公约”将对我国烟草业的各个环节都有着全局性的影响。    中国烟草学会秘书长郑富刚在接受记者采访时表示，“烟控公约?</t>
  </si>
  <si>
    <t>全面停止显像管生产</t>
  </si>
  <si>
    <t>近年来，日本消费者对电视的消费热情已经转向了超薄大屏幕电视机，显像管电视机市场急剧萎缩。为此，日本松下电器和东芝公司决定于２００４年９月底在日本国内停止电视机用显像管的生产。在这之前，索尼公司也宣布年内停止在日本国内的电视机用显像管的生产。届时，从１９５?</t>
  </si>
  <si>
    <t>美监管当局着手整顿共同基金</t>
  </si>
  <si>
    <t>本报纽约专电  ９月初以来，美国地方司法部门和证券监管部门对共同基金市场的整顿步步深入，这个规模约７万亿美元的市场暴露出的问题也越来越多。    最近一二十年，美国共同基金发展十分迅猛。２０世纪９０年代后期股市狂涨，共同基金的发展经历了黄金时代，一些基金的规?</t>
  </si>
  <si>
    <t>英美公司“外包”服务新潮乍涌</t>
  </si>
  <si>
    <t>如果你打电话给英国全国铁路问讯服务中心查询有关信息，你大概不会想到，应答的接线服务生可能远在万里之遥的印度班加罗尔。事实的确如此，今天，英国全国铁路问讯服务的某些业务已开始从印度提供。    进入２１世纪以来，英美一些企业相继把部分服务业务转移到成本相对低?</t>
  </si>
  <si>
    <t>企业家的干与学</t>
  </si>
  <si>
    <t>不久前，新华社发了一条新闻，说到浙江省民营企业的老板九成是苦出身。他们大都出身寒微，补皮鞋、弹棉花、挑货郎担就是他们创业的起点。在创业初期的文化水平也不高，大多是初高中文化。    “英雄莫问出处”，这条新闻引起笔者很大的兴趣，使我想起美国和海外在早期一些?</t>
  </si>
  <si>
    <t>股份制银行排名靠前</t>
  </si>
  <si>
    <t>本报讯  亚洲权威银行业期刊《亚洲银行家》近日在沪宣布了年度亚洲３００强商业银行的最新排名。包括三家上市银行（上海浦东发展银行、招商银行和民生银行）在内的中国股份制银行在排行榜上风头尽显，而规模庞大的四大国有银行，却不敌风头正劲的股份制银行，排名相对靠后。$</t>
  </si>
  <si>
    <t>体检面面观</t>
  </si>
  <si>
    <t>$F体检：一块大蛋糕$E据美国的一项调查显示，在预防保健上投资１美元，可以节省医疗费７美元。医学专家姜良铎教授指出，国外是七分保健，三分治疗。而我国长期以来一直是七分治疗，三分保健。现在，随着人们生活水平的大幅度提高，特别是今年发生ＳＡＲＳ?</t>
  </si>
  <si>
    <t>“FDA注册代理”作乱食品出口市场</t>
  </si>
  <si>
    <t>随着１２月１２日——美国食品注册通报制度实施日期日益临近，一些所谓“注册代理”机构在国内也越来越活跃。这些机构宣称，国内食品企业必须通过它们才能在美国食品药物管理局（ＦＤＡ）注册。权威人士提醒，目前一些营利性机构出于牟利的目的，故意夸大ＦＤＡ注册难度，甚?</t>
  </si>
  <si>
    <t>日本7大银行不良债权降低13%</t>
  </si>
  <si>
    <t>本报讯  据日本７大银行集团公布，２００３年９月中期结算的期末不良债权余额预计将比今年３月降低１３％左右，总额压缩到１８．１万亿日元。    如果按照目前的经济状况持续下去，预计到２００４年３月，一直是日本经济重负的不良债权将可能压缩到１５万亿日元以内，从而?</t>
  </si>
  <si>
    <t>三星批量生产大容量存储卡</t>
  </si>
  <si>
    <t>本报汉城电  韩国三星电子公司６日宣布开始批量生产５１２兆位和２５６兆位大容量存储卡。    三星电子公司批量生产的是目前需求量大增的多媒体卡，其型号为５１２ＭＢ ＭＭＣ、２５６ＭＢ ＭＭＣ和小规格２５６ＭＢ ＭＭＣ等三种，可用于手机、数码相机、ＰＤＡ和ＭＰ３等</t>
  </si>
  <si>
    <t>美国思科公司盈利大幅上扬</t>
  </si>
  <si>
    <t>本报洛杉矶电  世界最大的网络设备生产商美国思科系统公司５日宣布，在１０月２５日结束的公司２００４年财年第一季度中，它的销售额比去年同期增长５．３％，利润同比增长７６％。    思科公司公布的当季销售额为５１亿美元，高于去年同期的４８．５亿美元，盈利近１１亿?</t>
  </si>
  <si>
    <t>丰田汽车上半年度利润再创记录</t>
  </si>
  <si>
    <t>本报东京电  日本丰田汽车公司５日宣布，该公司集团２００３年上半年度（４至９月份）的税前利润为８１２０亿日元，比上年度同期增长了１３．７％，更新同期历史最高记录。据悉，该财务决算报告是根据美国的会计制度编制的。      丰田汽车公司发表的中期财务决算报告还显?</t>
  </si>
  <si>
    <t>民营企业治理结构也要与时俱进</t>
  </si>
  <si>
    <t>由中国社会科学院民营经济研究中心和美国国际民营企业中心主办、山西苑军实业有限公司协办的“中国民营经济发展高层沙龙”，２００３年１０月２８日在北京举行，中国社会科学院民营经济研究中心主任刘迎秋研究员和山西苑军实业有限公司董事长、总经理孙二明先生共同主持了会?</t>
  </si>
  <si>
    <t>产业结构调整与西部发展机遇</t>
  </si>
  <si>
    <t>２０世纪８０年代到９０年代，中国的改革开放与西方发达国家以及其他新兴工业化国家和地区的产业升级两股大潮不期而遇．中国在这样一个历史机遇面前几乎没有迟疑，在不断加快自身改革的同时，顺势而上引进这些正在寻找出路的外资，用了十几年的时间，基本摆脱了贫困，工业化?</t>
  </si>
  <si>
    <t>全球视频游戏市场要变天</t>
  </si>
  <si>
    <t>本报讯  微软公司日前宣布，将在下一代Ｘｂｏｘ游戏机及其他消费类电子产品中使用ＩＢＭ公司的芯片。有分析认为，这一决定将挽救ＩＢＭ公司亏损严重的芯片业务，并给芯片巨头英特尔公司和视频游戏霸主索尼公司带来极大冲击。    据英国《金融时报》报道，ＩＢＭ公司将向微?</t>
  </si>
  <si>
    <t>世界最大电视生产商呱呱落地</t>
  </si>
  <si>
    <t>本报讯（记者徐蓉蓉）ＴＣＬ和法国汤姆森ＳＡ公司４日在广州宣布成立合资公司。公司具备年生产１８００万台电视机，３００至４００万台ＤＶＤ机的生产能力，将成为世界最大电视生产企业。    ＴＣＬ拥有ＴＣＬ－汤姆森电子公司２／３的股份，汤姆森拥有１／３。合资公司预?</t>
  </si>
  <si>
    <t>中国内地5000余日产车将被召回</t>
  </si>
  <si>
    <t>本报北京电  记者４日从日本日产汽车（中国）有限公司了解到，在公司日前向全球发布召回的２５５万辆汽车中，包括５７９０辆向中国内地出口的阳光（ＳＵＮＮＹ）和奇骏（Ｘ－Ｔｒａｉｌ）两款车。这些车的用户将得到日产汽车实施的免费检修。    据记者了解，此次免费检修?</t>
  </si>
  <si>
    <t>泰国广告业将保持快速增长</t>
  </si>
  <si>
    <t>本报曼谷电  泰国广告联合会称，随着经济稳步发展，泰国广告业在未来５到１０年内将保持１０％的高增长率稳步发展。    广告联合会主席称，今年大众传媒的广告开支高达７００亿泰铢（约合１６．７亿美元），比２００２年增加１５％。各媒体的广告开支有望继续增长，预计在?</t>
  </si>
  <si>
    <t>中国卡通产业何时不“掉链”</t>
  </si>
  <si>
    <t>１９３６年美国人沃尔特·迪斯尼创作了“米老鼠”这个卡通形象，使它成为全球最知名也最值钱的老鼠。迪斯尼首开卡通产品授权的先河，使卡通形象衍生了一个产业，集文化、艺术、传媒、教育、产品等为一体，成为一个新的文化、经济载体。目前，迪斯尼在全球已发展了４０００多?</t>
  </si>
  <si>
    <t>一汽丰田汽车销售公司成立</t>
  </si>
  <si>
    <t>本报讯  为了整合一汽与丰田在中国几家合资企业的销售体系，１０月２８日，一汽集团与日本丰田汽车公司合资成立了一汽丰田汽车销售有限公司，并从１１月１日起正式营业。    ２００２年８月２９日，一汽与丰田就在中国发展汽车工业事宜结成了长期的战略合作关系，为此，一?</t>
  </si>
  <si>
    <t>多焦人工晶体</t>
  </si>
  <si>
    <t>本报纽约专电  美国南卡罗来纳州医科大学的斯托姆眼科研究所对白内障患者植入一种最先进的多焦性人工晶体后，无论远近，患者不戴眼镜都看得非常清楚。    据《今日美国报》报道，斯托姆眼科研究所将多焦性人造晶体植入白内障患者眼内，患者不需要戴眼镜就可以看清楚药瓶上?</t>
  </si>
  <si>
    <t>植入式隐形眼镜</t>
  </si>
  <si>
    <t>本报纽约专电  美国食品和药物管理局（ＦＤＡ）顾问小组最近表决通过，力促核准斯塔手术公司（Ｓｔａａｒ Ｓｕｒｇｉｃａｌ）的植入式隐形眼镜上市，这种新产品将成为激光手术以外另一种矫正近视眼的方法。    据《纽约时报》报道，植入式隐形眼镜是折射式镜片，医生从一个</t>
  </si>
  <si>
    <t>新型抗生素</t>
  </si>
  <si>
    <t>本报华盛顿专电  美国研究人员在最新一期《科学》杂志上表示，他们开发出了一种新型抗生素，可用于研制新药，对付抗药性日益提高的细菌。    威斯康星大学、俄亥俄州立大学和达拉斯Ｃｕｍｂｒｅ公司组成的研究小组说，他们研制的实验名为ＣＢＲ７０３的化合物能以独特的方?</t>
  </si>
  <si>
    <t>美国劳动力结构的变化</t>
  </si>
  <si>
    <t>也许由于美国２００４年的大选已经为期不远，美国的经济形势又没有大的起色，所以最近一段时间以来，美国的一些政客，把美国的失业问题归罪于中国，他们认为价廉物美的中国货进入美国市场后，使这些行业的产品销路不畅，就业人数减少。《国际先驱论坛报》在一篇题为《中国成?</t>
  </si>
  <si>
    <t>中日韩民间力量筹建东北亚银行</t>
  </si>
  <si>
    <t>本报讯  中国、日本和韩国的民间人士正在积极筹建一家旨在为东北亚地区中小企业和个人提供金融服务的合资商业银行。目前，相关准备工作已经进入“实质性阶段”。    记者在此间举行的太平洋经济合作理事会（ＰＥＣＣ）中日韩民间经济合作会议上获悉，与由成员国政府出资组?</t>
  </si>
  <si>
    <t>中国能源建设面临四大挑战</t>
  </si>
  <si>
    <t>本报讯  “按照英国石油公司（ＢＰ）的预测和国际能源组织的数据分析，未来１１年里大约１／５的全球能源增量将来自中国。中国的能源建设将面临４方面的挑战。”ＢＰ集团首席执行官布朗３０日向记者提出了上述看法。    布朗认为，届时中国能源面临的第一个挑战是供应来源?</t>
  </si>
  <si>
    <t>宽松货币政策时代将告结束</t>
  </si>
  <si>
    <t>本报讯  随著全球经济步入正轨，宽松货币政策的时代可能将告结束。    据《亚洲华尔街日报》报道，目前全球央行开始将他们的重点从应付通货紧缩转向消除通货膨胀。全球利率可能很快上调，这给脆弱的全球经济复苏带来新的挑战，但经济复苏的持续性和规模大小仍然是一个未知?</t>
  </si>
  <si>
    <t>欧盟将力推“欧洲制造”纺织服装产品</t>
  </si>
  <si>
    <t>本报布鲁塞尔电  欧盟委员会２８日发表报告，称欧盟将采取一系列措施，加强其纺织服装业的竞争力，以应对欧盟和扩大和进口配额制度取消带来的挑战。    在这份题为《欧盟扩大后纺织服装业的未来》的报告中，欧盟委员会指出由于国际贸易环境的变化、欧盟即将吸收１０个新成?</t>
  </si>
  <si>
    <t>索尼全球裁员2万以便重组</t>
  </si>
  <si>
    <t>本报讯  索尼公司２８日宣布，将在全球范围内裁减员工２万人，标志着该公司为期３年的重组计划迈出了重要一步。    据英国《金融时报》报道，索尼公司目前拥有１５．４万名员工（不含金融业务部门），计划在全球范围内裁员１３％，即２万人，其中有７０００名日本本土员工?</t>
  </si>
  <si>
    <t>发达国家不应将经济问题归咎人民币</t>
  </si>
  <si>
    <t>本报讯  最新一期英国《经济学家》发表文章指出，发达国家不应把自己所面临制造业工作机会流失、巨额贸易赤字、持续通货紧缩等经济问题归咎于中国人民币汇率。    文章说，制造业向工资水平低的国家转移由来已久。这一问题在美国之所以受到更多关注，是因为像软件编程这样?</t>
  </si>
  <si>
    <t>欧盟对华反倾销能否松动</t>
  </si>
  <si>
    <t>根据欧盟提供的数据，在欧盟近几年对中国企业提起的反倾销调查中，中国企业提出“市场经济地位”申请的成功率，由１９９９年的６％上升至２００２年的６２％。    由于能否获得“市场经济地位”是长期困扰中国企业出口反倾销应诉的关键，而世界各主要发达国家和地区尚未给?</t>
  </si>
  <si>
    <t>精神分裂症：锁定三个致病基因</t>
  </si>
  <si>
    <t>本报柏林专电  多国科学家经过长期研究，最近在探寻精神分裂症的致病基因方面取得重大进展。在研究工作中发挥重要作用的德国科学家２２日介绍说，他们目前已经锁定了三个最为可能的基因，这将为开发出特效药物带来新的希望。    据德新社报道，德国萨尔州医院的彼得·法尔?</t>
  </si>
  <si>
    <t>世界各国争向中国游客绽开笑脸</t>
  </si>
  <si>
    <t>本报讯  中国出境游巨大的增长潜力，使得中国出境游目地国的行列日益壮大，中国游客成为世界各国竞相争夺的“香饽饽”。    近期，北京的一些旅行社流传着一则据说已经“八九不离十”的消息：欧盟各国在年底之前，将对中国游客整体开放。这则消息令业内人士激动不已。让业?</t>
  </si>
  <si>
    <t>中国全球债券受国际投资者追捧</t>
  </si>
  <si>
    <t>本报讯  中国２２日发行的全球债券被国际投资者抢购一空，这些债券都获得了２倍以上的超额认购。欧洲和美国的银行业界均表示，中国强劲的经济增长是周三发行的全球债券的主要卖点。    此次，中国政府发行的全球债券包括１０亿美元１０年期债券和４亿欧元５年期债券。高盛?</t>
  </si>
  <si>
    <t>花旗集团三季度赢利创新高</t>
  </si>
  <si>
    <t>本报华盛顿专电  全球金融巨头美国花旗集团公司２０日发表季度业绩报告称，该公司今年第三季度赢利４６．９亿美元，比去年同期增长２０％，并创下新的纪录。    报告还说，今年头９个月花旗集团共赢利１３０．９亿美元，比去年同期的１２８．５亿美元约增长２％。    花?</t>
  </si>
  <si>
    <t>大众公司酝酿扩张在华业务</t>
  </si>
  <si>
    <t>本报讯  德国大众汽车公司ＣＥＯ皮舍茨里德日前透露，大众未来４至５年内将在中国新增投资６０亿美元。中国政府颁布《汽车金融公司管理办法》后，大众又率先表示将申请在中国大陆提供汽车融资服务。    大众紧锣密鼓在华扩张业务的背景是其欧美市场份额和利润下降。据《财?</t>
  </si>
  <si>
    <t>法国核电鲸吞阿尔斯通配电业务</t>
  </si>
  <si>
    <t>本报讯  １０月１１日至１４日，中国电力企业联合会主办的第四届输配电技术国际研讨会在长沙召开，近年来颇为低调的法国阿尔斯通（ＡＬＳＴＯＭ）公司作为大会国外主要赞助商不仅派出包括Ｔ＆Ｄ（输配电设备）业务全球和地区高层主管率团与会，更在与大会组委会共同举办的开?</t>
  </si>
  <si>
    <t>欧盟大兴土木刺激经济</t>
  </si>
  <si>
    <t>本报布鲁塞尔专电  在日前结束的欧盟首脑会议上，各国首脑原则上同意了欧盟委员会提出的一项金额高达２２００亿欧元的跨欧投资路线图计划，希望用大兴土木的方式来刺激萎靡不振的欧洲经济。    欧盟委员会的计划既包括修建泛欧铁路、公路和海运等基础设施建设，也包括对科?</t>
  </si>
  <si>
    <t>家族企业如何选择接班人</t>
  </si>
  <si>
    <t>本报讯  家族企业的形成与发展都是经过几代人累积而来，创业者的英明、灵活的头脑、快速的决策、彻底的执行，企业因而成长并壮大。美国《财富》评选的５００大企业，有１／３以上的企业属于家族企业，保守估计，美国的整体经济有一半以上是由家族企业所贡献。    在第一代?</t>
  </si>
  <si>
    <t>中俄合资在京经营酒店业</t>
  </si>
  <si>
    <t>本报讯  俄罗斯联邦赤塔州副州长玛伊兹林葛尔近日为赤塔州政府驻京联络处暨贝加尔湖酒店的开业剪了彩。    这是俄罗斯赤塔州在北京的第一个投资项目是由俄罗斯联邦赤塔州与北京鑫瑞星印刷有限公司合资设立的，这家酒店同时是俄罗斯联邦赤塔州政府驻京联络处的驻地。据北?</t>
  </si>
  <si>
    <t>20多国排队申请成我旅游目的地</t>
  </si>
  <si>
    <t>本报讯  越来越多国家看上了中国人日益鼓起来的“腰包”：目前，又有２０多个国家正在向我国政府提出申请，希望成为中国公民出国旅游的目的地。    世界旅游组织第１５届全体大会１９日在北京举行，在同日举行的新闻发布会上，国家旅游局局长何光（日韦）透露了上述信息。$</t>
  </si>
  <si>
    <t>今年两项诺贝尔奖关乎人类健康</t>
  </si>
  <si>
    <t>医学奖：磁共振成像技术    今年的诺贝尔生理学或医学奖被两位磁共振成像（ＭＲＩ）先锋摘取，这种技术现在医学界广泛应用于观察人体组织有无病变。获奖者是美国伊利诺伊大学科学家保罗·劳特布尔和英国诺丁汉大学科学家彼得·曼斯菲尔德。     劳特布尔和曼斯菲尔德采用</t>
  </si>
  <si>
    <t>老年人为何易心力衰竭</t>
  </si>
  <si>
    <t>本报华盛顿专电  美国科学家发现，人体内一种蛋白质水平过高会造成老年人容易发生心力衰竭。    北卡罗来纳州杜克大学的科研人员最近发现，在老年心力衰竭患者当中，体内一种名为Ｇ．阿尔法．ｉ的蛋白质水平比年轻人要高８０％以上。科学家认为，这一发现不但有助于人们了?</t>
  </si>
  <si>
    <t>膝关节镜手术当天能下地</t>
  </si>
  <si>
    <t>本报上海电  一位右膝前交叉韧带断裂者，日前在关节镜前手术仅７小时，就自己扶着助行器慢慢地走回了房间。    “伤筋动骨一百天”，说的是伤筋动骨一般需要养护的时间比较长。曾在美国阿肯色州担任骨科研究所所长的张中南博士，新近组建了国际骨关节外科中心。张中南博士?</t>
  </si>
  <si>
    <t>欧洲宇航防务集团拟入股中航科工</t>
  </si>
  <si>
    <t>本报讯  记者从中国航空工业第二集团公司了解到，欧洲宇航防务集团十分看好中国航空工业的发展和巨大的市场，正在与即将在香港上市的中国航空科技股份有限公司（中航科工）进行商谈，拟占中航科工５％的股份，成为中航科工第二大股东。双方还将结成战略合作伙伴关系，在各方?</t>
  </si>
  <si>
    <t>格林柯尔：速度创造规模效益</t>
  </si>
  <si>
    <t>继成功收购吉诺尔、上菱电器、远东阿里斯顿、西泠、科龙电器等企业，２００３年６月，格林柯尔对美菱的收购使它的产能达到８００万台冰箱，一跃成为世界第二、亚洲第一。    规模战更是速度战    国务院发展研究中心的专家在剖析格林柯尔行业整合经验时指出，格林柯尔迅?</t>
  </si>
  <si>
    <t>走进狼堡</t>
  </si>
  <si>
    <t>金秋时节，记者受大众汽车（中国）投资有限公司的邀请参观了位于德国狼堡的大众汽车集团总部以及位于德累斯顿的大众汽车透明工厂。在那里，记者亲身感受到大众不仅仅是把汽车当作交通工具，而是作为一种艺术品来创作，正如大众在全球新推出的口号一样——“出自对汽车的爱”?</t>
  </si>
  <si>
    <t>国际商界加快采用EPC电子条码</t>
  </si>
  <si>
    <t>本报圣何塞电  哥斯达黎加“自选商场”将从２００４年１月起正式试用世界最新的商业电子条码技术ＥＰＣ，取代目前的价格条码，从而使哥同德国等欧洲４国一起率先掀起了新的世界性商业技术革命。　　ＥＰＣ电子条码是一个点状的微小芯片，只有信纸那样薄，拥有９６个ＢＩＴ?</t>
  </si>
  <si>
    <t>核电建设的一面旗帜</t>
  </si>
  <si>
    <t>2003年7月21日，全球领先的核电承包商法国法马通公司在法国巴黎总部与中国最大的核岛安装承包商之一──中国核工业第二三建设公司正式签署合作协议，法马通公司以持股35％的比例入资二三公司控股的中国国内首家从事核电检修的专业公</t>
  </si>
  <si>
    <t>河北怀来做大葡萄产业</t>
  </si>
  <si>
    <t>本报讯  有着“中国葡萄之乡”称号的河北省怀来县，近年来把葡萄作为经济发展的主导产业和支柱产业，既种上酿酒葡萄，也种上鲜食葡萄和观光葡萄，产业发展势头非常强劲，大有“一业撑起半边天”的态势。    怀来县地处北纬４０度这一世界葡萄种植黄金地带，与法国波尔多、?</t>
  </si>
  <si>
    <t>融合东西方管理风格</t>
  </si>
  <si>
    <t>２００３年４月，佳能再报佳绩：第一季度的合并净销售为７３１６亿日元（６０．９６亿美元），与上年同比增长１２．４％。其第一季度的净收入增长更令人刮目相看——比去年同期增长了１２６．２％，为７１６亿日元（５．９７亿美元）。这是继２００２财年全球净销售额达２４?</t>
  </si>
  <si>
    <t>诺贝尔经济学奖看重技术方法研究</t>
  </si>
  <si>
    <t>今年，瑞典皇家科学院将诺贝尔经济学奖授予了美国经济学家罗伯特·恩格尔和其英国同行克莱夫·格兰杰。颁奖者对他们在“分析经济时间数列”研究领域辛勤工作给予了充分肯定，并强调他们的理论对现实经济研究与发展做出了重大贡献。这说明经济学“技术层面”的研究工作日益得?</t>
  </si>
  <si>
    <t>中文版"口子未开 版权合作将被规范</t>
  </si>
  <si>
    <t>本报讯  针对近日有关“洋杂志”进入中国市场的消息，国家新闻出版署对外合作交流司官员向记者表示：我国现行政策法规不允许外国杂志在内地出版、发行中文版；外刊进入中国内地的主要途径——中外期刊版权合作的方式也将进一步规范。    曾被媒体竞相报道的美国三家著名期?</t>
  </si>
  <si>
    <t>中国IT产业追求“满意度”</t>
  </si>
  <si>
    <t>“中国ＩＴ用户满意度调查”的最新调查结果表明，２００３年中国ＩＴ用户满意度指数为７１．６，与２００２年同比上升０．４个百分点，其产业成熟度已接近西方发达国家。    ＰＣ类产品：ＰＣ服务器满意度指数最高    据调查，由于满意度是用户的感知与用户期望值之间的?</t>
  </si>
  <si>
    <t>外资旅行社渐入国内 旅游业中外竞技加剧</t>
  </si>
  <si>
    <t>外资旅行社进入中国步伐加快    日前，经国家旅游局同意的日本航空公司下属“株式会社日航旅行公司”，作为第一家外商独资旅行社进入中国旅游市场，标志着中国旅行社行业在体制改革方面进入了一个新的时期。据介绍，该社在北京设立的外商独资旅行社将定名为“日航国际旅行?</t>
  </si>
  <si>
    <t>外商在江苏设立５８家研发中心</t>
  </si>
  <si>
    <t>本报讯  世界５００强企业、全球著名的通讯设备设计和制造商美国朗讯科技日前在南京设立研发中心。至此，外商已在江苏投资设立各类研发中心５８家。    以跨国公司为代表的国际资本近年纷纷在长江三角洲投资圈地，加快建立其全球性的制造业基地。随着制造业产能的扩大，外?</t>
  </si>
  <si>
    <t>“智能修形内衣”引领国际流行趋势</t>
  </si>
  <si>
    <t>本报讯  一直以来只能由欧美品牌主导世界内衣潮流的历史终于结束了，在日前结束的被称为“内衣世界杯”的法国国际内衣展上，中国内地唯一获准参展的婷美集团的最新产品“智能修形内衣”，被组委会评定具有非凡创意和流行价值，而跻身有内衣展塔尖之称的“创意与流行趋势厅”?</t>
  </si>
  <si>
    <t>日本缘何同中国激烈争夺俄石油</t>
  </si>
  <si>
    <t>今年以来，日本政府为了获得俄罗斯的石油资源，一再派出高规格的代表团接连访问俄罗斯，要求俄罗斯优先建设“安加尔斯克”通往远东“纳霍德卡”（简称安纳线）的石油输油管道，并以此为条件，增加对俄罗斯的投资和经济援助。日本外交大臣川口顺子曾表示，如果俄罗斯同意优先?</t>
  </si>
  <si>
    <t>新加坡研制出医用纳米透明薄膜</t>
  </si>
  <si>
    <t>新加坡科研人员最近利用纳米技术，成功研制出一种有助于患者伤口愈合的透明薄膜。    据报道，新加坡生物工程和纳米技术研究院研制出的这种特殊薄膜，不仅能促进伤口附近细胞生长，加快伤口愈合，而且还能使患者看见伤口愈合情况。    这种薄膜对温度极为敏感，伤口愈合?</t>
  </si>
  <si>
    <t>美国外贸“逆差”与中美贸易特点</t>
  </si>
  <si>
    <t>据美国商务部统计，今年上半年美国的出口额为４９６５．７１亿美元，同比增长了３．４％，但进口额达７４０８．４亿美元，同比增长了９．７％，美国对外贸易逆差达２４４２．６９亿美元，同比增长了２５．２％。按照这种趋势发展，全年美国对外贸易逆差将达到５０００亿美元?</t>
  </si>
  <si>
    <t>中国石油消费位居世界第二</t>
  </si>
  <si>
    <t>本报利伯维尔专电  据最新一期《青年非洲——智慧》期刊援引国际能源机构的数字报道，今年７月，中国的石油需求量已达日均５６０万桶，比去年同期增长２０％，刚刚超过了日本（日均５５０万桶），仍远远处于美国（日均１９９０万桶）的后面。业内人士认为，从今年起，中国的?</t>
  </si>
  <si>
    <t>泉州人起早摸黑忙炒汇</t>
  </si>
  <si>
    <t>本报讯  最近，福建泉州市一家银行邀请美国瑞富集团ＲＥＦＣＯ外汇交易经理许强举办外汇投资讲座，吸引了众多泉州汇民。记者在泉州采访了解到，近年来，不少泉州人炒汇热情高涨，许多市民起早摸黑忙炒汇。    许强在接受记者采访时也作出这样的表示：他到过国内许多城市，?</t>
  </si>
  <si>
    <t>索尼三星欲结战略同盟</t>
  </si>
  <si>
    <t>本报讯  全球两大电子巨头索尼和三星日前披露，两公司正就共同建立液晶显示器生产线一事进行磋商。分析家认为，如果双方结成战略同盟，将对全球液晶显示器市场造成巨大冲击。    据英国《金融时报》报道，一名索尼公司的高层人士称，三星只是其进行合作谈判的公司之一，到?</t>
  </si>
  <si>
    <t>专利战：中国企业不能太软弱</t>
  </si>
  <si>
    <t>本报讯  面对即将到来的专利战，专家认为我国企业应正视日益严峻的形势，尽快采取措施积极迎战。    近些年来，国际贸易中的贸易技术壁垒，正受到各国特别是发达国家的普遍重视和广泛应用，他们纷纷拿起贸易技术壁垒这个武器，维护自身利益。    美国霍金·豪森律师事务?</t>
  </si>
  <si>
    <t>删——“美国在线” 影响形象　改——时代华纳恢复原名</t>
  </si>
  <si>
    <t>本报讯  美国在线时代华纳（ＡＯＬ Ｔｉｍｅ Ｗａｒｎｅｒ）定于９月１８日召开董事会，商讨将美国在线（ＡＯＬ）字样从公司名称中删去。这一决定表明，这个世界上最大的媒体公司决心摆脱那次“轰轰烈烈的合并”所带来的阴影，重新树起在传媒行业中的巨人形象。    据知情?</t>
  </si>
  <si>
    <t>全球商用房空置率居高不下</t>
  </si>
  <si>
    <t>本报讯   虽然近期美日等发达国家显露出经济复苏迹象，但全球商用房空置率依然居高不下。分析人士预测，随着全球经济逐渐向好，明年商用房市场有可能缓慢复苏。    据《亚洲华尔街日报》报道，今年头６个月，大多数欧洲和拉美国家的商用房市场疲弱乏力，其中一些欧洲国家的</t>
  </si>
  <si>
    <t>并购：我国物流行业新趋势</t>
  </si>
  <si>
    <t>大规模的购并是近年来全球物流市场整合的主要特征。据统计，２００２年跨国物流企业的并购、结盟活动是有史以来最多的年份。德国、英国和瑞士的物流公司并购活跃，其中德国邮政、丹莎货运、敦豪速递、瑞士德迅等公司的购并最多。    在日前举行的首届物流信息技术演示暨洽?</t>
  </si>
  <si>
    <t>我国黄金储备的适度规模及增长途径</t>
  </si>
  <si>
    <t>１９８７年ＩＭＦ批准了“牙买加协议”，规定了黄金非货币化的一些条款，黄金的货币职能逐渐弱化，不再具有直接的国际支付手段和购买手段的职能。但是，黄金作为最可靠的保值手段，仍然是国际储备的重要资产之一。黄金储备在一国经济中发挥极其重要的作用。首先，黄金储备对?</t>
  </si>
  <si>
    <t>破解“三农问题”的新思路和新方案</t>
  </si>
  <si>
    <t>作为全党工作的重中之重和全面建设小康社会的关键问题之一，社会各界从不同角度提出了破解“三农问题”的不同思路和方案。从书名看，卢海元博士的《实物换保障：完善城镇化机制的政策选择》（经济管理出版社，２００２年７月版）一书似乎与“三农问题”关系不大，但一读该书?</t>
  </si>
  <si>
    <t>民企合力“击退”欧盟打火机反倾销</t>
  </si>
  <si>
    <t>本报讯  温州打火机协会会长周大虎日前表示，温州打火机行业收到欧委会正式终止对中国打火机反倾销调查的官方公报，中国打火机行业应对欧盟反倾销已取得彻底胜利。    据悉，这是中国加入世界贸易组织后中国企业打赢欧盟反倾销的第一案。    温州是中国打火机主要生产基?</t>
  </si>
  <si>
    <t>“十一”出境游价格全面上调</t>
  </si>
  <si>
    <t>本报讯  记者日前从各大旅行社了解到，今年“十一”期间，出境游价格将全面上调，和去年同期基本持平。    据了解，和节前相比，“十一”期间各大旅行社出境游的价格普遍上升２０％至４０％左右，其中东南亚、韩国和港澳的涨幅更为明显，“十一”期间泰国曼谷芭堤亚普吉岛?</t>
  </si>
  <si>
    <t>降低隐性成本提高投资回报</t>
  </si>
  <si>
    <t>“天津开发区的商务成本适中，ＳＥＷ当初的决定是正确的。”谈到德国ＳＥＷ－传动设备（天津）有限公司１９９５年开始在天津的投资经历，总经理张胜利言语中充满自信。    张胜利说，１９９４年初，ＳＥＷ公司考虑开发中国市场，我们在中国沿海许多地方都进行了投资考察，?</t>
  </si>
  <si>
    <t>牛磺酸：平衡健康的支点</t>
  </si>
  <si>
    <t>牛磺酸这个名称也许对许多人来说都感到有些陌生，但它却是人体必不可少的一种营养元素，有着平衡健康的奇妙功效。在日前举行的力保健媒体座谈会上，中日友好医院国际医疗部副主任医师杜宏举特别介绍了这一“平衡健康的支点”。    杜宏举说，牛磺酸是１８２７年首先在牛的?</t>
  </si>
  <si>
    <t>自动洗车机</t>
  </si>
  <si>
    <t>本报讯  在沈阳召开的第二届制博会上，一架由韩国企业生产的白色自动洗车机引来了不少商人与参观者的关注。    据展商介绍，这架自动洗车机洗车分清水预冲、加洗涤剂冲洗、自动打腊三个过程，前后仅为２分钟。轿车进入洗车机的装置后，洗车机可根据车型大小和形状自动伸缩?</t>
  </si>
  <si>
    <t>中建三局虚拟现实、结构仿真和GP3技术获奖</t>
  </si>
  <si>
    <t>本报讯  在刚刚结束的国家科学技术进步奖土木工程专业组评审中，由中建三局作为主要完成者，并联合国内多所知名高校共同研究开发，由中建总公司组织申报的“虚拟现实、结构仿真和ＧＰＳ等信息技术在建筑施工中的研究与应用”科技成果初评为国家科技进步二等奖。    虚拟现?</t>
  </si>
  <si>
    <t>甲骨文收购仁科价格不变</t>
  </si>
  <si>
    <t>本报讯  全球知名软件公司甲骨文日前表示，不会提高对仁科软件公司７３亿美元的收购价格。    据英国《金融时报》１０日报道，甲骨文公司透露，一些大型机构投资者和仁科软件的大用户都对甲骨文的收购行动表示支持。如果收购获得成功，形成的新公司将与微软公司和德国的Ｓ?</t>
  </si>
  <si>
    <t>跨国公司青睐我国制造业</t>
  </si>
  <si>
    <t>本报沈阳电  我国制造业正成为世界跨国公司瞩目的焦点。专程赶到沈阳参加第二届中国国际装备制造业博览会的世界著名企业，都对我国的制造业表现出浓厚的兴趣。    日本、韩国、美国、德国等２１个国家和地区的２３３家企业参加了这次博览会，并且带来了项目。美国通用电气?</t>
  </si>
  <si>
    <t>微软欲称雄手机操作系统市场</t>
  </si>
  <si>
    <t>本报讯  全球软件业巨头微软公司与世界第二大手机制造商摩托罗拉公司日前达成合作协议，摩托罗拉将采用微软提供的手机操作系统。市场人士认为，此举意味着微软称雄手机操作系统市场的意图更加明显，对以诺基亚公司为主导的Ｓｙｍｂｉａｎ操作系统构成极大威胁。    据英国?</t>
  </si>
  <si>
    <t>嘉乐士要在涂料市场弄出“大动静”</t>
  </si>
  <si>
    <t>本报讯  诸多著名跨国公司正全力争切中国建筑涂料这块越做越大的“蛋糕”。美国嘉乐士集团日前在京公布了两个动作，一是原装美国嘉乐士漆全面供应中国市场，二是以连锁专卖形式发起新一轮竞争。    嘉乐士集团中国区总经理李昂解释了这两项决定的目的：    “原装美国漆?</t>
  </si>
  <si>
    <t>企业家的影响力</t>
  </si>
  <si>
    <t>《财富》杂志近日推出了“美国２５位最有影响力商人排行榜”，“股神”沃伦·巴菲特名列榜首，比尔·盖茨屈居第二。这期“影响力专号”还评出了“美国以外的２５位最杰出商界领袖”，中国香港的李嘉诚和大陆的张瑞敏榜上有名。    媒体普遍认为，对巴菲特的推崇，实际上是?</t>
  </si>
  <si>
    <t>招商引资应变政府主导为引导</t>
  </si>
  <si>
    <t>随着全球经济一体化进程的加快和我国加入世贸组织，经济平稳发展、政局安定的中国越来越吸引国际资本的青睐，今后３至５年将是全球跨国资本特别是制造业资本加速向中国转移的集中时期。而随着外资大量进入中国，国内招商引资竞争将会更加白热化。建立新的招商机制，推动招商?</t>
  </si>
  <si>
    <t>温州：宠物用品产业悄然兴起</t>
  </si>
  <si>
    <t>本报讯  在日前举行的第六届亚洲宠物展上，温州平阳几家参展企业所显示的宠物用品产业的规模和实力引人注目。据统计，温州市年宠物用品产值近４亿元，８０％出口，其中主打产品狗咬胶已占据国内市场６０％的市场份额。    温州的宠物用品产业从上世纪８０年代末开始发展，?</t>
  </si>
  <si>
    <t>企业家的未来之路</t>
  </si>
  <si>
    <t>未来企业家的特性    阳光人格。在一切发达的工业国家，企业家已经作为一种强大的力量占据了社会的中心舞台，取代了古典的社会精英形象而成为人类的“现代英雄”。美国的比尔·盖茨、日本的松下幸之助等是他们的代表，他们作为财富创造的组织者和指挥者，以辛勤的劳动和远?</t>
  </si>
  <si>
    <t>日本大力发展数控机床</t>
  </si>
  <si>
    <t>数控技术是现代制造业的基础和核心，日本十分重视数控机床技术的研究和开发。经过长达数十年的努力，日本已经成为世界上最大的数控机床生产和供应国，为日本的制造业发展作出了重要贡献。    长期以来，日本政府不断加强数控机床的研发，并通过规划和制订法规，提出日本数?</t>
  </si>
  <si>
    <t>教育培训市场钟爱特许经营 “洋话连篇”烹制“全能学习店”</t>
  </si>
  <si>
    <t>本报讯  近日，在“２００３亚洲特许展”上，已在全国电视受众中较有影响的“洋话连篇”也趁热打铁，推出了自己又一新作“全能学习店”。他们打算每年在全国各大城市以特许加盟形式建立１０００所网络学校，即“千店Ｅ校”网络教育计划。业内人士对此给予了高度评价，称其为?</t>
  </si>
  <si>
    <t>己所不欲 勿施于人</t>
  </si>
  <si>
    <t>日本个别高官是最近鼓动甚至企图迫使人民币升值的急先锋，而日本某些媒体则紧随其后推波助澜。但是，一些日本学者和媒体根据大量事实指出，现在人民币大幅度升值，对中国和日本乃至对世界经济都是不利的。    １９８５年，美国曾迫使日本接受日元汇率急剧上升，加之日本决?</t>
  </si>
  <si>
    <t>投资马来西亚绕过贸易壁垒</t>
  </si>
  <si>
    <t>本报讯  “利用马来西亚作为东盟成员国、英联邦国家和与伊斯兰教国家关系良好的有利条件，在马来西亚设立加工贸易基地，将帮助中国企业绕过关税壁垒、配额限制、技术壁垒，开拓更广阔的国际市场。”    在近日召开的“开拓马来西亚市场研讨会”上，中国驻马使馆经济商务参?</t>
  </si>
  <si>
    <t>三家外资银行获准在沪设分行</t>
  </si>
  <si>
    <t>本报讯  记者从上海市银监局筹备组获悉，韩国外换银行、新韩银行和荷兰合作银行日前获准在上海设立分行。    至此，上海营业性外资银行已增至５７家，其中８家为同城支行。此外，苏格兰皇家银行和意大利圣保罗意米银行在上海设立分行的筹建申请也已获中国银监会批准，目前?</t>
  </si>
  <si>
    <t>国外燃料电池汽车发展现状</t>
  </si>
  <si>
    <t>燃料电池以其高效、零污染的特点在世界范围内引起了汽车行业的广泛关注。美国、欧洲和日本的著名汽车公司纷纷投入巨资进行燃料电池汽车的研发，各国政府也在法规和政策方面给予极大的支持。近期联合国开发计划署（ＵＮＤＰ）出资在全球５个国家６个城市进行燃料电池公共汽车?</t>
  </si>
  <si>
    <t>通用赚钱不靠卖车靠放贷</t>
  </si>
  <si>
    <t>本报讯  作为世界最大的汽车制造商，通用汽车公司今年二季度的利润只有９．２％来自汽车销售和租赁业务，而９０％以上的利润是依靠金融业务实现。    据最近出版的美国《商业周刊》报道，虽然经济环境欠佳使汽车销量下降，而且各公司之间的价格战异常惨烈，通用汽车公司二?</t>
  </si>
  <si>
    <t>电子体温计的功能</t>
  </si>
  <si>
    <t>一提起经济是否过热和通缩是否变脸成了通胀，就使人不由想起了素有“美国经济体温计”之称的格林斯潘。    对于电子体温计的功能，借ＳＡＲＳ的光，国人有幸领教了一回。在那最紧急莫过于发现和隔离ＳＡＲＳ传染源的日子里，电子体温计的功能就是“３８度，ＯＫ！”。至于?</t>
  </si>
  <si>
    <t>营口开发区前景看好</t>
  </si>
  <si>
    <t>本报讯  位于环渤海湾经济圈的辽宁省营口开发区，近年来以建设“进出东北大港口，连接沈大新都市”的发展定位，努力打造功能完善，具有国际竞争力的现代化新城区。    营口市副市长、开发区主任张洪武介绍说，营口运用按揭城市、经营城市的理念，以金融拉动城区建设；以大?</t>
  </si>
  <si>
    <t>个人基因组图谱：研究和商机</t>
  </si>
  <si>
    <t>破译人类基因组的高手克雷格·文特尔最近提出了一个新的更为雄心勃勃的计划：在不久的将来，以１０００美元的价格为每个人测序基因组。这个计划的提出正如他当初与美国政府资助的人类基因组计划进行强有力的竞争一样，又引起了人们的关注。不过，当时人们关注更多的是，谁能?</t>
  </si>
  <si>
    <t>权力在混乱中过渡</t>
  </si>
  <si>
    <t>许多亚洲的上市公司都由一个具有支配地位的股东和他的家族所控制，这样使得管理权力的过渡变得敏感和艰难。    从位于汉城商业区的十四层塔楼顶部的韩国大成公司集团总部办公室，总裁金英勋可以看到一栋棕色的大楼——在那里，他的哥哥金英洙同样在争取经营集团的权利。</t>
  </si>
  <si>
    <t>美ＣＥＯ享受高收入有绝招</t>
  </si>
  <si>
    <t>本报讯  日前，一家美国商业研究机构发布了一份关于首席执行官（ＣＥＯ）薪酬的报告。他们发现，高薪首席执行官有“三大法宝”：裁减职员、降低员工养老金以及海外避税。    ２００１年，在裁员数量排名前５０位的美国公司当中，首席执行官的薪酬在２００２年平均上涨４４?</t>
  </si>
  <si>
    <t>前世通ＣＥＯ被刑事起诉</t>
  </si>
  <si>
    <t>本报华盛顿专电  美国俄克拉何马州司法部门２７日宣布对前世界通信公司首席执行官伯纳德·埃贝斯提起刑事诉讼。这是自该公司的惊世财务丑闻曝光以来，埃贝斯首次正式受到司法指控。    这一消息是由俄克拉何马州司法部长德鲁·埃德蒙森在当天举行的记者招待会上宣布的。他?</t>
  </si>
  <si>
    <t>法国经济困难重重</t>
  </si>
  <si>
    <t>正当美国经济形势呈现改善趋势，并可能给欧洲经济带来期盼已久的拉动时，作为欧洲经济大国之一的法国，经济上却出现了众多令人担忧的迹象。    其一是外贸顺差锐减。虽然今年上半年法国外贸继续保持顺差，并且顺差额将近１５亿欧元，但是与去年下半年的４７亿欧元相比，顺?</t>
  </si>
  <si>
    <t>古巴旅游吸引外国游客</t>
  </si>
  <si>
    <t>古巴素有“加勒比明珠”的美誉，气候宜人、风光旖旎、海滩迷人，再加上没有毒品，治安良好，所以常年吸引着世界各地的游客。近年来，古巴充分利用这些优势大力发展旅游业，使之成为古巴最具活力、效益最好的支柱产业。    旅游业所创外汇占古巴外汇收入的比例已从１９９０?</t>
  </si>
  <si>
    <t>如何看待中美贸易不平衡</t>
  </si>
  <si>
    <t>据中国海关统计数字，去年中国对美国的贸易顺差为４２７亿美元。但据美方统计数字，去年美国对中国的贸易逆差达１０３０亿美元，已经超过美国对日本的贸易逆差。    美国对外贸易从来就有两种算法。按原产地规则统计，自１９７１年以来，美国外贸逆差不断扩大。１９９５年?</t>
  </si>
  <si>
    <t>湖南企业遭反倾销为何不应诉</t>
  </si>
  <si>
    <t>近几年，湖南每年都要遭受几起来自美国的反倾销诉讼，而湖南竟没有一家企业主动应诉。大多数企业或消极应付，或半途而废，给湖南企业产品出口造成重大损失。    今年７月３１日，美国生产商向美国商务部提出，对中国的二氧化锰进行反倾销诉讼，其中涉及湖南湘潭锰矿等７家?</t>
  </si>
  <si>
    <t>电子书包市场蓄势待发</t>
  </si>
  <si>
    <t>电子书包有望取代传统书包    时下，在世界上许多国家，中小学学生仍需背着沉重的书包上学。年级越高，书包越重，似乎是不可避免的事。在一些发达国家，由于高年级学生上课时并无固定课室，因此他们就得拖着沉重的书包，从一间课室奔到另一间课室去赶课。有关中学生背部因?</t>
  </si>
  <si>
    <t>中国企业决胜海外经营宝典</t>
  </si>
  <si>
    <t>欧洲最大的管理咨询公司——罗兰·贝格公司历时９个月，就中国企业跨国经营现状及未来趋势进行了详尽的分析和预测。近日，罗兰·贝格公司公布了“从中国到全球市场——中国领先企业海外经营的战略与成功因素”研究报告。    ■海外扩张原因多    为确定和分析中国领先企?</t>
  </si>
  <si>
    <t>频谱资源需求研究要加强</t>
  </si>
  <si>
    <t>本报讯  业内专家日前呼吁，国内相关部门应认真研究新的《无线电规则》中有关频率划分和使用程序的规则，维护我国有效使用无线电频率和卫星轨道资源在国际上的合法地位。    一个月前，世界无线电通信大会在瑞士日内瓦结束。会议在全球频率划分以及频率和卫星轨道资源有效?</t>
  </si>
  <si>
    <t>美抵押贷款申请创13个月新低</t>
  </si>
  <si>
    <t>本报讯  美国抵押贷款银行协会２０日公布，由于美加大停电和抵押贷款利率上涨，美国抵押贷款申请上周下降１０．７％，降至１３个月来的最低点。    该协会表示，上周３０年期抵押贷款平均利率由前一周的６％升至６．２２％，购房抵押贷款申请和再融资抵押贷款申请则分别下?</t>
  </si>
  <si>
    <t>二季度法国经济出现负增长</t>
  </si>
  <si>
    <t>本报巴黎专电  法国全国统计及经济研究所２０日公布，今年第二季度，法国国内生产总值出现０．３％的负增长，与第一季度增长０．２％形成反差。    ２００２年第四季度法国国内生产总值曾出现过０．２％的负增长。通常认为，如果一个国家的国内生产总值在连续两个季度出现?</t>
  </si>
  <si>
    <t>欧洲经济“跑”不过美国</t>
  </si>
  <si>
    <t>目前欧美经济形势对比出人意料。美国经济上一轮扩张期结束后，经济学家普遍预测欧元区将领跑世界经济。他们做出这一判断的根据是，欧元区家庭持有的股票数量少，股价下跌后其消费支出受的影响较小；而且股市泡沫破灭后暴露出的公司假账丑闻在欧元区各国不甚严重。    实际?</t>
  </si>
  <si>
    <t>尽快出台个人信息保护法</t>
  </si>
  <si>
    <t>缺少个人信息保护法影响我国企业的国际竞争    近年来，在欧盟、北美开拓市场的我国大型企业集团，经常被当地禁止收集客户信息。    国际市场竞争的必备条件之一就是产品与服务的销售渠道畅通，竞争者总想千方百计地收集尽可能多、尽可能详细的客户信息。在许多知识产权?</t>
  </si>
  <si>
    <t>美国个人破产案再创新高</t>
  </si>
  <si>
    <t>本报华盛顿专电  据美国破产研究所１８日公布的报告，由于家庭债务负担沉重，不堪重压，在截至今年６月３０日的过去１２个月里，美国的个人破产申请案再创历史新高。    报告提供的数字显示，在此期间，美国个人申请破产的总共为１６１．３万多例，比此前１２个月中的１４?</t>
  </si>
  <si>
    <t>全面认识汽车消费信贷的意义</t>
  </si>
  <si>
    <t>近年来，汽车消费信贷发展迅速，除银行外，汽车生产企业、流通企业也积极参与这种业务。    目前，全球汽车销售量中，７０％是通过融资贷款销售的，当然在各个国家和地区的比例是不同的，如美国最高，达到８０－８５％，台湾地区较低，也有５０－６０％。中国目前大约在２?</t>
  </si>
  <si>
    <t>台湾研发出纳米研磨机</t>
  </si>
  <si>
    <t>本报香港电  台北消息：台湾地区庆高能公司最近宣布研发出第一代中药研磨机，能使中草药研磨过程产生的粉末细度提高到５０００目（ｍｅｓｈ），达到纳米化要求。    纳米研磨机是将传统的斜齿轮机台材料升级，并加入多旋压轮制成。该公司计划完成专利申请后，最迟今年第四?</t>
  </si>
  <si>
    <t>日本努力实现循环型经济社会</t>
  </si>
  <si>
    <t>日本每年要废弃１８００万台电视、冰箱、空调和洗衣机，重量达６０万吨，其中各类金属有１０万吨。为了解决资源再利用和减少环境污染问题，日本政府制定了《家用电器回收法》，要求家电生产企业必须履行回收和利用废弃家电的义务。    以“松下家电回收利用技术中心”为例?</t>
  </si>
  <si>
    <t>海湾型战略让厦门充满商机</t>
  </si>
  <si>
    <t>本报厦门电  厦门市建设海湾型城市的发展战略，呈现出巨大的商机，为海内外投资者参与厦门城市建设提供了一个十分广阔的舞台。    厦门市委书记郑立中１４日接受中央新闻媒体采访团记者采访时介绍了这方面的情况。郑立中说，巨大商机主要在四个方面：    ——城市空间和?</t>
  </si>
  <si>
    <t>人民币升值对世界经济弊大于利</t>
  </si>
  <si>
    <t>一个时期以来，一些西方国家出于国内政治和经济的原因，向中国施加压力，要求人民币升值。对此，中国政府明确表示，保持人民币汇率基本稳定，从根本上说，有利于世界经济和金融的稳定发展。最近，一些国际经济组织和西方媒体也纷纷指出，人民币升值对世界经济弊大于利。</t>
  </si>
  <si>
    <t>美证交会形势日趋严峻</t>
  </si>
  <si>
    <t>本报纽约专电  美国证券交易委员会是美国证券行业的管理机构，在前一阶段处理华尔街公司丑闻当中，向美国民众展示了坚决果断、雷厉风行的干练形象。但随着该机构的任务不断加重，其本身运作中的一些问题也逐渐暴露出来。    在过去几个月中，美证交会与地方司法机构的矛盾?</t>
  </si>
  <si>
    <t>英国就业人口创19年来新高</t>
  </si>
  <si>
    <t>本报讯  据英国《金融时报》报道，英国国家统计局１３日公布的数据显示，今年第二季度英国就业人口达２７９２万人，比前一季度增加６．３万人，为自１９８４年来最高水平。    英国国家统计局提供的一组数字显示，在今年第二季度当中，英国全职工作人口增加了４．７万人，?</t>
  </si>
  <si>
    <t>雅高加快中国旅游市场布局</t>
  </si>
  <si>
    <t>本报讯  知名酒店集团法国雅高１２日在上海宣布，将加快在中国市场的布局，明年年底前将有９家酒店陆续在北京、江苏、浙江、辽宁、河北和四川开业，其中包括两家“宜必思”经济型酒店。    雅高集团亚太区执行董事总经理米歇尔·艾森伯格说，在未来的几年里，雅高将不断拓?</t>
  </si>
  <si>
    <t>港珠澳大桥融资不难</t>
  </si>
  <si>
    <t>本报香港专电  英国商会理事杜大卫表示，若港珠澳大桥加建铁路，成本将高达３００亿港元，但由于大桥投资项目十分吸引人，他相信融资不会有问题。他还认为，兴建大桥将有助于开拓珠三角西部，香港和珠三角各城市皆可受惠。    英商会１１日举行午餐会，杜大卫应邀在会上就?</t>
  </si>
  <si>
    <t>丰田吉利对簿公堂</t>
  </si>
  <si>
    <t>本报讯  ８月６日，日本丰田自动车株式会社与浙江吉利汽车为双方的汽车商标争议和吉利在产品宣传语中使用“丰田”字号而对簿公堂，这也是跨国汽车公司与我国汽车企业之间的首起最终走上法庭的汽车知识产权争端。    ８月６日上午，这场广受关注的知识产权诉讼案在北京市第?</t>
  </si>
  <si>
    <t>华南ＭＡＬＬ给中国商业带来什么</t>
  </si>
  <si>
    <t>７月１９日，备受关注的华南ＭＡＬＬ，在广东东莞市万江区开盘。由众多著名专家教授担纲设计的华南ＭＡＬＬ，占地面积４３万平方米，建筑面积８９万平方米，商业面积４０万平方米，将成为亚洲乃至世界上最宏伟、最大规模的ＭＡＬＬ商业建筑群之一。    华南ＭＡＬＬ的投资?</t>
  </si>
  <si>
    <t>抗高血压药物的最佳配方组合</t>
  </si>
  <si>
    <t>“高血压本身并不可怕，可怕的是它能引起心血管和脑血管疾病。”首都医科大学心血管病研究所副所长顼志敏在接受记者专访时如是说。    顼志敏说，高血压是一个发病率非常高的疾病，如果按照美国或者欧洲的最新标准来计算，估计我国有１．５亿高血压患者，城市多于农村，北?</t>
  </si>
  <si>
    <t>美国癌症药物发展趋势预防重于治疗</t>
  </si>
  <si>
    <t>本报纽约专电  美国的医生和病人对癌症的看法正在发生重大的转变，目前越来越多的医生和医学研究人员正在寻找和实验可预防或延后癌症药物。    据《华尔街日报》报道，过去３０年来，美国医学界将癌症的重点一向放在治疗方面，制药业与联邦政府花费巨资研究开发抵抗肿瘤的?</t>
  </si>
  <si>
    <t>手机电磁场可能造成染色体断裂</t>
  </si>
  <si>
    <t>本报柏林专电  欧盟一个跨国科研小组日前在实验室研究中发现，诸如手机等电子器材产生的电磁场能够造成人类染色体断裂。科学家表示，目前还需要对这一结论加以研究，以确定手机究竟在何种条件下会对人体造成伤害。    据德新社报道，上述科研小组由来自欧盟多国的１２名科?</t>
  </si>
  <si>
    <t>美长期利率趋升威胁房地产业</t>
  </si>
  <si>
    <t>近一个多月来，美国长期利率承受越来越大的上升压力，从而威胁到房地产市场的繁荣。这使美国经济复苏的前景又添变数。    据报道，过去６周里，很多投资者认为美国经济即将复苏，因此纷纷从收益稳定但回报较低的美国国债市场抽出资金，投入到股票等回报更高的项目。抛售压?</t>
  </si>
  <si>
    <t>国家海水养殖种子工程落户山东</t>
  </si>
  <si>
    <t>本报济南电  山东省海水综合利用高新技术示范区近日被正式列入国家“海水养殖种子工程北方基地”。    山东省海水综合利用高新技术示范区融海洋农业、生物工程、海水养殖等多项产业于一身，先后承担了“栉孔扇贝与华贵栉孔扇贝远缘杂交种苗繁育”、“菲律宾蛤仔规模化苗种?</t>
  </si>
  <si>
    <t>房地产业与泡沫经济（下）</t>
  </si>
  <si>
    <t>英国《经济学家》经过大量调查后说：“本调研报告的结论是，在最近的住房市场的繁荣表明在一些国家里正在使泡沫膨胀”，“在今后一年左右的时间里，这些泡沫很可能会破裂。从而导致美国的实际房价平均下跌１５％－２０％，使（英国、荷兰）等地方的实际房价在今后几年里下跌?</t>
  </si>
  <si>
    <t>外资“全面准入”中国港口</t>
  </si>
  <si>
    <t>本报讯  记者５日从交通部获悉，继７月下旬丹麦马士基集团和英国铁行集团共同投资中国青岛前湾码头，一家美国投资公司近日也瞅准机会投资建设中国东部连云港的墟沟港二期工程。　 据悉参与投资的这家美国联合收益投资有限公司拥有新组建合资公司５１％的股份，而剩下的４９</t>
  </si>
  <si>
    <t>房地产业与泡沫经济（上）</t>
  </si>
  <si>
    <t>房地产业被认为是世界上最大的买卖。根据一项报告估计，房地产的建造、销售、租赁及各种有关的收益，在发达国家约占国民生产总值的１５％左右。在美国，房屋的建筑业曾和汽车、钢铁并列为三大工业支柱；在二战后日本经济的改组重振中，建筑业也发挥了重大的作用；房地产业对?</t>
  </si>
  <si>
    <t>汽车召回与保护汽车工业</t>
  </si>
  <si>
    <t>国内长期未能实施汽车召回制度，原因之一是有些人担心召回会损害国内的汽车工业。这个理由是不充分的。    对于安全问题，在没有形成专门的法规之前，汽车厂商是缺乏自觉性的，甚至认为提出安全问题就会损害汽车工业。１９５５年秋，美国福特公司的麦克纳马拉策划推出了以?</t>
  </si>
  <si>
    <t>美养老金“救生公司”落水难自保</t>
  </si>
  <si>
    <t>本报讯  虽然纽约股市近几个月持续回升，但未能使诸多美国公司摆脱养老基金巨额亏损的局面。更为严重的是，专门负责挽救破产公司养老金计划的养老救济金保障公司也深陷泥潭，急需救助。    在美国，养老救济金保障公司根据各企业养老金计划收取不同额度的保证金，一旦企业?</t>
  </si>
  <si>
    <t>代文片可治疗心力衰竭</t>
  </si>
  <si>
    <t>本报讯  瑞士药品统一管理机构日前宣布，准许用于治疗动脉高血压病的抗血管紧张药代文片（Ｄｉｏｖａｎ，俗称缬沙坦）用于治疗心力衰竭。    瑞士诺华制药集团研制生产的代文片是一种血管紧张素ＩＩ受体阻滞剂，也是同类高血压药物中第一种被批准适用于其他疾病的。对１６?</t>
  </si>
  <si>
    <t>皇马中国行的资本运作模式</t>
  </si>
  <si>
    <t>与时下浓烈高温相映的是皇家马德里队的亚洲行，尤其是首次中国行，掀起了更高的热浪。    ７月２５日坐专机飞抵云南昆明开始亚洲之行的皇家马德里队，在昆明红塔基地短短的一周时间，使这座春城陷入足球的“癫狂”之中。不仅他们在红塔基地的日常训练吸引了球迷，２９日皇?</t>
  </si>
  <si>
    <t>张裕抢占葡萄酒高端市场</t>
  </si>
  <si>
    <t>本报讯  继去年９月宣布与全球销量第二的法国卡斯特公司联手，投资６０００万元兴建中国第一座专业化的葡萄酒庄并已正式投产后，张裕公司近日又在烟台宣布，将采取全新的“整桶订购”的直销模式。    张裕还成立了“张裕·卡斯特酒庄俱乐部”和俱乐部会员服务中心，为高端?</t>
  </si>
  <si>
    <t>中国醋产业国际化要提防冰醋酸</t>
  </si>
  <si>
    <t>本报讯“我们经过６年时间的调研考察，还是不愿进入中国食醋市场，其中最大的障碍就是冰醋酸问题。中国国内用冰醋酸勾兑的配制食醋，在德国只能标注为冰醋酸，不能叫食醋”，年销售额１０多亿欧元的欧洲最大食醋企业——德国冠利公司ＣＥＯ  Ｅｍｐｌｅ先生在近日与石家庄珍?</t>
  </si>
  <si>
    <t>美公司改革法威力初显</t>
  </si>
  <si>
    <t>本报华盛顿专电  美国证券交易委员会主席威廉·唐纳森３０日在美公司改革法实施一年之际认为，上市公司治理取得了一些成效，但仍有很多工作需要继续。    唐纳森说，打击公司腐败行为对增进企业职业道德和恢复投资者信心起到了积极作用。他指出，投资者已在重返金融市场，?</t>
  </si>
  <si>
    <t>“产业空心化”与“产业升级”</t>
  </si>
  <si>
    <t>实体经济对任何国家都是非常重要的。但是，各国经济和科技发展很不平衡，低技术工作产生低附加值和批量生产的项目将继续转移到劳动力资源丰富和价格低廉的国家和地区，而美国、日本和西欧等工业发达国家和地区将集中开发复杂且附加值高的产业、产品和系统。    日本政界和?</t>
  </si>
  <si>
    <t>商业运作促生“龙马”大战</t>
  </si>
  <si>
    <t>７月，随着世界足坛豪门西班牙皇家马德里队抵华，今夏又一轮体育经济热潮再次风起云涌，而随之而来的是大量新商机。    ７月２５日，包括贝克汉姆、罗纳尔多、齐达内、劳尔、菲戈、卡洛斯等球星在内的皇马抵达昆明，揭开“２００３红塔皇马中国行”的序幕，在红塔基地为期?</t>
  </si>
  <si>
    <t>高尔夫：两厢车中的经典</t>
  </si>
  <si>
    <t>高尔夫轿车拥有３０年的历史和用户遍及世界各地，历经四代改型，目前全球销量已经超过２２００万辆，在德国，几乎每个家庭都会购买一辆高尔夫轿车。凭借３０年凝聚而成的设计风格和在两厢车型上的造诣，高尔夫无疑是两厢轿车中的翘楚之作。    日前，一汽－大众组织了近３?</t>
  </si>
  <si>
    <t>中国企业开始挑战跨国公司</t>
  </si>
  <si>
    <t>本报斯德哥尔摩专电  斯德哥尔摩商学院资深亚洲专家ＪＯＮ ＳＩＧＵＲＤＳＳＯＮ教授在其刚刚完成的一份关于中国手机市场及其对周边世界影响的报告中指出，在移动通信行业的各个领域，中国都在向世界最高水平发展；中国企业的发展速度已足以对爱立信和诺基亚等跨国公司构成挑</t>
  </si>
  <si>
    <t>日本养老保险不再保险</t>
  </si>
  <si>
    <t>日本厚生劳动省日前发表的该省所管辖的养老金基金投资运作结果显示，２００２年度（２００２年４月至２００３年３月）的养老金基金收益率为负８．４６％。因此，投资纯利润减去应支付的养老金之后，出现了３０６０８亿日元的巨额赤字，创年度亏损最高纪录。    这是日本养?</t>
  </si>
  <si>
    <t>德国对社会福利制度动大手术</t>
  </si>
  <si>
    <t>经过与在野党代表长达两个多星期的谈判，德国联邦政府卫生部本月２１日推出医疗保险体制改革方案。这将是德国自统一以来动作最大的社会福利改革。为扭转经济持续不景气局面，激发生产活力，摆脱财政困境，德国政府这回要动真格了。    按照改革方案，个人应交纳的法定医疗?</t>
  </si>
  <si>
    <t>跨国公司如何选择投资地点</t>
  </si>
  <si>
    <t>跨国公司是如何选择在中国的投资地点的？这些选择由哪些因素起决定性作用？有行家结合日本和韩国跨国公司在华投资的区位特征，具体分析了跨国公司对华直接投资地点选择的决策机制。    从总体上看，日韩跨国公司投资高度集中于中国沿海地区，其主要原因是：——我国沿海地?</t>
  </si>
  <si>
    <t>建设公共服务型政府</t>
  </si>
  <si>
    <t>由中国（海南）改革发展研究院和德国技术合作公司共同主办的《建设公共服务型政府——中国改革形势季度分析会》日前在北京召开。来自国家有关部委、高等院校、科研院所及新闻媒体的近３０位代表参加会议。会议由中国经济体制改革研究会会长、中国（海南）改革发展研究院院长?</t>
  </si>
  <si>
    <t>温州打火机应对“洋官司”胜诉在望</t>
  </si>
  <si>
    <t>本报讯  日前，温州市打火机协会接到欧盟通过有关方面发来的书面通知，告知欧洲打火机制造商联合会已撤销对中国（主要来自温州）打火机的反倾销的申诉。至此，温州打火机行业应对欧盟打火机反倾销案已胜利在望。这是中国入世后小商品企业打赢的第一场“洋官司”。    ２０?</t>
  </si>
  <si>
    <t>国外国有股减持经验与启示</t>
  </si>
  <si>
    <t>英国：坚持先盈利再出售    英国政府在国有股减持问题上遵循“先盈利再出售”原则，采取了先易后难、分段推进的措施。    １９７９年至１９８８年，英国政府将盈利且具有战略意义的国有企业如英国石油、英国电信等推向证券市场；对于亏损的国有企业，则通过裁员等手段改?</t>
  </si>
  <si>
    <t>秦焕明：打造未来中国汽车工业的旗舰</t>
  </si>
  <si>
    <t>一汽－大众汽车有限公司成立于１９９１年２月６日，现在由一汽集团公司和德国大众公司及奥迪汽车股份公司合资经营。这是我国第一家按经济规模集中投入、一次建成的大型轿车厂，经过１２年多的发展，一汽－大众已形成年产３０万辆整车、２７万台发动机、１８万台传动器的生产?</t>
  </si>
  <si>
    <t>精于治疗内科疑难杂症</t>
  </si>
  <si>
    <t>北京中医药大学的颜正华教授从医６０多年，是国家命名的５００名老中医之一，仅硕士生和博士生就带了３０多个，他在治疗疑难杂症方面经验独到。６月２９日，颜教授在家里接受了记者的采访。    １９２０年生于江苏丹阳的颜正华，１５岁开始研读中医书籍，拜丹阳儒医戴雨三?</t>
  </si>
  <si>
    <t>英抵押贷款品种多样灵活可靠</t>
  </si>
  <si>
    <t>英国是住房金融出现比较早的国家之一，已有２００多年的历史，目前英国经办住房抵押贷款的金融机构和协会等有百家以上。多年来，向顾客提供品种多样和灵活可靠的抵押贷款。  　现在，哈利法克斯抵押贷款银行和全国建筑协会是英国最大的两家专业抵押贷款银行，国民阿比银行?</t>
  </si>
  <si>
    <t>发展经济与保护自然的抉择</t>
  </si>
  <si>
    <t>哪个国家都有改造自然的工程，哪个国家在改造自然时都可能产生不同意见。然而，像韩国这样因一项围海造田工程闹得１０多年鸡犬不宁，最后政府主管部长愤然辞职的事情实不多见。    韩国农林部长官金泳镇１６日因不满法院作出工程停工的裁决而提出辞呈，总统卢武铉在反复挽?</t>
  </si>
  <si>
    <t>“黄金水道”欲搅动全球资本</t>
  </si>
  <si>
    <t>拥有４００多公里黄金水道的江苏省，目前正在运筹新一轮沿江开发大计。这是江苏省为全球投资者进入长三角而构筑的巨大平台。    ４００多公里水道藏“黄金”    据当地有关人士分析，从世界范围看，大河流域通常都是产业集聚、经济发达的地带。欧洲莱茵河流域的开发就很?</t>
  </si>
  <si>
    <t>开发一片 就要收获一片</t>
  </si>
  <si>
    <t>本报南京电  记者最近对苏南无锡新区的土地征用和开发情况进行调查发现，建成面积２２平方公里的无锡新区，每亩土地投资强度达到４０多万美元，已逼近法国开发区的投资水平。无锡新区目前日资企业投资总额占全国的１／６以上，今年上半年，进入中国的韩国企业有１／３落户无?</t>
  </si>
  <si>
    <t>非洲看好中国小商品</t>
  </si>
  <si>
    <t>非洲地域辽阔，资源丰富，市场潜力巨大，年进出口总额超过２５００亿美元。随着中非经贸关系迅速发展，开拓非洲市场逐渐成为我国国内各界关注的焦点。    众所周知非洲各国经济发展速度、消费水平千差万别，市场机会、发展前景也有巨大差异。大多数非洲国家经济比较落后，?</t>
  </si>
  <si>
    <t>国有股权转让为何待遇不同</t>
  </si>
  <si>
    <t>７月１３日，上市公司ＳＴ桦林通过司法拍卖，将占公司总股本４４．４３％的国有法人股转让给新加坡佳通轮胎（中国）投资有限公司。此事让人想到一个月前南京新百国有股权拍卖被证监会叫停的不同待遇。上市公司国有股权转让到底应以什么样的方式进行？市场各方试图用各种方?</t>
  </si>
  <si>
    <t>韩国经济政策“三板斧”</t>
  </si>
  <si>
    <t>韩国的经济形势就像一根魔棒，让人捉摸不定。去年还是６．２％的高增长，今年却一路下滑，继第一季度仅增３．７％之后，第二季度经济增长率跌到了２．４％。于是，韩国经济界有人感慨说，韩国经济出现了自亚洲金融危机以来的“最险恶状况”。    在一片抱怨声中，韩国政府?</t>
  </si>
  <si>
    <t>适时推进公共服务型政府建设</t>
  </si>
  <si>
    <t>７月１２日，中国（海南）改革发展研究院在京召开了《建设公共服务型政府》主题改革形势分析会，高尚全、施泰格（德国）、周天勇、赵晓、魏加宁、宋功德、党国英、周汉华、余晖、胡鞍钢、彭宗超、李晓西、毛寿龙、杨培芳等专家学者参加会议并发言。会议主要内容本报在整理后?</t>
  </si>
  <si>
    <t>菲律宾鼓励刷卡消费</t>
  </si>
  <si>
    <t>刷卡消费因其快捷、方便等优点目前在菲律宾的大型商场、饭店、旅店及其它服务业得到普及。一些银行和信用卡公司看好这一消费趋势，降低服务费用及收费标准吸引客户，同时加强对信贷消费的监控。    在菲律宾，刷卡消费已非常普遍，不仅在商场内可以进行，在著名的星巴克咖?</t>
  </si>
  <si>
    <t>微软重塑新经济激励机制</t>
  </si>
  <si>
    <t>本报讯  近日，美国微软公司连爆两大惊人之举：中止股票期权的计划和酝酿大额分红，分红额之大可能创全球企业之最。    有分析指出，在以微软等高科技企业为代表的新经济中，微软的改变标志着新经济模式的转变，整个高科技产业已日臻成熟，而科技行业的低迷态势和微软股价?</t>
  </si>
  <si>
    <t>日本旅行社加快进入中国市场</t>
  </si>
  <si>
    <t>本报东京专电  随着中国旅游市场的进一步对外开放外国企业从７月中旬开始，可以在中国设立独资旅游公司。为此，日本交通公社、近畿日本旅行等日本大型旅行社最近纷纷决定在中国设立１００％由自己出资的旅游公司，加快进军中国旅游市场的步伐。    日本最大的旅行社——?</t>
  </si>
  <si>
    <t>非盟达成发展共识</t>
  </si>
  <si>
    <t>本报马普托专电  为期三天的非洲联盟（非盟）第二届首脑会议１２日在莫桑比克首都马普托落下帷幕，来自５３个非盟成员国的国家元首、政府首脑和代表选举出非盟委员会，并讨论了“非洲发展新伙伴计划”、消除地区冲突和防治艾滋病等多项议题，就非洲发展的战略达成广泛共识。$</t>
  </si>
  <si>
    <t>成功心理学帮你发挥最佳效能</t>
  </si>
  <si>
    <t>别让兔子学游泳    在美国，有一个关于成功的寓言故事，一直被职业经理人广泛流传。它取自于一个名为《飞向成功》的畅销书，作者之一便是唐纳德·克里夫顿博士。    这个寓言故事讲的是，为了和人类一样聪明，森林里的动物们开办了一所学校。开学典礼的第一天，来了许多?</t>
  </si>
  <si>
    <t>日本人喜爱刷卡消费</t>
  </si>
  <si>
    <t>日本信用卡产业协会最近发表的统计显示，尽管日本全国商品零售额不断下降，但日本人刷卡消费的金额依然在增长。今年４月，日本消费者使用信用卡消费的金额达到１６３８８亿日元，比去年同期增长３．３％。    早在２０多年前，刷卡消费在日本已经成为一种时尚。现在，日本?</t>
  </si>
  <si>
    <t>张金山 资金运营成就大业</t>
  </si>
  <si>
    <t>宁夏香山酒业集团有限公司在短短六年间，从一个资产４０万元负债百万元的小企业发展成为资产和年销售收入均过亿元的民营集团化公司，从名不见经传到跻身于中国枸杞深加工企业的龙头，其产品“宁夏红”枸杞果酒更是红遍了中国，畅销全国２０多个省市，并漂洋过海到了日本和韩?</t>
  </si>
  <si>
    <t>废旧电脑处理业正待辉煌</t>
  </si>
  <si>
    <t>在许多国家，消费者在为电脑的迅速更新换代欢呼之际，似乎已把一个因此而产生的严重环境问题抛诸脑后了。在电脑普及大国美国，这个问题至今仍未引起足够的重视。据估计，仅美国每年要处理的废弃电脑就超过１２００万台，由此产生的电子垃圾达３０万吨之多；到２００４年，美?</t>
  </si>
  <si>
    <t>项目外包为中国提供“杠杆机会”</t>
  </si>
  <si>
    <t>每年约２０％的速度增长，今年预计将有５．１万亿美元的规模，到２０１０年将有２０万亿美元的市场，这就是国际项目外包市场。在全球经济一体化条件下，企业分工大多以这种项目外包的形式出现。美国著名的项目外包管理专家麦克·卡伯特则明确指出，中国将成为一个新兴的主要?</t>
  </si>
  <si>
    <t>“中国造”要三管齐下打动英国人</t>
  </si>
  <si>
    <t>无论是在伦敦的大型百货市场，还是在自由市场的地摊，标有“中国制造”字样的各类轻工产品以及各类杂品几乎无处不在。在英国市场的中国产品主要分为两大类，一类是直接从中国进口的中国品牌产品，一类是在中国生产的英国品牌产品。    中国驻英国大使馆一位官员认为，目前?</t>
  </si>
  <si>
    <t>中印关系事关亚洲大局</t>
  </si>
  <si>
    <t>最近，印度总理瓦杰帕伊访华，与温家宝总理签署了《中印关系原则和全面合作宣言》。这是具有伟大历史意义的事件。英国《金融时报》的评论认为，这次访问是一个“里程碑”，它为中国和印度建立睦邻友好的新时代奠定了基础。俄罗斯的《新闻时报》也认为，中印关系取得了“历史?</t>
  </si>
  <si>
    <t>《财富》５００强中国企业排名上升</t>
  </si>
  <si>
    <t>本报讯  提前出版的最新一期《财富》杂志７月７日推出了２００３年全球５００强排名榜，其中零售业巨擘沃尔玛蝉联首位，中国大陆企业占据了其中的１１个席位且排名上升。美国在线时代华纳的巨亏，则拖累上榜５００强总体盈利下降过半。    零售业巨擘沃尔玛再次拔得了这次?</t>
  </si>
  <si>
    <t>苏南“强势政府”的是非之辩</t>
  </si>
  <si>
    <t>随着要求政府转变职能的呼声越来越高，曾以“强势政府”闻名的苏南各县，其以往的县域经济管理方式引起了诸多议论，称好者有之，指责者亦有之。    反方观点：苏南是典型的“强国家对弱社会”，不利于经济细胞的搞活    美国著名的社会学家、加州大学佩里（Ｐｅｒｒｙ）?</t>
  </si>
  <si>
    <t>跨国公司在华研发“当仁不让”</t>
  </si>
  <si>
    <t>本报讯  一项最新调查表明，跨国公司在我国设立研发机构虽只有短短数年时间，但均已在高技术领域申请了大量发明专利。这意味着我国企业将面临更为严峻的、短兵相接式的竞争态势。    自１９９４年加拿大北方电讯公司在北京设立第一家研究中心起，跨国公司纷纷在中国建立研?</t>
  </si>
  <si>
    <t>英国致力于农业可持续发展</t>
  </si>
  <si>
    <t>英国农业虽然在其国民经济中所占比重微小，但已发展成一个现代化的经济部门，在机械化和生产率等很多方面处于世界领先地位。除通过补贴和税收政策促进农业发展外，英国政府还采取措施推动农业实现可持续发展。    在税收方面，由于英国农业实行农场化经营，并且１／３的农?</t>
  </si>
  <si>
    <t>欧盟改革共同农业政策的意义</t>
  </si>
  <si>
    <t>欧盟成员国农业部长经过马拉松式谈判，于日前决定对实施了４０多年的共同农业政策进行重大改革。此次改革不仅加快了该地区农业从产量型向质量型的转变进程，增强了各成员国农产品的竞争力，也令欧盟在世贸组织的农业谈判中变被动为主动，为他们在其他领域的谈判增加了筹码。$</t>
  </si>
  <si>
    <t>高档护肤品走俏美国市场</t>
  </si>
  <si>
    <t>本报洛杉矶专电  据美国市场调查公司ＮＰＤ集团最近公布的市场调查结果显示，由于新型护肤品的推出和消费者越来越重视护肤，美国市场上高档护肤品的销售额大增。其中，２００２年比２００１年同比增长４３％，达到１．６９亿美元。　 ＮＰＤ集团判定的高档护肤品，是指美国</t>
  </si>
  <si>
    <t>美住房抵押贷款利率仍为低水平</t>
  </si>
  <si>
    <t>本报华盛顿专电  美国联邦住房抵押贷款公司３日发表的报告显示，美国的住房抵押贷款利率尽管近来较快回升，但仍处在低水平上。    该公司公布的每周全国调查报告说，美国３０年期抵押贷款固定利率本周的全国平均水平为５．４％，比上周的５．２４％有较大幅度上升；主要用?</t>
  </si>
  <si>
    <t>德批准２００４财年预算草案</t>
  </si>
  <si>
    <t>本报柏林专电  德国联邦政府２日召开内阁会议，批准了２００４财政年度预算草案，并决定提前实施第三阶段减税计划以刺激经济复苏。    根据该项草案，德国联邦政府下一财政年度的总支出为２５１２亿欧元，赤字为２３８亿欧元。同时，为了进一步刺激消费，拉动内需，政府决?</t>
  </si>
  <si>
    <t>国外农业税收及优惠政策</t>
  </si>
  <si>
    <t>$F日本农业优惠政策名目多$E日本的税制非常复杂，但没有单独的农业税制。农林水产业同其他产业一样，按照全国统一的税赋标准交税，但这并不等于日本政府不给农民在税收方面的照顾和支持。实际上，日本政府为了支持农业的发展，在税制和农业补贴方面制定了?</t>
  </si>
  <si>
    <t>关注健康理念 决胜科技创新</t>
  </si>
  <si>
    <t>当今世界烟草市场，除中国外，基本上被美国菲利普·莫里斯公司、日本烟草公司、帝国烟草公司及英美烟草公司所把持，这四家公司的卷烟产量接近世界总量的一半。这些跨国烟草公司凭借雄厚的资本，成熟的管理，先进的技术和著名的品牌形象，在世界烟草的激烈竞争中，不断扩大市?</t>
  </si>
  <si>
    <t>彩电业：以数字化破反倾销</t>
  </si>
  <si>
    <t>上月，美国对我出口彩电初裁征收反倾销税引人注目。然而，差不多同时发生的另一件事似乎并未引起关注：厦华被美国政府确定为军方采购的长期供货商，首批数字高清电视已发往美国，今年全年将向美方供货４．５万台。据了解，这是中国数字高清电视首次进入美国政府采购系统。</t>
  </si>
  <si>
    <t>中国经济对亚洲影响越来越大</t>
  </si>
  <si>
    <t>本报巴塞尔（瑞士）专电  国际清算银行３０日在此间公布的年度报告指出，中国经济快速增长，并且日益融入国际经济，使得中国在亚洲地区的影响越来越大。    自１９９１年至２００２年间，中国在亚洲国内生产总值和出口总和中所占的份额翻了一番，分别达到１７％和２０％。$</t>
  </si>
  <si>
    <t>美天然气消费日益依赖世界市场</t>
  </si>
  <si>
    <t>本报华盛顿专电  由于近年来美国天然气消费量迅速增长导致价格猛升，美国天然气市场对世界市场的依赖将日益加重。    据美国报纸报道，由于国内消费迅猛增长，目前美国市场的天然气价格以热量计算平均大约为每百万英国热量单位（约等于７．２加仑柴油）６美元，是前几年平?</t>
  </si>
  <si>
    <t>韩国经济陷入低迷状态</t>
  </si>
  <si>
    <t>本报汉城专电  今年以来，韩国经济高增长的势头被遏制，经济增长率急剧下降，生产、消费和投资全面下滑。受内需不振和美元贬值等共同因素的影响，韩国经济举步维艰，陷入了该国克服金融危机以来最低迷的状态。    前几年，韩国依靠调整产业结构，发展ＩＴ产业和大力开拓国?</t>
  </si>
  <si>
    <t>美国采取措施减少垃圾电话</t>
  </si>
  <si>
    <t>本报洛杉矶专电  美国联邦贸易委员会和联邦通信委员会２７日共同推出一项名为“别打我电话”的免费服务，今后美国电话用户只要注册加入这项服务，就可以大大减少受垃圾电话骚扰的可能性。    以推销为主的垃圾电话在美国十分常见。据报道，每个美国人平均３天就接到一个垃?</t>
  </si>
  <si>
    <t>新口服戒烟药即将问世</t>
  </si>
  <si>
    <t>本报纽约专电  全球最大的制药厂商美国辉瑞公司即将推出一种名为瓦伦尼克林（Ｖａｒｅｎｉｃｌｉｎｅ）的新口服戒烟药，期待它将成为该厂继伟哥之后的又一种畅销产品。    据美国《世界日报》报道，在临床试验中，数百名吸烟者服用了这种新药，其中约半数人在７周以后戒烟?</t>
  </si>
  <si>
    <t>浙江斥资7000亿重塑制造业</t>
  </si>
  <si>
    <t>有９８个最终产品在全国处于绝对优势的浙江制造业，其规模以上制造企业的增加值去年达到２１７４亿元。２００２年，浙江工业制成品出口总额为２７３亿美元，由此计算出的贸易竞争指数为０．４５３，大大超出了韩国的０．２６４，也超过了意大利和日本。    这一切，使得浙?</t>
  </si>
  <si>
    <t>第五项修炼：催生学习型中国企业</t>
  </si>
  <si>
    <t>本报讯  “学习型组织·五项修炼”是由当代管理大师，美国麻省理工学院彼得·圣吉博士通过４０００家企业的培训研究，穷十年之功而提炼、总结出的一套完整的、操作性很强的、理论与实践相结合的信息化时代企业管理方法，其宗旨是由个人到组织通过学习“自我超越、改善心智模?</t>
  </si>
  <si>
    <t>谨防“奥运低谷”</t>
  </si>
  <si>
    <t>正当北京２００８年奥运会的各项筹备工作紧张进行之时，一批专家警示：要对奥运会后极有可能出现的“奥运低谷”现象提早做好准备，使有可能产生的负面作用减少到最低限度。    一些教训值得我们警醒    加拿大蒙特利尔曾举办了第２１届奥运会，因为管理不善、腐败严重，?</t>
  </si>
  <si>
    <t>美国西南航空公司经营之道</t>
  </si>
  <si>
    <t>在当前经营极其困难的美国航空业中，美国西南航空公司是目前惟一一家保持盈利的美国主要航空公司。    近两年来，美国的航空业令业界人士不堪回首。２００１年的经济衰退已经使供大于求的美国航空业处境艰难，“９·１１”事件又使航空公司雪上加霜。客流量大幅度下降，运?</t>
  </si>
  <si>
    <t>世界旅游组织为亚太国家支招</t>
  </si>
  <si>
    <t>世界旅游组织亚太地区旅游危机管理部长会议６月下旬在菲律宾首都马尼拉举行。世界旅游组织高层人士希望与会各国加强危机管理，提高旅游业对抗危机影响的“免疫力”，确保全行业稳步、有序的发展。    旅游是全球最大产业之一，也是最敏感的行业。近两年来，以美国“９·１?</t>
  </si>
  <si>
    <t>中印信息技术有互补欠沟通</t>
  </si>
  <si>
    <t>正在中国进行访问的印度维默莎技术公司主席库玛认为，印度和中国都有巨大的市场和人力资源，在信息技术方面也可以互补，两个山水相连的邻国“在科技合作方面有着巨大的潜力和美好的前景”。    库玛是随同印度总理瓦杰帕伊访华的印度产业联合会代表团成员，在接受本报记者?</t>
  </si>
  <si>
    <t>日系汽车龙虎斗</t>
  </si>
  <si>
    <t>日本的媒体喜欢把竞争中处于优势地位的企业称为“胜者组”，而把处于劣势的称为“败者组”。目前，日本国内主要有５大集团从事汽车生产，分别是：丰田汽车集团、本田集团、日产汽车集团、三菱汽车集团、马自达汽车集团。在日本国内汽车市场争夺赛中，丰田和本田公司一直处于?</t>
  </si>
  <si>
    <t>中国不应盲目进行３Ｇ建设</t>
  </si>
  <si>
    <t>本报讯  中国３Ｇ（第三代移动通信）应该如何选择正确的发展道路，带动中国通信行业实现整体跨越。日前，中国信息协会组织国内有关专家对欧洲３Ｇ进行了实地考察后指出，中国在３Ｇ发展上切忌盲目冒进，应采取冷静稳妥的政策，引导中国３Ｇ产业的健康发展。    参加对欧洲?</t>
  </si>
  <si>
    <t>美影业巨头涉足我影院市场</t>
  </si>
  <si>
    <t>本报上海电  著名的时代华纳公司在上海参股建立了一家顶级多厅影院。这是美国电影业巨头第一次涉足中国潜力巨大的影院市场。这表明中国加入ＷＴＯ以后电影“零售”市场的对外开放又有了新的进展。    时代华纳此次投资的中方合作者上海永乐股份公司总经理谢鲍鑫日前对记者?</t>
  </si>
  <si>
    <t>从植物中提取抗癌药</t>
  </si>
  <si>
    <t>目前，抗癌药物的销售份额占世界药品市场的１５％。从植物中提取抗癌新药，是许多科学家热衷的研究方向，它也为我国中药产业提供了前沿商机。    最近在广西南宁市举行的“国际药物化学、新药开发学术研讨会”上，癌症药物研究专家、美国中药研究中心教授徐任生说，中国中?</t>
  </si>
  <si>
    <t>英美西匈日行业协会概览</t>
  </si>
  <si>
    <t>$F西班牙：商会举足轻重$E西班牙各种行业协会和跨行业的商会成千上万，已经成为促进西班牙经济发展的有力保障，并得到政府的大力支持。    当前，西班牙规模最大的商会当属西班牙工商航运协会，简称西班牙商会。世界各国的高级领导人访问西班牙时一般都?</t>
  </si>
  <si>
    <t>经济房政策可向美国借点经验</t>
  </si>
  <si>
    <t>关于经济适用房的问题，一直是各方面关注的焦点，并且意见很不一致。笔者认为，现行的经济适用房的政策应该进行一些调整，在某些方面不妨借鉴一下美国开发低收入家庭住宅的经验。    讨论我国经济适用房问题应该从历史的角度来看，经济适用房的前身是安居工程，当时带有强?</t>
  </si>
  <si>
    <t>日本人长寿的１１条经验</t>
  </si>
  <si>
    <t>日本人长寿的主要原因是注重饮食、均衡膳食。最近，河北省烹饪协会会长马凤岐向记者介绍了日本人在饮食方面总结出的１１条经验：    １、每顿菜肴品种多，数量少。鱼、肉、蔬菜、豆类、水果和米、面，都用小碟、小碗盛装，花样繁多，这样每顿饭都摄入多种营养成份。    ?</t>
  </si>
  <si>
    <t>美国网络广告又成香饽饽</t>
  </si>
  <si>
    <t>本报讯  网络广告再度成为“眼球经济”的宠儿。与传统广告相比，网络广告价格低廉、服务多样、效果显著，并且调查显示，美国人上网时间远比看电视时间长。    美国网络广告收入前两年持续下滑，在各大网站积极采取应对措施后，如今很多企业再次将大量广告预算投入其中。在?</t>
  </si>
  <si>
    <t>“张总”的中国缘</t>
  </si>
  <si>
    <t>相隔四年，记者再次采访了日本丰田汽车总裁张富士夫。第一次见面时，他刚刚接掌丰田汽车公司的帅印。四年来，他每年都交出了一份让丰田汽车公司股东十分满意答卷。今年３月结束的２００２会计年度，丰田汽车集团公司的税前利润达到了１４１４０亿日元（约１２０日元合１美元?</t>
  </si>
  <si>
    <t>我国会展经济“成长的烦恼”</t>
  </si>
  <si>
    <t>近几年来，我国会展业年均增幅超过２０％，取得了长足的发展。但与德国、美国、法国、新加坡等会展经济领先的国家相比，我国会展业还存在较多不足，突出表现为：展会水准不高，尚未与国际接轨；主题雷同的展会太多，纷乱无序；展会规模偏小，国际影响力差；专业观众少，成交?</t>
  </si>
  <si>
    <t>英国架设养老金保险“安全网”</t>
  </si>
  <si>
    <t>本报伦敦专电  英国政府日前宣布对公司养老制度进行改革，为已经和即将退休的人员建立带有保险性质的“安全网”，以便使参加公司养老金计划的员工利益不会因公司破产而受到损害。    英国就业与养老金部副大臣马尔科姆·威克斯前不久接受记者采访时曾说，英国实行混合经济?</t>
  </si>
  <si>
    <t>印度企业看好中国三大市场</t>
  </si>
  <si>
    <t>印度工业协会和印度工商联合会最近对中国市场潜力进行了一项联合调查。调查显示，中国市场商机无限，现在是打入中国市场的最好时机。它们认为，由于中国在信息技术、医药制品和生物技术方面的投资条件优惠，而印度在这３个领域都具有很大优势，有关企业在拓展中国市场上大有?</t>
  </si>
  <si>
    <t>日本制造业海外生产比例创新高</t>
  </si>
  <si>
    <t>本报东京专电  日本经济产业省１６日发表的“海外事业活动基本调查”报告表明，在２００２年３月３１日结束的日本２００１财政年度里，日本制造业境外生产比例达到１６．７％，创历史最高记录。    报告表明，２００１年度，日本境外企业销售总额已达１３５万亿日元，比上?</t>
  </si>
  <si>
    <t>湘产香米大宗出口美国</t>
  </si>
  <si>
    <t>本报郑州电  记者近日从郑州粮食批发市场获悉：５月底，湖南秀龙米业公司２０吨生态香米在长沙港装船，首批出口美国。“秀龙”等一批湘产香米品牌的崛起，标志着湖南省实施的优质稻战略获得突破。    秀龙香米仅是湖南省香米走俏市场的一个缩影。据湖南省农业厅统计，湖南?</t>
  </si>
  <si>
    <t>乌兹别克蚕丝业改革成效显著</t>
  </si>
  <si>
    <t>近年来，蚕丝业在乌兹别克得到大力发展，逐渐成为该国出口创汇的重要产业。其生丝产量已超过巴西，居世界第三。    乌兹别克位于中亚中部，是历史上“丝绸之路”经过的地区。该国气候干燥，夏季炎热，年降水量在２００毫米左右，是原苏联的主要蚕丝产地。蚕桑基地主要在费?</t>
  </si>
  <si>
    <t>形形色色的日本机器人</t>
  </si>
  <si>
    <t>无论你到工厂参观，还是看各种科技展览，一定会对日本的机器人留下深刻印象。    日本的机器人在世界最多，关于这一点数字最有说服力。有关统计表明，日本目前有３８９４４２台机器人，而美国为８９８８０台，德国为９１１８４台，意大利为３９２３８台，韩国为３７９８９?</t>
  </si>
  <si>
    <t>西部：东部远航者眼中的“新大陆”</t>
  </si>
  <si>
    <t>９０年代初即在上海机械阀门业占据领先地位的温州人陈文艺，在事业如日中天的时候，却毅然改变人生旅途的方向，从中国改革开放最前沿的上海只身来到宁夏，投身于西部大开发之中。经过十年拼搏，这位西部大开发的先行者已成为宁夏温州模式的集团企业——温州商城有限公司的董?</t>
  </si>
  <si>
    <t>直效关系营销</t>
  </si>
  <si>
    <t>众所周知，直效营销最初始于２０世纪７０年代中期美国的直接信函及广告协会，并于８０年代在美国、日本、西欧等国家和地区迅速发展。仅美国直销的销售额就以每年１５％的速度在增长，进入９０年代以来，其平均增长速度仍保持在６％—１０％的水平，直销的发展速是整个零售业?</t>
  </si>
  <si>
    <t>美国加州要对网络购物征税</t>
  </si>
  <si>
    <t>本报洛杉矶专电  美国加利福尼亚州参议院日前批准一项对网络购物统一征收销售税的法案，该法案尚需得到加州众议院通过和州长签署。业界认为，此举一旦付诸实施，将对发展迅速的网络销售业造成极大冲击。    目前，美国已有３７个州参加了一个全国统一征收网络销售税的协议?</t>
  </si>
  <si>
    <t>软件业进军日本市场应练内功</t>
  </si>
  <si>
    <t>本报讯  越来越多的中国软件公司进军日本软件市场。专家认为，对日软件出口企业应注重练好内功，不要仅仅把目光盯在低价竞争上。    目前，全国各地正在兴起对日软件出口热。大连致力于成为中日软件产业合作战略门户，目前已拥有全国规模最大、数量最多的对日软件开发企业?</t>
  </si>
  <si>
    <t>泰国全力拯救旅游业</t>
  </si>
  <si>
    <t>泰国一度被世界卫生组织划为疫区，但实际上国内感染非典的人数一直控制在个位数，且全部属于外来传入病例，几个月来，死亡人数只有２例。对泰国来说，非典最大的冲击不在国民健康和社会恐慌，而在于经济衰退，特别是旅游业的衰退。全力拯救旅游业，成了泰国抗击非典的主旋律?</t>
  </si>
  <si>
    <t>非典对菲律宾经济危害巨大</t>
  </si>
  <si>
    <t>冠状病毒不期而至，与中国隔海相望的菲律宾也未能幸免，航空、旅游、餐饮等行业受到不同程度的冲击。    菲律宾国内最大的航空企业——菲律宾航空公司本已身陷困境，非典侵袭可谓是雪上加霜。自１９９７年亚洲爆发金融危机后，菲航出现巨额亏损，直到２００２财年才实现１?</t>
  </si>
  <si>
    <t>南北对话与贫富差距</t>
  </si>
  <si>
    <t>南北领导人非正式对话会议于今年６月１日在法国埃维昂举行。与会南北共２０个国家和一些国际组织的领导人就加强南北合作和促进全球经济增长等重大问题交换了意见和看法。中国国家主席胡锦涛在题为《推动全面合作促进共同发展》的讲话中强调，只有实现全球协调、平衡、普遍发?</t>
  </si>
  <si>
    <t>英国为何再次推迟加入欧元区</t>
  </si>
  <si>
    <t>本月９日，英国政府为加入欧元区设定的５项经济条件的评估结果浮出水面。财政大臣布朗在议会宣布，英国需要加入欧元区，但现在条件“还不成熟”。这意味着英国加入欧元区的进程被再次推迟。    英国就加入欧元区的５项经济测试条件是由上届工党政府在１９９７年上台后设定?</t>
  </si>
  <si>
    <t>伊审查与中法俄的战前石油合同</t>
  </si>
  <si>
    <t>本报巴格达专电  美国指定的伊拉克石油部负责人贾德班近日说，伊石油部工作人员和派驻到伊石油部的美国顾问正在对中国、法国和俄罗斯与伊前政府签定的石油合同进行重新审查。    他说，伊拉克平等对待所有的外国石油公司，伊拉克非常依赖石油工业，所以要同所有的国际石油?</t>
  </si>
  <si>
    <t>从就业市场看美国经济新特点</t>
  </si>
  <si>
    <t>自美国经济２００１年底摆脱衰退开始复苏以来，美国的失业问题不断恶化。美国劳工部６日公布的报告显示，５月份美国的失业率已经升至６．１％，为９年来最高水平。在经济复苏的同时，失业率却步步高升，这一现象引起了经济界人士的普遍注意。    根据美国劳工部的统计，从?</t>
  </si>
  <si>
    <t>烟草作物长出狂犬病病毒抗体</t>
  </si>
  <si>
    <t>本报华盛顿专电  美国科学家首次培育出一种转基因烟草作物，它能含有针对狂犬病病毒的抗体。新成果表明，转基因作物有望成为狂犬病病毒抗体的廉价“生产车间”。    位于费城的托马斯·杰斐逊大学的研究人员本周在网络版的美国《全国科学院学报》上发表论文介绍了这一成果?</t>
  </si>
  <si>
    <t>新加坡力促本地旅游业复苏</t>
  </si>
  <si>
    <t>世界卫生组织５月３０日宣布将新加坡从非典疫情地区名单中除名，标志着解除了到新加坡旅游的禁令。消息一出，新加坡旅游局立即在国际报刊及澳大利亚、印度、中国香港和日本等１２个主要旅游市场刊登广告，全面展开了本国旅游业的促销攻势。    ６月４日，新加坡政府又宣布?</t>
  </si>
  <si>
    <t>国际石油市场面临重新洗牌</t>
  </si>
  <si>
    <t>随着联合国解除对伊拉克制裁，伊拉克在真正意义上重返世界石油市场，未来几天内将开始出口石油。世界石油市场维持了数十年的老格局由此可能产生变化，在各方政治和经济利益的争夺和妥协中建立新的格局。    伊拉克：“杯水车薪”后的滚滚“洪流”    日产７０万桶，１个?</t>
  </si>
  <si>
    <t>美元贬值中国受益是障眼法</t>
  </si>
  <si>
    <t>最近一段时间，美元相对欧元及日元的汇率都出现了大幅下滑。世界舆论在怀疑美国政府有意操纵这场美元贬值，以促进美国的出口，刺激经济回升，但美国舆论界却冒出了一种美元贬值、中国坐收渔利的说法。    这种说法的表面逻辑很简单，中国一直坚持人民币与美元实际上挂钩的?</t>
  </si>
  <si>
    <t>顾雏军连环收购中的连环计</t>
  </si>
  <si>
    <t>继２００１年收购科龙后，日前，格林柯尔击败美的，受让美菱股份２０．０３％的国有股权，成为第一大股东。加上格林柯尔去年收购的南昌齐洛瓦、吉林吉诺尔，以及上菱冰箱的两条生产线，格林柯尔旗下的冰箱销量已实现了亚洲第一，顾雏军打造全球最大的制冷帝国的梦想愈来愈强?</t>
  </si>
  <si>
    <t>对中输日农产品 不应采取苛刻的歧视性标准</t>
  </si>
  <si>
    <t>本报讯  针对日本最近又开始对我出口农产品频频设限，中国食品土畜进出口商会负责人日前表示，这违反世贸协议有关规定。他特别强调指出，对中国输日农产品的歧视性标准，比日本对国内农产品、其他出口国的标准苛刻得多，这是对中国严重的贸易不公正做法。    食土商会负责?</t>
  </si>
  <si>
    <t>后发制人 福特加速冲向中国</t>
  </si>
  <si>
    <t>程美玮，５３岁，美籍华人，毕业于美国康奈尔大学，ＭＢＡ学位。曾任通用电气副总裁、通用电气（中国）有限公司董事长兼ＣＥＯ。１９９８年加入福特汽车，任福特汽车总公司副总裁，兼任福特汽车中国公司董事长兼ＣＥＯ。    有人说，作为世界第二大汽车巨头，福特在中?</t>
  </si>
  <si>
    <t>英国烟草管理大见成效</t>
  </si>
  <si>
    <t>英国是世界烟草商主要基地之一，聚集着英美烟草公司、皇家烟草公司和加拉赫烟草集团等世界著名烟草巨头。但现在在英国看不见任何香烟广告，这要归功于英国政府去年制定的《烟草广告及促销限制法》。根据该项法律，从今年２月１４日开始，禁止在所有媒体上做香烟广告。    ?</t>
  </si>
  <si>
    <t>美国贸易壁垒（下）</t>
  </si>
  <si>
    <t>（三）通关环节壁垒    一些中国出口企业称，美国海关等部门在进口产品通关时要求出口商提供所有的附加单证及相关信息，对某些进口产品还提出了更多的要求，远远超出正常通关的需要。这些手续非常繁琐且费用昂贵，对新出口商和小出口商构成了壁垒。特别是进口纺织品、服装?</t>
  </si>
  <si>
    <t>西洋参仅是味普通药材</t>
  </si>
  <si>
    <t>在众多的大药房、商场，几乎都有西洋参出售，而且卖得非常火。不少广告宣称，西洋参可以增加记忆、改善血液循环，可以令考试更轻松，商人谈判都成功。众多中老年消费者也把西洋参当作滋补佳品。西洋参真的有那么神奇吗？    西洋参（又叫花旗参）原产美国，美国人并不吃西?</t>
  </si>
  <si>
    <t>德研究出糖尿病新疗法</t>
  </si>
  <si>
    <t>本报柏林专电  对于许多糖尿病患者来说，长期注射胰岛素的治疗方法有许多不便。德国科学家最近研究出吸入胰岛素疗法，有望给患者带来新的治疗选择。    据德新社报道，德国糖尿病研究中心于正在不莱梅举行的德国糖尿病研究年会上宣布了这项成果。研究中心的医学主任韦尔纳?</t>
  </si>
  <si>
    <t>法国上调烟价促戒烟</t>
  </si>
  <si>
    <t>本报巴黎专电  为了减少对烟草的消费，更有效地控制和减少青少年吸烟，法国政府决定从６月１日起３年内将香烟价格每年上调１７％到２５％。    这一决定是在“世界无烟日”到来之前，法国卫生部长让－弗朗索瓦·马太于５月２８日宣布的。他说，希拉克总统要求他为实现２０?</t>
  </si>
  <si>
    <t>浙江出口频遭非典“软”壁垒</t>
  </si>
  <si>
    <t>４月下旬以来，浙江出口产品频遭外商以非典名义设置的各种新“贸易壁垒”，包括：对货物进行１５天隔离；要求提供官方消毒检疫证明、货物来自非疫区证明；甚至要求提供工人戴口罩作业的照片等等。    ５月１３日，绍兴一家制衣公司接到一捷克客户传真，称为防止货柜抵港后?</t>
  </si>
  <si>
    <t>美国贸易壁垒（上）</t>
  </si>
  <si>
    <t>（一）关税及关税管理措施    １、关税高峰    美国对陶瓷及玻璃制品进口征收高额关税。美国对进口中、低档陶瓷制品征收的关税高，对高档陶瓷制品征收的关税低，给中国陶瓷制品对美国出口造成障碍。此外，鞋面用皮面积超过鞋面总面积５１％的运动鞋的关税为８％，鞋面用?</t>
  </si>
  <si>
    <t>“中国建筑”无一倒塌</t>
  </si>
  <si>
    <t>本报讯  近日，阿尔及利亚发生强烈地震，中国建筑工程总公司承建的工程建筑无一倒塌，显示出了过硬的质量。    记者从中建总公司了解到，在这场地震中，由中建总公司建设完成和在施工的工业、公用、住宅等各类工程项目无一发生质量问题。即便是上个世纪８０年代建造的２０?</t>
  </si>
  <si>
    <t>美元贬值对世界经济的利与弊</t>
  </si>
  <si>
    <t>５月２７日，纽约外汇市场出现了一个“历史性”数字，欧元兑美元盘中一度上摸１∶１．１９３１，创下欧元问世以来的历史新高。    此时，第一个站出来表态的重量级人物是国际货币基金组织总裁克勒。他在２８日接受德国《商报》采访时呼吁，各国政府和中央银行应立即采取一?</t>
  </si>
  <si>
    <t>日元升值对日本经济影响减弱</t>
  </si>
  <si>
    <t>５月份以来，国际外汇市场日元对美元的汇率再次出现较大幅度的上升。此间分析人士认为，如果日元汇率能够维持在１１５日元兑换１美元的价位，对日本经济的不利影响不会太大。    日元汇率变动必将对日本经济产生影响。但是，随着日本经济结构的调整，国际经济形势的变化，?</t>
  </si>
  <si>
    <t>汇市波动对英国经济直接影响不大</t>
  </si>
  <si>
    <t>近几个月以来，美元对世界其他主要货币的比价不断下跌。自今年初以来，美元对英镑比价降低了１５％，目前美元的跌势仍在继续。与此同时，欧元却在外汇市场上独领风骚，不仅对美元的比价超过１９９９年启用时的水平，对英镑的比价也在一路攀升，５月份，欧元对英镑比价一度升?</t>
  </si>
  <si>
    <t>日本贸易壁垒（上）</t>
  </si>
  <si>
    <t>（一）关税及关税管理措施    日本关税平均水平很低，２０００年为２．１％，与主要发达国家持平，但是对某些产品仍然征收过高的关税或实施一些不合理的关税措施。    １、高关税    随着日本对大米、盐进口实行关税化，两种产品出现过渡性关税高峰问题。１９９９年４?</t>
  </si>
  <si>
    <t>委内瑞拉将严格遵守新配额</t>
  </si>
  <si>
    <t>本报加拉加斯专电  委内瑞拉石油公司董事长阿里·罗德里格斯２６日表示，委内瑞拉将认真执行石油输出国组织（欧佩克）可能作出的新一轮削减石油产量的决定，严格遵守新的石油生产配额。    罗德里格斯强调说，委内瑞拉一贯是欧佩克“减产保价”政策的坚定倡导国和执行国。?</t>
  </si>
  <si>
    <t>上海汽车租赁：市场不小成本不低</t>
  </si>
  <si>
    <t>截至去年年末，上海的机动车达１４０万辆，驾驶员近１９０万，有５０万人“有本无车”。据悉，仅去年一年新增的驾驶员就有２１万，驾照的增速远远大于车牌发放的增速。业内人士认为，这５０万的缺口为上海的汽车租赁市场提供了不小的商机。    美国一家咨询公司的统计表明?</t>
  </si>
  <si>
    <t>茅台酒能“护肝”？</t>
  </si>
  <si>
    <t>茅台酒历史悠久，自１９１５年在巴拿马万国博览会荣获金奖至今，一直是饮誉海内外的名酒多少年来一直畅销国内外。最近一段时间，茅台酒厂不知是什么原因，居然在自己的网站和一报报刊广告上，将茅台酒赋予了”治病”的功能，声称可以“护肝”。白酒能护肝，还是闻所未闻。?</t>
  </si>
  <si>
    <t>越南采取措施重振旅游业</t>
  </si>
  <si>
    <t>“买一送一”、“买二送一”、“提供５０％折扣”……这是越南于５月初宣布成功控制非典型肺炎蔓延之后，该国各大酒店为争夺客源而采取的五花八门的宣传招术。与此同时，为了重振国内旅游业，越南旅游当局最近也采取了一系列的积极措施。    自从几个月前越南发现首例非典?</t>
  </si>
  <si>
    <t>新巴塞尔协议引发欧美争端</t>
  </si>
  <si>
    <t>本报讯  过去５年中，巴塞尔银行监管委员会一直致力于《新巴塞尔协议》（Ｂａｓｅｌ ２）的起草工作之中。随着新协议逐步浮出水面，美国和欧洲的银行监管机构产生了巨大分歧。    巴塞尔银行监管委员会是制订银行业监管标准的主要国际机构，世界上绝大多数国家都采纳并遵循</t>
  </si>
  <si>
    <t>中日韩市场不会互相冲击</t>
  </si>
  <si>
    <t>商务部研究院亚非研究部日前完成的《建立中日韩自由贸易区的可行性研究》报告称，中日韩自由贸易区建成后，三国的国内市场不会互相冲击。    该研究报告指出，亚洲金融危机后，东亚各国都表达了建立覆盖东亚地区的经济合作组织的强烈愿望。而东亚各国中，中日韩三国不仅政?</t>
  </si>
  <si>
    <t>非典掩不住北京魅力</t>
  </si>
  <si>
    <t>本报讯  “ＳＡＲＳ只是短暂的，我相信中国政府和人民在短期内会解决这个问题。”以色列ＦＴＩ公司董事长海宁在日前举行的公司与北京古桥电器公司合资项目启动仪式上对记者说，“我们同中国企业合作才是长久的，就像婚姻一样，我们为何要停止自己的脚步？”    据了解，北?</t>
  </si>
  <si>
    <t>美国ＢＯＮＡ集团对华投资现状</t>
  </si>
  <si>
    <t>改革开放以来，我国充分吸收利用外资加速经济发展，可以说，外来资本奠定了我国经济快速发展的基石。    在众多的外来资本中，美国ＢＯＮＡ国立控股集团（以下简称ＢＯＮＡ）以其雄厚的资金实力，可持续发展的项目和超前的管理理念赢得了众多合作伙伴。    美国ＢＯＮＡ?</t>
  </si>
  <si>
    <t>新桥控台湾中国信托商业银行扰收购深发展</t>
  </si>
  <si>
    <t>本报讯  新桥资本为了并购深圳发展银行股份有限公司深发展进行了长达１１个月的努力，但深发展在５月１２日宣布解散收购过渡期管理委员会。据《华尔街日报》２２日报道，新桥资本２０日在美国得克萨斯州的法院对其潜在收购竞争对手，台湾的中国信托商业银行股份有限公司?</t>
  </si>
  <si>
    <t>中日韩自由贸易区建立条件基本成熟</t>
  </si>
  <si>
    <t>本报讯  去年１１月，中国提出了中日韩三国进行建立自由贸易区可能性研究的建议，得到日韩两国积极回应。日前，商务部研究院亚非研究部完成的一份研究报告指出，建立中日韩自由贸易区的条件已基本成熟。    这份名为《建立中日韩自由贸易区的可行性研究》的报告对中日韩自?</t>
  </si>
  <si>
    <t>《国别贸易投资环境报告》</t>
  </si>
  <si>
    <t>本报讯  ５月２０日，商务部发布了２００２年度《国别贸易投资环境报告》。据了解，这是我国首次发布的介绍对外贸易环境的报告。今后，商务部将按年度继续出版报告。    《国别贸易投资环境报告》介绍了阿拉伯联合酋长国、菲律宾、韩国、马来西亚、日本、沙特阿拉伯、泰国?</t>
  </si>
  <si>
    <t>俄罗斯外资流入大幅增加</t>
  </si>
  <si>
    <t>本报莫斯科专电  俄罗斯国家统计委员会１９日公布的数字显示，截至今年３月底，外国对俄投资总额达到４３０亿美元，比去年同期增加了２５％。    在流入俄罗斯的外资中，直接投资为１９５．９４亿美元，占总额的４５．５％；证券投资１１．４亿美元，占２．７％；其他投资?</t>
  </si>
  <si>
    <t>穷途末路的美国老牌钢铁企业</t>
  </si>
  <si>
    <t>今年５月上旬，美国国际钢铁公司正式以１６亿美元的价格兼并早已申请破产的伯利恒钢铁公司。至此，伯利恒这一美国著名的老牌钢铁公司从美国钢铁工业界完全“消失”。    伯利恒钢铁公司有过辉煌的历史。自从１９０４年成立以后一直在美国钢铁行业拥有重要的地位，也有过令?</t>
  </si>
  <si>
    <t>特事特办  确保戴尔电脑顺利出口</t>
  </si>
  <si>
    <t>厦门海关积极创建文明窗口，打造服务型海关，为企业提供优质、高效服务。    日前，戴尔公司向该关报告，其原定于当天出口日本的8876台电脑因存在质量问题，必须回厂返修。该公司向厦门海关申请全部退载，并计划修复后由第二天的货包?</t>
  </si>
  <si>
    <t>沃尔顿：生活简朴的世界首富</t>
  </si>
  <si>
    <t>２００１年，世界权威财经杂志《财富》和《福布斯》分别公布了一年一度的世界大富翁排行榜，却给全世界带来了同一个惊人的讯息：微软公司董事长比尔·盖茨不再是当年的世界首富，他的宝座被全球零售巨头沃尔玛的老板罗布森·沃尔顿取代。    就在今年４月底，英国《星期日?</t>
  </si>
  <si>
    <t>澳洲房产泡沫濒临破灭</t>
  </si>
  <si>
    <t>本报讯  澳大利亚经济近１０年的良性发展使越来越多的普通居民投资房地产，澳洲房价几乎翻一番。很多经济学家认为，房产泡沫已膨胀到爆破的边缘，一旦破灭将给澳洲经济带来灾难性影响。    据最近出版的《经济学家》报道，澳大利亚房价在过去１０年中上涨了９３％，其中悉?</t>
  </si>
  <si>
    <t>中英经贸前景广阔</t>
  </si>
  <si>
    <t>本报伦敦专电  １３日在英国伦敦召开的英中贸易协会年会上，与会的英国的企业家们纷纷表示，他们对英中双边经贸扩大前景充满信心。    他们认为，目前，英中两国关系正处于历史上最好的时期之一。近几年来中英经济贸易活动快速增加，双边贸易额自２００１年突破百亿美元之?</t>
  </si>
  <si>
    <t>世界大企业促英国尽快加入欧元区</t>
  </si>
  <si>
    <t>本报伦敦专电  据英国媒体１２日透露，２５家国际和英国国内大企业的领导人最近联名致信英国首相布莱尔，敦促英国政府加快加入欧元区的进程。    这２５名企业家包括英国航空公司、英国电信巨子沃达丰公司、福特汽车公司、飞利浦公司、英美烟草公司、联合利华公司和西门子?</t>
  </si>
  <si>
    <t>欧洲汽车销售模式分析报告</t>
  </si>
  <si>
    <t>考察时间：２００２年１２月２９日－２００３年１月１２日    考察地点：意大利、德国、法国    考察对象：大众、奔驰、雪铁龙、菲亚特的汽车销售模式    欧洲汽车流通体制的主要特点    １．销售体系的建立以生产厂家为中心。    无论哪种销售体制，分销商、代理?</t>
  </si>
  <si>
    <t>日本的危机管理体系</t>
  </si>
  <si>
    <t>２０世纪９０年代以来，日本加强了危机管理，建立起一套从中央到地方的危机管理体系、并不断给予完善。日本的危机管理机制在应对国家安全、天灾和人祸等突发性事件中发挥了很好的作用。    对于最近发生的非典型肺炎，日本政府更是未雨绸缪，严阵以待。当世界卫生组织宣布?</t>
  </si>
  <si>
    <t>欧洲怎样卖汽车</t>
  </si>
  <si>
    <t>美国、德国、法国、英国、意大利、日本、韩国是号称当今世界汽车七大主要生产国，其中欧洲就占了四个，足以证明欧洲在世界汽车市场中的地位和作用。欧洲各国不仅是汽车工业强国，也是汽车消费大国，汽车对欧洲的政治、经济、人民生活有着不可估量的影响。目前，国内关于汽车?</t>
  </si>
  <si>
    <t>英国的意外事件应变机制</t>
  </si>
  <si>
    <t>非典型肺炎给世界许多国家的应变防灾快速反应机制都出了一道题，各国都根据本国国情很快采取了紧急救护和防治措施。在和平时期，这也是对一个国家平时防灾准备措施和综合应急能力的一个考验。    英国在发现第一例非典病人之后，很快向全国各地医疗机构和社会卫生保健部门?</t>
  </si>
  <si>
    <t>韩国的防灾机制及经验</t>
  </si>
  <si>
    <t>韩国每年都发生水灾、火灾等自然灾害，有时还会发生家畜口蹄疫，以及像今年２月大邱地铁火灾这样的天灾人祸。面对这样的灾害，韩国的防灾机制就会迅速启动，全力投入抗灾，以期减少生命和财产损失。    韩国的“中央灾害对策本部”是一个常设性的机构，隶属于行政自治部。?</t>
  </si>
  <si>
    <t>功能饮料市场潜力不潜</t>
  </si>
  <si>
    <t>本报讯  据近期有关媒体报道，以目前的速度发展，预计到２００４年全球功能饮料产量将达到２４亿升，其中有相当大的部分将被亚洲消费，中国将在这里面占到前三强。而作为国内功能饮料市场先入者和领先者的“红牛”，当然不会也不可能放弃其主导品牌的地位。    ４０年前诞?</t>
  </si>
  <si>
    <t>日本房地产泡沫“阴魂”１０年未散</t>
  </si>
  <si>
    <t>日本国土交通厅最近公布的统计数据显示，２００３年１月，日本全国平均住宅用地比上年同期下降５．８％，商业用地下降８％，均连续１２年下跌。    由于房地产价格暴跌，竣工已经１０年的大量别墅未能售出而导致无力偿还银行的巨额贷款，日本九州地区最大的主题公园“豪斯?</t>
  </si>
  <si>
    <t>英国房地产市场开始降温</t>
  </si>
  <si>
    <t>今年３月以来，英国各有关机构就房地产市场情况发布的一系列调查结果显示，英国房地产市场在经历了近两年的强劲增长周期之后，开始进入逐步调整或下跌期。    英国住房市场研究与数据公司“住房追踪”的调查报告说，英国住房市场３月份为零增长，４月份增长仅为０．１％。?</t>
  </si>
  <si>
    <t>环球航运靠资本运营跃居全球老大</t>
  </si>
  <si>
    <t>为进一步开拓中国内地市场，香港环球航运集团宣布其已斥巨资成功控股挪威航运业“老大”本格森集团。    由包玉刚创建的环球航运集团曾是世界最大的航运公司，包玉刚因此获得“世界船王”的美誉。现任环球航运集团主席兼总裁的苏海文先生是包玉刚的大女婿。面对上海航运、?</t>
  </si>
  <si>
    <t>印度软件业发展减速</t>
  </si>
  <si>
    <t>本报讯  据最新出版的美国《商业周刊》报道，受全球经济不景气等因素影响，印度软件业发展趋缓，各软件公司近期公布的收入增幅都大大低于市场预期。    作为世界第二软件大国，过去几年中，印度软件业年收入平均增幅在５０％以上。但最新公布的财务报告显示，印度最大的信?</t>
  </si>
  <si>
    <t>加快ＩＣ封装业发展“四对策”</t>
  </si>
  <si>
    <t>本报讯  业内专家日前指出，我国ＩＣ封装产业在走自强之路的过程中，集群化、信息化、打造核心竞争力和大力发展无铅的绿色封装是不可忽视的四大应对举措。    据悉，我国台湾省的封装业非常发达，２０００年封装业总产值达到３１．１５亿美元。而我国内地的封装业还处于成?</t>
  </si>
  <si>
    <t>国际投资界看好中国石油企业</t>
  </si>
  <si>
    <t>本报讯  近日，美国风险投资家巴菲特入股中国石油天然气股份有限公司。中石油有关负责人对本报记者证实了此事，并表示，这表明了国际投资家对中国企业尤其是石油企业信心的增加。    据悉，以前鲜见投资中国企业股的巴菲特，于上月通过其控制的上市旗舰巴郡哈撒韦斥资１０?</t>
  </si>
  <si>
    <t>美高科技人才市场将持续萧条</t>
  </si>
  <si>
    <t>本报洛杉矶专电  美国信息技术协会日前公布的一项调查表明，美国高科技行业人才市场在未来１２个月内将持续萧条，主要原因之一是越来越多的技术公司为了降低劳动力成本把科研工作转移到国外。    总部设在弗吉尼亚州的该组织对美国４００家技术公司的招聘经理进行了电话调?</t>
  </si>
  <si>
    <t>ＴＣＬ：赴越三年终有成</t>
  </si>
  <si>
    <t>在越南市场饱和、竞争激烈的时候，ＴＣＬ集团在越南投资建厂，生产彩电和ＶＣＤ、ＤＶＤ等家用电器产品，以优异的产品质量、合理的价格和周到的售后服务逐步开辟和扩大越南市场，３年时间内逼退日本索尼和韩国三星，抢占了１５％的市场份额，在一定程度上为中国产品挣回了声?</t>
  </si>
  <si>
    <t>菲律宾：资源开发有商机</t>
  </si>
  <si>
    <t>在菲律宾的中国企业一共只有２０多家，主要从事贸易服务类和工程承包类的经营活动，包括中国银行、中国南方航空公司、中国海运集团、中国有色金属总公司、中国电力技术进出口公司等。    绝大多数中国企业在菲律宾设立分公司或办事处都是根据其东南亚地区的战略部署进行的?</t>
  </si>
  <si>
    <t>华尔街十巨头认罚</t>
  </si>
  <si>
    <t>本报讯  美国证券交易委员会日前最终敲定涉及１０家华尔街知名公司的和解方案，内容涉及近１４亿美元的罚款和一系列改革措施。    和解方案是在证券交易委员会位于华盛顿的总部宣布的，出席会议的除了该委员会新上任不久的主席威廉·唐纳森外，还有被誉为“华尔街腐败克星?</t>
  </si>
  <si>
    <t>上国投与摩根富林明建基金公司</t>
  </si>
  <si>
    <t>本报讯  ４月２９日，上海国际信托投资有限公司与摩根富林明资产管理（英国）有限公司宣布，双方已签署组建合资基金公司的合资协议，并已于４月２８日向证监会提交了筹建申请。    摩根富林明是隶属摩根大通集团的资产管理公司，该公司最初将以４９５０万人民币投资于合资?</t>
  </si>
  <si>
    <t>越南纺织工业发展受阻</t>
  </si>
  <si>
    <t>本报河内专电  经过双方的讨价还价，越南和美国日前签署了《越美纺织品贸易协定》，对越南纺织品出口美国市场实施配额制。当地专家指出，此协定对越南纺织品拓宽美国市场“极为不利”，将使越南纺织品增长速度放缓。    《越美纺织品贸易协定》从２００３年５月１日开始实?</t>
  </si>
  <si>
    <t>在经济型轿车市场续写广本神话</t>
  </si>
  <si>
    <t>门胁轰二先生在日本大学毕业之后直接进入到日本本田技研工业株式会社工作，１９９３年开始到中国，之前曾经在美国、欧洲、加拿大等地区工作，１９９８年７月１日广州本田成立以来就任广州本田汽车有限公司的总经理。５年来，面对着激烈的市场竞争，他与中方人员一起使广州本?</t>
  </si>
  <si>
    <t>日本银行业不良债权压力大</t>
  </si>
  <si>
    <t>本报东京专电  根据日本瑞穗、三井住友、三菱东京、日本联合金融等七大银行集团最近发表的决算预案，在２００３年３月底结束的会计年度中，这些银行必须处理５．３９万亿日元不良债权，大大高于它们的同期经营利润。    初步决算数据表明，这七大金融机构的累计不良债权虽?</t>
  </si>
  <si>
    <t>拉美汽车工业迈向一体化</t>
  </si>
  <si>
    <t>为有效应对全球汽车市场的挑战，近年来，拉美各国汽车工业加强合作取得显著成果。随着国际贸易壁垒的逐步减少，拉美汽车工业一体化将进入一个新的发展时期。    以巴西、墨西哥和阿根廷等国为代表的拉美汽车制造工业有着坚实的基础和广阔的发展前景。从上世纪９０年代起拉?</t>
  </si>
  <si>
    <t>维生素Ｃ是有效的抗氧化剂</t>
  </si>
  <si>
    <t>本报讯  最近，美国的一项新研究报告说，如在饮食中摄入的维生素Ｃ不足，会增加脑中风的危险性，特别是在患高血压或肥胖的人当中。研究人员发现血中维生素Ｃ含量最低的人患脑中风的可能性是血中维生素Ｃ含量最高的人的两倍半。如果这人有高血压或者肥胖，那么危险性更会增加?</t>
  </si>
  <si>
    <t>埃及旅游部积极应对战争危机</t>
  </si>
  <si>
    <t>本报开罗专电  美伊战争以来使埃及四大外汇收入来源之一的旅游业再次受到冲击。业内人士估计，今年埃及旅游业将因这场战争损失２０亿美元。    在战争爆发之前，埃及旅游部就成立了一个中央协调部门，专门负责监控战争期间埃及旅游业的发展动向，比如跟踪和记录飞往各旅游?</t>
  </si>
  <si>
    <t>乳猪胰腺细胞治疗糖尿病</t>
  </si>
  <si>
    <t>本报墨西哥城专电  墨西哥一份医学报告透露，该国医学专家为糖尿病患者实施乳猪胰腺细胞移植治疗糖尿病获成功。    据墨西哥媒体１４日报道，该国医学界知名医生拉法尔·巴尔德斯在《多亏了猪》的医学报告中说，目前医生都是用胰岛素来治疗糖尿病，因而对胰岛素的需求量很?</t>
  </si>
  <si>
    <t>婴儿用Ｃ型脑膜炎疫苗</t>
  </si>
  <si>
    <t>本报柏林专电  现有的脑膜炎疫苗通常只适用于三岁以上儿童，却不能给婴儿进行接种。德国科学家最近开发出针对患病婴儿的Ｃ型脑膜炎疫苗，可为他们在脑膜炎高发期提供保护。    德国莱比锡大学儿童医院教授弗克尔·舒斯特表示，婴儿６至１２月大时处于脑膜炎高发期，而对成?</t>
  </si>
  <si>
    <t>再谈战争与经济</t>
  </si>
  <si>
    <t>美英联军出兵伊拉克引起各国人民的反对。在众多的反对声中，有的认为战争是为了美国的石油利益。这个说法不确切，美国出兵不能说与石油没有一点关系，但是主要不是为了石油，是美国在国际事务中的强权政治和霸权主义。    从全球范围来说，美国是石油最大的消费国，２００?</t>
  </si>
  <si>
    <t>美英欲改石油市场游戏规则</t>
  </si>
  <si>
    <t>本报讯  伊拉克战事渐进尾声，世界石油业各巨头都想在伊石油业重建中分一杯羹。美英石油巨头不仅想得到最大份额，还想把“产量分成协议”方式引入伊拉克，从而改变世界石油业几十年不变的“游戏规则”。    日前出版的美国《新闻周刊》以《石油巨头意欲何为》为题发表文章?</t>
  </si>
  <si>
    <t>到瑞典去掘金</t>
  </si>
  <si>
    <t>在中国加入世界贸易组织以后，来中国投资的企业已经司空见惯，但是像瑞典工业和贸易副大臣索德率队来中国引资的还真是少见。在北京的长城饭店，索德先生向媒体公开表示了欢迎中国企业去瑞典投资的意向，并对此发表了自己的看法。    瑞典为什么来中国引资？    笔者：中?</t>
  </si>
  <si>
    <t>连续五届奥运会赢利模式</t>
  </si>
  <si>
    <t>洛杉矶模式    １９８４年第２３届奥运会在美国洛杉矶举行。４５岁的彼德·尤伯罗斯为该届奥运会筹委会主席。在此之前主办奥运会经常会给主办国带来巨额经济亏损。尤伯罗斯在既无政府补贴、又不能增加纳税人负担，以及不能发行彩票的情况下，通过出售电视转播权等市场化手?</t>
  </si>
  <si>
    <t>打击盗版使亚洲ＩＴ业获利最大</t>
  </si>
  <si>
    <t>本报讯  加强软件产权保护能够刺激就业、创造商机、增加税收，从而帮助徘徊在低谷的亚太地区经济腾飞。根据ＩＤＣ的全球调查研究，亚太国家将成为打击软件盗版的最大受益者。    受商业软件联盟（ＢＳＡ）委托，本次名为《扩展全球经济：打击软件盗版的益处》的调查对信息?</t>
  </si>
  <si>
    <t>战争与经济</t>
  </si>
  <si>
    <t>伊拉克战争爆发以来，各方面的报道和评论都不少。这里不准备对这场战争作全面的讨论，只想提供一些有关战争与经济的历史背景和材料，供读者参考。    从古今中外的历史上来看，战争和军备对国民经济是纯粹的负担和耗费。正如马克思所说：“直接从经济方面看，这就像一个国?</t>
  </si>
  <si>
    <t>伊拉克战争与美国经济前景</t>
  </si>
  <si>
    <t>美国政府一再表示，发动伊拉克战争不是为了经济利益。但是，随着战争的展开和美国经济图景出现的戏剧性变化，伊拉克战争与美国经济前景之间的微妙关系日渐显现，反映出两者之间的关系并不简单。    近日美国经济图景最为突出的表现是：股市回升，油价回落，美元走强，金价?</t>
  </si>
  <si>
    <t>菱帅：东南崛起轿车新势力</t>
  </si>
  <si>
    <t>菱帅推开三菱进军中国轿车市场的大门    在汽车行业里，轿车无疑是最诱人的那块蛋糕，在进军中国汽车市场的跨国汽车公司中，没有哪一个会置轿车于不顾。    ２００２年，当日本企业本田、丰田、日产和马自达都已经快速启动了“中国轿车市场战略”之后，三菱汽车却仍以商?</t>
  </si>
  <si>
    <t>海峡两岸合作完成沙门氏菌全基因组研究</t>
  </si>
  <si>
    <t>本报杭州电 由杭州华大基因研发中心、台湾长庚大学、台湾源资国际生物科技股份有限公司联合进行的“沙门氏菌全基因组研究”项目，近日在杭州完成数据交接仪式。    这是海峡两岸在基因测序研究上的首次成功合作，也是杭州华大基因继参与和完成水稻基因组框架图和精细图的工</t>
  </si>
  <si>
    <t>竞争情报催生全新职业经理人</t>
  </si>
  <si>
    <t>$T竞争情报已是现代国外企业广泛应用的一种经营手段，而在我国还处于初级发展阶段。有专家测算，目前我国企业对竞争情报职业经理人的需求量高达10万人。不知这样的预测会不会真的应验$E    近20年来，竞争情报在西方悄然成为一个新兴?</t>
  </si>
  <si>
    <t>韩伟叫响“咯咯哒”</t>
  </si>
  <si>
    <t>美丽的旅顺口，现年４６岁的中国首席“鸡司令”韩伟演绎了他富有传奇色彩的人生：一个１５岁还在大连街头掏粪的穷孩子，“率鸡五十”从商，一跃成为总资产９亿、个人净资产３．５亿的东北首富，并且成为联合国世界蛋品协会唯一的中国成员。现如今，全国每天都有数百万人吃着?</t>
  </si>
  <si>
    <t>外资保险巨头角逐北京市场</t>
  </si>
  <si>
    <t>时下，多家外资保险巨头竞争北京市场的大战已初步拉开了架势。３月下旬，信诚人寿保险有限公司获准在北京筹建合资保险公司，成为中国加入世贸组织后获准进入北京市场的第一家中外合资保险公司。    此外，首家中外合资保险公司“中宏保险”在去年成功获得广州分公司的营业?</t>
  </si>
  <si>
    <t>手机短信在美国“水土不服”</t>
  </si>
  <si>
    <t>本报讯  在亚洲和欧洲，手机短信服务已经被证明是电信运营商的“摇钱树”，其毛利润率高达９５％以上。但在通信技术最为发达的美国，电信运营商却怎么也吃不到这个“香饽饽”。    最近几年当中，曾被电话取代位置的电报靠着现代通信科技复活了：人们将手机短信形容为新通?</t>
  </si>
  <si>
    <t>中国海外成功探索“走出去”战略</t>
  </si>
  <si>
    <t>近日，中国海外发展公司的业绩发布会吸引了香港众多股民和媒体的关注。在经历亚洲金融风暴洗礼之后，中国海外发展公司所进行的结构调整取得了显著成效。    事实证明，“中国海外”已在逆境中重新崛起，其果断的结构调整取得了骄人业绩。尽管大市环境严峻，公司去年营业额?</t>
  </si>
  <si>
    <t>中国－东盟自由贸易区勾勒我国地方经济新走向</t>
  </si>
  <si>
    <t>随着中国－东盟自由贸易区进程的启动，具有不同地域特色和产业结构的我国地方经济将更加密切与东盟国家的经贸往来，呈现新的发展趋势。    最近在广西桂林市举行的“中国－东盟自由贸易区高层论坛”上，国家和地方外经贸部门的官员、东盟国家有关官员、国内东南亚问题研究?</t>
  </si>
  <si>
    <t>英国加入欧元区进程受阻</t>
  </si>
  <si>
    <t>本报伦敦专电  当美国大军兵临巴格达城下的时候，在上周的伦敦外汇市场上，英镑对欧元的汇率相对美元浮动较大。犹如在对待伊拉克战争态度上英国坚决支持美国而疏远一些欧洲大陆国家那样，英镑也紧跟美元，“疏远”欧元。    英国对美国的出口仅占其总出口的１５％，而对欧?</t>
  </si>
  <si>
    <t>法国企业与文化联姻成时尚</t>
  </si>
  <si>
    <t>为应对激烈的竞争，不少法国企业通过资助与自身生产和经营相关的文化项目，借助文化来宣传自己品牌形象。具备联姻意识——选择合作对象——实施具体计划，双方获得收益，这个已经成为趋之若骛的新模式。    法国最大企业之一——欧莱雅集团１９０７年创立时只是一个小型家?</t>
  </si>
  <si>
    <t>传统医学创新的实践者</t>
  </si>
  <si>
    <t>“中医学作为中国几千年的民间理论和实践的精华，博大而精深，其科学性和实用性为西医所无法替代。然而瞩目现实，传统中医学缺乏创新，那种子承父业不敢越雷池一步的固步自封，成了中医获得进一步发展的最大障碍。”    “在西方现代医学的冲击下，传统中医学有许多方面表?</t>
  </si>
  <si>
    <t>中国企业开始创建国际品牌</t>
  </si>
  <si>
    <t>本报讯：3月31日出版的美国《商业周刊》载文认为，中国一些大企业正有意识地开始建立自己的国际品牌。    作为世界第五大出口国，中国每年出口大量的电脑、DVD机、电冰箱以及其它消费品。但是在欧美市场，除了有顾客知道当地中?</t>
  </si>
  <si>
    <t>用分销说话</t>
  </si>
  <si>
    <t>３月底，世界著名的营销实战大师米尔顿·科特勒，不远万里来到中国的小县城——永嘉县。因为奥康集团有限公司就在这里，科特勒“非常希望了解奥康的历史”。    一般人可能不太知道奥康，但在制鞋业奥康可谓大名鼎鼎，因为它是中国制鞋业的老二，是中国的鞋王，在２６年的?</t>
  </si>
  <si>
    <t>奠基人，只有他可以当之无愧</t>
  </si>
  <si>
    <t>$T约翰·史密斯先生自1996年1月起担任通用汽车公司董事长，在通用汽车公司服务长达41年，是一位经验丰富的经理人。    他于1961年进入通用汽车公司在马萨诸塞州弗雷明汉市的费希尔车身制造厂工作，曾服务于通用汽车公司在美国、</t>
  </si>
  <si>
    <t>我们到非洲去投资</t>
  </si>
  <si>
    <t>非洲在我们很多人的认识里，是贫穷和落后。前不久，记者随同原外经贸部的一个考察组前往非洲，对中国企业家在非洲的投资活动进行了实地采访。他们用亲身经历，向我们展示了一个与我们认识差异很大的非洲——一个值得挖掘的商业富矿。    为了更真实地介绍非洲，记者选取了?</t>
  </si>
  <si>
    <t>日本家电行业出现新亮点</t>
  </si>
  <si>
    <t>尽管日本个人消费低迷不振，零售商品总额连续下降，但去年以来数码照相机、数码光盘录像机、等离子和液晶彩电受到日本消费者的青睐，销售量大幅攀升，成为推动日本家电行业发展的新亮点。    随着个人电脑的普及和广泛应用，数码照相机近年来已成为新的消费热点。在日本电?</t>
  </si>
  <si>
    <t>为网络银行编织法律网</t>
  </si>
  <si>
    <t>网上金融活动成为越来越大的行为世界，许多国家都忙于为网络银行编织法律网。        有资料表明，目前美国的网络银行数量，已占所有银行和储蓄机构总数的１２％。欧洲已有１００多家，有三分之一的储蓄是通过互联网进行的。５０多家银行发行银行卡２亿多张。银行的电子?</t>
  </si>
  <si>
    <t>日本学生修学旅行将首选中国</t>
  </si>
  <si>
    <t>本报东京专电  为了给中日两国青少年学生修学旅行创造更为宽松的政策环境，增进中日两国青年的友好往来，在日本政府有关部门和旅游业界的支持下，中国促进修学旅行代表团从近日开始，在日本东京、福冈、长崎、滋贺、大阪、和歌山等地举行一系列修学旅行的促进活动，向日本旅?</t>
  </si>
  <si>
    <t>日本制造业占ＧＤＰ比重下降</t>
  </si>
  <si>
    <t>本报东京专电  日本经济产业省２５日发表的“日本工业现状报告”显示，２０００年日本制造业在国内生产总值中所占的比重下降到２１．６％，比１９９８年降低了０．４个百分点。这表明日本经济在进一步朝服务化方向发展，日本经济产业省说，从行业类别来看，制造业在国民经济?</t>
  </si>
  <si>
    <t>海湾石油在世界石油市场上的地位</t>
  </si>
  <si>
    <t>目前，人们在密切关注世界石油供应和油价的走向。海湾石油在世界石油市场上究竟有多重要？    海湾地区的石油最先于１９２７年在伊拉克北部的基尔库克附近被发现，伊拉克自然也就成为海湾地区最早从事原油商业生产的国家。１０年后，沙特阿拉伯、科威特和其他海湾地区国家?</t>
  </si>
  <si>
    <t>现代化与城市化</t>
  </si>
  <si>
    <t>１９９９年联合国发表的一份有关城市化的报告说，今后１０到１５年，全球将经历一个人口结构的重大转折点：人类历史上将首次出现城市居住人口多于农村居住人口。也就是说，全球的城市人口将超过３２亿。这份报告还说，发展中国家的城市人口增长最快，大多数发展中国家的城市?</t>
  </si>
  <si>
    <t>中国汽车市场很有魅力</t>
  </si>
  <si>
    <t>迈克·葛纳尔博士：    宝马集团董事，主管销售及市场营销    １９５４年１０月２１日出生于德国Ｗｅｉｎｇａｒｔｅｎ／Ｂａｄｅｎ－Ｗüｒｔｔｅｍｂｅｒｇ    １９７４年毕业于Ｒａｖｅｎｓｂｕｒｇ的专科学校    １９７６年至１９８１年慕尼黑Ｌｕｄｗｉｇ  Ｍａ?</t>
  </si>
  <si>
    <t>亚洲国家从中国崛起中获更多利益</t>
  </si>
  <si>
    <t>本报讯  “到２００５年，中国有望成为亚洲最大的进口国。中国国内市场的扩大，必定会为本地区投资提供更多的机会去开拓这个日益增长的产品和服务市场，同时也会为其它亚洲国家增加出口机会。”亚洲开发银行行长千野忠男２３日在由国务院发展研究中心主办的２００３中国发展?</t>
  </si>
  <si>
    <t>美国减肥药厂因广告虚假而付巨额赔款</t>
  </si>
  <si>
    <t>本报洛杉矶专电  据这里的媒体报道，美国雷氏集团所属的桑得公司日前同意退赔１２００万美元给购买公司减肥药的消费者，并以此与美国联邦贸易委员会达成庭外和解。联邦贸易委员会指控这家公司夸大功效，欺骗消费者。    １９９９年，桑得公司推出减肥药“Ｃｅｌｌａｓｅｎ?</t>
  </si>
  <si>
    <t>信息化驱动我国零售业发展</t>
  </si>
  <si>
    <t>零售业信息化发展历程    目前，我国连锁百强的利润总额才４０多亿元，其年平均资金周转率为２．５至３次。而美国沃尔玛一家的利润总额已经达到８５亿美元，其年平均资金周转率为２５次。我们的差距还很大，但市场空间更大。可以说，连锁经营的收益都是来源于管理技术进步?</t>
  </si>
  <si>
    <t>淡水污染该整治了</t>
  </si>
  <si>
    <t>今年是联合国确定的第一个“国际淡水年”。在第十一届“世界水日”和第十五届“中国水周”到来前夕，记者采访了国际水污染研究与控制协会中国委员会委员刘永懋。２０年来，刘永懋一直从事水资源保护与水环境研究工作，特别是对松花江水污染及其防治研究方面，有很深的造诣。$</t>
  </si>
  <si>
    <t>日本要求人民币升值的真实意图</t>
  </si>
  <si>
    <t>２００２年末以来，日本官方及公众媒体又提出一种“中国威胁论”的新说法，指责中国“输出通货紧缩”，要求人民币升值。２００２年１２月４日，日本副财相黑田东彦在英国的《金融时报》上发表文章，称“中国应承担起将人民币升值的责任”。２００３年１月２８日，日本《读卖?</t>
  </si>
  <si>
    <t>跨国公司的发展和影响</t>
  </si>
  <si>
    <t>据联合国有关机构最近统计，迄今全球跨国公司已达６．５万家，它们的子公司约８０万家。这些跨国公司的产值已占全球总产值的１／３以上，跨国直接投资已占全球跨国直接投资的９０％，跨国公司内部和相互贸易已占世界贸易的６０％以上，控制世界新技术和知识产权的７０％以上?</t>
  </si>
  <si>
    <t>科技成果产业化应有新思路</t>
  </si>
  <si>
    <t>本报讯  如何加快我国科技成果转化的步伐，是“两会”关注的热点之一。就此，记者专访了全国人大代表、清华大学博士生导师、湖南科力远公司董事长兼总经理钟发平博士。　　钟博士曾留学美国，回国后先后供职于中科院化学所、清华大学，１９９８年“下海”创业，由他一手创?</t>
  </si>
  <si>
    <t>韩国愿与中国进行政府采购合作</t>
  </si>
  <si>
    <t>本报汉城专电  记者不久前在采访韩国政府采购机构——调达厅时了解到，韩国目前急切希望与中国建立政府采购的合作体制，尤其是在实现政府采购信息化方面进行合作。韩国方面认为，这将有助于双方经贸合作的发展。    据介绍，在政府大力发展信息技术的热潮中，韩国从１９９?</t>
  </si>
  <si>
    <t>保证城市安全 实施综合减灾</t>
  </si>
  <si>
    <t>近年来，世界上许多国家自然灾害、战争与恐怖事件不断，加强综合减灾工作，保证城市安全，已摆在世界名城乃至我国各大、中城市人民面前，更是我国各级政府及主管部门面临和亟待研究解决的重要课题。为探究这一问题，笔者走访了关注城市安全的全国政协委员、德力西集团董事局?</t>
  </si>
  <si>
    <t>民间消费者组织作用明显</t>
  </si>
  <si>
    <t>最近，在“德国商品检验基金会”的网站上，就某品牌的一款煮咖啡机的质量问题展开了一场讨论。起因是用户反映这款咖啡机在打开顶盖时有喷沸水烫伤人的现象，德国商品检验基金会随后对该产品进行了质量检验，并敦促厂家作出解释和采取挽救措施。该网站将事件的整个过程包括生?</t>
  </si>
  <si>
    <t>节能降耗刻不容缓</t>
  </si>
  <si>
    <t>本报讯  “创造每万美元ＧＤＰ所消耗的能源数量，我国是美国的３倍、德国的５倍、日本的近６倍。”来自石油、电力等能源行业的全国人大代表接受本报记者采访时大声疾呼：“我国能源消耗浪费惊人，节能降耗刻不容缓！”    全国人大代表、中石油集团公司总经理助理、大庆石?</t>
  </si>
  <si>
    <t>韩国开发水泥再生利用技术</t>
  </si>
  <si>
    <t>本报汉城电  韩国一家装修公司最近开发成功从废弃的混凝土中分离水泥，并使这种水泥能再生利用的技术。    这家名为“利福姆系统”的公司说，他们首先把废弃混凝土中的水泥与石子、钢筋等分离开来，然后在７００度的高温下对水泥进行加热处理，并添加特殊的物质，就能生产?</t>
  </si>
  <si>
    <t>俄罗斯培育出彩色绵羊</t>
  </si>
  <si>
    <t>本报讯  据海外媒体报道，俄罗斯畜牧专家经过多次试验，目前已培育出具有浅红色、浅蓝色、金黄色和浅灰色等奇特颜色的彩色绵羊。    用彩色绵羊毛制成的产品，经风吹日晒和雨淋后毛色仍然鲜艳如初，毫不褪色。彩色羊毛纤维因无需染色，不含杂料残留的化学物质，不会被腐蚀?</t>
  </si>
  <si>
    <t>伊莱克斯：跌跌撞撞中国行</t>
  </si>
  <si>
    <t>近年来，随着中国经济的迅速发展，中国居民消费能力的迅速提升，中国已成为全球最大的消费市场。为了在中国这一黄金市场中取得一席之地，日本的索尼、松下、夏普、日立，韩国的ＬＧ、三星，欧美的惠而浦、伊莱克斯、美泰克、西门子等都派出了精锐的员工，组成了强大的阵营来?</t>
  </si>
  <si>
    <t>社保不仅仅为了弱势群体</t>
  </si>
  <si>
    <t>建立健全我国市场经济体制下的社会保障体系，不仅仅是为体现我国社会主义制度优越性，也不仅仅是出于关怀弱势群体的道义责任，从现代西方市场经济体制运行情况看，社会保障体系已成为整个经济运行中不可或缺的重要一环。这一体系的获益者不仅仅是得到救助的弱势群体，而是包?</t>
  </si>
  <si>
    <t>奋发图强  与时俱进</t>
  </si>
  <si>
    <t>$T民族出版社建社以来，在党的民族政策的光辉照耀下，在国家有关部门的直接领导下，经过几代民族出版社人的不懈努力，民族出版社已经发展成为在国内和国际有影响的出版社之一。建社50多年来，用蒙古、藏、维吾尔、哈萨克、朝鲜等民族文?</t>
  </si>
  <si>
    <t>用什么构筑强势美元</t>
  </si>
  <si>
    <t>欧洲中央银行利率会议、美国就业数据与伊拉克当前局势，成为本周市场关注的焦点。其中，美国就业数据通常被金融市场视为最重要的经济指数。周五，美国劳工部公布，美国２月份非农业就业人口意外减少３０．８万人，失业率由５．７％升至５．８％，导致美元挫低，兑欧元和瑞郎?</t>
  </si>
  <si>
    <t>日学者发现有关胰岛素分泌的关键蛋白质</t>
  </si>
  <si>
    <t>本报东京专电  日本武田药品工业公司研究小组日前查明了调节胰腺分泌胰岛素的部分机理，为开发糖尿病新药奠定了基础。    胰腺不合成胰岛素或合成胰岛素不足的人容易患糖尿病。而在合成胰岛素的过程中，特定的蛋白质又起着重要的作用，如果找到调节胰岛素分泌的蛋白质以及?</t>
  </si>
  <si>
    <t>版号：017</t>
  </si>
  <si>
    <t>农业产业化的一面旗帜</t>
  </si>
  <si>
    <t>吉林德大有限公司位于吉林省德惠市，１９８９年与泰国正大集团合资兴办。十几年来，德大走过了一条不平凡的创业之路，振兴了一方经济，造福了一方农民。通过农业产业化，成功地探索了一条内陆农村经济发展的必由之路，完整地形成了立足资源、面向市场、依靠科技、加工带动、?</t>
  </si>
  <si>
    <t>版号：018</t>
  </si>
  <si>
    <t>渤海活塞享受“质量目标国际比较”</t>
  </si>
  <si>
    <t>２００２年，山东渤海活塞集团在质量管理方面又取得了重大进步，顺利通过了国际汽车制造业最为苛刻的德国ＶＤＡ６．１和国际６家汽车标准混合体的ＴＳ１６９４９质量认证体系。据业界人士介绍，企业能通过这两个认证标准，就意味着具备了真正与国际接轨的企业资质，意味着企?</t>
  </si>
  <si>
    <t>银行并购风潮席卷亚洲</t>
  </si>
  <si>
    <t>本报讯  在亚洲金融危机之后的几年中，亚洲大多数国家和地区都致力于银行系统的重建，一大批不良金融资产被及时处置，数以百计的商业银行被兼并整合。业内人士认为，大型跨国银行或金融机构将在亚洲银行新一轮的合并中扮演更重要的角色。    据最近出版的英国《经济学家》?</t>
  </si>
  <si>
    <t>中国学界关注反知识产权垄断</t>
  </si>
  <si>
    <t>几年来，美国的微软垄断案一直没有明确分晓，反映出美国政府在保护知识产权与保护公平竞争这两个价值、利益选择上的矛盾与权衡。与此同时，随着我国加入ＷＴＯ和我国新技术经济的发展，我国学者也将自己的思考点投向反垄断与知识产权保护关系的问题。    ２月３日，在北京?</t>
  </si>
  <si>
    <t>美国运通开拓中国商旅市场</t>
  </si>
  <si>
    <t>本报上海专电  国旅运通航空服务有限公司日前在上海成立。这是美国运通在中国组建的第二家商务旅行管理中心。新成立的国旅运通公司有关负责人表示，今年国旅运通在中国的商务旅行服务的营业收入计划达到８０００万美元。    美国运通对中国商务旅行业一直非常看好。据该公?</t>
  </si>
  <si>
    <t>近半数美国网络公司开始盈利</t>
  </si>
  <si>
    <t>本报讯  据最新出版的美国《商业周刊》报道，到去年年底时，在美国上市的２０８家网络公司中有半数可望获得盈利。报道认为，由此表明对网络经济前景持怀疑态度的人可能是错误的。当初趁低买入网络股的投资者可以开心了。    几年前，美国的网络公司红极一时，股价狂涨，构?</t>
  </si>
  <si>
    <t>中国的崛起 世界的机遇</t>
  </si>
  <si>
    <t>近年来，在亚洲金融危机、世界经济减速的国际大背景下，中国经济依然保持强劲增长势头，赢得国际社会的普遍尊重，但也出现了所谓中国威胁论、崩溃论、输出通货紧缩论等种种不符合实际的论调。为什么会出现这种现象？全国政协十届一次会议召开之际，记者专门就此请两位全国政?</t>
  </si>
  <si>
    <t>台湾中国信托商业银行在京设代表处</t>
  </si>
  <si>
    <t>本报讯  经中国人民银行批准，台湾中国信托商业银行北京代表处３月３日正式成立，这是首家在北京设立代表处的台湾民营银行。至此已有５家台湾金融机构在祖国大陆设立了办事机构。    台湾中国信托商业银行董事长辜濂松在代表处成立酒会上表示，台湾中国信托商业银行在北京?</t>
  </si>
  <si>
    <t>保持健康是做人的责任</t>
  </si>
  <si>
    <t>荷兰学者斯宾诺曾对健康做过精辟的论述：“保持健康是做人的责任。”健康的身体不仅是个人的需求，也是家庭和社会的需求。随着社会的发展和进步，健康的概念也在不断地更新。古人云：“体壮曰健，心怡曰康。”１９４８年前人们认为无病就是健康。世界卫生组织成立时给健康的?</t>
  </si>
  <si>
    <t>体验美国网上购物</t>
  </si>
  <si>
    <t>网上购物已经时兴了好多年，记者还从来没有从网上买过东西。去年９月第一次体验了美国网上购物以及由此而来的一些经历，感受良多。    数码相机越来越普及。经过向懂行的人了解后，记者决定买一个２００万像数的普通数码相机。又进行了一番“调研”之后，决定到美国最大的?</t>
  </si>
  <si>
    <t>中日经济关系新特征</t>
  </si>
  <si>
    <t>从历史的角度看，中日经济关系在不同的历史阶段呈现出不同的特点。正是在这些特点当中，蕴含着两国关系错综复杂性的根源和两国关系巨大发展潜力的源泉。笔者认为，目前中日经济关系的发展开始显现出正走向“强强型”、“工工型”和“冷静务实型”三个明显特征。    从“强?</t>
  </si>
  <si>
    <t>日本制造业向中国集中</t>
  </si>
  <si>
    <t>本报东京专电  近来，随着中国经济的高速发展以及东盟自由贸易区开始启动，日本信息通信和汽车制造等行业开始调整亚洲的生产布局，并期望通过集中、分散、转移等形式，重新配置各种生产资源，重组在亚洲各国的生产基地，构筑起高效的物流体系。从总的趋势来看，日本制造业主?</t>
  </si>
  <si>
    <t>日本成立知识产权战略总部</t>
  </si>
  <si>
    <t>本报东京专电  日本政府内阁会议２５日决定在内阁增设知识产权战略总部，加大知识产权保护的力度。    据此间媒体报道，知识产权战略总部是过去直属首相的咨询机构“知识产权战略会议”的延续，由全体内阁成员和１０名在知识产权方面有专长的成员组成。首相小泉纯一郎任部?</t>
  </si>
  <si>
    <t>兰山引资打造“物流城”</t>
  </si>
  <si>
    <t>本报讯  最近，澳大利亚金龙基集团在山东省临沂市兰山区投资建设的“澳龙国际物流城”一期工程将正式启动。按照协议，金龙基集团准备在３年内投资３０亿元，在临沂工贸开发区建成一个集金融、信息、行政、会展、仓储、配载等为一体的国际物流城。该项目的建设，将促使兰山区?</t>
  </si>
  <si>
    <t>绿色发展 必由之路</t>
  </si>
  <si>
    <t>联合国秘书长安南不久前写的《超过地平线》一文中说：“掠夺自然环境得来的繁荣根本称不上繁荣，而只是暂时未遭报应罢了；我们绝不能幻想可持续发展会自动实现。”他还在２００２年南非举行的“地球峰会”上表示，目前人类发展正在走向“死胡同”，如果不尽快扭转这种局面，?</t>
  </si>
  <si>
    <t>伦敦如何缓解交通拥堵</t>
  </si>
  <si>
    <t>中俄联手开拓国际电站项目前景好</t>
  </si>
  <si>
    <t>近年来，中国电力设备制造能力迅速提高，在国际市场上有较强的竞争优势。而电力设备制造业也是俄罗斯工业的传统强项，中俄两国企业联手参与国际电力建设市场的竞争将有广阔的发展前景。俄罗斯技术工业出口联合公司中国代表处总经理叶里玛科夫在接受记者采访时对此表示很有信?</t>
  </si>
  <si>
    <t>伦敦成为英国第一个收取“进城费”的城市。２月１７日，伦敦交通局开始对进入市中心８平方英里范围内的车辆从早晨７点到下午６点半征收５英镑（８．１美元）的“进城费”。    据称，这是除新加坡和奥斯陆等收取入城费的城市之外迄今世界上最大型的交通收费计划之一。几天?</t>
  </si>
  <si>
    <t>银行首次为地方政府提供理财服务</t>
  </si>
  <si>
    <t>本报昆明电  昆明市政府４月份将带着一大批项目到香港开展招商活动，值得关注的是，由中国工商银行负责对项目进行筛选和推介。中国工商银行副行长卢云说，这是国内商业银行首次为地方政府提供的投资理财服务，可望为未来中国商业银行的业务拓展提供新的领域和模式。    由?</t>
  </si>
  <si>
    <t>用“激动人心的产品”创造“汽车黄金时代”</t>
  </si>
  <si>
    <t>鲍伯·鲁兹先生，一头银发，反应机敏，高大而修长的身材充满活力，你无论如何想不到他今年已经７１岁了。他是底特律汽车界的最著名的神通人物之一。由于他在美国汽车界４０年的工作经历，尤其在产品开发方面的组织才能和独特眼光，为他赢得了“产品凯萨”（Ｐｒｏｄｕｃｔ  ?</t>
  </si>
  <si>
    <t>大众重拳出击五款新车</t>
  </si>
  <si>
    <t>德国大众集团管理董事会成员罗伯特·比希霍夫博士在日前举办的２００３年大众集团亚太年会上宣称，今年该集团计划在中国销售轿车６０多万辆，并至少推出５款新车。这一举措打破了德国大众自１９９９年起对中国每年引进一个新车型的惯例。    据了解，大众即将在华推出的这?</t>
  </si>
  <si>
    <t>到国外创办示范中医院</t>
  </si>
  <si>
    <t>“以医带药，在国外创办示范中医院，提高当地中医水平，培养‘亲中医药派’”，这是科技部中医药现代化、国际化研究专家贾谦教授提出的中医药走向国际的一条捷径。目前这项工作已在德国、澳大利亚、英国等几个主要西方国家取得了明显的进展。    中医药是世界上与已消亡的?</t>
  </si>
  <si>
    <t>大蒜绿茶红酒可抗癌防癌</t>
  </si>
  <si>
    <t>本报南宁电 我们身边的一些食品，如大蒜、绿茶、红葡萄酒等，含有抗癌防癌成分，常吃它们可起抗癌防癌作用。最近广西南宁市举行的“国际化学、新药开发学术研讨会”上，著名癌症研究专家、美国中药研究中心教授徐任生介绍了科学家最新从植物中开发的抗癌新药，其中就包括上述</t>
  </si>
  <si>
    <t>德国平民超市经营之道</t>
  </si>
  <si>
    <t>在德国由卡尔·阿尔布雷希特和特奥·阿尔布雷希特兄弟共同经营的ＡＬＤＩ连锁超市被人们称之为平民超市。ＡＬＤＩ的名字家喻户晓，分店遍及德国每个城镇。    无论是在德国经济繁荣年份还是不景气的年份，每年ＡＬＤＩ的营业额都保持１０％的增长势头，年营业额高达３００?</t>
  </si>
  <si>
    <t>日本２１世纪ＣＯＥ工程巡礼</t>
  </si>
  <si>
    <t>何谓“２１世纪ＣＯＥ工程”    日本从２００３年正式实施２１世纪卓越研究基地工程（简称２１世纪ＣＯＥ工程），选择５０所大学１１３个尖端项目进行重点资助。此举在日本引起广泛关注。    以研究项目为资助对象、对所有大学实施公平竞争的２１世纪ＣＯＥ工程的目的，?</t>
  </si>
  <si>
    <t>民族文化产业将掀投资热</t>
  </si>
  <si>
    <t>本报讯  与法国著名的香格里拉大酒店有着相同名字的云南迪庆藏族自治州“香格里拉”县，因其独特的民俗景观，去年创下１０亿元的旅游收入。    拥有２６个民族的云南省，２００２年旅游业收入超过２５０亿元，对ＧＤＰ的贡献在１２％以上。专家指出，培育和发展各民族地区?</t>
  </si>
  <si>
    <t>美网络公司重现生机</t>
  </si>
  <si>
    <t>本报讯  据有关媒体报道，美国网络科技公司３年之前因股价攀升所引发的“泡沫”爆破，导致这一行业经营艰辛。经历了多年的汰弱留强，现存的网上经营公司已逐渐走出谷底，呈现较佳的重振局面。    据Ｐｅｇａｓｕｓ国际研究公司所作的调查，在现存的２０８家上市的网络经营?</t>
  </si>
  <si>
    <t>中国成为印尼招商引资重点之一</t>
  </si>
  <si>
    <t>为消除巴厘岛爆炸事件给印尼经济发展带来的浓厚阴影，推动经济全面复苏，印尼正在把经济发展的目光转向了亚太地区。中国近年经济的迅速崛起和广阔的市场，成为印尼发展贸易关系的重点国家之一。    ２００３年为印尼的投资年，基于近两年世界经济龙头美国复苏步伐缓慢，但?</t>
  </si>
  <si>
    <t>个人所得税改革：简化税制</t>
  </si>
  <si>
    <t>面对收入分配差距不断扩大的现实，引发了人们对社会公平更多的思考。不少人用“基尼系数”来说明我国的贫富差距已高于美国这样发达的资本主义国家，以此强调收入分配问题在我国的严重性。前一阶段关于“富人不纳税”现象的广泛讨论，进一步强化了人们对社会公平的重视。实现?</t>
  </si>
  <si>
    <t>集诸法系之长保护投资</t>
  </si>
  <si>
    <t>经济问题是受各种各样的因素决定的，如何从非经济的角度研究经济问题是摆在中国经济学者面前的一项重要任务。这里介绍世界银行一份研究不同法系对投资者保护程度影响的材料，或许对我们从不同角度研究经济问题会有所启发。    大陆法系（即民法法系）和英美法系（即普通法?</t>
  </si>
  <si>
    <t>股票期权与诚信危机</t>
  </si>
  <si>
    <t>２１世纪伊始，美国遭受恐怖袭击和企业诚信危机的双重打击，一些政治家和经济学家都认为，就对美国经济、社会和人们的心理和信心的影响而言，后者大于前者，而企业诚信危机又与股票期权制密切相关。    为鼓励和刺激企业创新精神和提高竞争力，西方发达国家、一些发展中国?</t>
  </si>
  <si>
    <t>中国燃料油期货交易呼之欲出</t>
  </si>
  <si>
    <t>本报讯  记者最近在有关部门采访时了解到，大家期待已久的我国石油期货交易，最迟将在明年恢复。其最初的交易品种，将是每年消费量达３０００万吨的燃料油，其后将逐步扩大到原油和汽油、柴油、煤油等所有石油品种。    由于东亚地区已经成为国际石油需求的主要地区，据悉?</t>
  </si>
  <si>
    <t>大规模市场  小规模市场  效率不同</t>
  </si>
  <si>
    <t>市场规模的不同对市场效率会产生何种影响？设立一个市场，要不要对其规模进行恰当的设计以满足其对市场功能的需要？不久前，美国德克萨斯州Ａ＆Ｔ大学经济系李其教授在北京大学中国经济研究中心作了题为“大规模市场和小规模市场的效率”的报告，对上述问题进行了详尽分析和?</t>
  </si>
  <si>
    <t>日本放宽部分领域准入限制</t>
  </si>
  <si>
    <t>本报东京专电  为了加快改革步伐，日本政府经济财政咨询会议１７日制定了一项行动计划，决定放宽一些领域的准入限制，促进竞争，以提高日本经济的活力。    这项行动计划的重点是促进至今限制很严的医疗卫生和农业领域的开放。具体做法是，允许股份公司开设医院，参与医疗?</t>
  </si>
  <si>
    <t>从奇瑞到海外合作办厂说开去</t>
  </si>
  <si>
    <t>２月１２日，从安徽芜湖传来一条轰动汽车行业的“爆炸性”新闻：奇瑞汽车公司与伊朗ＳＫＴ公司正式签定合作协议，在伊朗东北部的马什哈德省合作兴办轿车厂。    据记者了解到的信息，该项目已获得伊朗有关部门的轿车生产销售许可证，是近２０年来伊朗政府批准的第一个整车?</t>
  </si>
  <si>
    <t>韩国智利签署自由贸易协定</t>
  </si>
  <si>
    <t>本报汉城专电  韩国和智利政府１５日在此间签署了自由贸易协定，为扩大两国间的贸易创造条件。这是韩国与外国签署的第一个自由贸易协定。    韩国青瓦台总统府当天发表的新闻公报说，韩国外交通商部长官崔成泓和陪同智利总统拉戈斯访韩的智利代理外长克里斯蒂安·巴罗斯当?</t>
  </si>
  <si>
    <t>无锡高新区成为吸引日资的强磁场</t>
  </si>
  <si>
    <t>本报讯  日前，ＩＴ产业的重量级企业——无锡村田电子有限公司二期工程在无锡高新区正式投产，此次投资为５７００万美元，加上一期投资３０００万美元，该公司在无锡高新区的总投资已达到８７００万美元。    随着一曲《无锡旅情》在日本国唱响，江南无锡在日本的知名度日?</t>
  </si>
  <si>
    <t>明白上税在集美</t>
  </si>
  <si>
    <t>厦门的集美和思明两区，大部分是城市中的农村。随着经济的快速发展，村财务中诸如公房出租、道路建设、其他工程建设等涉税事项不断增多。记者近日在两地采访中，亲身感受他们“明白上税”。    在思明区滨海地税分局，局长杨基约正在给属地的曾厝安、黄厝两村的村长等骨干?</t>
  </si>
  <si>
    <t>影像诊断炼就火眼金睛</t>
  </si>
  <si>
    <t>中华医学会放射学分会委员，全国只有４７名。尽管北京云集着数十家闻名中外的大医院，但也仅有７名。北京医院放射科主任、北京大学医学部副教授周诚是其中的一位。能成为北美放射学会会员的，都是世界各国放射学领域的翘楚，周诚又是其中的一位。    ２月１３日上午，记者?</t>
  </si>
  <si>
    <t>俄研究出防止记忆受损新方法</t>
  </si>
  <si>
    <t>本报莫斯科专电  俄罗斯科学家使用富勒球（碳－６０）制成的溶剂，研究出能防止记忆受损的新方法。    富勒球由６０个碳原子组成，外型呈圆球状。由于具有这种特殊结构，医学专家尝试用生物活性功能成分填塞富勒球来开发新药。俄科学院理论与实验生物物理研究所科学家使用?</t>
  </si>
  <si>
    <t>河南实施新方法成功切除齿状突</t>
  </si>
  <si>
    <t>本报郑州电  郑州大学第二附属医院神经外科的专家采用经环椎侧方入路切除枢椎齿状突的手术方法，成功为一个环枕畸形的病人解除了病痛。据检索有关文献，该手术为亚洲首例，世界第六例。    今年１３岁的河南新野县患者冯程，因“枢椎齿状突过长”被郑州大学第二附属医院收?</t>
  </si>
  <si>
    <t>北汽福田遭美国反不公平竞争调查</t>
  </si>
  <si>
    <t>本报讯  记者从国家经贸委产业损害调查局了解到，美国国际贸易委员会从２００３年２月１５日起，将就农用拖拉机、草地拖拉机和乘式剪草机及其零部件展开关于知识产权的反不公平竞争调查。此次调查将涉及到我国北京北汽福田汽车有限公司。国家经贸委提醒我国涉案企业应积极做?</t>
  </si>
  <si>
    <t>中外“家族”对对碰</t>
  </si>
  <si>
    <t>最近一期的美国杂志《家族企业》，公布了全球最大的２００家家族企业排行，沃尔玛、福特和三星荣登三甲，其年销售额分别为２１７８亿美元、１６２４亿美元、９８７亿美元。中国香港李嘉诚的和记黄埔、郭氏兄弟的新鸿基和ＳＷＩＲＥ家族的太古公司分别排在第７１位、第１７１?</t>
  </si>
  <si>
    <t>在美国看中国产品</t>
  </si>
  <si>
    <t>提起中国产品在美国市场这个话题，我想起了在韩国店里买的六把小勺。前一段时间糖罐里缺一把小勺，碰巧在卖蔬菜、杂货的韩国店里看到中国制造的六把不锈钢小勺一套，只要三四美元，于是全都买回。    韩国店以卖便宜蔬菜而闻名，爱吃蔬菜的亚洲人嫌美国超市的蔬菜贵，不适?</t>
  </si>
  <si>
    <t>肯德基玩起中国“味儿”</t>
  </si>
  <si>
    <t>本报讯  高喊着“颠覆汉堡”口号的西式快餐代表肯德基，在中国传统新春佳节已近尾声的正月十二，推出了采撷中华美食精华北京烤鸭风味的“老北京鸡肉卷”，中西合璧的风格在这家世界著名的快餐店堂里突现。    身为新加坡人的北京肯德基有限公司总经理陈光全坦言，从吃法上?</t>
  </si>
  <si>
    <t>对伊战争将影响美国经济复苏</t>
  </si>
  <si>
    <t>本报华盛顿专电  美国联邦储备委员会主席格林斯潘１１日表示，美国有可能发动的对伊拉克战争将带来不确定因素，从而将阻碍美国经济增长，使美国经济复苏变得更加困难。    格林斯潘在向美国参议院银行委员会递交的美联储经济报告中说，过去半年中，对公司管理和地缘政治紧?</t>
  </si>
  <si>
    <t>玩具业呼唤高科技</t>
  </si>
  <si>
    <t>不久前，伦敦市举办了英国玩具５０周年纪念大型展览。其中，采用高科技的电子玩具最为抢眼，也是零售商寻价最多的一类。这类玩具既是传统玩具的延伸，也体现了玩具制造商追随现代科学技术发展的强烈意识，使儿童在玩耍中认识电脑并接触现代科学成果。    在创新玩具中，世?</t>
  </si>
  <si>
    <t>西班牙纺织工业迅速下滑</t>
  </si>
  <si>
    <t>本报马德里专电  近年来，西班牙纺织工业迅速下滑。２００２年，西班牙纺织工业产值仅为１４０亿欧元，创１９９８年以来最低。    纺织工业是西班牙一个重要的传统工业部门。２００２年，西班牙共有纺织企业７４７０个，就业总人数为２７万，占西班牙工业就业总人数的１０?</t>
  </si>
  <si>
    <t>日本国际经常收支盈余大增</t>
  </si>
  <si>
    <t>本报东京专电  日本财务省１０日公布的国际收支速报显示，去年日本的国际收支经常项目盈余达１４．２４８４万亿日元，比上年增长３３．８％。    去年日本国际收支经常项目盈余增幅扩大的主要原因是，贸易盈余出现大幅增长。在过去一年中，由于全球信息通信产业缓慢恢复，?</t>
  </si>
  <si>
    <t>北上海：南通人的世纪情结</t>
  </si>
  <si>
    <t>２００２年最后一天，中德两国总理在上海磁悬浮运营线终点站握手的镜头，成为当日各大媒体的焦点。总理站立的地方，被誉为“中国第一站”的浦东国际机场轨道交通车站，就出自南通建筑铁军之手。 这只是近些年南通铁军在上海的得意作品之一。据统计，目前沪上每４幢高楼，就</t>
  </si>
  <si>
    <t>日本银行不良债权有所减少</t>
  </si>
  <si>
    <t>本报东京专电 据日本金融厅７日发表的调查数据显示，截至２００２年９月底，日本全国１３２家银行的不良债权总额为４０．０８万亿日元，比半年前的３月底减少了３．１２２万亿日元。 从不良债权的分类来看，已经申请破产法保护，实际上已经破产和破产可能性很大的企业的“?</t>
  </si>
  <si>
    <t>英国大型玩具展：七成中国制造</t>
  </si>
  <si>
    <t>今年１月底，在伦敦举办了英国玩具５０周年纪念大型展览，２．２万平方米的巨大展厅内，来自世界各地的３５０家展商展出的各类现代和传统玩具吸引了成千上万的零售商和爱好者。尽管这些玩具的品牌多是欧美的，但记者向展商询问产地时，答案却多是“中国制造”。粗算之下，约?</t>
  </si>
  <si>
    <t>美国就业歧视投诉案件上升快</t>
  </si>
  <si>
    <t>本报华盛顿专电  美国就业机会均等委员会６日发表报告说，去年美国就业歧视投诉案件迅速上升，投诉数量达７年来的最高水平。    报告显示，２００２年向联邦政府投诉的就业歧视案件达８４４４２件，比２００１年的８０８４０件增加了４．５％，创１９９５年以来的最高记录?</t>
  </si>
  <si>
    <t>德国科学家利用胚胎干细胞治疗糖尿病</t>
  </si>
  <si>
    <t>本报柏林专电  德国科学家利用对老鼠胚胎干细胞进行特定基因操作再植入老鼠体内的方法，使患糖尿病老鼠的健康状况取得明显好转。科学家希望这一成果将有助于治疗人类的糖尿病。    德国萨克森－安哈尔特州加特尔斯雷本市的基因移植研究所日前发布的新闻公报说，他们的科学?</t>
  </si>
  <si>
    <t>俄罗斯科学家发明生物体液成分快速检测法</t>
  </si>
  <si>
    <t>本报莫斯科专电  俄罗斯科学家最近发明了快速准确检测生物体液成分的新方法，用这种方法分析人的血液、尿液等体液，就能够对人的身体健康状况作出准确诊断。    据俄《科学信息》杂志报道，俄罗斯科学院应用物理研究所研究人员发明的这种新方法，可以自动记录生物体液在凝?</t>
  </si>
  <si>
    <t>埃及寻求百亿外资发展石化工业</t>
  </si>
  <si>
    <t>本报开罗专电  埃及石油部长法赫米近日宣布，欢迎外国公司在埃及投资建设价值达１００亿美元的石油化工项目。这些石化项目可每年创造收入７０亿美元，并到２０２０年创造１０万个就业机会。    法赫米在近日召开的埃及石油化工会议上说，埃及拥有丰富的天然气，为此，石油?</t>
  </si>
  <si>
    <t>美国证交委起诉毕马威</t>
  </si>
  <si>
    <t>本报讯 １月２９日，美国证券交易委员会在纽约曼哈顿联邦法庭对毕马威会计师事务所提起民事诉讼，指控其在为施乐公司提供审计服务期间存在欺诈行为。这是继安达信之后，美国证券交易委员会第二次对主要会计公司提出指控。刚刚度过丑闻频发的２００２年的会计行业再遭重击。</t>
  </si>
  <si>
    <t>动物灭绝速度惊人</t>
  </si>
  <si>
    <t>本报讯 据专家测算，目前地球上动物灭绝的速度比历史上任何时期都要快，比２０００年前要快１０００多倍。国际自然及自然资源保护联盟前不久在瑞士格朗士召开的年会上宣布，亚洲羚羊、亚洲野骆驼和利比里亚猞猁等１００多种野生动物都不幸被加添至世界濒临灭绝动物的“最紧急</t>
  </si>
  <si>
    <t>我国将在新加坡设立首家创业园</t>
  </si>
  <si>
    <t>本报讯 笔者从科技部火炬中心获悉，以为中国企业到新加坡创业发展提供运作服务的中国火炬（新加坡）高技术创业中心，即将在新加坡成立。作为科技部决定启动的海外科技创业园试点之一，它将在应用技术的研发、融资和市场销售等方面为中国各地的高新区以及高新技术企业营造一个</t>
  </si>
  <si>
    <t>英国股市近期难以摆脱低迷</t>
  </si>
  <si>
    <t>近两周以来，随着欧美股市跌风劲吹，伦敦股市裹挟其间，从股指滑跌幅度和连续下跌时间上看，超过欧洲大陆，直追纽约。到本月２７日，跌势持续１１个交易日，跌到了１９９５年１２月以来的最低点。 英国金融管理局日前透露，目前该局已制定出制止股票市场继续下跌的应急计划</t>
  </si>
  <si>
    <t>央视春节晚会要做世界品牌</t>
  </si>
  <si>
    <t>明天晚上，中央电视台第２０个春节联欢晚会就要和海内外１０几亿观众见面了。这次的晚会有一个新的看点，美国大名鼎鼎的魔术师丹尼斯将到场献艺。看来，今年的春节联欢晚会不再只是全球华人自娱自乐的“卡拉ＯＫ”，而将成为一台世界性的节目。有业内人士一语惊人：“通过成?</t>
  </si>
  <si>
    <t>德通过风能利用调整能源产业</t>
  </si>
  <si>
    <t>依靠科技进步，尤其是通过对风能的利用，德国在改造和调整能源产业方面取得了巨大成就。    德国是一个缺乏原料的国家，在能源和矿物原料供应方面长期依赖进口。如在德国所消耗的原始能源中占据重要地位的天然气，其本国资源却只能满足约１／４的需求。因此，在德国能源利?</t>
  </si>
  <si>
    <t>世界经济前景不乐观</t>
  </si>
  <si>
    <t>本报达沃斯（瑞士）专电  摩根·斯坦利首席经济学家斯蒂芬·罗奇日前给世界经济做出诊断说，２００３年世界经济前景依然黯淡，通货紧缩的压力将会逐渐增大。    在１月２３日开幕的世界经济论坛年会上，罗奇说，现在的世界经济比以往任何时候都更以美国为中心。１９９５年?</t>
  </si>
  <si>
    <t>日本银行混业经营的特点</t>
  </si>
  <si>
    <t>２０世纪３０年代世界性的经济大危机以后，日本立法禁止金融机构综合经营不同的金融业务，银行与证券、保险公司完全隔开。此后很长时期里，日本一直跟随美英推行这种银行与证券、保险分业经营的模式。２０世纪８０年代以后，随着经济飞速发展，金融业日益繁荣，日本银行业为?</t>
  </si>
  <si>
    <t>中泰经贸合作稳定发展</t>
  </si>
  <si>
    <t>中泰两国双边贸易额近年来不断增加。１９７８年３月，中泰两国政府签定的贸易协定为双边贸易的发展奠定了良好基础。１９７５年，两国建交的头一年，双边贸易额仅为２４６２万美元，到２００１年双边贸易额增加到７０．５亿美元。２００２年超过８０亿美元。按国别排位，泰国?</t>
  </si>
  <si>
    <t>一颗小瓜子 五亿大市场</t>
  </si>
  <si>
    <t>俗话说，十年磨一剑。对于４７岁的林垦来说，他从宝岛台湾千里迢迢跑到大西北，１５年时光打磨的，就是一颗小小的黑瓜子。    但这一颗颗的小瓜子却让林垦很自豪。他麾下的兰州正林食品有限公司，年营业额已近５亿元，拥有１５００余名员工，５０余家销售分公司遍布全国各?</t>
  </si>
  <si>
    <t>变换方式 转移区域 拓宽产业</t>
  </si>
  <si>
    <t>一份跨国公司在中国的投资报告揭示了２００３年跨国公司在华投资呈现的新趋势：投资方式上将从新建投资转到并购投资，从合资转向独资，从单个项目投资变为产业链；投资地域将从“珠三角”转向“长三角”；而投资领域的重点将放在生产服务业。     据联合国贸发会议统计，中</t>
  </si>
  <si>
    <t>越南经济喜忧参半</t>
  </si>
  <si>
    <t>本报河内专电  ２００２年，越南经济增长率依然保持在７％的高水平上，基本完成了当年各项经济社会发展指标，为今后几年经济的发展奠定了较好的基础。    受国际市场价格波动的影响，去年越南主要出口产品价格下降，资本和出口市场逐渐缩小。与此同时，越南还遭到干旱，洪?</t>
  </si>
  <si>
    <t>中国发展快 中日都有利</t>
  </si>
  <si>
    <t>近年，随着中国经济迅速崛起，日本国内出现中国发展对日本构成威胁，特别是对日本的制造业构成严重威胁，已经引起日本产业“空洞化”的论调。中国发展对发达国家的日本到底是“威胁论”，还是“互利论”？日本近年来是否出现产业空洞化？我们提出“互利论”，中日经济合作不?</t>
  </si>
  <si>
    <t>生物产业是硅谷发展新机会</t>
  </si>
  <si>
    <t>本报洛杉矶专电  美国硅谷一家著名的经济和社会发展研究机构在２０日公布的《２００３年硅谷指数》报告中指出，软件产业已取代硬件产业成为增加硅谷就业的主要推动力，而生物科技和生物制药产业则为硅谷未来发展提供了新机会。    这项报告是由硅谷社区、企业和教育界组成?</t>
  </si>
  <si>
    <t>美调整石油战略应对市场动荡</t>
  </si>
  <si>
    <t>布什政府执政两年来，不断修正美国的能源战略。“９·１１”事件发生后，为应对石油市场可能出现的动荡甚至供应中断，美国加快了对石油储备与进口的政策调整。    美国是世界上最大的石油消费国，去年日均消费量达１９５０万桶，占全球消费总量的１／４左右。美国也是世界?</t>
  </si>
  <si>
    <t>世界各国汽车维修市场大观（下）</t>
  </si>
  <si>
    <t>$F澳大利亚：修车认准“老字号”$E澳大利亚是个地广人稀的国家，人们出行离不开汽车，上班、购物要开车，出差、旅游更得靠汽车。汽车的如此普及自然带动了汽车售后服务业，特别是汽车维修保养业的蓬勃发展。    汽修“老字号”无人不晓    ＲＥＰＣＯ汽配和汽?</t>
  </si>
  <si>
    <t>埃及将试行在屋顶种蔬菜</t>
  </si>
  <si>
    <t>本报开罗专电  埃及农业部气候研究中心近日同国际粮农组织达成了一项协议，双方就利用埃及人住房的屋顶来种植温室蔬菜签定了一个议定书。    这一计划旨在利用屋顶种植温室蔬菜来取代埃及人在屋顶上堆放的废弃物和垃圾，增加绿地，减少环境污染，向人们提供健康食品。</t>
  </si>
  <si>
    <t>中法科学家发现房颤致病基因——ＫＣＮＱ１</t>
  </si>
  <si>
    <t>本报巴黎专电  中国和法国科学家经过４年多的努力，联合发现了心房纤维性颤动（房颤）的致病基因——位于第１１号染色体上的“ＫＣＮＱ１”。    在中法两国政府及法国肌病防治协会的资助下，中国同济大学、中国国家人类基因组南方研究中心及法国国家科学研究中心的专家对?</t>
  </si>
  <si>
    <t>芬兰旅游业开拓中国客源</t>
  </si>
  <si>
    <t>本报赫尔辛基专电  芬兰外贸部长亚里·维伦１６日在芬兰首都赫尔辛基展览中心举行的国际旅游展开幕式上发表讲话指出，随着中国的开放，越来越多的中国人走出国门前往世界各地旅游，芬兰将抓住这一时机，拓展对中国游客的旅游业务。    维伦说，据统计，去年前往世界各地旅?</t>
  </si>
  <si>
    <t>大戏在收购普华永道后上演</t>
  </si>
  <si>
    <t>２００２年７月３０日，ＩＢＭ在美国宣布以３５亿美元的价格收购普华永道咨询部门（ＰＷＣＣ）时，一些ＩＴ的分析师就对ＩＢＭ的下一步行动作出了预测：这个蓝色巨人肯定又要让人们大吃一惊。果然，三个月过去，ＩＢＭ的首席执行官塞缪尔·帕米桑诺便在纽约的自然历史博物馆?</t>
  </si>
  <si>
    <t>外资在华掀起产业技术竞争潮</t>
  </si>
  <si>
    <t>今年是中国加入世贸组织的第二个年头。中国继续成为全球跨国公司关注的焦点。为了能在中国市场中多分得一杯羹。在各产业领域中，外资企业正进行着一场激烈的技术竞争。    传统制造业  技术决定市场    中国制造业市场正成为全球的战略性市场，跨国公司已经蜂拥而入，国?</t>
  </si>
  <si>
    <t>雅虎去年扭亏为盈</t>
  </si>
  <si>
    <t>本报洛杉矶专电  美国网络媒体公司雅虎１５日公布的财务报告显示，２００２年第四季度该公司的利润和营业额均大幅上升。    报告说，去年第四季度雅虎实现纯利润４６２０万美元，而前年同期这家公司亏损了８７０万美元。去年第四季度雅虎的营业额达到２．８６亿美元，比上?</t>
  </si>
  <si>
    <t>越南近三成游客来自中国</t>
  </si>
  <si>
    <t>本报河内专电  越南旅游业近１０年来持续发展，取得了显著成就。据统计，２００２年越南接待的国际游客人数是１０年前的１０倍，接待的国内游客人数是１０年前的１２倍，旅游收入１０年来年平均增长２５％。    越南最大的国际游客市场是中国，２００２年中国游客占越南接?</t>
  </si>
  <si>
    <t>美国企业投资谨慎</t>
  </si>
  <si>
    <t>本报纽约专电  美国全国企业经济协会１５日发表的季度调查报告表明，由于美国可能对伊拉克开战，市场需求疲软，企业盈利不足，美国公司增加投资的意愿仍然不高。    调查结果显示，在１０２位企业经济顾问中，有１／３的人表示他们的公司今年将增加资本开支，但有２０％的?</t>
  </si>
  <si>
    <t>争做图们江开发的龙头</t>
  </si>
  <si>
    <t>在珲春市进一步开放１０周年之际，记者从延边州首府延吉出发，沿着高速公路行驶不到１个半小时，一座崭新的城市展现在我们面前，这就是迅速崛起、闻名遐迩的东北边境城市——珲春市。    珲春市位于吉林省东南部的图们江下游地区，东南与俄罗斯滨海边疆区接壤，西南隔图们?</t>
  </si>
  <si>
    <t>影响世界经济走势的重要因素</t>
  </si>
  <si>
    <t>继美国“新经济泡沫”破灭后，全球经济增长速度明显放慢。去年世界经济中除中国等几个为数不多的发展中国家经济维持较高的增长外，美日欧西方主要经济体经济基本处于不景气状态。世界经济走势将取决以下几个因素。    一、美国经济能否阔步先行。２００１年美欧日经济出现?</t>
  </si>
  <si>
    <t>公民可到３０个国家地区旅游</t>
  </si>
  <si>
    <t>本报讯  记者从国家旅游局获悉，我国与印度近日签署了关于我国公民组团赴印度自费旅游实施方案的谅解备忘录，至此，我国公民自费旅游的目的地已增至３０个。    中国公民出境旅游业务正式开始于１９９７年。到２０００年底前，共批准开放了１７个国家；２００１年，新开放?</t>
  </si>
  <si>
    <t>油料家族添丁  “荠蓝一号”破土</t>
  </si>
  <si>
    <t>本报讯  北京康福多生物技术发展有限公司经过连续多年研究，成功培育出高产优质新型油料作物新品种——“荠蓝一号”。    “荠蓝一号”是由张青文博士等教授、专家主创，将从法国引进的栽培亚麻荠与国内的野生长柄亚麻荠通过有性杂交、小孢子培养等现代生物技术以及传统育?</t>
  </si>
  <si>
    <t>英镑触及三年高点</t>
  </si>
  <si>
    <t>美国劳工部公布数据显示，虽然２００２年１２月失业率仍持平于６％与市场预期相符，但１２月非农业就业人口意外减少１０．１万人远非原先预期的温和增加显示美国经济持续疲弱。该数据成为美元大幅下挫的催化剂，使欧元兑美元达到１：１．０５８４的全球交易时段高点，?</t>
  </si>
  <si>
    <t>我看中西方医院的差异</t>
  </si>
  <si>
    <t>差异一：服务理念    我们聘请的外国医生，他们从小到大一直生活在西方那样的一个环境里，接受西方的行医理念。而我们这里的中国医生都是从国内各大医院招聘来的，他们有很好的教育背景和丰富的医疗经验，但是他们并不符合我们的需要，我们要对他们进行３个月的培训，最主?</t>
  </si>
  <si>
    <t>中国在蒙古投资增长势头强劲</t>
  </si>
  <si>
    <t>２００２年中国在蒙古的投资同上年相比大幅增加，中蒙两国经贸关系继续扩大，２００３年中国在蒙古的投资将会继续增加，中国在蒙古投资增长势头将更加强劲。中国驻蒙古大使馆商务参赞宋学军在开年之际接受本报记者专访时如是说。    宋学军说，自１９９８年以来，中国已经?</t>
  </si>
  <si>
    <t>国际投资商关注中国体育产业</t>
  </si>
  <si>
    <t>一项覆盖中国１２个城市６０００所学校的中国青少年校园足球发展项目在伦敦引起外商的浓厚兴趣。他们希望通过参与这项为期１５年的足球活动，达到进军中国体育产业乃至中国市场的目的。    该发展项目由中国关心下一代工作委员会、中华英才半月刊社与英国塞诺——领航体育?</t>
  </si>
  <si>
    <t>爱立信手机真的很受伤</t>
  </si>
  <si>
    <t>当国产手机不断扩大地盘的时候，昔日中国手机市场的三大巨头之一爱立信却怎么也高兴不起来，因为爱立信在中国市场的处境从来没有像现在这样糟糕过。曾经比较成功的爱立信在手机质量问题，消费者权益维护，手机合资企业进入中国市场延误等失误的困扰下，变得步履蹒跚。业内人?</t>
  </si>
  <si>
    <t>农产品出口如何突破“技术壁垒”</t>
  </si>
  <si>
    <t>２００２年中国农产品出口频遭技术壁垒    据统计，２００１年中国约有７０多亿美元的出口商品受到技术性贸易壁垒的影响，２００２年以来呈增加趋势。如欧盟自２００２年初开始全面禁止进口中国的虾、兔和家禽肉等动物源性食品和水海产品，导致２００２年上半年中国水产品?</t>
  </si>
  <si>
    <t>民法典编纂思路的争论</t>
  </si>
  <si>
    <t>民法典体系的两种模式    民法典的立法体例，在传统历史中表现为两种模式：    一种是古罗马的法学阶梯式，主要为法国、意大利等拉丁国家所采用。法学阶梯式为三编制体系，即《法学阶梯》中的人、物、诉讼三部分。发展到近代，《法国民法典》将诉讼法独立出来，形成人、?</t>
  </si>
  <si>
    <t>人类史上最有影响的两部法典</t>
  </si>
  <si>
    <t>《法学阶梯》    《法学阶梯》是在《圣经》之后，对人类历史产生了最大影响的一本书，它是世界上所有的民法典的结构的基础。——徐国栋教授    人们经常说：古希腊给人类留下的是哲学，希伯来人留下的是宗教，而古罗马人留下的是法律。    威显、奢华的罗马帝国何其浩?</t>
  </si>
  <si>
    <t>中国产第一辆宝马将达到出口日本的水平</t>
  </si>
  <si>
    <t>新年前夕，记者应邀前往阿拉伯联合酋长国的迪拜，参加宝马新７系７６０ｉ和７６０Ｌｉ的全球发布活动。    迪拜是海湾地区的一颗城市新星，是石油财富创造的传统与现代文明相融合的一个奇迹。宝马７６０的发布地点选择建在海中一座人工岛上高３２１米的“阿拉伯塔”饭店，?</t>
  </si>
  <si>
    <t>英国人开始学着在赤字中生活</t>
  </si>
  <si>
    <t>自从２００１年世界经济陷入低迷以来，英国经济基本保持低速平稳增长，没有脱离正常轨道。２００２年以来，以房地产和信贷零售为主的需求持续旺盛，仍然是推动经济增长的主导因素。占国内生产总值２／３以上的服务业运营也不错。失业率、通货膨胀率、人均工资增长等重要经济?</t>
  </si>
  <si>
    <t>“周岁”欧元面临四道难题</t>
  </si>
  <si>
    <t>欧元刚刚度过“周岁”生日，虽然在２００２年成功“超越”美元，但它依然面临着巨大挑战。如何真正取代美元的货币霸主地位？如何刺激欧元区经济增长？如何消除通货膨胀等副作用？如何吸引徘徊在外的欧盟国家？２００３年，是欧元稳固世界主流货币地位，振翅飞翔的关键一年。$</t>
  </si>
  <si>
    <t>油价再攀新高</t>
  </si>
  <si>
    <t>美元上升，金价走低。伦敦黄金市场周五下午的金价，一盎司跌到３４４．５美元，上周为３４８．３０美元。道－琼斯工业股票的上升也给本周的金价增加了压力。    美国制造业部门出现的改善迹象，使银市受到鼓舞。伦敦黄金市场的银价，从上周的一盎司４．６７美元升到４．７?</t>
  </si>
  <si>
    <t>世界咖啡出口下降</t>
  </si>
  <si>
    <t>本报利伯维尔专电  据最新一期《热带与地中海市场》期刊报道，２００１－２００２年度，世界咖啡总出口达８９７５万袋（每袋合６０公斤），比上一年度减少０．５８％。    报道说，２００１－２００２年度，墨西哥和中美洲共出口咖啡１３５８万袋，减少１６．１％；南美洲?</t>
  </si>
  <si>
    <t>超市抻长海安农业产业链</t>
  </si>
  <si>
    <t>本报讯  江苏海安县，面对中国加入世贸组织的新形势，将调整农业产业结构和发展农业产业化的目标定位在打入城市超级市场上，通过实施“超市农业工程”，将大批升级换代的农产品成功打入上海等大中城市，从而带动了全县农业产业结构的调整，为“海安之路”注入新的内涵。</t>
  </si>
  <si>
    <t>公司不道德行为：对质量准则的背叛</t>
  </si>
  <si>
    <t>在不断扩大的公司不法行为的丑闻当中，还有另一种由美国某些商家们所犯下的欺诈行为至今少有人指出：即美国企业特别注重质量和顾客满意度这一精心培植的观念。来自华尔街行政当局强词夺理的狡辩致使我们当中的愤世嫉俗者认为，企业真正关心的是无论如何也要把股票行情给炒上?</t>
  </si>
  <si>
    <t>无可奈何花落去</t>
  </si>
  <si>
    <t>国际股票市场２００２年是让全球投资者深感失望的一年。美国股市剧烈震荡，全年整体来看，股指呈先扬后抑形态。道－琼斯指数、纳斯达克指数全面走低，并带动伦敦股市、东京股市以及香港股市等世界重要股市振荡低走。涉足资本市场的投资者亏损面宽广，亏损率很高，从资本市场?</t>
  </si>
  <si>
    <t>索尼为何撤离印尼</t>
  </si>
  <si>
    <t>不久前，日本索尼公司宣布将撤离印尼，在这个国家引起剧烈震动，并得到印尼政府最高层领导的关注。此后，印尼政府再度下决心采取新举措来帮助外来企业解决问题，改进投资环境以重树印尼形象。    １９９８年５月，统治印尼达３２年之久的苏哈托军人政权垮台后，印尼人民享?</t>
  </si>
  <si>
    <t>2003将是中小企业破产年</t>
  </si>
  <si>
    <t>本报讯  ２００２年可说是公司破产年，美国和英国的多家“航空母舰”级公司续演了２００１年的破产悲剧。都说“新年应有新气象”，２００３年能否开始新的一幕呢？目前看来，情况并不乐观。专家预测，未来一年中将有更多的破产厄运降临到中小型公司的头上。    根据破产数?</t>
  </si>
  <si>
    <t>油价上涨对新加坡影响有限</t>
  </si>
  <si>
    <t>本报新加坡专电  过去一个月里，国际原油价格飙升２０％，纽约原油期货在２００２年１２月３０日一度涨至每桶３３．１７美元，为２０００年１２月１日以来的最高价位。此间分析人士认为，油价高涨会持续一段时间，但对新加坡经济的影响有限。    中国航油总公司（新加坡）?</t>
  </si>
  <si>
    <t>海啸打“散”了元旦春节旅游团</t>
  </si>
  <si>
    <t>“原定在元旦期间发往东南亚岛国的旅游团已经取消，春节期间的旅游团仍然可以报名，但能否如期出发，旅行社和游客们都在观望。”北京各大旅行社近日接受《经济参考报》记者采访时均表示，此次印度洋地震和海啸对我国元旦、春节期间出境游造成了不小的打击，而其后可能发生的?</t>
  </si>
  <si>
    <t>美三大汽车公司苦保市场份额</t>
  </si>
  <si>
    <t>本报纽约电  面对即将到来的２００５年，汽车业专家预期美国汽车市场仍将呈现出亚洲车品牌持续增长的趋势，与此同时，美国底特律三大汽车公司市场份额将继续下降。    根据汽车数据公司（Autodata）的统计，今年头１１个月，通用汽车公司在美国市场份额为２７．５％、福特?</t>
  </si>
  <si>
    <t>古琦(GUCCI)</t>
  </si>
  <si>
    <t>上世纪初，意大利人古琦奥·古琦旅居伦敦和巴黎，耳濡目染下，他对当地时尚人士的衣着品位渐有心得。1921年返回佛罗伦萨后，他开了一家专门经营高档行李配件和马术用品的商店，出售由当地最好工匠制作的精美皮具，并在上面打上古琦（GUCCI）标志。仅几年时间，这家店就吸引了</t>
  </si>
  <si>
    <t>智囊团 终结“拍脑袋”低质量决策</t>
  </si>
  <si>
    <t>不久前，上海市长韩正宣布，聘请包括联合国环境署执行主席克劳斯·托普夫、中国国家环保局局长解振华和三位中国工程院院士在内的国内外著名环境专家担任市政府环保顾问。这应该是中国地方政府打造现代“智囊团”的又一次努力。    智囊，历史上曾有过多种叫法，如门客、军?</t>
  </si>
  <si>
    <t>我国太阳能产品稳坐欧美市场</t>
  </si>
  <si>
    <t>“外国人到中国来求购我们的产品，那种感觉真是爽极了！”说这话的时候，苗连生的脸上洋溢着自豪与兴奋。但很快，记者觉察到了这位民营企业家的另一重心思。    12月18日，德国太阳能发电公司GWU公司总经理威斯迈斯专程来到河北保定，参加苗连生的天威英利新能源公司的二期</t>
  </si>
  <si>
    <t>英国私人银行时代的终结</t>
  </si>
  <si>
    <t>英国女皇的银行资产可能需要美国人来打理了——11月初，英国老牌私人投资银行嘉诚集团宣布，与美国摩根大通联姻，其投行业务与摩根大通在英国的投行业务合并，并组成一个双方各占一半股权的新公司“摩根大通-嘉诚”。受到这一合并影响的不仅是银行的客户，它还是一个标志性事</t>
  </si>
  <si>
    <t>英国博物馆免费开放有招数</t>
  </si>
  <si>
    <t>在英国，不是所有的博物馆和公园都免费开放，但英国最好的博物馆——大英博物馆、国家画廊（英国美术馆）、泰特英国与泰特现代美术馆、格林尼治天文台、自然历史博物馆、科学博物馆、维多利亚和阿尔贝特博物馆（世界最大的实用美术与设计博物馆）、帝国战争博物馆、大英图书?</t>
  </si>
  <si>
    <t>飞利浦医疗系统推出新型技术</t>
  </si>
  <si>
    <t>本报讯 日前，皇家飞利浦电子集团在北美放射学会第九十届年会上，发布了其能够显著提高放射科医生为患者提供先进服务能力的新型技术，并获得与会者的高度评价。    这些新技术包括：开放式高磁场核磁成像装置——飞利浦Panorama 1.0T、开放式利用低频全向无线技术传输超品?</t>
  </si>
  <si>
    <t>巴西拟将转基因作物种植合法化</t>
  </si>
  <si>
    <t>据英国《经济学家》报道，巴西将以法律的形式批准转基因作物种植。分析人士称，此举肯定会对全球粮食贸易产生重大影响。    巴西是大豆生产第二大国，明年的产量有望达到6000吨，其中1/3都是转基因食品。作为第一大豆生产国，美国大豆几乎都是转基因产品。今年10月巴西大豆</t>
  </si>
  <si>
    <t>外资退潮中国电力市场</t>
  </si>
  <si>
    <t>本报杭州电  “尽管最大股东从美国的赛德变成了中国的华润，但我们电厂的运行管理依然平稳。”温州特鲁莱发电有限责任公司的一位高层管理人员接受记者采访时说。    ２００３年３月，温州特鲁莱发电有限责任公司的最大股东——美国赛德能源公司将拥有的４０％股份悉数转让?</t>
  </si>
  <si>
    <t>通用与菲亚特购买股权谈判破裂</t>
  </si>
  <si>
    <t>本报讯  就美国通用汽车公司购买意大利菲亚特汽车公司股权一事的谈判15日宣告破裂，双方可能寻求仲裁解决争端甚至诉诸法律。    菲亚特公司15日称，根据双方2000年达成的协议，菲亚特可以通过法律途径迫使通用购买其90%的股份，但通用可能会提出仲裁申请，以便在“诉诸其他</t>
  </si>
  <si>
    <t>手机病毒兵临城下</t>
  </si>
  <si>
    <t>国家计算机病毒应急处理中心的反病毒专家最近表示，在2000年“亚洲计算机反病毒大会”病毒报告中，仅有两例手机病毒报告；而到2004年，具有破坏性、流行性的手机病毒就已经达到了30多种——手机病毒正在以越来越快的速度衍生。有人更是预言：手机病毒将在不久后大面积爆发！$</t>
  </si>
  <si>
    <t>无油烟锅排挤厨具两大件</t>
  </si>
  <si>
    <t>本报讯 近期，作为现代家庭厨房必备厨具的抽油烟机和不粘锅产品纷纷受到了质疑，就在此时，无油烟锅产品借机嵌入厨具市场，声称要通过市场引发厨具行业的一次变革。    “不粘锅特富龙涂层致癌”风波刚刚平息，对抽油烟机行业暴利的质疑声又起，而瑞士国家实验室近日发布的</t>
  </si>
  <si>
    <t>美利率走向引人关注</t>
  </si>
  <si>
    <t>美国联邦储备委员会在过去６个月里连续５次提息，使联邦基金利率即商业银行间的隔夜拆借利率从１％上升到了２．２５％，其利率政策今后的走向引人关注。    总结美联储今年５次提息的情况，可以看出几个特点。一是提息发生在经济持续增长的背景下。美国经济今年以来保持了?</t>
  </si>
  <si>
    <t>谁在消费奢侈品</t>
  </si>
  <si>
    <t>如果说全球奢侈品抢滩京沪等大都市意味着中国正成为国际大牌关注之地，那么当实力不强的内陆城市太原也涌现诸多奢侈品牌时，我们不能不说，中国奢侈品消费时代当真已来临。有专家分析说，在日本、美国已很普遍的奢侈品消费，对中国而言已不再是奢侈，而是触手可及。    那?</t>
  </si>
  <si>
    <t>中航油事件新视角：重组打破垄断</t>
  </si>
  <si>
    <t>中航油“炒油”上演了让人心惊肉跳的“滑铁轳”，“滑铁轳”之后，中航油（新加坡）公司会走向何方呢？不破产，要重组    记者近日采访了一位业界的权威人士。这位业界权威人士透露，中航油集团为了挽回损失，正在对新加坡中航油进行重组。当前，已有一家外资企业表明了?</t>
  </si>
  <si>
    <t>世界格局新动向：区域性政经统一</t>
  </si>
  <si>
    <t>当地时间12月8日，由南美洲１２个国家组成的南美国家共同体正式成立。继欧盟和北美自由贸易区之后，世界上第三大经济和政治的地区共同体由此诞生。南共体的成立，又再次证明，区域性的政治和经济走向统一，将是现阶段形成世界新格局的一个新动向。成立呼声由来已久    早</t>
  </si>
  <si>
    <t>日本家电突围中国的危险之旅</t>
  </si>
  <si>
    <t>以电器产品为代表的日本制造业近年来深陷困局之中：中国家电制造业的低成本竞争优势给高高在上的“日本制造”产生了强大的冲击；同时，大量使用中国元素的日本独资或是合资企业在中国市场的表现却乏善可陈。不过，庞大的中国市场是他们难以割舍的再生之地，于是，大量的日本?</t>
  </si>
  <si>
    <t>2004：LG电子在变革中孕育爆发</t>
  </si>
  <si>
    <t>近日在上海拉开帷幕的亚洲电子展，云集了亚洲乃至全球的电子制造业巨头。来自韩国的LG电子携其最新的显示器、笔记本、MP3等多款尖端产品在展会上亮相，显示了其继续领先数码时代的决心和实力。其实，从2000年起，LG就开始谋求在IT和通讯领域的扩展，而2004年对于一向作风稳健</t>
  </si>
  <si>
    <t>摩根斯坦利加大亚欧房地产投资</t>
  </si>
  <si>
    <t>本报讯  在得到华盛顿州立投资委员会提供资金的初步承诺后，摩根斯坦利计划加大对亚洲和欧洲房地产项目的投资力度。    据悉，华盛顿州立投资委员会的私人市场小组日前通过了向摩根斯坦利提供4.4亿美元资金的提案。摩根斯坦利认为，亚洲和欧洲的房地产价格将因为经济复苏而</t>
  </si>
  <si>
    <t>美国、联合国争夺互联网管理权</t>
  </si>
  <si>
    <t>谁在管理全球的电话号码分配？    联合国？    对，全球的电话号码分配系统是由联合国机构协调管理的。各国政府掌控国内电话号码的管理权，并拥有一批政府监察人员和获资格许可的接线员协助系统的运转。    那么谁在管理全球互联网的域名和地址？    联合国？    ?</t>
  </si>
  <si>
    <t>奔驰落户北京的台前幕后</t>
  </si>
  <si>
    <t>11月26日，德国北方名城不莱梅的奔驰汽车制造厂迎来一批中国客人，北京汽车控股公司董事长安庆衡与戴姆勒-克莱斯勒集团董事顾儒伯博士在那里共同签下了增资生产梅赛德斯-奔驰轿车的合同，至此，备受关注的“北京奔驰轿车”项目正式“拜堂成亲”。    12月6日，新组建的“北</t>
  </si>
  <si>
    <t>新加坡：“政府的手”让物管更有效</t>
  </si>
  <si>
    <t>新加坡素有“花园城市”的美称。这里不但高楼林立，而且处处花红草绿，洁净明快，给人一种井然有序的惬意感觉。从某种程度上讲，新加坡卓有成效的物业管理在此功不可没。    新加坡是一个人口密度较大的城市国家。多年来，她积极推行居者有其屋的计划。因此，目前８５％的?</t>
  </si>
  <si>
    <t>美国商务部“虾反”案成“瞎反”</t>
  </si>
  <si>
    <t>美国商务部11月30日就冷冻和罐装暖水虾反倾销案（以下简称“虾反”案）作出终裁决定，裁定中国和越南对美出口虾产品存在倾销行为，决定维持今年７月作出的初裁，对从两国进口的虾征收惩罚性关税。    根据终裁结果，美国商务部提高了对中国出口虾产品征收的最低税率，降低?</t>
  </si>
  <si>
    <t>格兰仕借直销巧避价格战</t>
  </si>
  <si>
    <t>本报讯 中国家电要避免价格战，借助直销可能是一条打响价值战的捷径。在国家直销立法即将出台之际，格兰仕一改“价格杀手”的形象，与瑞士品牌“MAMONA”合作，推出了“买空调、送钻表”的全国性促销活动，在帮助瑞士“全钨钢”名表直销全国的同时，也使其光波空调在全国形成</t>
  </si>
  <si>
    <t>卢雷：不以出货量论英雄</t>
  </si>
  <si>
    <t>NEC通讯（中国）有限公司总裁卢雷最近向媒体公开表示，一个手机品牌成功与否不应以出货量多少为标准，NEC手机不看重市场占有率。    卢雷的这番话，是他在NEC首款女性PDA的新品发布会之后接受记者专访时讲的。在这次发布会上，NEC发布了其为现代成功女性度身打造的新款商务</t>
  </si>
  <si>
    <t>调整贸易战略 摒弃“出口至上”</t>
  </si>
  <si>
    <t>贸易战略应向“出口创汇”告别    从过去的“不计成本出口”到近年来的“千方百计扩大出口”，出口在中国贸易战略中始终处于至高无上的地位。如果说过去出口在贸易战略中占据如此高的地位是由当时历史条件决定的话，那么，在目前新的历史条件下，“出口至上”战略也到了该?</t>
  </si>
  <si>
    <t>“数字敦煌”惹起知识产权流失争议</t>
  </si>
  <si>
    <t>为了有效解决敦煌保护与利用间的矛盾，从1999年起，敦煌研究院与美国梅隆基金会合作，开始实施“数字敦煌”项目。由于此前双方的协议一直未公开，外界对此了解甚少，以至有人不禁担心“数字化”是否会使敦煌艺术的知识产权面临流失。    对此，记者日前采访了相关专家，并?</t>
  </si>
  <si>
    <t>富士电影叫板好莱坞</t>
  </si>
  <si>
    <t>受经济不景气的影响，在势力日益庞大的好莱坞大片以及新近兴起的韩国电影的双重夹击下，日本电影亚洲老大的交椅已经坐得不那么稳当了。    在日本11月的票房排行榜上，收入最高的前10部电影中只有4部是本土影片，可见日本电影的本土优势地位已经岌岌可危。而在此之前，日本</t>
  </si>
  <si>
    <t>网络广告业“梅开二度”</t>
  </si>
  <si>
    <t>《商业周刊》最新一期的文章称，就在广告业以每年7.7%的速度增长时，网络广告的增长速度已经达到了28.8%。纽约一家网络咨询公司预测，美国今年网络广告的收益有望达到93亿美元。越来越多的广告商盯住了网络资源这块肥肉，需求增加也拉动了广告价格的上涨，一年前在门户网站的</t>
  </si>
  <si>
    <t>车胎监测系统有望成为新标配</t>
  </si>
  <si>
    <t>最近3年，国内交通死亡人数均突破10万人。其中，高速路上由爆胎引发的交通事故就占70%。美国每年有2.6万起交通事故与轮胎有关，其中75%的轮胎故障是由轮胎压力不足或渗漏造成的。因此规避爆胎的风险现在已成为国际上各主流汽车制造商的科研方向，汽车轮胎气压报警技术TPMS应?</t>
  </si>
  <si>
    <t>中国不能克隆美国汽车消费文化</t>
  </si>
  <si>
    <t>轿车正向中国的家庭驶近，国内外的汽车厂商正在利用各种传媒、车展，宣扬汽车文化，刺激汽车消费，社会各阶层的汽车消费欲望也与日俱增。    然而中国需要培育一个什么样的汽车消费文化呢？东北大学两位科技哲学专家建言：中国不能盲目克隆美国的汽车消费文化。    东北?</t>
  </si>
  <si>
    <t>夏普的中国机会</t>
  </si>
  <si>
    <t>中国平板电视市场的迅速增长，让跨国家电巨头有了新的利润高速增长点，而从２００３年开始，液晶电视在中国市场上３００％的增长速度，则让液晶的全球霸主日本夏普看到了多年辛苦培育市场后收获果实的希望所在。日本夏普能否在中国市场取得与其全球液晶电视霸主地位相称的业?</t>
  </si>
  <si>
    <t>英镑币值仍处于升势</t>
  </si>
  <si>
    <t>本报伦敦电  几年来，英镑币值一直走强。特别是对美元的比价而言，今年初，汇率一度突破１.９美元，本月下旬，则维持在１.８５至１.９０美元之间。同３年前相比，英镑对美元的比价已上升３０％。    导致英镑币值攀升的主要原因何在？英国国际市场研究中心的首席经济问题与</t>
  </si>
  <si>
    <t>特灵空调在绿色中送冷暖</t>
  </si>
  <si>
    <t>本报讯 近日，中央空调行业巨头美国特灵空调的亚太区总裁阮建平在接受媒体记者采访时表示，特灵空调在中国有长远的发展战略，他们带到中国的是与美国同步的技术和产品。    阮建平表示，特灵空调将环保节能作为企业发展的重要战略。自２０世纪８０年代进入中国以来，他们把</t>
  </si>
  <si>
    <t>美元地位削弱将不可逆转</t>
  </si>
  <si>
    <t>在刚刚结束的２０国集团财长和央行行长会议上，由于美国、日本和欧洲等国在美元汇率问题上没能达成一致，美元恐将延续两年多来的下滑趋势。由于美元是主要的国际储备货币，美元的危机不仅会对世界主要经济体的经济增长产生影响，同时也对当今的国际货币体系提出了新的挑战。$</t>
  </si>
  <si>
    <t>国资、外资、民资：三军角力加油站</t>
  </si>
  <si>
    <t>中国成品油市场是一块令人垂涎的大蛋糕。统计表明，目前中国成品油消费量已居世界第三位，在过去10年间，成品油消耗年增长率达到8.6%，预计在未来10年还将以每年4．5%的速度增长。根据加入世贸组织承诺，到今年12月11日，中国成品油零售市场将对外开放；到2006年底，油品批发</t>
  </si>
  <si>
    <t>大力推进生物质能发电</t>
  </si>
  <si>
    <t>近年来我国能源、电力供求趋紧，国内外对资源丰富、可再生性强、有利于改善环境和可持续发展的生物质资源的开发利用给予极大的关注。４月２１～２３日，“国际生物质液体燃料与生物能发电研讨会”暨“拉丁美洲生物能论坛研讨会”在京举行，５月２１日开幕的第七届北京国际科?</t>
  </si>
  <si>
    <t>SK：以中国为全球化战略支点</t>
  </si>
  <si>
    <t>日前，亚洲石化的龙头企业SK株氏会社，宣布增资3000万美元，成立SK（中国）投资公司，全面整合在华业务，继续扩大在华投资。对于这家最早进入中国的韩国企业SK来说，其SK（中国）投资有限公司的成立，意味着步步为营的SK要“加快进入中国市场的步伐，持续扩大在华业务规模，?</t>
  </si>
  <si>
    <t>“女子十二乐坊”商业运作路线图</t>
  </si>
  <si>
    <t>“女子十二乐坊”这个名字在中国国内或许还算不上家喻户晓，但在日本，却是众人皆知。当“乐坊”一个月前正式宣布将于本月１９、２０两日在杭州开演奏会时，已有超过１０００张的门票被来自日本、美国的旅行社或个人订购。在演奏会开始前的两天，这个数字更是突破了２０００?</t>
  </si>
  <si>
    <t>奇瑞汽车启动东盟市场</t>
  </si>
  <si>
    <t>近日，马来西亚ALADO公司与奇瑞汽车有限公司在北京人民大会堂举行授权签字仪式，奇瑞将作为我国具有自主知识产权和极具经济实力的汽车企业第一个全面进入国际市场。    根据协议，ALADO公司获权制造、组装、销售和进口代理６款奇瑞汽车。按照分阶段执行计划，１２月初，ALA</t>
  </si>
  <si>
    <t>英将禁止垃圾食品电视广告</t>
  </si>
  <si>
    <t>据英国广播公司近日报道，为了防止儿童肥胖现象在英国的继续增长，英国政府正准备推出一项新政策，禁止电视频道播放任何“垃圾食品”广告。    报道说，英国政府准备拿出一揽子计划，禁止各家电视频道在晚上９点之前播放任何“垃圾食品”广告。    除了电视广告方面的限?</t>
  </si>
  <si>
    <t>“伽俐略”触怒了美国</t>
  </si>
  <si>
    <t>据美国《商业周刊》不久前披露，美国认为，如果欧洲计划中的全球定位卫星网络“伽利略”被中国等国家利用来对付美国，美国可能攻击这一卫星系统。有专家认为，美国之所以为此大动肝火，是因为中国与欧洲的类似空间合作触怒了美国十分敏感的神经。    有关消息一经报道，立?</t>
  </si>
  <si>
    <t>全球最大保险经纪商身陷困境</t>
  </si>
  <si>
    <t>“我很想同你谈一谈，而且我也确实有很多话要说，但我不能这样做，因为公司扣着我的钱。”马什·麦克里安公司的一位前任部门主管对美国《商业周刊》欲言又止。    一直流传着这样一个说法：离开马什·麦克里安公司的雇员如果发表有损公司声誉的言论，就可能会失去公司的延?</t>
  </si>
  <si>
    <t>电力短缺的影响远大于电力过剩</t>
  </si>
  <si>
    <t>亚洲开发银行主任、经济学家林伯强认为：“电力是一种敏感性商品，因为它会影响社会的稳定性和投资环境。由于电力短缺对经济的负面影响远大于电力过剩的影响，因此确保充足的供电能力以满足日益增长的电力需求就显得十分重要。”林先生将电力称为敏感性商品，说它会影响社会?</t>
  </si>
  <si>
    <t>预测亚洲能源发展六大趋势</t>
  </si>
  <si>
    <t>埃克森美孚公司董事长兼首席执行官雷蒙德４日表示，未来２０多年，全球对能源的需求将不断增长，预计年增长率为近２％。亚洲能源发展将出现六大趋势。    在此间举行的一次午餐会上演讲时，雷蒙德预计到２０３０年，全球经济年均增长将低于３％。这一期间，全球能源需求总?</t>
  </si>
  <si>
    <t>人民币“亚元”之路从东南亚开始</t>
  </si>
  <si>
    <t>人民币在东南亚地区已经司空见惯，但是，人民币的地位远不像它显现的那么重要。    在首届中国-东盟博览会召开之际，众多东南亚商人奔赴南宁，关于中国与东盟自由贸易区的贸易安排、金融合作的话题悄然浮现。耐人寻味的是，这是一个官方极不愿提及，而民间又有很多误解的话</t>
  </si>
  <si>
    <t>中国东盟共享“早期收获”</t>
  </si>
  <si>
    <t>为期4天的首届中国－东盟博览会，让展商得到实实在在的利益，进一步扫清了中国－东盟间的贸易障碍，将成为推动中国－东盟自由贸易区进程的一个强有力的“助推器”，中国与东盟将迎来贸易和相互投资的黄金时期    为期4天的首届中国－东盟博览会，已于6日正式闭幕。    虽</t>
  </si>
  <si>
    <t>通用氢动汽车中国提速</t>
  </si>
  <si>
    <t>随着能源紧缺越来越成为世人所关注的焦点，油价的涨跌牵动着上至国家元首下至黎民百姓的根根神经。据预测，按现有的开采速度，全球石油资源将在100年内枯竭！而我国也大步跨入了石油消费大国行列——去年，中国成为仅次于美国的世界第二大原油进口国；预计到2010年，国内对进</t>
  </si>
  <si>
    <t>全球会展业热眼看中国</t>
  </si>
  <si>
    <t>6日在广西南宁落幕的中国-东盟博览会盛况空前，一共有２０００多家企业、１万多名采购商参展。    今年6月举行的第八届北京国际汽车展览会更是可以用“火爆”来形容。    之后，7月的北京又迎来了国际旅游博览会，来自世界50个国家和地区以及国内21个省市自治区的参展商?</t>
  </si>
  <si>
    <t>罗氏：设立全球研发中心</t>
  </si>
  <si>
    <t>本报上海电（记者叶国标）罗氏(Roche)第５个全球研发中心10月３０日在上海张江高科技园区正式投入运营。该中心是罗氏在亚洲、也是在发展中国家建立的第一个全球性研发机构。    罗氏全球总裁兼首席执行官弗兰茨·胡沫（Franz B. Humer）表示：“在中国设立研发中心是罗氏的</t>
  </si>
  <si>
    <t>政府转型与经济的平稳较快增长</t>
  </si>
  <si>
    <t>去年在SARS危机中提出的“从经济建设型政府向公共服务型政府的转变”，不仅成为经济学界的共识，而且也开始成为许多政府官员的共识。联合国开发计划署2003年公布的数据，中国的社会发展在世界排名中列第104位，仍处在一个比较落后的水平。社会发展同经济发展的严重不协调，使</t>
  </si>
  <si>
    <t>日本欲借新版纸币发行助推经济回升</t>
  </si>
  <si>
    <t>日本中央银行发行的１万日元、５千日元、１千日元三种新版纸币１１月１日正式上市流通。这是日本２０年来首次同时发行三种新版纸币。日本政府有关部门称，发行新版纸币除了采用最新纸币印制技术，增加伪造难度，防止假币流入市场之外，还有一个重要目的就是增加一些部门的特?</t>
  </si>
  <si>
    <t>科技型中小企业风光东博会</t>
  </si>
  <si>
    <t>11月3日在广西南宁召开的首届中国—东盟博览会上，将有300多家科技型中小企业登台亮相，成为博览会上一道靓丽的风景。“身材娇小”的科技型中小企业，已经担当起技术创新的重任，成为技术创新最有活力的部分。    这些来自我国科技发展前沿领域的科技型中小企业，集中展现?</t>
  </si>
  <si>
    <t>台湾推出“养生文化村”地产概念</t>
  </si>
  <si>
    <t>是社区，又像医院；是医院，又像社区。这就是台湾最新推出的房地产概念——养生文化村。    这个集养老、医疗、生活、娱乐等功能于一体的养生文化村是台湾“经营之神”、台塑集团董事长王永庆的创意。它以长庚医院雄厚的医疗资源做后盾，延伸出“银发族”养生服务，今年３?</t>
  </si>
  <si>
    <t>国际巨头抢滩中国钻石消费</t>
  </si>
  <si>
    <t>当情侣们坚守“无钻不成婚”的想法时，当国际著名钻石生产商DeBeers（戴比尔斯）发出了“古老中国焕发的光芒耀过DeBeers的每一颗钻石”的感言时，上周日，铆足了劲想大赚一把的美国钻石商——钻石星纪（GALACE）开始在京城“叫卖”。    就在开业的第二天，记者光顾了这家?</t>
  </si>
  <si>
    <t>韩国：以宽带的速度普及宽带</t>
  </si>
  <si>
    <t>近日，美国布金斯协会的调查报告指出，宽带的普及将孕育一个庞大的产业，其潜在市场难以估计。如果有一半的美国人使用宽带互联网服务，每年就可以为美国经济贡献2000亿美元。然而，在宽带产业的发展上，美国却落后了。韩国已成为世界上宽带普及率最高的国家，大约75％的韩国?</t>
  </si>
  <si>
    <t>上汽集团收购韩国双龙纪实</t>
  </si>
  <si>
    <t>１０月２８日，韩国双龙汽车公司平泽工厂厂区同时升起了中韩两国国旗和公司旗，标致着这家有着５０年历史的企业的主要董东变更。当天，中国上海汽车工业（集团）总公司与韩国双龙汽车公司债权团在汉城签署了双龙汽车公司部分股权买卖协议。这起拖了一年的企业并购案以上汽集?</t>
  </si>
  <si>
    <t>赵勇新政 长虹谋变</t>
  </si>
  <si>
    <t>无论是如日中天之际，还是低谷徘徊之时，长虹都比其它企业吸引了中国人更多的目光。今年７月，长虹换帅，赵勇接替倪润峰掌舵，引起海内外广泛关注。近日，长虹高层专门约见本报记者，第一次系统、明确地阐述了新班子的工作思路，长虹内部正在进行一场旨在提升企业运营效率的?</t>
  </si>
  <si>
    <t>美国总统大选中的资本游戏</t>
  </si>
  <si>
    <t>如果不出现四年之前那场戏剧性的曲折和反复，今年以来占据了世界各大媒体显要位置的美国总统大选将于四天之后决出分晓。除了因为美国在当今世界格局中独一无二的位置，因而其领导人的更迭以及内外政策的连续性受到各国政要的关注外，今年美国总统大选的另一大亮点是竞选开支?</t>
  </si>
  <si>
    <t>日本为什么进口海尔精神</t>
  </si>
  <si>
    <t>以海尔的发展历程为蓝本拍摄的电影《首席执行官》，日前被富士映像公司引进日本，并将作为贺岁片在日本上映。这是中国创业企业题材的影片第一次输出国外，日本则是第一次从中国引进这种具有强烈的民族创业精神的影片。日本舆论分析认为，引进这部电影并不是异国的艺术娱乐，?</t>
  </si>
  <si>
    <t>贸易摩擦高发考验中国智慧</t>
  </si>
  <si>
    <t>编者按：转眼中国入世将满3年。届时，国内大部分产业的保护过渡措施将到期，世贸组织框架内的多边进程也将进入一个新的阶段。    在此背景下，商务部今天在长沙召开首次全国世贸工作会，显得尤为引人关注。无疑，对入世3年来成败得失的检讨、总结，将成为会议的中心内容之?</t>
  </si>
  <si>
    <t>直面“银色”世纪</t>
  </si>
  <si>
    <t>数字    据联合国预测，以目前全球60岁及以上人口数量6.06亿的基数计算，到2020年，全球60岁及以上人口将超过10亿，占总人口的比例达13%；平均预期寿命将超过70岁；有80%和近40%的人分别可以活到60和80岁。到2050年，60岁及以上人口增至20亿，占总人口的21%；平均预期寿?</t>
  </si>
  <si>
    <t>大众在华推出全新个人车贷业务</t>
  </si>
  <si>
    <t>本报讯  就在中国个人汽车贷款市场因诚信危机而连续数月陷入低迷的时候，欧洲最大的汽车金融服务商——大众汽车金融服务股份公司充满信心地开始了在中国的汽车信贷业务。    10月21日，这家公司向媒体宣布，其设在北京的中国唯一一家外商独资汽车金融公司——大众汽车金融?</t>
  </si>
  <si>
    <t>印度竞争力不可小觑</t>
  </si>
  <si>
    <t>2004年瑞士洛桑管理学院的《全球竞争力年鉴》（以下简称《洛桑报告》）刚刚问世。我国科技界权威人士在解读这份报告时指出，印度的经济增长正在加快，必将成为中国不可忽视的竞争者。印度竞争力的快速增长应当引起我们的关注。    《洛桑报告》是一份在国际上有较大影响的?</t>
  </si>
  <si>
    <t>国产大片再主网络游戏江湖</t>
  </si>
  <si>
    <t>2004年，国产原创网络游戏进入了长足发展的一年，以往大量代理韩国网络游戏的现象被国产网络游戏的遍地开花所取代。    日前，金山公司正式发布其首次由古典名著改编的神话网络游戏《封神榜》，此款产品被第二届网络游戏年会评为2004年最受期待的网络游戏。而雷爵资讯（北?</t>
  </si>
  <si>
    <t>高油价下替代能源开发提速</t>
  </si>
  <si>
    <t>国际原油价格似“脱缰野马”连连攀升，能源供应成为近期全球关注的焦点，尽快在新能源研究开发上获得突破的压力比以往更大。美国斯坦福大学地球物理学教授阿莫斯·努尔称：“世界石油产量几乎接近极限，我们必须找到替代能源，否则将很快陷入困境。”    在油价飞涨、地缘?</t>
  </si>
  <si>
    <t>德国制造业钟情湘潭</t>
  </si>
  <si>
    <t>湖南省湘潭市是我国著名的机电工业城市。１２日，“中德环境管理与企业合作大会”筹备单位宣布，适应矮高层建筑、能为残障人士提供便捷通道的德国HIRO电梯，使汽车尾气排放达到欧洲３号、欧洲４号标准的汽车三元净化器等项目将相继落户湘潭市，１０月２０日至２１日，德国企?</t>
  </si>
  <si>
    <t>国安风波凸显中国足球体制危机</t>
  </si>
  <si>
    <t>在10月2日中国足球超级联赛北京现代队客场挑战沈阳金德队的一场比赛中，以不满主裁判周伟新的判罚为导火索，北京足球队常年对中国足协的不满情绪出现总爆发，中场退出比赛。赛后，中国足协扬言要严罚北京国安足球俱乐部，而中信国安集团则回应要退出足球领域，自己领头去组建</t>
  </si>
  <si>
    <t>诺贝尔奖的中国联想</t>
  </si>
  <si>
    <t>一年一度的诺贝尔奖又在颁奖进行中，截至本报发稿，只剩最后一项经济学奖没有颁布。    今年的诺贝尔奖项分布又一次让世人慨叹诺贝尔怎么只喜欢美国人。统计显示，自诺贝尔奖颁奖开始，获奖的美国人占总获奖人的70％。    于是，国人纷纷认为诺贝尔奖不像它所承诺的那样?</t>
  </si>
  <si>
    <t>“蓝猫”变“胖” 出口美国</t>
  </si>
  <si>
    <t>初识蓝猫，缘自小侄嘉嘉的介绍。通过可爱、淘气的蓝猫演绎，嘉嘉不到５岁时就知道了地球和宇宙。正如三辰卡通企业集团（以下简称三辰）董事长孙文华所说，从全国１０２０家电视台收视率看，每晚约有８０００万儿童在看“蓝猫”，称“蓝猫”为超级儿童巨星并不为过。    而?</t>
  </si>
  <si>
    <t>国际化迷途困扰中国家电业</t>
  </si>
  <si>
    <t>在经历了欧盟、美国两次对华彩电反倾销诉讼之后，中国的家电企业不约而同地把土耳其和墨西哥当做了重新进入欧盟与北美市场的两块跳板。然而，近日传出的土耳其对中国彩电进行反倾销调查以及墨、美、加三国将采取联合行动限制中国机械产品进口的消息，却让急于国际化的中国家?</t>
  </si>
  <si>
    <t>加息促全球楼市降温</t>
  </si>
  <si>
    <t>据国外媒体报道，随着各国央行先后加息，火爆多年的全球房地产市场已显露降温苗头。分析人士预计，今后3年一些发达国家的平均房价将陆续见顶，虽有回落但还不至于全面“崩盘”。    为了抑制通货膨胀和房地产过热，英国央行自去年11月以来已5次加息。楼市同样火爆的澳大利?</t>
  </si>
  <si>
    <t>为金钱而战的“军事别动队”</t>
  </si>
  <si>
    <t>人们是否知道，在全世界各地发生的战争中，参战的西方国家军队并非全部是现役官兵，还有为数众多的私营公司人员及当地雇员,这些人大都受聘于私人军事公司。    据统计，在近10年时间里，全球先后有42个国家出现私人军事公司。这些公司不但承担一般的商业服务，还具有如同军</t>
  </si>
  <si>
    <t>四大国谋求“常任” 联合国态度“暧昧”</t>
  </si>
  <si>
    <t>随着日本、巴西、德国、印度在本月21日正式宣布四国联盟互相支持竞争安理会常任理事国席位，今年的联合国大会讨论进入了白热化阶段。    最近以来，国际形势的发展使得越来越多的国家对联合国，特别是安理会维护世界和平与安全寄予了更多的希望。美国的单边主义让不少国家?</t>
  </si>
  <si>
    <t>手机小说赢利未卜 手机电影又想分羹</t>
  </si>
  <si>
    <t>一个多月前，总部位于北京的无线增值业务运营商华友世纪率先以１８万元买断了《城外》这部被称为“中国首部手机小说”的国内版权，包括SMS短信、WAP手机上网和IVR语音业务等版本。    两周前，台湾勤创科技股份有限公司独家取得了《城外》的所有海外版权及转授权。对于海外</t>
  </si>
  <si>
    <t>世界经济运作不乏“有形之手”</t>
  </si>
  <si>
    <t>最近以来，世界经济复苏势头明显，在可以预见的将来，不会发生严重衰退。乐观人士认为，世界经济可能进入良性循环阶段。这些与各国政府通过“有形之手”宏观调控经济分不开。    回首战后世界发展的历史，除美国四处打仗外，主要发达国家很少参与对外战争，国内也没出现重?</t>
  </si>
  <si>
    <t>美欧航空工业补贴谈判不欢而散</t>
  </si>
  <si>
    <t>本报讯  美欧航空工业代表当地时间16日在欧盟总部所在地布鲁塞尔举行会议，就取消航空工业补贴一事进行协商。由于分歧过大，此次谈判没有取得任何成果。    美国方面原本希望在会议上施加压力，敦促欧盟取消对空中客车公司的航空工业补贴。但是，欧盟方面不仅拒绝了美方要?</t>
  </si>
  <si>
    <t>挥手昨日风采 锦州再创辉煌</t>
  </si>
  <si>
    <t>精卫填海为其恨，夸父逐日为其志，这些传说中的人物所以不朽，皆因有份理想。然而《山海经》毕竟是童话，今天的锦州人却是活生生地站立在渤海湾畔，笔架山下。他们倾注了全部的热血和才华，为了一个梦——让辽西重镇锦州在世界崛起。    辽宁省锦州市这座在中国近现代史上?</t>
  </si>
  <si>
    <t>ING有意参股中国养老金公司</t>
  </si>
  <si>
    <t>本报讯  荷兰国际集团（ING）大中华区主管潘燊昌9月13日接受本报记者专访时表示，中国企业年金市场巨大，ING有意参股这些养老金公司，ING也乐意在投资和管理技术方面对中国养老金公司予以帮助。    当前国内不少中资保险公司正在积极组建专业养老金公司，一些养老金公司已?</t>
  </si>
  <si>
    <t>我国广告业迎来国际化大洗牌</t>
  </si>
  <si>
    <t>“从2003年底合资广告公司可以由外资控股开始，到2005年底外商可以建立独立的广告公司，在这短短两年时间里，中国广告市场将迎来一场大规模的国际化浪潮。”在9月8日CTR主办的世界广告大会论坛上，众多国内外广告公司高层表示，2004年作为中国广告的“国际化元年”具有特殊意</t>
  </si>
  <si>
    <t>世界啤酒巨鳄高价“喝”下哈啤</t>
  </si>
  <si>
    <t>世界第一大啤酒巨头美国安海斯－布希国际公司（简称ＡＢ公司），近日投资５１亿港元，在香港股市上全面收购哈尔滨啤酒集团有限公司的已发行股份９９．６６％的股权，将百年哈啤这个地方品牌收入麾下。世界啤酒巨头为何如此“钟情”哈啤？股权转让引发收购大战    哈尔滨?</t>
  </si>
  <si>
    <t>体育举国体制的冷思考</t>
  </si>
  <si>
    <t>1984年7月29日，美国洛杉矶，一年前还是农村供销社职工的许海峰射落了中国奥运历史上的首枚金牌，阔别了奥运大家庭28年的中国社会沸腾了。两天后《中国青年报》上记者孙杰的通讯《光荣啊，普拉多的枪声！》是这一激动人心时刻的真实写照，该文也因此被看作是新闻报道中的经典</t>
  </si>
  <si>
    <t>恶意抢注绊倒中国企业</t>
  </si>
  <si>
    <t>在中国加入世贸组织、内地企业开始向境外市场阔步推进的同时，有一种现象开始出现：境外企业或个人开始上演抢注中国内地知名商标的大戏，成为中国内地企业产品进入该国或该地区市场的新阻碍。有关专家指出，我国知名商标在境外遭抢注现象正进入高峰期，而中国企业对此准备不?</t>
  </si>
  <si>
    <t>民资热炒西安舞台 演戏比办厂赚钱快</t>
  </si>
  <si>
    <t>８月２８日晚，李玟、陈慧琳、周杰伦等歌星在陕西交大瑞森体育场燃起了五万名歌迷的热情。一个月前，同样的地方，台湾歌手周华健受到狂热追捧，数万名歌迷挤满体育场，喝彩声、欢呼声持续了３个多小时。从“百慕大”到“风水宝地”    今年以来，西安大型演出市场出现了?</t>
  </si>
  <si>
    <t>中国对亚洲产生巨额贸易逆差</t>
  </si>
  <si>
    <t>在中国对外贸易多年保持顺差的情况下，“逆差”这个词似乎显得格外刺眼。    最新统计数字显示，今年1-5月份中国与亚洲国家的贸易逆差进一步扩大，达到368.4亿美元，同比增长82.4%。在对亚洲各贸易伙伴的逆差主要集中在日本、印度、韩国、东盟和我国台湾省。2003年，上述贸</t>
  </si>
  <si>
    <t>“欧洲游”开启财富之旅</t>
  </si>
  <si>
    <t>继去年２月１５日首先开放德国游后，９月１日，中国全面开放欧洲的法国、意大利、荷兰、比利时、卢森堡、丹麦、爱尔兰、希腊、葡萄牙、西班牙、奥地利、瑞典、芬兰等２８个欧洲国家作为中国公民自费出境旅游目的地国家。这样，欧洲游将全面向中国公民开放。    国内旅游界?</t>
  </si>
  <si>
    <t>发展和强化“软实力”</t>
  </si>
  <si>
    <t>美国克林顿时期的国家情报委员会主席兼助理国防部长，现任哈佛大学肯尼迪政治学院院长约瑟夫·奈，早在90年代初就提出了软实力这一概念。最近他又出版了新著《软实力：世界政治的成功之道》。该书出版后受到了广泛的关注，也在我国学术界引起注意；在上海首届“世界中国学论?</t>
  </si>
  <si>
    <t>东南亚加强与中国能源合作</t>
  </si>
  <si>
    <t>在8月30日举行的“印度尼西亚国家展览会”上，印度尼西亚贸工部部长专门向本报记者表示，印度尼西亚将进一步加强与中国的能源合作。    8月30日，印尼贸工部部长在接受本报记者采访时表示，印尼将在“中国与印度尼西亚能源论坛”的基础上进一步加强与中国政府和企业的合作?</t>
  </si>
  <si>
    <t>海洋寄托能源希望</t>
  </si>
  <si>
    <t>近日，英国在距离苏格兰大陆最北端大约１００公里的奥克尼群岛上，启动了世界上首座海洋能源试验场“欧洲海洋能源中心”。它将对新型海洋能源技术和设备进行试验和推广，也寄托了科学家和能源界对未来新型能源发展的希望。    为了参加该中心的启动仪式，记者赶到奥克尼群?</t>
  </si>
  <si>
    <t>印度正逐渐丧失外包业优势</t>
  </si>
  <si>
    <t>本报讯  由于政府部门缺乏长期的战略计划，原本是印度“强项”的外包业务受到来自东南亚和中欧国家的严重挑战。这些国家正雄心勃勃地准备瓜分印度所占据的市场份额。    进入21世纪以来，越来越多的欧美跨国企业将一部分服务业、软件业的业务转移到成本相对低廉且具备合格?</t>
  </si>
  <si>
    <t>天然气：美国能源的又一“软肋”</t>
  </si>
  <si>
    <t>据《纽约时报》报道，在国际油价持续攀升之时，天然气短缺又成为困扰美国人的大事。    文章称，美国对天然气需求的增加远远超过了本国和加拿大等邻国的供给能力，也许不用10年，美国就要通过油轮从北非、中东、前苏联和加勒比海地区大量进口液化天然气，成为天然气的进口?</t>
  </si>
  <si>
    <t>美酒游打造“中国波尔多”新名片</t>
  </si>
  <si>
    <t>亚洲最大的地下酒窖    华夏长城庄园属于中粮集团华夏葡萄酿酒有限公司，生产的是大名鼎鼎、享誉海内外的“长城”牌葡萄酒。庄园占地600多亩，分为种植旅游区、生产旅游区和科研旅游区等，是一座浓缩旅游观光、酒文化交流和感受葡萄酒原产地风貌的立体酿酒生态园。    丽</t>
  </si>
  <si>
    <t>嘻哈文化掀推时尚消费热潮</t>
  </si>
  <si>
    <t>嘻哈文化（英文为Hip-Hop），源于上世纪７０年代，是美国黑人的一种街头说唱文化。近几十年，这种最初作为美国黑人表达愤怒与抗争的文化载体，借助于日益发达的大众传媒在全球迅速传播，由开始的打碟、说唱乐、街舞、涂鸦4个基本元素向包括滑板、街头篮球等体育运动和一系列?</t>
  </si>
  <si>
    <t>中国动漫业尝到了苦果</t>
  </si>
  <si>
    <t>２００４“绝对动漫”亚洲动漫作品巡展南京站于８月１１日至１５日举行，这是亚洲动漫巡展今年继北京后的国内第二站。    在展览会现场记者发现,与高桥留美子的《犬夜叉》、藤子·F·不二雄的《机器猫》等大师原画稿大受中国动漫迷追捧形成鲜明对比的是，中国内地知名漫画?</t>
  </si>
  <si>
    <t>两起跨国药品专利案引发争论</t>
  </si>
  <si>
    <t>最近，中国制药企业诉美国辉瑞制药有限公司的“伟哥”、英国葛兰素史克公司的罗格列酮组合物专利案，相继有了结果。7月5日，国家知识产权局专利复审委员会以“公开不充分”的理由否定了“伟哥”专利权。8月18日，国家知识产权局专利复审委就罗格列酮组合物专利案召开的第一次</t>
  </si>
  <si>
    <t>高科技装备显力奥运赛场</t>
  </si>
  <si>
    <t>赛场外的竞技    在日前进行的雅典奥运会男子200米自由泳决赛中，澳大利亚“鱼雷”伊恩·索普力压荷兰名将霍根班德和美国新秀菲尔普斯，获得了一枚金牌。比赛时，索普依旧穿着那身从上到下一水儿黑的联体泳衣。霍根班德的教练认为，正是这身“黑皮”帮助索普在两届奥运会上</t>
  </si>
  <si>
    <t>大豆加工业“进口危机”提前爆发</t>
  </si>
  <si>
    <t>正当5月初突然爆发的大豆“进口危机”让中国整个大豆加工行业自救于水火之中而无暇他顾之际，美国大豆协会、美国农业部等组成的美国农业代表团7月中下旬来到了中国，进行了长达十多天的考察访问。据了解，代表团的重要任务之一，就是向中国各界解释，美国政府和企业并未有意?</t>
  </si>
  <si>
    <t>“洋管家”给三亚酒店业“换血”</t>
  </si>
  <si>
    <t>７月２２日,三亚亚龙湾美丽的海滩边，投资５亿元的三亚家化万豪度假酒店举行试业典礼。10天前，德国凯宾斯基饭店股份有限公司已在三亚签订协议，“联姻”凯宾斯基三亚饭店。与此同时，皇冠假日、香格里拉、凯悦、希尔顿等一批国际著名酒店管理集团也有意在亚龙湾投资。</t>
  </si>
  <si>
    <t>中国私人轿车到底多少</t>
  </si>
  <si>
    <t>几天前，日本时事社的记者从北京发出一篇报道，文中写道：“中国1200万辆私人轿车”如何如何。之前，不少国内和海外的中文媒体也称“中国的私家车超过千万辆”。    但是也有国内权威部门称我国的私人轿车只有区区数百万辆。中国的私人轿车到底有多少，仿佛成了一个谜。</t>
  </si>
  <si>
    <t>中澳农业具有很大合作潜力</t>
  </si>
  <si>
    <t>本报讯  中国农业国际合作促进会与澳大利亚园艺协会近日在珠海举办了中澳农业——园艺合作论坛首届年会。与会专家、学者和企业代表普遍认为，中澳农业具有很强的互补性，合作潜力巨大。    我国“中澳农业——园艺合作现状、潜力与对策研究”课题主持人、农业部农研中心副?</t>
  </si>
  <si>
    <t>大学不能盲目追求“大而全”</t>
  </si>
  <si>
    <t>本报讯  教育部部长周济１０日在中外大学校长论坛上说，从国家利益看，必须要创建若干所综合性的世界一流大学，这是中国高等教育参与国际高等教育竞争与合作的需要。但对大多数大学而言，需要根据自身的历史背景、环境特点、学科特色、资源结构等实际情况，制定本校的发展战?</t>
  </si>
  <si>
    <t>细数雅典的钱袋子</t>
  </si>
  <si>
    <t>在当下任何国家、任何地区均享有绝对话语权的奥运会，今天终于要在雅典开幕了。雅典，这个在西方文明史、人类文化史上耀眼得令人不得不侧目的城市再一次成为全球瞩目的焦点。时隔108年，现代奥运又回到了其生于斯、长于斯的故乡。这就像雅典在申办奥运会时提出的口号一样，“</t>
  </si>
  <si>
    <t>纽约市场油价逼近45美元</t>
  </si>
  <si>
    <t>本报讯（记者肖莹莹）受伊拉克决定停止南部油田石油生产以及尤科斯可能在本月破产两个传闻的影响，纽约市场原油期货价格９日逼近每桶４５美元。    有消息说，伊拉克南部港口巴士拉的石油基础设施可能遭到支持萨德尔的武装分子的袭击，伊拉克南方石油公司已决定停止供油。?</t>
  </si>
  <si>
    <t>假名牌在全球“大行其道”</t>
  </si>
  <si>
    <t>美国《华盛顿邮报》日前就假冒名牌在全球奢侈品市场“大行其道”的问题发表了长篇报道。    报道称，十几年前，鼻子上架着“迪奥”牌子的染色目镜，手上带着“欧米茄”名表，这是30岁左右富有人士的特征。《华盛顿邮报》的记者曾看到一位姓江的女士在奢侈品商店“路易·威?</t>
  </si>
  <si>
    <t>澳房价持续回落减缓加息压力</t>
  </si>
  <si>
    <t>本报讯  据国外媒体报道，由于去年采取了一系列“降温”措施，澳大利亚房屋价格已连续6个月下降，因此澳大利亚央行在短期内不会作出加息决定。    澳大利亚央行在最新的月度报告中指出，来自多个行业的数据显示，在两个最大城市墨尔本和悉尼房价下跌的影响下，澳大利亚全国</t>
  </si>
  <si>
    <t>乌龙茶遭遇“假、大、空”困局</t>
  </si>
  <si>
    <t>我国乌龙茶的故乡福建在全球茶叶市场中正在出现销售效益“拐点型”下滑：乌龙茶出口量在连续２０多年持续递增后，近两年开始下降，去年降幅达１０.６％，其中占出口总量８０％的对日本出口降幅更是达到１３.８％，而且单价也在下跌。有关人士直言，福建乌龙茶正在经受一场生?</t>
  </si>
  <si>
    <t>吴阶平医学基金会香港宏威制药联手提升我国药品安全评价水平</t>
  </si>
  <si>
    <t>本报讯 7月31日，吴阶平医学基金会与香港宏威制药集团签字合作，联手建立我国以灵长类实验动物或大型动物为主的国际GLP标准安全评价中心。    GLP的中文含义是“良好实验室规范体系”。药品是一种特殊商品，其安全性要求远比其它商品严格，美国食品药品管理局（FDA）于1976</t>
  </si>
  <si>
    <t>三道关卡拦截TTE航母</t>
  </si>
  <si>
    <t>酝酿了半年之久的TCL与法国汤姆逊电子公司之间的跨国之恋终于结出了果实，双方通过合资打造的全球最大电视企业——Tcl-Thomson Electyonics Ltd．（简称TTE）已于7月29日在深圳正式揭牌。    根据双方签署的协议，TCL将其在中国内地、越南、德国的所有彩电及DVD生产厂房、?</t>
  </si>
  <si>
    <t>欧盟“两指令”考验中国家电业</t>
  </si>
  <si>
    <t>欧盟议会和欧盟理事会早在2003年2月13日公布的在10大类电子电气设备中限制使用6种有毒有害物质，生产者负责回收处理废旧电子电气设备的环保指令，将于2004年8月13日正式启动相关两项关于电子垃圾的法规，对电器产品的材料、零部件和设计工艺提出了更高的环保要求。有关专家认</t>
  </si>
  <si>
    <t>铁运吃紧，专家呼吁公路适当分流</t>
  </si>
  <si>
    <t>近日，交通部宣布将对大型多轴车辆通行费标准下调20%至30%，方案正待国务院批准。与此同时，从国际市场紧急调回的4艘7.4万吨级巴拿马型散货船，迅速投入公路水路煤炭联运。交通部门面对“运荒”，试图有更大作为    “一些适合走公路的货物也大量向铁路集中，铁路货运简直?</t>
  </si>
  <si>
    <t>海外劳务纠纷处理机制试水毛里求斯</t>
  </si>
  <si>
    <t>“出国打工族”海外面临劳务纠纷事件近来频频出现。    在异国他乡发生的劳务纠纷和突发事件，往往会使抵抗风险能力较差的劳务人员因为冲动导致严重后果。    据商务部统计，除通过各种非正常渠道外，我国目前每年共有超过50万人出国从事各类劳务活动，但是至今没有一个?</t>
  </si>
  <si>
    <t>斯蒂格利茨上海论道</t>
  </si>
  <si>
    <t>蓄着标志性的络腮胡子，面带和善的笑容，当今世界经济学界的巨擎，２００１年度诺贝尔经济学奖得主约瑟夫·斯蒂格利茨日前来到上海，用了近一周的时间来更新自己对于中国经济现状的认知。    斯蒂格利茨此行的主要目的，是作为由复旦大学新闻学院、美国哥伦比亚大学国际与?</t>
  </si>
  <si>
    <t>家族企业管理的圣经</t>
  </si>
  <si>
    <t>占据福布斯世界首富十年之久的比尔·盖茨无疑是一个财富神话，但随着瑞典的《商务周刊》宣布宜家家居创始人坎普拉德的个人财富超过比尔·盖茨时，这个不朽的神话顷刻颠覆。但没过几天，宜家公司出面指出,坎普拉德并不是世界首富。原因是早在1982年坎普拉德就将宜家相当一部分</t>
  </si>
  <si>
    <t>外资看好亚洲农村消费市场</t>
  </si>
  <si>
    <t>从中国到印度，亚洲许多国家在政府投入的推动下，农民收入不断增长，农村消费能力不断提高，为一些企业投资于农村和农业这一长期被忽视的领域创造了机会。    《纽约时报》发表文章称，中国将逐步取消对投资于批发市场和农产品生产零售的外国公司在地域、股权和资本等方面?</t>
  </si>
  <si>
    <t>美国将建立医疗信息化体系</t>
  </si>
  <si>
    <t>本报讯  据《纽约时报》报道，美国政府日前公布了一份名为“健康信息技术十年规划”的报告，以最终实现病历和处方完全计算机化。    美国政府将协调私人部门建立产品和技术标准，以便使医院、实验室、药房和保险公司的计算机网络能够实现信息共享。此外，美国政府还将通过?</t>
  </si>
  <si>
    <t>一个探索生命科学的神秘团队</t>
  </si>
  <si>
    <t>7月16日，来自德国、美国等国家的6位诺贝尔奖获得者一起汇聚北京生命科学研究所，为研究所的发展把关定位。与这6位专家同行的，还有十多位海外生命科学领域的知名华人科学家。北京生命科学研究所——这个国内少有人知的研究所，为什么一下子吸引了这么多世界顶级科学家的关注</t>
  </si>
  <si>
    <t>美军为何暗合台湾军演</t>
  </si>
  <si>
    <t>据台湾媒体报道，7月21日，酝酿和准备已久的台湾“汉光20”军事演习正式展开。此前，美国军队在环太平洋地区展开多场较大规模的军事演习，“小鹰号”已由菲律宾向台湾海峡驶近，按计划通过台湾岛东部。不少国际军事专家认为，这显然是暗合台军“汉光20”军事演习，有些不寻常</t>
  </si>
  <si>
    <t>日本严防房地产虚假广告</t>
  </si>
  <si>
    <t>日本的房地产广告很多，购房者的房地产信息也主要是通过各种形式的广告来获取。不过，日本的房地产商在报刊和电视等主流媒体上刊登售房广告的情况不多，绝大多数是通过印制房产广告传单夹带在报纸中送到各家各户。还有部分是贴在或者挂在房产项目周边的电线杆上。最近，记者?</t>
  </si>
  <si>
    <t>传媒与娱乐业年景不错</t>
  </si>
  <si>
    <t>欧盟委员会7月20日宣布，无条件批准索尼公司旗下的索尼唱片公司和德国贝塔斯曼公司旗下的BMG唱片公司合并。欧盟如此慷慨，将会促使建立世界上第二大的唱片公司，并把全球音乐产业推向更深更广的合作。在全球传媒与娱乐业前景向好的今天，欧盟此举可以说是“识时务”的一步。$</t>
  </si>
  <si>
    <t>制定和推行我国的统一物流标准</t>
  </si>
  <si>
    <t>近年来，我国物流业发展迅猛，但物流标准化建设严重滞后，不仅制约了我国物流业快速健康发展，也造成了资源的浪费和效率的低下。统计显示，我国目前每万元GDP产生的运输量为4972吨公里，而美国和日本的这一指标仅分别为870吨公里和700吨公里。物流标准化建设滞后也造成社会财</t>
  </si>
  <si>
    <t>欧盟拟对转基因玉米发“通行证”</t>
  </si>
  <si>
    <t>本报讯  据国外媒体报道，欧盟各国农业部长日前未能就是否允许代号为“NK603”的转基因玉米进入欧洲消费市场形成最后决议。但分析人士指出，考虑到欧盟对转基因食品的态度已大为改变，给“NK603”发“通行证”只是时间早晚的问题。    “NK603”转基因玉米是由一家名为“蒙</t>
  </si>
  <si>
    <t>有毒化学品啮噬人类健康</t>
  </si>
  <si>
    <t>7月8日，很多媒体报道了美国环保署做出的一项决定：由于杜邦公司20多年来一直没有通报制造特氟隆（Teflon）的一种关键原料可能会给人类带来潜在危害，美国环保署准备对其处以3亿美元的罚款。由于中国家庭所使用的绝大部分不粘锅均采用特氟隆涂层（市面上常见为杜邦注册的“特</t>
  </si>
  <si>
    <t>美欧在印度外包业务扩大</t>
  </si>
  <si>
    <t>印度第二大外包公司Infosys日前宣布，今年第二季度利润增长39．2％。&lt;纽约时报&gt;发表文章称，美国和欧洲向印度外包业务将进一步扩大。  作为软件和服务外包的“领头羊”，Infosys 公司的收入比预期要好，二季度利润高达38．8亿卢比(约合</t>
  </si>
  <si>
    <t>“原产地规则”：打开东盟市场的“金钥匙”</t>
  </si>
  <si>
    <t>按照中国和东盟制订的“早期收获”方案，从２００４年起对５００多种农产品实行降税，到２００６年这些产品的关税将降为零。广西社科院东南亚研究所所长古小松博士认为，中国企业只有利用好原产地规则的优惠待遇，才能真正获得打开东盟市场的“金钥匙”。　互惠互利实现双?</t>
  </si>
  <si>
    <t>欧盟提出中期财政预算方案</t>
  </si>
  <si>
    <t>本报布鲁塞尔电  欧盟委员会１４日提出了２００７年至２０１３年欧盟财政预算规划。在规划的７年中，欧盟年均预算将占欧盟２５国国民总收入的１．１４％。    根据规划，２００７年，欧盟成员国向欧盟财政预算的注资额将为１２４６亿欧元，到２０１３年将增加到１４３１亿?</t>
  </si>
  <si>
    <t>中国加工贸易还有20年成长期</t>
  </si>
  <si>
    <t>本报南京电  博鳌亚洲论坛秘书长龙永图日前在无锡市提出，发展加工贸易是中国融入经济全球化的必经之路，加工贸易还有至少２０年以上的增长期。龙永图是在近日由商务部于无锡举办的一次纺织品贸易论坛上说这番话的。    加工贸易是国际贸易的主流。龙永图说，几乎所有参与?</t>
  </si>
  <si>
    <t>积极应对入世议定书三大条款</t>
  </si>
  <si>
    <t>非市场经济条款、特保条款和贸易政策过渡性审议机制条款是我国入世议定书中的三个重要条款。由于三大条款适用时间较长，分别是15年、12年和8年，而且在非市场经济条款下，大多数国家认定中国为非市场经济国家，很容易判定我国出口产品为倾销；在特保条款下，韩国、加拿大、澳</t>
  </si>
  <si>
    <t>渣打借CEPA加速内地扩张</t>
  </si>
  <si>
    <t>本报讯  已有近160年香港经营历史的英资渣打银行近日在香港成立一家全资子公司，目的是借CEPA（内地与香港关于建立更紧密经贸关系的安排）之利加速内地扩张。    英国渣打集团总裁戴维斯近日在香港宣布，渣打集团在港新注册一家名为渣打银行（香港）有限公司（简称渣打香港</t>
  </si>
  <si>
    <t>西影“骑着”数码闯美国</t>
  </si>
  <si>
    <t>中国西部电影集团正在筹划利用国家１亿元国债建设西部数码影视制作基地，这一总投资１.５亿元的数码基地将从根本上解决西部影视后期制作水平低的难题。中国电影市场空间还很大    中国电影走向世界，是从西安电影制片厂开始的。国内第一部走出国门并获得国际大奖的影片《</t>
  </si>
  <si>
    <t>汽车金融公司开切车贷蛋糕</t>
  </si>
  <si>
    <t>近日，由美国通用汽车金融服务公司（GMAC）和上海汽车集团财务有限责任公司共同出资成立的上汽通用汽车金融有限任公司经过6个月的紧张筹备，完成了一系列开业准备工作，正式向中国银行业监督管理委员会递交开业申请等待审批。这意味着离汽车金融公司在我国正式开业的日子已经</t>
  </si>
  <si>
    <t>中国棉花产业能否“雄起”</t>
  </si>
  <si>
    <t>摘自英国《经济学家》2004.7.3    作为世界棉花产销大国，中国今年有望迎来一次丰收。但是，这未必能满足国内持续攀升的需求——今年4月，棉花进口同比增长了186%。中国对棉花的旺盛需求能够持续多久？    从1999年开始，中国开始放松对棉花产业的限制，棉农们可以不再按</t>
  </si>
  <si>
    <t>吴敬琏：金融监管要注意四大问题</t>
  </si>
  <si>
    <t>本报上海电  经济学家吴敬琏９日发表演讲时说，在２００６年中国向外资银行完全开放人民币业务和２０１２年中国人口老龄化到来之前，我国必须抓紧建立适合于现代市场经济的金融体系。     吴敬琏是在由清华大学中国金融研究中心、麻省理工大学斯隆商学院和中欧国际工商学院</t>
  </si>
  <si>
    <t>培育国家核心竞争力</t>
  </si>
  <si>
    <t>■编者按：国家间、企业间竞争的日趋激烈，使全球经济、科技发展的格局发生了重大而深刻的变化。随之,知识产权保护在国际经济、科技、贸易活动中的地位与作用得到了历史性的提升,以专利战略为主的知识产权战略正在许多国家酝酿、制定或已实施。    国家知识产权战略，不是?</t>
  </si>
  <si>
    <t>欧盟拟改革食糖出口补贴</t>
  </si>
  <si>
    <t>本报讯  据《纽约时报》报道，迫于不公平竞争的指控压力，欧盟农业专员弗郎兹·费舍勒定于本月开始对欧盟巨额食糖补贴问题展开调查，并建议对具有争议的食糖出口补贴机制进行全面改革。分析人士认为，这意味着欧盟国家在全球食糖市场的“倾销”行为会有所收敛。    据报道?</t>
  </si>
  <si>
    <t>“申遗”热背后的经济动机</t>
  </si>
  <si>
    <t>中国目前被批准列入《世界遗产名录》的世界遗产已达30处，仅次于意大利、西班牙，排名世界第三位。众所周知，被世界遗产委员会列入《世界遗产名录》的地方，将成为世界级的名胜，可获得世界遗产基会提供的援助，更可由相关单位招徕和组织国际游客进行游览活动，其对国内游客?</t>
  </si>
  <si>
    <t>古巴：“绿色鳄鱼”的社会主义风情</t>
  </si>
  <si>
    <t>飞机从加拿大多伦多起飞，三个半小时后，神秘的古巴就出现在视野中：从飞机上俯瞰，一只绿色的“鳄鱼”游动在湛蓝浩瀚的加勒比海上。这只“鳄鱼”就是古巴共和国4000多个岛屿中最大的岛——古巴岛。绿色则是覆盖在岛上的茂盛的植被的颜色。古巴人正是这样形容自己的国家：加?</t>
  </si>
  <si>
    <t>日本觊觎我东海油气资源</t>
  </si>
  <si>
    <t>日本政府决定,在７月上旬派出海洋调查船前往东海海域开展海底石油天然气资源调查，并企图单方面开采这一带海域海底资源。此消息披露后，引起中国政府和人民高度关注。由于这一带海域决非日本所说的在“日中中间线”的“日方一侧”,而是天然属于中国的专属经济区，日方若擅自?</t>
  </si>
  <si>
    <t>美证交会要求加强信息披露</t>
  </si>
  <si>
    <t>本报讯  据《纽约时报》报道，美国证券交易委员会日前决定对信息披露制度加以改革，要求上市公司和共同基金有关年度报告和其他信息在互联网上公布。    分析人士表示，这项改革将使投资者和公司的竞争对手更容易了解应公开的信息并监督其财务状况，帮助证交会更严格地监管?</t>
  </si>
  <si>
    <t>亚行讨论推进经济一体化</t>
  </si>
  <si>
    <t>本报马尼拉电  亚洲开发银行１日召开“亚洲经济合作与一体化高官会议”，重点讨论制定亚洲地区经济一体化和实现亚洲繁荣的长远计划。    亚行行长千野忠男在会上说，亚洲地区合作与经济一体化对经济增长的数量和质量来说都有益处，也有助于实现亚洲地区的减贫计划。    ?</t>
  </si>
  <si>
    <t>中国应进一步开放服务业市场</t>
  </si>
  <si>
    <t>本报讯  在6月30日召开的第一届中国国际服务业大会上，来自美国、欧盟服务业组织的官员纷纷呼吁，希望中国政府能加速开放服务业市场。    美国服务业联盟主席索伦森说，中国政府越来越认识到服务业的发展将带来更大规模的新型经济的发展，创造更多就业机会，有助于解决由于</t>
  </si>
  <si>
    <t>“通胀预期”促美联储加息提速</t>
  </si>
  <si>
    <t>诸多迹象表明，美国联邦储备委员会将在29日至30日的例会上作出加息决定。人们普遍将当前实际通胀率抬头作为美联储调高利率的主要原因，但许多经济学家则认为，实际上是“通胀预期”加速了升息步伐。    《纽约时报》日前发表文章认为，美联储现在打算调高利率并提高加息幅?</t>
  </si>
  <si>
    <t>墨西哥利用垃圾发电照明</t>
  </si>
  <si>
    <t>本报墨西哥城电 墨西哥北部新莱昂州在利用垃圾发电照明，变废为宝方面走在拉美国家的前列，为国家节省大量天然气资源。    据当地媒体报道，在世界银行的援助下，新莱昂州利用本地资金，在蒙特雷市附近建造了一座以固体垃圾为燃料的发电厂，总发电能力达到１２兆瓦，从而使</t>
  </si>
  <si>
    <t>朝鲜式的社会主义道路撩开面纱</t>
  </si>
  <si>
    <t>人在平壤，这两年明显地感受到了一些新气象。平壤市的街道经过装修后更漂亮了，时隔多年后又有不少新建筑项目开始动工，大街上奔跑的汽车越来越多，市民的服装更为缤纷多彩，商品供应也越来越丰富。    由于缺乏官方提供的数据，记者很难以确切的数字来介绍朝鲜经济取得的?</t>
  </si>
  <si>
    <t>电子垃圾是危害也是富矿</t>
  </si>
  <si>
    <t>目前,我国家电报废的高峰期已经来临,家电的更新换代将产生数量巨大的电子垃圾，这些电子垃圾如果处理不当，会对环境产生巨大危害，而处理得当，电子垃圾将会变成资源丰富的城市矿山。有资料显示，目前美国的电子垃圾处理企业一般年利润可达到２５００万到３０００万美元。而?</t>
  </si>
  <si>
    <t>中东局势绷紧油市神经</t>
  </si>
  <si>
    <t>国际原油市场经历了起伏不定的一周，伊拉克频繁发生袭击事件以及挪威石油工人举行大规模罢工一度令市场情绪骤然紧张。在最后一个交易日中，随着伊拉克部分修复了石油运输管线以及挪威罢工事件宣告结束的消息相继传来，国际原油市场上的主要油品期货价格先后回落。    来自?</t>
  </si>
  <si>
    <t>美国期权“入账”之争白热化</t>
  </si>
  <si>
    <t>本报讯  美国财务会计标准委员会当地时间24日将在硅谷举行公开听证会，听取有关各方对“股票期权列入公司会计帐目费用项下”这一新规则的意见。会前，关于此问题的争论已经白热化。    美国财务会计标准委员会3月31日提出提案，要求美国上市公司将今年12月15日以后派发的期</t>
  </si>
  <si>
    <t>孙业增：用好资源</t>
  </si>
  <si>
    <t>美国通用电气前CEO杰克·韦尔奇在任期间，曾发起了一项极具挑战性的运动：建立可再生的“人类引擎”以激发通用电气公司的“企业引擎”，通过在全公司发现和取缔无生产力的工作，以使公司员工重新焕发活力以及释放企业中每一层面的“情感能量”,激励员工具有作为企业主人和自?</t>
  </si>
  <si>
    <t>中美贸易摩擦走向何方</t>
  </si>
  <si>
    <t>近来，中美间的贸易摩擦无疑是人们关注的焦点。    正因为如此，美国商务部长埃文斯19日开始的中国之行尤为引人关注。    关注的背后是，中美贸易摩擦将走向何方？中美有关人士就此在接受本报记者采访时表示，中美两国作为全球两大经济体，出现贸易摩擦是正常的，但过多?</t>
  </si>
  <si>
    <t>欧美就“伽利略计划”达成共识</t>
  </si>
  <si>
    <t>本报讯  据国外媒体报道，欧盟与美国已就欧盟正在开发的卫星定位导航系统——“伽利略计划”达成一致意见，双方有望在26日的欧美峰会上签署正式协议。    报道援引双方谈判代表的话说，欧盟和美国在“伽利略计划”的技术标准上达成共识，最终协议将秉承今年2月底双方在联合</t>
  </si>
  <si>
    <t>制止给商业外资“超国民待遇”</t>
  </si>
  <si>
    <t>本报讯  商务部部长助理黄海22日在全国市场体系建设工作会议上表示，在商业领域吸引外资过程中，对于为招商引资搞形象工程而急功近利、不惜代价，给予外资“超国民待遇”的行为，要坚决予以制止。    按照我国加入世贸组织的承诺，今年年底将在商业领域取消对外商投资的地?</t>
  </si>
  <si>
    <t>洋保险加速布点京城</t>
  </si>
  <si>
    <t>本报讯  总部设在天津的中加合资光大永明人寿保险有限公司21日正式进入北京保险市场。    光大永明人寿是由加拿大永明金融与中国光大集团在2002年合资成立，是第一家总部设在天津的合资寿险公司。今年4月，中国保监会批准光大永明设立北京分公司。截至目前，光大永明在北京</t>
  </si>
  <si>
    <t>传媒为何关注“东山岛军演”</t>
  </si>
  <si>
    <t>据香港媒体报道，最近，人民解放军将在距离台湾澎湖岛附近的福建东山岛，再次举行海陆空联合军事演习。前不久，人民日报主办的《环球时报》记者赴东山岛实地采访证实部队确已进驻，东山岛“军车声隆隆，士兵操练繁忙”。但“军演在即，游客不减”。    自2001年之后，位于?</t>
  </si>
  <si>
    <t>版号：019</t>
  </si>
  <si>
    <t>外资行外债管理新法不影响其业务</t>
  </si>
  <si>
    <t>本报讯  国家外汇管理局资本项目管理司司长邹林１８日在接受媒体专访时表示，将于６月２６日实施的《境内外资银行外债管理办法》（以下简称《办法》）符合国际惯例和世贸组织原则，中外资银行在外债管理方面将享受同等待遇，不会对外资银行正常业务发展产生不良影响。    ?</t>
  </si>
  <si>
    <t>珍品鉴赏：《梅花竹石图》</t>
  </si>
  <si>
    <t>一幅参考价达２００万元的清代宫廷绘画珍品《梅花竹石图》将于６月在天津国际拍卖有限责任公司的春季大拍中亮相。这幅作品是天津国拍公司经多方努力从日本征集的，作者为我国清代著名画师邹一桂。    乾隆至宣统年间一直藏于清宫并传承有序的国宝，流失半个世纪后，重回故?</t>
  </si>
  <si>
    <t>摆好“9+2”龙尾　架起“10+1”桥梁</t>
  </si>
  <si>
    <t>尽管看起来是两个完全不同的概念，但“９＋２”泛珠三角区域和“１０＋１”东盟自由贸易区还是因为云南被紧密地联系在了一起。６月３日，中国９个省区和香港、澳门特别行政区共同参与的首届泛珠三角区域合作与发展论坛闭幕。６月６日，由西南六省七方联合主办，东盟１０个国?</t>
  </si>
  <si>
    <t>国际金融公司首次投资广西林业</t>
  </si>
  <si>
    <t>本报南宁电  国际金融公司（ＩＦＣ）与丰林国际有限公司１６日在广西南宁签署了一项协议，国际金融公司将为丰林国际有限公司提供３３００万美元的贷款，这是国际金融公司首次在广西投资。    国际金融公司是世界银行集团成员之一，也是世界上为发展中国家非国有企业提供股?</t>
  </si>
  <si>
    <t>中国家电进军海外要迈几道槛</t>
  </si>
  <si>
    <t>一方面是全球化浪潮的巨大推力，一方面是庞大的产能急需释放，在这样的内外因作用下，中国家电正在走向世界已是不争的事实。然而美国对中国彩电的反倾销事件，似乎给中国家电雄心勃勃的海外拓展计划蒙上了一层阴影。中国家电进军海外还要面对多少道“门槛”，如何从各国的贸?</t>
  </si>
  <si>
    <t>中国消费电子带给全球的机会</t>
  </si>
  <si>
    <t>全球消费电子重心正在向以中国为雁头的亚洲市场转移    世界多家机构的统计分析显示，全球消费类电子2005年的市场规模预计将达到1.8万亿美元，其中电子元器件类产品为5000亿美元、计算机类产品为5200亿美元、通信类产品为1800亿美元、消费电子类产品为1600亿美元；全球Inte</t>
  </si>
  <si>
    <t>亚洲油气大会强调区内合作</t>
  </si>
  <si>
    <t>本报讯  据国外媒体报道，为期两天的第九届亚洲石油和天然气大会日前在马来西亚首都吉隆坡举行。与会代表一致认为，加强合作与投资是亚洲地区应对石油供应短缺的主要任务之一。    报道说，来自亚洲国家及地区、欧佩克、全球石油工业的800多名代表参加了本次会议，共同讨论</t>
  </si>
  <si>
    <t>中国呼吁建立多边贸易体制</t>
  </si>
  <si>
    <t>本报圣保罗电  前来参加联合国贸易与发展会议第１１届大会的中国代表团团长，商务部部长助理易小准6月１５日在会议发言中指出，一个公平、公正、开放和非歧视的多边贸易体制有利于世界经济的长期稳定发展。    易小准说，现行国际贸易体制中的种种扭曲因素阻碍了大多数发展</t>
  </si>
  <si>
    <t>俄将在2007年加入世贸组织</t>
  </si>
  <si>
    <t>本报哈尔滨电  针对国际社会关注的俄罗斯加入世贸组织问题，俄经济发展和贸易部部长格尔曼·格列夫日前说，俄加入世贸组织的时间应在２００７年。他说，俄罗斯今年将最大限度地完成谈判过程，从明年开始进入加入世贸组织的“手续阶段”。    格列夫认为，“手续阶段”大约?</t>
  </si>
  <si>
    <t>浙江纺织行业面临反倾销威胁</t>
  </si>
  <si>
    <t>本报杭州电 浙江省的纺织业行业将面临着欧盟反倾销的威胁。    据悉，欧洲纺织服装组织已申请对我国第35类纺织品采取反倾销措施，欧盟委员会正在对该申请进行审核，虽然到目前为止，欧盟委员会尚未立案，但“立案的可能性很大”，省棉纺织行业协会秘书长钟德枝说。    欧</t>
  </si>
  <si>
    <t>国际贸易模式发生两大变化</t>
  </si>
  <si>
    <t>本报日内瓦电  世贸组织日前公布的一份报告显示，在过去的２０年中，国际贸易模式发生两大变化：一是服务贸易的发展速度不再明显优于货物贸易；二是已加工产品在农产品贸易中的比重不断增加。    报告说，人们普遍认为服务贸易一直比货物贸易发展快，而实际上服务贸易只在?</t>
  </si>
  <si>
    <t>平常心态看G8</t>
  </si>
  <si>
    <t>八国集团（G8）首脑会议１０日下午在美国的大西洋畔旅游胜地的一个小岛上平静地落下帷幕。被称为“富国俱乐部”的八国集团的生产总值约占全球总产值的六成，8国中有4个联合国安理会的常任理事国。因此，不论这一年一度的八国集团首脑会议谈了些什么，得出了什么结果，总是世?</t>
  </si>
  <si>
    <t>美国公司资产向服务业转移</t>
  </si>
  <si>
    <t>本报纽约电  美国权威经济研究机构会议委员会１０日在一份研究报告中指出，美国公司资产正从传统制造业向服务业、从非技术制造业向技术制造业转移。    这份报告说，与１０年前相比，服务和技术行业的多数公司规模都扩大了３至５倍。１９９２年至２００２年期间，美国金融?</t>
  </si>
  <si>
    <t>美国2004财年财政赤字增加</t>
  </si>
  <si>
    <t>本报华盛顿电  美国财政部１０日公布的报告显示，在去年１０月１日开始的达到了３４４３亿美元，比上财年同期增加１８．３５％（５３４亿美元）。    报告显示，美国政府本财年头８个月的开支总额为１．５３万亿美元，比上年同期增加５．５％；税收总额为１．１９万亿美元?</t>
  </si>
  <si>
    <t>G8峰会热论全球经济话题</t>
  </si>
  <si>
    <t>本报讯  八国集团（G8）首脑会议于当地时间6月8日晚在美国佐治亚州度假胜地海岛开幕。据国外媒体报道，与会各国首脑将在9日的正式会议上就经济复苏、高油价、贸易谈判等当前主要经济问题交换意见。    报道援引一位美国高级官员的话说，作为东道主，美国总统布什将在9日的?</t>
  </si>
  <si>
    <t>中国：跨越3G等待4G</t>
  </si>
  <si>
    <t>当中国的电信运营商还在为3G牌照的发放而苦恼时，新技术的研发却没有停下脚步。日前，美国的Nextel和英国的沃达丰正准备尝试推出新的无线技术Flash-OFDM，它能以3G十倍的速度传送数据，价格还更便宜。而在此前德国汉诺威举行的CeBit展览会上，半导体巨头英特尔、IBM也力推一?</t>
  </si>
  <si>
    <t>鞋业“大腕”呼吁遏制无序竞争</t>
  </si>
  <si>
    <t>本报福州电　在日前召开的２００４年全国皮鞋旅游鞋年会上，针对中国鞋档次低、重复建设严重等现状，鞋业“大腕”们呼吁加大力度遏制无序竞争。    中国鞋的低档化问题在本次年会上得到了广泛的关注。根据中国皮革工业协会理事长徐永提供的数据，亚洲的鞋类产量占世界产量?</t>
  </si>
  <si>
    <t>丽江古城：在开发与保护中艰难磨合</t>
  </si>
  <si>
    <t>在工业化进程及旅游业发展中，地处滇西北的世界文化遗产丽江古城在保护与开发中，经历了艰难的磨合，难能可贵地保存了其独具一格的魅力。多次来丽江的联合国教科文组织亚太地区办公室顾问理查德·恩格哈特说：“丽江古城的管理是卓有成效的，其历史的真实性得到了高度重视。?</t>
  </si>
  <si>
    <t>中美可乐大战风云再起</t>
  </si>
  <si>
    <t>■2004年4月28日，一艘载有6个集装箱非常可乐的货轮缓缓地驶离宁波港，它的目的地是可口可乐的“老家”——大洋彼岸的美国。    6个集装箱的非常可乐，共1.45万箱、近18万瓶、约90吨重，仅仅相当于目前其日产量的1/18，或一个中等城市初级批发商一周的销量；数量虽不多，但</t>
  </si>
  <si>
    <t>欧盟恢复对华军售有望水到渠成</t>
  </si>
  <si>
    <t>随着欧盟对华军售解禁的话题再次热炒，一些军事爱好者甚至在网络上认真讨论起“欧盟战机何时飞入中国”的可能性。    其实，要想全面认识欧盟对华军售解禁的意义，必须捋清欧盟对华军贸的历史脉络，并对欧盟的武器出口管制制度有一个清晰的了解。    全面禁运    截至?</t>
  </si>
  <si>
    <t>非洲石油牵动中国能源神经</t>
  </si>
  <si>
    <t>从石油输出大国到石油进口大国，中国的角色转换是在无声的痛苦中完成的。国际油价涨势不止，国内需求日益膨胀，中国已经超过日本成为世界第二大石油消费国。中国需要安全便宜地将石油从国际市场买回来，需要与国外开展更多的合作，直接到石油资源地从事开发。于是作为“第二?</t>
  </si>
  <si>
    <t>新日铁被“北方焦化”关在门外</t>
  </si>
  <si>
    <t>日前，世界最大的矿产资源企业必和必拓公司和美洲最大的综合钢煤企业美国钢铁公司，分别在杭州与中国的焦炭企业签订备忘录，决定共同发起成立中国最大的焦化生产企业——中国北方焦化股份有限公司。    引人瞩目的是，此前曾表示了强烈参与意向、并与中方进行了多次接触的?</t>
  </si>
  <si>
    <t>商务部将用贸易救济维护产业权益</t>
  </si>
  <si>
    <t>本报成都电  正在出席全国进出口公平贸易工作会议的商务部副部长高虎城接受记者采访时表示，面对我国目前加入世贸组织关键过渡期的到来，国内产业受到开放市场的压力越来越大，商务部将运用贸易救济措施依法维护产业的正当权益。    高虎城说，商务部首先将建立进口产业预?</t>
  </si>
  <si>
    <t>欧洲顶级CEO生财有道</t>
  </si>
  <si>
    <t>随着欧洲经济的缓慢复苏，欧洲公司的首席执行官们（CEO）告别了令人揪心的“下岗潮”，其收入也有明显提高。在日前出版的一期美国《财富》杂志中，25位顶级经理人有幸入选了“欧洲年度收入最高CEO”的大名单。瑞士诺华制药集团的丹尼尔·瓦塞拉凭借1240万美元的总收入位居榜?</t>
  </si>
  <si>
    <t>“淡马锡”模式有望引入我国之路</t>
  </si>
  <si>
    <t>记者从有关方面了解到，在我国新的国有资产管理体制实施一周年之际，我国国资监管部门和有关企业正在研究借鉴新加坡“淡马锡”国有资产管理模式，并将其资产运作和管理方式移植到我国国有投资控股公司中来。    有关专家认为,目前我国国有经济布局和结构调整以及国有企业改</t>
  </si>
  <si>
    <t>外汇储备差异将导致金融波动</t>
  </si>
  <si>
    <t>经济学家认为，世界主要经济体外汇储备的巨大差异可能会导致全球金融体系出现剧烈波动，各国应加强协作寻求金融稳定的均衡策略。    据英国《金融时报》报道，美国放弃了强势美元政策以应对其庞大的经常项目逆差，这一做法符合美国经济利益。而另一方面，亚洲各地央行的美?</t>
  </si>
  <si>
    <t>深发展向美国一投资集团出让股权</t>
  </si>
  <si>
    <t>本报讯  外商参与中国银行业重组和改造的进程取得重大突破，深圳发展银行的四大国有股东同意把它们持有的34810.33万股股票出让给美国新桥投资集团。这意味着美国新桥投资集团将拥有深发展17.89％的股权，成为第一大股东。    此间银监部门有关官员就这一消息表示，银监会最</t>
  </si>
  <si>
    <t>“统一”经营战略引起国际关注</t>
  </si>
  <si>
    <t>从一家名不见经传的民营润滑油企业，到成为中国车用润滑油市场的第一品牌，统一石化高速发展模式正吸引着业界的广泛关注。美国润滑油界权威杂志《润滑油、润滑脂》近日发表《北京统一的雄伟目标》一文。该文称，“统一”成为中国润滑油界的沃尔玛。    文章认为，在作为世?</t>
  </si>
  <si>
    <t>台海局势风云变幻 兰德公司纸上演兵</t>
  </si>
  <si>
    <t>国际军事专家认为，未来数年台海有可能是世界动荡不安的地区之一。在分裂与统一无法最终和平解决之际，“台海大战”也许难以避免。或许这是“杞人忧天”。不过，最先提出“台海大战”的并非海峡两岸的中国人，而是美国著名智囊库——兰德公司。    “台海危机”由来已久</t>
  </si>
  <si>
    <t>我军四大潜力 台军四大恐惧</t>
  </si>
  <si>
    <t>未来台湾海峡两岸的军事力量对比可能出现怎样的局面？一些国际军事专家对此做了预测。他们认为，总的说，未来发展将有可能对台湾不利。大陆的四大军事潜力不可小视。美国有专家通过大量的数据和计算机模拟，对2005年以后的台海局势，特别是大陆与台湾的军事实力、潜力进行了?</t>
  </si>
  <si>
    <t>美国对外资并购规制的启示</t>
  </si>
  <si>
    <t>美国是全球第一个对外资并购进行规制的国家，其并购规制的模式，成为全球典范。当前研究美国对外资的并购规制，无疑具有重要意义。    美国外资并购规制体系    美国在《克莱顿法》中明确规定，外资并购行为适用与国内并购行为相同的并购法规。美国的并购法规体系主要由?</t>
  </si>
  <si>
    <t>公司 耍酷不分老幼</t>
  </si>
  <si>
    <t>“cool”，可译为“酷”。虽然其字面解释多少有些“只可意会、不能言传”，但并不妨碍人们在各种情形下将它用足、用活、用透。日前，美国《财富》杂志就以“cool”为题，评出了2004年的“最酷公司”。    有幸上榜的15家公司个个酷相十足，分别来自4个国家，主要从事8大行?</t>
  </si>
  <si>
    <t>汕台将建立三大合作基地</t>
  </si>
  <si>
    <t>本报讯  广东汕头市市长黄志光介绍，汕头与台湾的经贸合作已有相当基础，未来汕头将依托自身优势，进一步扩大汕台之间的经贸交流与合作，包括构建与台湾的农业合作基地、医药合作基地及高新技术合作基地，推动汕头与台湾南部港口的海上直航等。    黄志光说，汕头是台商最?</t>
  </si>
  <si>
    <t>美唱片协会再次状告盗版者</t>
  </si>
  <si>
    <t>本报洛杉矶电  美国唱片业协会２４日再度高举反音乐盗版的旗帜，宣布又将４９３名涉嫌从事网上音乐盗版者告上法庭。此举再度昭示美唱片业誓将打击盗版活动进行到底的决心。    美唱片业协会没有透露有关被告的身份，并表示法庭将向他们发放传票。自该协会从去年９月发起打?</t>
  </si>
  <si>
    <t>欧佩克温和回应G7联合声明</t>
  </si>
  <si>
    <t>本报讯  正在阿姆斯特丹出席第九届国际能源论坛的欧佩克轮值主席尤斯吉安托罗24日表示，该组织将在下月初的贝鲁特部长级会议上宣布增产决定，每日增加的原油产量将足以对国际原油价格构成“心理上”的冲击。    尤斯吉安托罗此番表态是对前一天七国集团（G7）财长所发联合?</t>
  </si>
  <si>
    <t>欧盟建议推行国际审计标准</t>
  </si>
  <si>
    <t>本报讯  英国《金融时报》日前发表文章称，一系列大公司的财务丑闻揭示出，会计师事务执行的各地区审计标准存在巨大漏洞，欧盟为此建议推行国际审计标准。业内人士表示，帕玛拉特丑闻就是全球性会计师事务所仅仅遵守各国或地区的审计标准带来的恶果。    德勤和均富会计师?</t>
  </si>
  <si>
    <t>韩国将重点投资中国中西部地区</t>
  </si>
  <si>
    <t>本报讯  韩国政府将充分利用中国开发西部、振兴东北、中部崛起的大政策，除继续保持在中国沿海、东部的投资势头外，今年会将大量投资项目向中西部地区转移，力争年底超过最大投资国日本，成为中国最大的投资合作者，并争取２至３年在华总投资额突破１０００亿美元。    这?</t>
  </si>
  <si>
    <t>新科变频空调两年省电4000元</t>
  </si>
  <si>
    <t>本报讯 日前，据新科空调的技术专家介绍：使用变频空调最省钱，特别是使用节能率高达48%的新科数码直流变频空调，2年就可以节省电费4000元。    据了解，以上海地区的一户普通家庭为例，装有两台新科直流变频空调（一台1匹、一台1.5匹），与普通定频空调相比，使用两年就可</t>
  </si>
  <si>
    <t>充分评估非政府组织的作用</t>
  </si>
  <si>
    <t>非政府组织作为重要的社会组织形式，在现代经济社会中发挥着越来越重要的作用：    1、有利于提高本国的国际竞争力    有专家指出，到上世纪80年代末期，世界各国在追求发展的过程中出现了很多严重的问题，在这些问题面前，计划与市场、政府与企业都显得束手无策，美国、</t>
  </si>
  <si>
    <t>美国老年住宅有特色</t>
  </si>
  <si>
    <t>早在２０世纪６０年代末，美国已进入老年型社会，１９８０年，美国６５岁及以上的老年人占人口比重的１１％。老年住宅的建设时间比较长并形成了比较成熟的模式。老年社区或公寓十分普遍，它们分为赢利性和非赢利性两类，前者大多为私人公司所办，后者主要由教会兴办，美国政?</t>
  </si>
  <si>
    <t>“温州制造”跃上中外汽车生产线</t>
  </si>
  <si>
    <t>美国通用汽车的座椅电机来自温州，上海桑塔纳轿车的汽车衬垫来自温州，奥迪、帕萨特、丰田、捷达、奇瑞等汽车均有配件来自温州……目前，温州汽配行业中有1/5的企业为中外整车制造企业配套，温州汽配行业已逐渐融入整车制造体系之中。然而，根据中国加入WTO的协定，到2006年7</t>
  </si>
  <si>
    <t>美国共同基金四大改革方向</t>
  </si>
  <si>
    <t>自2003年９月帕特南基金交易丑闻曝光以来，美国联邦证券管理机构整顿基金市场的决心相当大：一方面对多家违规基金进行严肃处理，另一方面绞尽脑汁、试图从法律上将漏洞堵塞。2004年初以来，美国联邦证券交易委员会更是秣马厉兵，与国会相关委员会密切磋商，希望尽快推出新的?</t>
  </si>
  <si>
    <t>中国航油扩张海外</t>
  </si>
  <si>
    <t>本报讯 在新加坡上市的中资企业中国航油(新加坡)股份有限公司(简称“中国航油”)日前与阿拉伯联合酋长国国家石油公司(简称“ENOC”)及其子公司签署了两项《合作谅解备忘录》，中国航油将通过股权收购和建立合资公司等方式参与在阿联酋等地的石油仓储业务，并在新加坡投资建设</t>
  </si>
  <si>
    <t>中国石油战略储备体系加紧实施</t>
  </si>
  <si>
    <t>本报北京电  欧佩克秘书处公布的数字显示，该组织7种市场监督原油一揽子平均价５日达到每桶３５．３０美元，创１３年新高。为应对国际油价的大幅上涨对中国经济发展造成的威胁，根据管理层的要求，上海期交所近日在已有近220家会员的基础上，联络发展燃料油期货的专业会员。?</t>
  </si>
  <si>
    <t>丹麦靠秸秆发电摆脱石油依赖</t>
  </si>
  <si>
    <t>在世界著名童话作家安徒生的故乡丹麦，如今创造着另一个给予人们新的憧憬和希望的“童话”：能源一直依赖进口的丹麦，在大力推广节能措施的同时，积极开发清洁可再生能源，靠新兴替代能源成为石油出口国。    1９７４年以来，丹麦GDP稳步增长，但能源消费量没有增长。丹麦?</t>
  </si>
  <si>
    <t>给血液病患者新生</t>
  </si>
  <si>
    <t>“血液病不可怕，可怕的是不相信奇迹！”近年来，石家庄平安医院的医生先后救治了来自国内３０个省、市、自治区（西藏除外）以及日本、美国、澳大利亚、意大利、新加坡、巴西等十几个国家的众多血液病患者，创造了一个又一个医学奇迹。    医术高超，是立业的根基。石家庄?</t>
  </si>
  <si>
    <t>美贸易逆差对经济增长不是威胁</t>
  </si>
  <si>
    <t>本报讯  《华尔街日报》日前发表文章称，尽管美国贸易逆差不断创出新高，但很多经济学认为，这一“灾难”不会对未来经济增长构成威胁。    美国政府本月初宣布，2月份贸易逆差达到接近历史高点的421亿美元，结果引起不小的恐慌。但经济学家分析称，几十年过去了，美国经济?</t>
  </si>
  <si>
    <t>农产品出口不太“保险”</t>
  </si>
  <si>
    <t>以前多次吃过国外贸易壁垒“苦头”的吉林德大公司，终于尝到了出口信用保险的“甜头”，成为少数“幸运儿”之一：今年春季我国部分地区发生禽流感疫情，日韩等国宣布对我禽类产品闭关。当时，德大公司100多万美元的鸡肉产品已装船出港发往日本。刚投保出口信用保险不久的德大</t>
  </si>
  <si>
    <t>老伙计接掌可口可乐</t>
  </si>
  <si>
    <t>60岁的爱尔兰人内维尔·伊斯戴尔1966年在赞比亚加入可口可乐公司的时候，绝对没有想到自己有朝一日会成为可口可乐这个全球最大饮料制造商的“掌门人”。可口可乐公司5月4日提名，在现任董事长兼首席执行官道格拉斯·拉夫特年底退休之后，由伊斯戴尔接任他的职务，从而结束了?</t>
  </si>
  <si>
    <t>BP与中石油中石化签约成品油项目</t>
  </si>
  <si>
    <t>本报讯  5月11日，中石油总经理陈耕、中石化总经理陈同海分别与BP集团首席执行官在英国伦敦签署了合作协议，两公司将分别与BP合作在浙江和广东合资经营合资加油站，总数达到1000座。阔别了半个多世纪的洋加油站，终于要重新全面登陆中国市场。    不过，专家分析认为，由于</t>
  </si>
  <si>
    <t>国产手机瞄准世界营销</t>
  </si>
  <si>
    <t>4月26日，中国TCL集团董事长李东生与法国通讯设备商阿尔卡特总裁杰蒙在法国共同宣布，合资成立一家手机生产及销售业务公司，TCL掌控合资公司55%股权。    作为国产手机的领军企业，TCL将借助阿尔卡特强大的研发、销售与营销管理力量，快速实现其世界级通信巨头的梦想。</t>
  </si>
  <si>
    <t>格拉索拒绝退还天价薪酬</t>
  </si>
  <si>
    <t>本报讯  前纽约股票交易所主席格拉索日前公开表示，纽交所应就“粗暴调查天价薪酬”一事向其道歉，他不仅不会退还已经收取的天价薪酬，还将重新要求获得更多的解雇赔偿金。    格拉索在接受美国《新闻周刊》采访时称，放弃天价薪酬就意味着承认有罪，因此他本人不会考虑“?</t>
  </si>
  <si>
    <t>兴业银行股权国际化尘埃落定</t>
  </si>
  <si>
    <t>本报讯  日前，记者从有关方面获悉，兴业银行与恒生银行、国际金融公司和新加坡政府直接投资公司正式开展合作，兴业银行以此引进外资3.26亿美元。至此，一直为业界所关注的兴业银行股权国际化问题终于尘埃落定。    据悉，这是到目前为止国内商业银行引进外资股东家数最多?</t>
  </si>
  <si>
    <t>纺织品申报模糊易引发贸易争端</t>
  </si>
  <si>
    <t>本报广州电   由于申报模糊引发贸易争端，这对不少国内纺织品企业来说造成了不必要的损失。    据美国《纽约太阳报》报道：目前美国海关正在对来自包括中国在内的22个国家或地区的袜子进行扣压，以便美国国内生产商对进口商伪报进口袜子成分以逃避美国配额限制的情况进行调</t>
  </si>
  <si>
    <t>美联储货币政策出现转折</t>
  </si>
  <si>
    <t>虽然美国联邦储备委员会4日决定继续将短期利率保持在46年来的最低水平不变，但是许多经济分析人士预测，从4日的决策会议声明来看，美联储将在今年某个时候开始提高利率。    美国联邦储备委员会6日公布的一份会议记录显示，一些美联储官员早在3月份就对美国利率水平过低和?</t>
  </si>
  <si>
    <t>就业保护：大欧洲战略中的小算盘</t>
  </si>
  <si>
    <t>去年４月，捷克、匈牙利、波兰等１０个国家与欧盟签署了加入欧盟的协议，约定从今年５月１日起正式成为欧盟成员。这是欧盟历史上最大的一次“扩军”行动，其数年来极力推动的“大欧洲”战略又向前迈了一步。但是，一些老欧盟成员国利用“游戏规则”大打就业保护的“小算盘”?</t>
  </si>
  <si>
    <t>解决与大国经济摩擦的关键</t>
  </si>
  <si>
    <t>美国不仅是世界贸易规则的主要制定者，也是我国入世的主要受益者。其在全球经济的特殊地位、在信息技术产业方面的独特优势，以及在对华反倾销、特保条款应用等方面的大国示范效应，决定处理好中美经济摩擦不仅是保持我国经济持续稳定增长的关键，也是我国解决与大国经济摩擦?</t>
  </si>
  <si>
    <t>日美厂商追捧油电混合动力车</t>
  </si>
  <si>
    <t>本报讯  节能环保的油电混合动力车正日益成为美国汽车厂商追捧的对象，相关研发和生产不断加码。    油电混合动力车以汽油或车用电池作为动力来源。丰田汽车目前执美国油电混合动力车市场之牛耳，２００３年的市场份额为３９％。今年第一季度，丰田汽车在美国销量逼近５０?</t>
  </si>
  <si>
    <t>欧洲金融机构参股中国上市民企</t>
  </si>
  <si>
    <t>本报讯  浙江海通食品集团股份有限公司董事长陈龙海２２日透露，德国投资与开发有限公司（ＤＥＧ）已经购买了海通１６４３万股非流通法人股，从而成为其第三大股东。这是欧洲最大的开发性金融机构首次参股中国民营企业上市公司。    陈龙海表示，目前海通７０％的产品销往?</t>
  </si>
  <si>
    <t>美元贬值与油价攀升</t>
  </si>
  <si>
    <t>今年美国大选争论最激烈的问题之一是能源政策。    日前民主党候选人克里指责现任总统布什的能源政策失误，没有给欧佩克增加更大的压力，对能源独立的努力也不尽人意，导致石油和天然气价格飞涨；布什则反击克里调高天然气联邦税以及更多地投资于高科技能源项目的竞选承诺?</t>
  </si>
  <si>
    <t>3C认证 出口越南摩托车件可免检</t>
  </si>
  <si>
    <t>有了政策不知用、不会用或用得不足，这是国内摩托车企业通过中国质量认证中心的３Ｃ认证后，出口越南普遍存在的问题。    据了解，早在２００２年４月份，国家认监委发布２００２年第６号公告，根据《中华人民共和国国家质量监督检验检疫总局和越南社会主义共和国科技与环?</t>
  </si>
  <si>
    <t>“企业家要成为使用专家的专家”</t>
  </si>
  <si>
    <t>漫步在东京市中心的新桥、虎门、赤坂、六本木等著名商务区，抬头能看到许多写字楼外墙上标着“ＭＴ”或“森大厦”的字样，这些文字的旁边，还带有阿拉伯数字的编序。这些风格各异的建筑物都是日本房地产三巨头之一的森氏家族的两个企业集团经营的。    森氏家族的两个企业?</t>
  </si>
  <si>
    <t>外国智囊建言尽快建立累积制养老金体系</t>
  </si>
  <si>
    <t>本报讯  日前，美国战略与国际研究中心（ＣＳＩＳ）与美国保德信金融集团（保德信）联合发布了关于中国养老保障体系建设的研究报告——《银发中国—中国养老政策的人口和经济分析》。该报告建议，为应对人口老龄化的挑战，中国应该尽快建立起真正的基金累积制养老金体系。</t>
  </si>
  <si>
    <t>中日贸易大幅增长</t>
  </si>
  <si>
    <t>本报讯（  记者日前从日本国际贸易促进协会了解到，２００３年中日进出口贸易总额达到了创记录的１３３６亿美元，同比增长达到３１．１％，日本连续１１年保持了中国最大贸易伙伴的地位。    在１９日北京举行的日本贸促会成立５０周年的纪念活动上，日本贸促会会长、日本?</t>
  </si>
  <si>
    <t>尼葛洛庞帝纵论中国互联网</t>
  </si>
  <si>
    <t>被西方媒体推崇为“电脑和传播科技领域最具影响力的大师之一”的尼葛洛庞帝，一直倡导利用数字化技术来促进社会生活转型，于１９９６年７月被《时代》周刊列为当代最重要的未来学家之一。他所著的《数字化生存》在中国的翻译出版曾经引发中国人对未来信息世界的狂热激情和无?</t>
  </si>
  <si>
    <t>电镀业：何时镀上健康外衣</t>
  </si>
  <si>
    <t>电镀一直被公认是污染严重的行业。但近年来我国东南沿海地区由于国外污染源向此转移以及五金加工中心的形成，这一行业却获得了快速发展，而一些非法的小电镀厂对环境的危害也已经到了非治理不可的地步。据了解，仅在温州、金华地区就冒出了上千家小电镀厂，这些厂点大部分环?</t>
  </si>
  <si>
    <t>禹王拉长高蛋白大豆产业链</t>
  </si>
  <si>
    <t>本报讯  近年来，作为亚洲最大的大豆食品加工企业和大豆蛋白原料加工企业，山东禹王集团以大豆加工为龙头外连国际市场、内连千家万户，拉长大豆加工产业链，带动我国高蛋白“非转基因”大豆种植业和大豆蛋白产业的崛起，不仅使３００万豆农年增收１．５亿元，而且打破国外企?</t>
  </si>
  <si>
    <t>化石燃料开采20年将达峰值</t>
  </si>
  <si>
    <t>本报北京电  中国太阳能学会光伏专业委员会主任赵玉文综合多家观点分析认为，未来２０年左右化石燃料开采将达峰值。    据赵玉文介绍，日本预测（１８６０－２０６０年）化石燃料峰值在２０２０－２０３０年；Ｓｈｅｌｌ公司预测（１９８０－２０６０年）化石燃料峰值同样?</t>
  </si>
  <si>
    <t>美元汇率走强打压金价</t>
  </si>
  <si>
    <t>原油  尽管美国商业原油库存有所增加，但世界主要油品期货价格依旧上行。分析人士称，中东局势紧张是油价上行的首要原因。周五伦敦市场上，６月份交货的北海布伦特原油期货价格从一周前每桶３３．１９美元升至３３．８１美元。在纽约市场上，５月份交货的轻质原油期货价格从?</t>
  </si>
  <si>
    <t>中国需要怎样的知识产权战略</t>
  </si>
  <si>
    <t>进入２１世纪前后，一些国家立足于知识经济、信息社会、可持续发展等提出了本国的知识产权战略，尤其是日本２００２年出台的知识产权战略大纲及２００３年成立的国家知识产权本部在很大程度上是针对我国的。为此，制定我国的知识产权战略已迫在眉睫。    目前，国家与省一?</t>
  </si>
  <si>
    <t>美财政赤字将推高全球利率</t>
  </si>
  <si>
    <t>本报讯  国际货币基金组织（ＩＭＦ）１４日发表分析报告称，美国巨额财政赤字将推高全球利率，进而威胁全球经济增长。    ２０００年至今是过去５０年美国财政赤字增长最快的时期。布什政府预计，今年美国财政赤字将达到创记录的５２１０亿美元。造成美国财政赤字屡创新高?</t>
  </si>
  <si>
    <t>欧洲隧道公司改姓“法”</t>
  </si>
  <si>
    <t>由于深陷债务危机，又得不到英法两国政府援助，欧洲隧道公司本月初上演了戏剧性的“起义”。法国小股东召集股东大会，弹劾原有英国人领导的公司高层，并取得胜利，形成了法国人为主的董事会及公司管理层。横跨英吉利海峡的欧洲隧道终于落入法国人囊中。    世界上最大的私?</t>
  </si>
  <si>
    <t>新疆农民出国种番茄</t>
  </si>
  <si>
    <t>本报讯  新疆昌吉回族自治州的５８名农民，在自治州劳动力转移领导小组的组织下，本月初开始陆续从乌鲁木齐登机飞往吉尔吉斯斯坦的比什凯克。作为农业技术员，他们将在那里每人承包７５亩土地，雇佣当地工人种植番茄。    这是当地政府第二次组织农民出国种植番茄。昌吉回?</t>
  </si>
  <si>
    <t>美国直销业动摇商场地位</t>
  </si>
  <si>
    <t>美国企业为了追求效益，不惜裁减冗员和削减中间环节。在商品销售领域中，为减少商品销售的中间环节，直销业近年来在美国有了长足发展，直销额每年已达到２万多亿美元，而且还将以年８．５％的速度继续增长。    直销业如此迅猛的发展势头，使人不得不发出疑问：美国最终会?</t>
  </si>
  <si>
    <t>亚裔美国人财富迅速增加</t>
  </si>
  <si>
    <t>本报讯  美国芝加哥的市场调查公司ＳＰＥＣＴＲＥＭ集团公司最近发表调查报告说，在过去一年里，亚裔美国人的财富迅速增加，亚裔富人的人数也直线上升。    报告显示，２００３年，亚裔在美国的富裕家庭中所占的比例为５％；而２００２年，这个比例还不到１％。这里所说的?</t>
  </si>
  <si>
    <t>人质事件短期影响日本经济</t>
  </si>
  <si>
    <t>受美国就业市场正在好转的证据提振，纽约美元周四在周末复活节长假前全线上涨。不过盘中交投相当淡静，夸大了美元涨势。    大多数市场人士都认为伊拉克人质事件在短期内将对日本金融市场带来不利影响。由于这一事件导致人们对有关日本在地缘政治上面临的风险少于美国或欧?</t>
  </si>
  <si>
    <t>“戴尔模式”在多元化路上能走多远</t>
  </si>
  <si>
    <t>戴尔电脑公司年仅３９岁的董事长迈克尔·戴尔，他所拥有的公司年营销额高达４１４亿美元，个人财产也高达１７０多亿美元，是排在世界富豪榜前列的人。    ２０００年以来，美国以计算机和网络产业为特征的ＩＴ行业滑入低谷，各大电脑公司的销售都陷入困境，惟独戴尔公司一?</t>
  </si>
  <si>
    <t>法国雅高成为旅馆业全球第二</t>
  </si>
  <si>
    <t>创建于１９６７年的法国雅高旅馆业集团，经过３０多年的努力，现已打造成为欧洲第一大、世界第二大旅馆经营集团，成为法国旅游领域最大的跨国公司。    记者慕名采访了该集团在巴黎的总部，参观了该集团设在巴黎的培训中心，并跟集团旅馆开发和战略部总经理克利斯蒂安进行?</t>
  </si>
  <si>
    <t>银行不良资产证券化破题</t>
  </si>
  <si>
    <t>本报讯  ８日，中国工商银行在京分别与瑞士信贷第一波士顿、中信证券股份有限公司和中诚信托投资有限责任公司签署了工行宁波市分行不良资产证券化项目相关协议。至此，中国工商银行宁波市分行不良资产证券化项目的前期准备工作全部完成，该行证券化产品的销售路演正式启动。$</t>
  </si>
  <si>
    <t>美国“被动”向国际会计准则靠拢</t>
  </si>
  <si>
    <t>本报讯  美国财务会计准则委员会（ＦＡＳＢ）日前提出一项提案，要求美国上市公司把发放给员工的股票期权计入补偿费用，显示出美国会计准则制定方向进一步向国际会计准则“被动”靠拢。    提案要求美国上市公司将今年１２月１５日以后派发的期权按照“合适的价格”计入财?</t>
  </si>
  <si>
    <t>环保材料成为日本室内装修新宠</t>
  </si>
  <si>
    <t>近年来，许多以硅藻土为原料的新型室内装修材料，在日本的家装市场上越来越受到广大消费者的青睐，成了室内装修的新宠。    硅藻土室内装修材料是一种天然装修材料，不含有害化学物质，除了具有不燃、隔音、防水、比重轻以及很强的隔热性之外，还有具有除湿、除臭、净化室?</t>
  </si>
  <si>
    <t>瑞典 房价虽高房子不贵</t>
  </si>
  <si>
    <t>成天埋怨北京房价比天高的人，到了瑞典首都斯德哥尔摩似乎能平静很多。在这个有“水美人”之称的北欧名城市区买一套公寓，平均每平方米的价格为３０９６６克朗。    咋一看，这个房价是北京房价的数倍。但瑞典上班族的平均月工资基本都在２万克朗以上。从人均收入和实际房?</t>
  </si>
  <si>
    <t>英国将迎来建房高潮</t>
  </si>
  <si>
    <t>近几年来，房地产业一直是带动英国经济在全球经济减速过程中保持较稳定增长的重要因素，但其强劲的价格升势也一直为英国政府和中央银行所密切关注，经济专家们因唯恐房地产泡沫破裂更是显得惴惴不安。    形成这种局面的主要原因是民用住宅供不应求。为了解决这个问题，英?</t>
  </si>
  <si>
    <t>中日韩联手开源软件  首款产品将于5月发布</t>
  </si>
  <si>
    <t>４月３日，由中国信息产业部、日本经济产业省、总务省和韩国情报通信部联合主办的首届中日韩三国ＩＴ局长ＯＳＳ（开放源代码软件）会议在北京召开。会议上，来自三个国家的有关政府官员、协会代表以及相关企业代表，重点讨论了三国如何加强在以Ｌｉｎｕｘ操作系统为代表的开?</t>
  </si>
  <si>
    <t>垃圾邮件泛滥成灾 通力合作根除有望</t>
  </si>
  <si>
    <t>不知是否巧合，在这个万物复苏的春天，垃圾邮件也明显的多了起来，以至于很多人见面的第一句话已经悄悄的变成了“今天，你收到垃圾邮件了吗？”最近上网又看到了这么一个估算：垃圾邮件每年给全球网民带来大约８０亿到１００亿的损失，这些白白流走的财富足以重建美国世贸中?</t>
  </si>
  <si>
    <t>金蝶拉开管理信息化高峰序幕</t>
  </si>
  <si>
    <t>中国经济近２５年的发展史，正是中国企业不断壮大、快速成长的历史。有人说中国企业用２－３年的时间走完了西方企业５－７年所走的路。如何实现快速成长已经成为管理软件业面临的课题。３月２６日，金蝶国际汇同德勤、ＩＤＣ数据公司、通用咨询等资深专家，在北京揭开了“中?</t>
  </si>
  <si>
    <t>新版车贷险在浙江“冷场”</t>
  </si>
  <si>
    <t>本报杭州电  旧版车贷险４月１日彻底退出浙江保险市场，４月２日本来是新版车贷险“履新”的日子，但记者从浙江省保监局了解到，目前为止省内还没有一家公司的新版车贷险在该局报备。消费者曾经热衷的车贷险在浙江出现了无人接班的局面。    据有关统计数据，去年各财险公?</t>
  </si>
  <si>
    <t>组织工程研究首次用于临床</t>
  </si>
  <si>
    <t>组织工程技术因为在修复组织、器官缺损方面有着广阔的前景，日益走到整形外科领域技术创新的前沿。日前，上海组织工程研究与开发中心，在世界上第一次把组织工程化人体骨用于临床。    组织工程创始人——美国哈佛大学著名科学家瓦康迪教授感慨地说：“在我有生之年终于看?</t>
  </si>
  <si>
    <t>入侵生物防御体系亟待建立</t>
  </si>
  <si>
    <t>我国加入世贸组织后，外来物种入侵的机会随着国际贸易的增长而加大，防控外来物种入侵的形势越来越严峻。有关专家指出，建立健全全方位的入侵生物防御体系迫在眉睫。    ２００３年初，国家环境保护总局与中国科学院联合公布了《中国第一批外来入侵物种名单》，将１６种造?</t>
  </si>
  <si>
    <t>海内外营销大师为中国服装业出谋划策</t>
  </si>
  <si>
    <t>本报讯  在日前于北京召开的中国服装论坛上，来自美、法、日、韩等国的营销大师与中国服装界精英共同探讨服装“商道”。    正在北京举办的中国服装服饰博览会盛况空前。参展、营销的同时，高水平的２００４中国服装论坛格外引人瞩目。在３月３１日召开的论坛上，美国最大?</t>
  </si>
  <si>
    <t>美国的人才战略管窥</t>
  </si>
  <si>
    <t>美国是世界上公认的经济发展较快的国家之一，这主要得益于多年来美国十分注重对人力资本的开发。特别是进入上个世纪８０年代中期以来，随着高科技的迅猛发展，美国在感受到人才危机的同时，大力实施人才战略，在培养人才、吸引人才、争夺人才、使用人才等诸多环节都采取了一?</t>
  </si>
  <si>
    <t>我国留学生教育发展潜力巨大</t>
  </si>
  <si>
    <t>本报讯  教育部副部长章新胜３月１８日在此间举行的一个新闻发布会上表示，尽管目前来华留学生人数和规模不断增加，然而与世界上留学生教育发达国家相比，还有很大发展空间。    数据表明：２００２年美国接受外国留学生达５８万人；英国接受学历生２４．３万人，语言生７?</t>
  </si>
  <si>
    <t>中法合作培养成国际高级时尚职业模特</t>
  </si>
  <si>
    <t>本报讯  ３月１４日，在经常举办时尚艺术活动的北京国际艺苑皇冠假日酒店，来自世界时尚之都巴黎的法国国际时尚学院的院长黛拉德女士宣布，由北京涉外经济学院和法国国际时尚学院合作创办的北京中法国际时尚学院——高级时尚模特项目正式启动，全面培养时尚高雅且具有国际水?</t>
  </si>
  <si>
    <t>聚焦欧罗巴：康辉锁定老年市场</t>
  </si>
  <si>
    <t>本报讯  中国康辉旅行社把欧洲首航团的客源目标定位在了北京的老年市场。康辉市场营销公司总经理贾艺苑认为，中国已经进入了老龄化社会，老年人有充裕的旅游时间，有很强的旅游欲望，也有相当的旅游消费能力，是一个很大的市场，关键是要有适销对路的产品。    为摸清老年?</t>
  </si>
  <si>
    <t>欧盟推广海上风能发电好处多</t>
  </si>
  <si>
    <t>本报讯  据英国《金融时报》报道，“绿色和平”组织在一份最新发表的报告中指出，由英国发起的利用海上风能发电建议得到欧盟各国肯定，到２０２０年欧盟几乎１／３的电力需求将通过海上风力发电供应。    由国际能源专家参与拟定的这份报告指出，如果欧盟国家使风能发电厂?</t>
  </si>
  <si>
    <t>汽车召回的“国际标准”与“中国特色”</t>
  </si>
  <si>
    <t>历经四年、十次研讨的《缺陷汽车产品召回管理规定》（以下简称《规定》）终于在今年的３·１５消费者权益日发布，并从１０月１日起实施。这是我国以缺陷汽车产品为试点首次实施召回制度。    汽车召回在美国、欧洲、日本、韩国等国家早已不是一件新鲜事儿。他们在避免因汽?</t>
  </si>
  <si>
    <t>世界各国的“百万太阳能屋顶计划”</t>
  </si>
  <si>
    <t>本报北京电  目前世界各国对太阳能产业采取了诸多政策鼓励措施，实施了各种长期的政府计划。    英国政府实施的百万“绿色住宅”建筑计划，主要通过税收优惠政策鼓励居民在１０年内建设１００万栋“绿色住宅”。“绿色住宅”计划鼓励居民采用环保技术建造或装修房屋，建设?</t>
  </si>
  <si>
    <t>美国研制出污水发电机</t>
  </si>
  <si>
    <t>本报讯  美国科学家最近发明出一种利用生活污水发电的设备，它不仅能发电，还可以分解污水中有害的有机物质，节省能源，有利环保。科学家说，利用这种污水发电机，将会有那么一天，能使从马桶冲下去的秽物成为你家中照明用电的来源。    据英国《新科学家》网站报道，这种?</t>
  </si>
  <si>
    <t>日本制成能发电的窗玻璃</t>
  </si>
  <si>
    <t>本报讯  日本产业技术综合研究所日前研制成功一种透明型的太阳能电池，用专门技术将其粘贴在玻璃上，使窗玻璃能产生电能。    目前，已普及的硅太阳能电池由于吸收的是太阳光中的所有光线，故呈黑色；而新近开发的透明型太阳能电池却仅仅靠吸收太阳光中的紫外线来发电，故?</t>
  </si>
  <si>
    <t>中国人寿股价黯然下跌</t>
  </si>
  <si>
    <t>本报讯  中国人寿在美国遭遇集团诉讼的消息传出后，其在美国和香港的股价都有下跌。在纽约，中国人寿当地时间１８日收盘时下跌５．４９％，收于２５．３３美元；在香港，中国人寿１９日收盘时下跌２％，报收于４．９０港元。    中国人寿保险股份有限公司有关人士表示，目?</t>
  </si>
  <si>
    <t>欧洲中小企业贷款难</t>
  </si>
  <si>
    <t>本报讯  欧洲央行日前公布的一份报告显示，尽管近来大多数欧洲公司信用有所改善，但欧洲银行却为中小企业贷款设立了更高的“门槛”。一些经济学家指出，欧洲银行借贷政策过于谨慎，导致中小企业融资无门，将对整个欧元区的经济复苏起到迟滞作用。    据美国《商业周刊》报?</t>
  </si>
  <si>
    <t>3G发展回暖 阚凯力再泼冷水</t>
  </si>
  <si>
    <t>３月１８日，３Ｇ（第三代移动通信）与中国经济高峰论坛在北京召开。来自摩托罗拉、诺基亚、爱立信等设备制造商的代表，以及国内相关领域的专家在论坛上发表了各自对３Ｇ发展的看法。与以往情况不同，随着今年欧洲３Ｇ商用的全面启动，国内对３Ｇ发展的态度逐渐乐观，除了设?</t>
  </si>
  <si>
    <t>“10+1”：零距离的商机</t>
  </si>
  <si>
    <t>我国参与区域经济一体化的进程今年迈入了更具实质性操作意义的新阶段。今年开始，中国和东盟对“早期收获”项下的几百项农产品实施关税下调，一个拥有１７亿消费者的自由贸易大市场商机显露。    与此同时，旨在促进贸易和投资便利化，推动区域经济合作的其他相关措施也在?</t>
  </si>
  <si>
    <t>新加坡欲做亚洲教育输出大国</t>
  </si>
  <si>
    <t>利用丰富的ＥＭＢＡ教育资源，世界花园城市新加坡有望成为亚洲的教育输出大国。    自２００２年１０月中国教育部门正式批准全国３０家高校开展ＥＭＢＡ学位教育以来，ＥＭＢＡ的天价学费就让社会各界褒贬不一，一些中外合作项目收费高达４．２万美元，不少学校的ＥＭＢＡ?</t>
  </si>
  <si>
    <t>湖北渐成台商投资热点</t>
  </si>
  <si>
    <t>本报讯  位于武汉市吴家山海峡两岸科技产业园的武汉统一公司，今年将增资１．５亿元提高生产能力。湖北省台湾事务办公室经济处副处长邢军志说：“这几年湖北台资企业的发展状况非常好，很多大企业来此新落户或增资扩产。”    湖北省目前已聚集了１６６８家台资企业，投资?</t>
  </si>
  <si>
    <t>精密陶瓷：日本京瓷带来的震撼</t>
  </si>
  <si>
    <t>在日本京瓷公司鹿儿岛国分工厂的机械部件制造车间，家用陶瓷刀具的生产工序引起了参观者的浓厚兴趣。只见一名操作工人将一捧白色粉末状的物质到入模型内，经过冲压，一把雪白的陶瓷菜刀就展现在眼前。这种用精密陶瓷制成的菜刀具有防锈、耐磨、抗酸碱等特性，并且能长久保持?</t>
  </si>
  <si>
    <t>美国房地产业注重有形资产</t>
  </si>
  <si>
    <t>美国《华尔街日报》日前刊登题为“更多电线、更多品牌、更多业主”的文章，认为房地产业应注重塑造自己的品牌形象。报道称，商业房地产和人们的距离更近了。这个行业开始把目光聚焦于租户、游客和小投资者等普通消费者的想法和需求。    越来越多的房地产业主意欲开发更具?</t>
  </si>
  <si>
    <t>海尔以自有品牌出口电脑</t>
  </si>
  <si>
    <t>本报讯  标有“海尔”品牌标志的５５００台笔记本和台式电脑，在今年２月登陆法国市场。这是我国企业首次利用自有品牌出口电脑，开创了国内品牌电脑走向国际市场的先河。    我国虽然是电脑生产制造和出口大国，但过去出口的大多数是零部件，电脑整机出口也是给国外的跨国?</t>
  </si>
  <si>
    <t>就业保护：大选年的美国热点</t>
  </si>
  <si>
    <t>美国的就业问题现在就象一个引信烧得滋滋作响的火药桶。    美国总统经济顾问委员会主席格雷戈里·曼基夫最近公开发表谈话，称美国服务业工作岗位向国外转移有利于美国经济。此言一出，众议院共和党发言人丹尼斯和民主党议员马上“炮轰”格雷戈里，甚至有共和党议员要求他?</t>
  </si>
  <si>
    <t>国际知名城市缘何一路畅通</t>
  </si>
  <si>
    <t>新加坡    新加坡是世界上汽车密度最大的国家之一，每公里道路拥有汽车８１辆，而日本和英国分别只有４３辆和２７辆。然而，新加坡交通秩序井然，汽车畅通无阻，空气污染甚轻。新加坡是靠什么取得了这一奇迹呢？    ——划定限制区。在新加坡的不少道路都有“限制区”的?</t>
  </si>
  <si>
    <t>伦敦证交所向中国企业“招手”</t>
  </si>
  <si>
    <t>本报讯  英国伦敦证券交易所最近宣布在中国香港特区设立亚太办事处，以吸引更多中国企业到伦敦股市上市。    伦敦证交所首席执行官高磊雅最近谈到，作为世界上经济增长速度最快的大国，中国将成为伦敦证交所业务的一个核心市场。同样，作为全球最重要的直接融资场所之一，?</t>
  </si>
  <si>
    <t>三星业务重点转向液晶面板</t>
  </si>
  <si>
    <t>本报讯  日本索尼和韩国三星电子日前签订合资生产第七代液晶面板（ＬＣＤ）的协议，双方共投资２．１万亿韩元 约合１７．８亿美元 ，各拥有５０％的股权。此举表明，三星的业务重点转向前景看好的液晶面板行业。    索尼与三星电子早在２００３年１０月２８日就签订了合作?</t>
  </si>
  <si>
    <t>卢强：以就业为导向促进我国高教改革与发展</t>
  </si>
  <si>
    <t>全国政协委员卢强代表民盟中央发言时指出：近几年，我国高等教育快速发展，去年的毛入学率超过了１７％，反映出我国已开始进入高等教育大众化阶段。但因入口扩大，出口不畅，高校毕业生的就业压力随之增加。今年全国将有高校毕业生２８０万人，比去年净增６８万人，增幅达３?</t>
  </si>
  <si>
    <t>菲律宾：房地产业走出萧条</t>
  </si>
  <si>
    <t>在１９９７年亚洲金融危机中首当其冲的菲律宾房地产业目前可以说已走出低谷，迎来复苏的春天。随着金融机构降低贷款利率，放松对住房贷款的政策，私有建筑业已连续３年出现复苏迹象，且复苏步伐加快，人们对住宅和房地产的需求也在回升。    菲律宾国家经济与发展署在其公?</t>
  </si>
  <si>
    <t>中国能源短缺对世界是机会不是威胁</t>
  </si>
  <si>
    <t>据国际能源署于去年岁末公布的最新数据，中国石油需求增长迅猛，预计２００４年将取代日本成为仅次于美国的世界第二大石油消费国；而且随着中国石油消费对外依存度的不断提高，中国的能源消费已由过去主要依赖国内资源，转向依赖国际资源。国际能源署前署长罗勃特·普瑞多说?</t>
  </si>
  <si>
    <t>清华同方以BOT方式开拓水务</t>
  </si>
  <si>
    <t>本报讯  清华同方和哈尔滨市政府３月３日在北京举行合同签约仪式，此举不仅标志着日处理３２．５万吨的哈尔滨市太平污水处理厂项目的招标工作落下帷幕，而且宣告了国内著名高科技企业清华同方股份有限公司和北美环境技术有限公司组成的联合体在国内外众多知名水务公司的角逐?</t>
  </si>
  <si>
    <t>海信参与开发美国数字电视市场</t>
  </si>
  <si>
    <t>本报讯  新年刚过，１万台海信数字电视驶上了开往美国的航程。今年初海信在美国拉斯维加斯家电展上与美国专业的数字电视运营商ＵＳＤＴＶ公司签署合作协议，共同开发美国数字电视市场，这为中国彩电今年来首次大批量出口美国开启了大门。    根据双方签订的协议，合作的内?</t>
  </si>
  <si>
    <t>环保责难困扰亚洲浆纸公司</t>
  </si>
  <si>
    <t>本报讯  据《华尔街日报》报道，印尼亚洲浆纸业有限公司可能因过度消耗木材资源等问题面临消费者的联合抵制行动，使其涉及１３９亿美元的债务重组计划受到威胁。    亚洲浆纸公司是全球第十大造纸公司，一直因不注重环境保护而饱受责难。世界自然保护基金会日前表示，如果?</t>
  </si>
  <si>
    <t>“TCL-汤姆逊”号航母即将启航</t>
  </si>
  <si>
    <t>２月１５日至１８日，ＴＣＬ集团多媒体事业本部及海外事业本部年会在深圳举行。与此同时，法国汤姆逊公司全球营销大会也选在了深圳。汤姆逊首次将如此高规格的大会移师中国召开，会议期间双方高层频频碰头，显然不是巧合。再过几个月，确切地说是２００４年７月１日，ＴＣＬ?</t>
  </si>
  <si>
    <t>“贸易壁垒调查第一案”申请启动</t>
  </si>
  <si>
    <t>由国内产业提出申请的第一起贸易壁垒调查案日前产生：针对日本政府多年来通过进口配额、批准及原产地限制措施，只对韩国紫菜开放市场、不让中国紫菜进入的歧视性做法，江苏省紫菜协会代表其下属１０７个会员，向商务部公平贸易局提出申请，请求调查并认定日本政府在紫菜进口?</t>
  </si>
  <si>
    <t>中国需要竞争性能源市场</t>
  </si>
  <si>
    <t>罗勃特·普瑞多，国际著名能源问题专家。１９７４－１９８５年，供职英国能源部，制定开发英国北海大陆架油气资源的政策，使英国成为西欧的油气生产大国；负责创立英国国家石油公司，并帮助英国成功应对上世纪七八十年代发生的石油危机；他还与撒切尔夫人一道解决了英国１９?</t>
  </si>
  <si>
    <t>我国核工业战略定位亟待提升</t>
  </si>
  <si>
    <t>■陈淮，１９８７年获中国人民大学博士学位，１９９３年获研究员职称，为国家级有特殊贡献专家，现任国务院发展研究中心市场研究所副所长，中国人民大学博士生导师；曾于１９８７年至１９８９在日本东海大学作访问学者，１９９２年至１９９３年在美国斯坦福大学作客座研究员?</t>
  </si>
  <si>
    <t>新型油吸附材料</t>
  </si>
  <si>
    <t>本报莫斯科电  哈萨克斯坦专家最近开发出一种有磁性、重量轻的新型油吸附材料，该材料能有效清除泄漏在水中的石油，而且易于回收利用。    据俄罗斯《科学信息》杂志报道，新型油吸附材料由哈萨克斯坦燃烧问题研究所开发而成。他们利用每分钟１２００转的粉碎机将石英沙磨?</t>
  </si>
  <si>
    <t>二氧化碳注入法挤出石油</t>
  </si>
  <si>
    <t>本报巴黎电  为减少向大气中排放二氧化碳、抑制温室效应，法国科研人员日前提出一种一举两得的新方法：将二氧化碳“埋”入地下，并用这些气体把地层深处的石油“挤”出来。    法国燃气集团日前宣布，他们将于今年４月在挪威海域的一个油气田试验将二氧化碳“埋”入地下。?</t>
  </si>
  <si>
    <t>花旗收购韩美将促韩国金融业调整</t>
  </si>
  <si>
    <t>２０日，世界银行业巨头——美国花旗银行与股东达成协议，收购韩国韩美银行价值１．５万亿韩元（１美元约合１１６７韩元）的股权。花旗银行将成为第一家获得韩国商业银行控股权和经营权的外国金融机构。花旗银行的收购行动将对韩国金融业的调整产生重要影响。     韩美银行</t>
  </si>
  <si>
    <t>纳米研究热点转向医学领域</t>
  </si>
  <si>
    <t>本报西雅图专电  来自美国各地的纳米技术科学家最近几天相聚美国科学年会，报告最新研究成果，探讨未来发展趋势。专家们说，美国纳米技术的研究热点正由半导体芯片领域转向医学领域，纳米医学技术已经被列入美国的优先科研计划。    在于１２日到１６日举行的本次科学年会?</t>
  </si>
  <si>
    <t>日本农村富余劳动力转移的经验与教训</t>
  </si>
  <si>
    <t>解决“三农”问题，必须要解决好农村富余劳动力的转移问题，要救农民，必须要“消灭”农民。日本已经走完了转移农村富余劳动力的道路，积累了许多经验，也留下了深刻教训。    战后初期，大量复员军人、海外撤离以及城市疏散人员的返乡，致使农村人口急剧膨胀。１９４７年?</t>
  </si>
  <si>
    <t>缺水，中国能否说不</t>
  </si>
  <si>
    <t>■编者按：作为与人类生存关系最密切的要素之一，水的话题从来都不轻松。国内外一致认为，水资源短缺是我国可持续发展的严重障碍。美国世界观察研究所所长布朗、兰德公司高级经济顾问沃尔夫先后提出，中国存在严重的粮食安全和水安全问题，水资源短缺和污染是中国经济发展八?</t>
  </si>
  <si>
    <t>天然气价格高企迫美公司减员外迁</t>
  </si>
  <si>
    <t>本报讯  据《华尔街日报》报道，天然气价格一路走高加重了美国诸多行业的成本负担，迫使很多公司改变运营方式，有的甚至将部分业务转移至能源价格较低的其他国家或地区。    过去几十年中，美国天然气供应充裕且价格便宜，但在过去４年中出现两次大幅飙升。目前美国天然气?</t>
  </si>
  <si>
    <t>在美国商场寻找中国家电</t>
  </si>
  <si>
    <t>在刚刚结束的２００４年拉斯维加斯消费电子展（２００４ＣＥＳ）上，海尔、康佳、ＴＣＬ和长虹等中国大家电厂商以空前的参展规模、亮丽的展台布置、大量的优质产品，向来自日本、韩国和欧洲的家电巨头展示了自己的实力，向１１万名来自世界各国的家电爱好者打出了自己的品牌?</t>
  </si>
  <si>
    <t>日本着手减少手机垃圾短信</t>
  </si>
  <si>
    <t>近年来，日本手机短信垃圾问题越来越严重，困扰着众多的手机用户。据日本有关部门的调查，日本每个手机用户平均每天接到１０个手机短信，但至少有四五个是毫无价值的垃圾短信。    据了解，日本的手机垃圾短信主要有以下几个方面：用户不需要的商品广告、色情中介、恶意骚?</t>
  </si>
  <si>
    <t>战略投资者不买“核心资产”的账</t>
  </si>
  <si>
    <t>全球第三大石油公司ＢＰ（英国石油）在一个月的时间内，先后沽售其所持中石油（０８５７．ＨＫ）和中石化（０３８６．ＨＫ）的股份，此事对国内股市的“核心资产”概念是一个极大的打击。    ＢＰ公司是２０００年初和同年１０月中石油和中石化股票在国际市场发行上市时分?</t>
  </si>
  <si>
    <t>钢铁原材料涨价威胁全球经济</t>
  </si>
  <si>
    <t>本报讯  据《华尔街日报》报道，澳大利亚麦格理银行称，全球钢铁原材料价格猛涨已经转化为恐慌，如果形势继续恶化，将威胁中国乃至全球经济增长。    该银行的金属和矿业研究部门在日前发表的分析报告中称，许多市场已经产生恐慌，目前价格处于几个月前想象不到的水平，焦?</t>
  </si>
  <si>
    <t>委内瑞拉用市场调整内外债务</t>
  </si>
  <si>
    <t>本报加拉加斯专电  委内瑞拉政府日前决定利用国际资本市场对委重新开放的有利时机，实施债务结构调整新战略，以便用发行成本相对较低的外债来取代部分代价昂贵的内债。    至２００３年底，委内瑞拉外债总额达２２５亿美元，占其国内生产总值的２３％，在拉美地区为负债比?</t>
  </si>
  <si>
    <t>李东生：描龙画虎向世界</t>
  </si>
  <si>
    <t>尽管中国经济已持续活跃了多年，尽管中国企业家群体也算得上星光灿烂。但《财富》杂志还是迟至今年２月，才第一次将“亚洲年度经济人物”的殊荣，授予了一位中国大陆企业家——ＴＣＬ集团股份有限公司董事长兼总裁、差几个月才４７岁的李东生。    应该说，《财富》杂志的?</t>
  </si>
  <si>
    <t>美风险投资过剩难以消化</t>
  </si>
  <si>
    <t>本报讯  据英国《金融时报》报道，美国风险投资协会前不久公布的最新数据显示，去年第四季度美国风险投资逾５０亿美元，自网络泡沫破灭以来首度出现融资量超过同期对初创企业投资额，表明消化这些过剩资本的难度极大。    去年第四季度，美国风险投资总额几乎相当于前三个?</t>
  </si>
  <si>
    <t>迪斯尼最近比较烦</t>
  </si>
  <si>
    <t>美国最大有线电视运营商科姆卡斯特公司（ＣＯＭＣＡＳＴ）１１日提出，他们准备投巨资收购美国娱乐业巨头迪斯尼公司。迪斯尼公司随后发表声明说，公司董事会将会认真评估科姆卡斯特公司的并购建议。    当天早些时候，科姆卡斯特公司首席执行官布赖恩·罗伯茨在纽约突然宣?</t>
  </si>
  <si>
    <t>消费电子：拉斯维加斯影响世界</t>
  </si>
  <si>
    <t>$F从CES寻找消费电子灵感$E２００４年国际消费电子展最近在美国拉斯维加斯落下帷幕。来自世界各国的主要消费电子厂商在这次有史以来规模最大的消费电子展上，展出了自己最新研发的产品。从这些展品来看，以电视机为主的显示屏正在迅速朝超薄、超大、数字和３</t>
  </si>
  <si>
    <t>全球消费电子齐拜CES石榴裙</t>
  </si>
  <si>
    <t>每年的１月，美国的“赌城”拉斯维加斯都敞开怀抱，迎接来自世界各地的消费电子巨子和在这个行业中奔波的“淘金者”。这个世界上最大的国际消费电子展会的每一次破纪录的火爆上演，都让展会的主办者——美国消费电子协会（ＣＥＡ）赚了个盆满钵溢，就连位于美国硅谷的国际半?</t>
  </si>
  <si>
    <t>我农产品企业首次“告倒”美国商务部</t>
  </si>
  <si>
    <t>记者１１日从中国食品土畜进出口商会获悉，在美国国际贸易法院推翻美国商务部在中国苹果汁反倾销案中的不公正裁决后，美国商务部已于９日签署了反倾销修正令。根据修正令，我１０家应诉企业６家获零税率，４家获３．８３％的加权平均税率，未应诉企业税率一律为５１．７４％?</t>
  </si>
  <si>
    <t>最有“钱”途的汽车服务</t>
  </si>
  <si>
    <t>有数据显示，目前汽车服务业的利润率平均高达３０％至４０％。尤其是一些护理用品和汽车音响，利润更是惊人。    那么，加盟汽车服务，选择什么项目呢？    社区移动洗车房    西方发达国家的洗车房采取的是社区化服务。我国社区移动洗车房尚未大规模普及，从净化环境?</t>
  </si>
  <si>
    <t>美音乐零售业巨头申请破产</t>
  </si>
  <si>
    <t>本报洛杉矶电  作为美国传统音乐零售业在面临数字音乐竞争和大型超市廉价攻势下日益衰落的一个最新例证，美音乐零售业巨头宝塔唱片公司因不堪债务重负而于９日向破产法院申请破产。    总部设在加利福尼亚州西萨克拉门托的宝塔唱片公司表示，它因为无力支付在１９９８年发?</t>
  </si>
  <si>
    <t>日本大做能源使用效率文章</t>
  </si>
  <si>
    <t>日本是一个能源匮乏的国家，几乎所有的石油、天然气和煤炭等能源都依赖进口。为此，日本政府一直十分重视节约能源，并通过立法促使企业提高能源使用效率。    日本早在１９７２年就设立了日本热能源技术协会，并于１９７８年成立了“节能中心”，全面协调和指导国民和企业?</t>
  </si>
  <si>
    <t>G7会议就美元汇率问题达成妥协</t>
  </si>
  <si>
    <t>本报讯  为期两天的七国集团财长和央行行长会议７日在美国佛罗里达州博卡拉顿闭幕，与会各方就美元汇率问题达成妥协。一些货币专家认为，会后发表的联合公报对外汇市场影响非常有限，同时预示欧洲干预外汇市场的可能性大增。    此次发表的公报可谓兼顾了多方利益，既保留?</t>
  </si>
  <si>
    <t>美通讯公司外包业务渐成趋势</t>
  </si>
  <si>
    <t>本报讯  据《华尔街日报》报道，美国著名通讯公司斯普林特准备将其无线客户服务业务外包给ＩＢＭ公司。分析人士指出，类似这样的外包合同将在美国越来越多。    报道称，按照双方即将达成的协议，ＩＢＭ将获得斯普林特公司无线客户服务业务，还将接管与之相关的５０００到?</t>
  </si>
  <si>
    <t>诺基亚全球手机市场占有率超38%</t>
  </si>
  <si>
    <t>本报斯德哥尔摩电  芬兰诺基亚集团近日公布的２００３年第４季度和全年的业绩显示，２００３年诺基亚手机销量创历年记录，比上年增长了１８％，达到了１．７９３亿部，目前的市场占有率已超过了３８％。    诺基亚董事长兼首席执行官约玛·奥利拉说，２００３年诺基亚在三?</t>
  </si>
  <si>
    <t>乔布斯：想吃新苹果</t>
  </si>
  <si>
    <t>就像Ｍａｃ改变了电脑世界一样，苹果公司推出的ｉＰｏｄ正在改变音乐世界。美国《商业周刊》日前撰文指出，如果史迪文·乔布斯出牌正确的话，那么苹果公司将告别在电脑世界的尴尬，转而成为数字娱乐世界的巨人。    抢先机  ｉＰｏｄ横空出世    ２００４年１月６日，旧?</t>
  </si>
  <si>
    <t>撑起厦门“半边天”</t>
  </si>
  <si>
    <t>１９８０年１０月，经国务院批准，在湖里２．５平方公里的土地上设立了厦门经济特区，后来，厦门经济特区的范围扩大到厦门全岛。在厦门市重新调整区划和规划海湾型城市定位之际，记者走访了厦门市湖里区区委书记何清秋。    何清秋介绍说，经过２０年的发展，湖里区在厦门?</t>
  </si>
  <si>
    <t>全球手机巨头座次排定</t>
  </si>
  <si>
    <t>本报讯  英国战略分析公司公布的报告显示，受手机降价及世界经济向好影响，２００３年全球手机发货量上升２０％，达到创纪录的５．１６亿部。    根据战略分析公司的数据，芬兰诺基亚公司继续占据全球手机销售排行榜榜首，发货量是摩托罗拉公司的２．４倍。２００３年诺基?</t>
  </si>
  <si>
    <t>美电池生产商欲在中国建基地</t>
  </si>
  <si>
    <t>本报杭州电  世界著名电池制造商美国雷诺威公司近日与宁波豹王电池有限公司签署参股控股协议。新公司由雷诺威控股８５％并将其打造成为亚洲最大的生产基地。    已有近百年历史的美国雷诺威（Ｒａｙｏｖａｃ）公司是一家国际性上市公司，总部和技术中心设在美国麦迪逊市，?</t>
  </si>
  <si>
    <t>BBC遭遇历史上最大危机</t>
  </si>
  <si>
    <t>英国原高级法官赫顿公布的伊拉克战争“情报门”事件受害者凯利自杀案调查报告，判定ＢＢＣ（英国广播公司）关于政府为赢得民众支持对伊开战而蓄意渲染大规模杀伤性武器威胁的报道“没有根据”。这不仅为政府彻底开脱了责任，也使历史悠久、声明远播的ＢＢＣ陷入有史以来的最?</t>
  </si>
  <si>
    <t>印度欲当软件老大</t>
  </si>
  <si>
    <t>今年１月，印度著名计算机软件公司——信息系统技术有限公司（以下称信息系统公司）以２２９０万美元的价格成功收购了一家澳大利亚软件公司——专家信息服务公司。专家信息服务公司主要提供电讯和金融业计算机软件服务，有员工３３０人，２００３年度总收入为３４６０万美元?</t>
  </si>
  <si>
    <t>氟化物开发溶液可提高视力</t>
  </si>
  <si>
    <t>本报莫斯科专电  俄罗斯科学院物理研究所专家最近利用一些有机氟化合物开发出各种溶液，可以快速提高人体各器官的工作能力，能够提神明目。试验显示，这种方法还能有效防止蚊虫叮咬。    据俄最新一期《科学信息》杂志报道，俄专家利用全氟辛烷、全氟乙烷及全氟萘烷等有机?</t>
  </si>
  <si>
    <t>德国先灵公司研制出治疗B细胞淋巴瘤新药</t>
  </si>
  <si>
    <t>本报讯  德国制药企业先灵公司开发出一种治疗中低恶度Ｂ细胞淋巴瘤的新药，能有效杀死肿瘤细胞，副作用较小。    在北京参加会议的先灵公司专家斯托克日前向记者介绍说，新药同时利用了单克隆抗体和放射线两种手段，比单独使用抗体治疗效果更好。    这种名为ＺＥＶＡＬ?</t>
  </si>
  <si>
    <t>2004：全球化进程中的中国经济</t>
  </si>
  <si>
    <t>１．出口增速将有所减缓    首先，从历史数据的周期曲线波动看，２００２和２００３年我国出口均实现了超常增长。使出口进一步增长的基数较高，特别是对主要贸易伙伴的出口增长难以继续提高。按照海关统计，１～９月份，我国对美国、日本出口分别增长２９．９％和３１．７?</t>
  </si>
  <si>
    <t>印度政府力促电影产业</t>
  </si>
  <si>
    <t>本报讯  在印度，每逢周末或是有新电影上演，电影院门前就会排起长长的队伍，每天电影院的观众超过２０００万人次。电影成为印度的重要产业，年营业额达到３５亿美元。印度政府将电影看作传播和弘扬印度文化和传统的重要工具，近年来采取了一系列优惠政策扶持电影事业。</t>
  </si>
  <si>
    <t>国产手机图谋“世界级企业”</t>
  </si>
  <si>
    <t>本报讯  近日，首批返销欧洲的波导手机在宁波正式出口，这是波导手机２００３年夺得中国市场销量第一后又一引人瞩目的举措。这批返销欧洲的手机，将以波导品牌在法国和意大利销售。据悉，２００４年波导已经确定了２００万部的海外扩张计划，而不再是以前的出口代加工。此前?</t>
  </si>
  <si>
    <t>美国风险投资恢复增长</t>
  </si>
  <si>
    <t>本报洛杉矶专电  美国风险投资在经过３年多的下跌后出现触底反弹，２００３年第四季度风险投资额达到４９亿美元，比第三季度增长１２％，创最近１８个月来的新高。    据《洛杉矶时报》２７日报道，２００３年第四季度，生物技术领域的风险投资额达到１１亿美元，连续两个?</t>
  </si>
  <si>
    <t>中国移动：坚持“服务与业务领先”</t>
  </si>
  <si>
    <t>２００３年是中国移动全面丰收的一年，中国移动服务与业务优势进一步显现，综合通信能力进一步增强，运营支撑服务进一步改善，管理水平进一步提高，在国资委开展的企业综合绩效评价中成绩名列前茅，在美国《财富》杂志世界弧强中排名大幅度上升。上升年则是中国移动发展的关?</t>
  </si>
  <si>
    <t>西部首家外资保险公司开业</t>
  </si>
  <si>
    <t>本报讯  美国利宝互助保险集团宣布，其在中国重庆开设的分公司日前正式开业，成为在西部地区开业的首家外资保险公司。    利宝集团早在１９９６年就以设立咨询代表处的方式进入中国。在中国政府颁布西部大开发战略前夕，利宝集团就申请在重庆设立保险代表处，并与重庆大学?</t>
  </si>
  <si>
    <t>美摩根大通并购第一银行</t>
  </si>
  <si>
    <t>本报讯  华尔街金融巨头摩根大通于美国东部时间１４日证实，将斥资５８０亿美元收购美国银行业排名第六的第一银行公司。并购交易完成之后，摩根大通的资产规模达到１．１万亿美元，超过美洲银行，成为仅次于花旗集团的全美第二大银行集团。    据《华尔街日报》报道，根据?</t>
  </si>
  <si>
    <t>BP意在放手与中石油竞争</t>
  </si>
  <si>
    <t>国际石油巨头ＢＰ（英国石油）本月１２日宣布出售其持有的占中石油总股本２％的股票，并于１５日完成交割。在此期间，中国三大石油公司股票在纽约、香港证券市场上纷纷下跌。    对于其出售中石油股份的原因，ＢＰ表示是因为其对中石油股份的“投资已经成功”。ＢＰ否认了?</t>
  </si>
  <si>
    <t>康师傅还是想把食品做到底</t>
  </si>
  <si>
    <t>康师傅控股有限公司近日将康师傅饮料企业作价９．５亿美元成立康师傅饮品控股公司，饮品控股公司将全资拥有原先康师傅旗下１３家饮料子公司的全部权益，由日本朝日啤酒株式会社和伊藤忠商事株式会社分别持有８０％和２０％股权的Ａ－Ｉ Ｃｈｉｎａ Ｂｒｅｗｅｒｉｒｓ Ｃｏ ?</t>
  </si>
  <si>
    <t>夏普压宝大型液晶电视</t>
  </si>
  <si>
    <t>在日本关西广报中心的安排下，外国驻日本各媒体记者３０多人不久前从东京南下日本中部的三重县，参观了日本液晶显示技术的代表性企业——夏普公司三重工厂。耳闻目睹了该公司在液晶技术方面的研究开发和生产状况，记者感到夏普公司已将经营战略的重点调整到了液晶显示技术的?</t>
  </si>
  <si>
    <t>全球媒体并购风起云涌</t>
  </si>
  <si>
    <t>据《泰晤士报》报道，意大利总统钱皮２００３年１２月１５日拒绝签署贝卢斯科尼总理支持的一项关于媒体扩张的法案。国家名义元首与政府就某项法案的矛盾如此公开化，这在意大利历史上实属罕见。此事从一个侧面反映出传媒巨头并购欲望和法规管制之间的矛盾已经到了白热化的程?</t>
  </si>
  <si>
    <t>森达悄然涉足IT热电</t>
  </si>
  <si>
    <t>本报讯  江苏森达集团建设的又一个热电厂近日奠基开工。至此，森达麾下的三个热电厂全部开工，预计今年８月建成投产，届时将实现年销售８亿元，成为新森达新一轮扩张的增长极。    “一业为主、多元扩张”是森达今后发展的方向。率先牵手意大利等世界鞋业巨头的森达，目前?</t>
  </si>
  <si>
    <t>帕玛拉特丑闻撞疼美寿险</t>
  </si>
  <si>
    <t>本报讯  帕玛拉特财务丑闻，对经历３年低迷的美国人寿保险业是一个沉重打击。    据英国《金融时报》报道，穆迪公布的数字显示，美国的人寿保险公司投资帕玛拉特发行的证券总金额达１６亿美元。其中美国ＡＦＬＡＣ保险公司对帕玛拉特的证券投资金额为４．２８亿美元，大大?</t>
  </si>
  <si>
    <t>日欧将向世贸申请对美贸易制裁</t>
  </si>
  <si>
    <t>本报讯  据英国《金融时报》报道，欧盟、日本和其他一些国家将在１２日向世界贸易组织申请对美国出口产品制裁，理由是美国不遵守世贸组织的一项裁决。    报道称，１１个美国贸易伙伴将要求世贸组织仲裁机构批准他们从１月２３日起采取报复措施。如美国提出反对意见，世贸?</t>
  </si>
  <si>
    <t>日本汽车在美“攻城掠地”</t>
  </si>
  <si>
    <t>本报讯  日本三大汽车公司２００３年在美国均创下汽车销售新记录，而美国汽车巨头在本土却全面败退。究其原因，日本公司在生产效率、成本控制、营销手段上比美国同行略胜一筹。    ２００３年，丰田汽车美国分公司在美销售增长６．３％，整车销售超过１８０万辆，创下公司?</t>
  </si>
  <si>
    <t>电脑回收越来越容易</t>
  </si>
  <si>
    <t>在假期内收到一个纯平显示器的人也许不止一个，同样，发愁如何处理旧的笨重的ＣＲＴ（阴极管）显示器的也不止一个人。对于废旧ＣＲＴ系列产品的处理是一件费事、费钱，甚至如果操作不当就违法的事情。    美国环境保护署证实废旧电脑设备在美国已经成为增长最迅速的污染问?</t>
  </si>
  <si>
    <t>南亚自由贸易区破壳在即</t>
  </si>
  <si>
    <t>本报讯  第１２届南亚区域合作联盟（南盟）首脑会议４日上午在伊斯兰堡真纳会议中心开幕。在为期３天的会议中，南盟７国领导人将重点讨论地区反恐、加强经贸合作和消除贫困等议题，并将签署一系列地区合作协议。分析人士一致认为，此届会议预示着南亚区域合作重新启动，南盟?</t>
  </si>
  <si>
    <t>Exanta药物获法国批准用于预防静脉血栓</t>
  </si>
  <si>
    <t>本报讯  据海外媒体报道，阿斯特拉捷利康公司日前在法国得到全球第一个关于Ｅｘａｎｔａ可用于预防进行髋骨或膝盖置换手术时发生的静脉血栓事件（ＶＴＥ）的批准许可。法国是欧洲对Ｅｘａｎｔａ实行“相互承认程序”的参照成员国之一。    Ｅｘａｎｔａ属于世界卫生组织新?</t>
  </si>
  <si>
    <t>日本中小企业设法留住人才</t>
  </si>
  <si>
    <t>日本约有４８４万家中小企业，约占日本企业总数的９９．７％。中小企业是日本经济的重要组成部分，维护中小企业的稳定发展直接关系到日本经济的盛衰。而留住优秀人才又是保证中小企业稳定发展的重要因素。    日本中小企业主要采用“中途录用”、“临时租借”、“产学官合?</t>
  </si>
  <si>
    <t>加强政府社会再分配职能的20条建议</t>
  </si>
  <si>
    <t>由中国（海南）改革发展研究院、挪威城市与区域发展研究所、瑞典斯德哥尔摩转轨经济研究所和德国技术合作公司共同举办的“政府转型与社会再分配”国际论坛于2005年12月10日至11日在海口举行，300多位中外官员和专家学者参加了本次论坛。本文是在该院已有研究成果的基础上，结</t>
  </si>
  <si>
    <t>“楼宇按揭”的故事</t>
  </si>
  <si>
    <t>“楼宇按揭”在中国的遍地开花才不过几年的事情，起初可能还要归因于一个中国老太太和一个美国老太太的故事。　　    说有一个美国老太太，年轻时就贷款买了一幢大房子，一直住着，同时不断地归还着贷款，等到年纪大了，死了，贷款也还清了，这样她就住了一辈子的大房子，?</t>
  </si>
  <si>
    <t>股票投资最佳指南</t>
  </si>
  <si>
    <t>美国《福布斯》杂志近日公布了2005年度400家美国最佳大公司排行榜（又称“福布斯白金级美国上市企业400强”），其中希捷科技公司荣膺“年度企业”称号。　　    《福布斯》自1999年开始此项评选活动，这一排行榜被业内人士认为是寻找股票市场潜力新星的最佳指南。由于很多?</t>
  </si>
  <si>
    <t>美国大米草祸害闽东沿海</t>
  </si>
  <si>
    <t>为了保护海堤，发展沿海养殖业，1980年地处闽东沿海的福建省宁德市从美国引进了草本植物大米草。然而，大米草引进后的迅速蔓延和疯长，不仅蚕食了闽东沿海的滩涂，造成海洋环境污染，而且导致沿海滩涂物种大量减少。有关专家认为，大米草祸害闽东沿海，宝贵的海滩成了“死地?</t>
  </si>
  <si>
    <t>普锐斯引发混合动力汽车国标之争</t>
  </si>
  <si>
    <t>12月15日，丰田PRIUS普锐斯混合动力汽车在四川一汽丰田汽车有限公司长春丰越公司正式下线上市。这辆首次在日本以外生产的混合动力车，将中国汽车拉入了混合动力时代。　　普锐斯的效应　　    在2004年9月15日之前，没有多少人相信，混合动力车离中国会有那么近。就在这?</t>
  </si>
  <si>
    <t>开放专利，让发展中国家从中也受惠</t>
  </si>
  <si>
    <t>自18世纪以来，经济学界一直以“经济人”假设为基础分析参与市场竞争的个体行为。提出这一假设的亚当·斯密认为，在经济活动中追求利益最大化的个体是自利的，因此他们不愿共享资源。美国《新闻周刊》近期的文章却指出，尽管这种“自利情结”从古至今没有改变过，但越来越多?</t>
  </si>
  <si>
    <t>西安地下股市借“海外上市”再涌暗流</t>
  </si>
  <si>
    <t>从今年年初开始，家住西安南郊某研究所的杨女士接到多家投资咨询公司的电话：“祝贺你中奖了！你现在有资格认购某高科技公司原始股，股票即将在美国上市，机会难得千万不要错过！”　　    这些公司不仅频繁打电话，还通过在小区摆摊设点、理财讲座、摸奖等形式邀请人们投?</t>
  </si>
  <si>
    <t>戴尔副总裁变身联想CEO</t>
  </si>
  <si>
    <t>12月20，联想集团突然宣布，公司首席执行官（CEO）斯蒂芬·沃德离职，由戴尔公司高级副总裁、并兼任戴尔亚太以及日本业务总裁的阿米里奥出任新CEO。由于此前没有关于有关此项人事变动征兆与传言，因此当联想正式宣布此消息时间，业内人士普遍感到吃惊。　　沃德离职的“前?</t>
  </si>
  <si>
    <t>缩小区域差距　推动均衡发展</t>
  </si>
  <si>
    <t>武汉大学经济发展研究中心、武汉大学经济与管理学院、德国杜伊斯堡大学经济与管理学院联合主办的“区域差距、经济一体化与经济发展”国际研讨会12月3日至4日在武汉大学举行。来自德国、法国、美国、俄罗斯以及香港、台湾地区和我国著名研究机构和高等院校的100多名专家学者围</t>
  </si>
  <si>
    <t>欧美从严监管证券分析师</t>
  </si>
  <si>
    <t>英国《经济学家》日前载文称，今年欧美股市涨势不错，投资者信心也有所回升，而欧美各国仍在加强对证券分析师的监管。　　    从理论上说，证券分析师的初始角色应该是从买方客户利益出发的证券评估人。不过，自1975年美国废除固定经纪佣金比率以来，证券行业市场竞争日益?</t>
  </si>
  <si>
    <t>亚行报告：2006年中国GDP增长率将达7.2%</t>
  </si>
  <si>
    <t>本报讯 近日亚洲开发银行发布的一份报告指出，由于全球IT产品需求走出低谷，日本国内需求复苏以及中国保持强劲增长等诸多利好因素，东亚新兴地区明年的经济增长可望进一步提速，中国2006年的国内生产总值（GDP）增长率预计平均可达7.2%。　　    这份名为《亚洲经济监测》?</t>
  </si>
  <si>
    <t>版号：020</t>
  </si>
  <si>
    <t>中国新农村建设：全球化背景下的新长征</t>
  </si>
  <si>
    <t>“我们要建设新农村，也需要眼光向外，充分利用国际国内两个市场、两种资源，促进农业增效、农民增收。经济全球化背景下，没有一个国家可以独善其身。”农业部副部长牛盾在参加此间举行的世贸组织第六次部长级会议时说。　　    在中国这个拥有9亿农民的最大发展中国家，农</t>
  </si>
  <si>
    <t>运用集体谈判协调社会利益关系</t>
  </si>
  <si>
    <t>提要：在市场经济条件下，用集体谈判的办法协调和解决不同社会主体之间的利益关系和矛盾，被西方发达国家的实践证明是一种有效的途径。在发展和完善社会主义市场经济体制的过程中，如何协调好社会各阶层之间的利益关系，如何解决好不同市场主体之间的矛盾，已经成为迫在眉睫?</t>
  </si>
  <si>
    <t>我国养老体制改革的最佳时机</t>
  </si>
  <si>
    <t>来自世界银行的一份测算显示，中国养老金体系在未来几十年中除了短暂的“人口红利期”略有盈余外，将长期处于赤字状态。专家提醒，除非中国在这个“人口红利期”内对养老保险体制进行及时改革并积累足够的资本，方能应对随之而来的抚养比例上升带来的压力，否则防范与化解养?</t>
  </si>
  <si>
    <t>传统零售商网上叫卖渐显优势</t>
  </si>
  <si>
    <t>本报讯 据最新一期英国《经济学家》报道，感恩节后重返办公室的美国人和欧洲人又开始在网上搜索圣诞礼物，致使零售网站的访问量急速增加。　　    市场研究公司ComScore Networks预计，不包括旅游在内的美国在线销售额，在圣诞节来临前的两个月内将达190多亿美元，比去年同</t>
  </si>
  <si>
    <t>彼得·德鲁克：现代企业的精神教父</t>
  </si>
  <si>
    <t>在离96岁生日只差8天的时候，他在睡梦中平静地离开了这个世界。11月11日，被誉为“现代管理学之父”的彼得·德鲁克在其美国家中辞世。此前他常说，在他那个年龄“人们不求长寿，只求能平静地离去”，他的愿望得到了满足。　　    “全世界都知道德鲁克是上世纪最伟大的管理</t>
  </si>
  <si>
    <t>Xbox游戏机：微软创新战略的重要支撑</t>
  </si>
  <si>
    <t>不久前，微软新一代Xbox 360在发布会上闪亮登场。同时，Xbox 360在北美和加拿大地区的销售也正式启动。　　    微软总裁比尔·盖茨来到西雅图的BEST BUY商店，亲自为Xbox 360的发售助阵。令微软欣喜的是，首批70万台Xbox 360在短短数小时内便已售空，许多未能入手的玩家对?</t>
  </si>
  <si>
    <t>国产汽车 专利虽多但发明专利太少</t>
  </si>
  <si>
    <t>两个月前，首次参加德国法兰克福车展的中国汽车企业成为了媒体的宠儿。经过了多年的摸索和争论，中国的汽车产业开始达成共识：自主创新是企业发展的核心竞争力。　　    然而，自主创新并不是一句口号可以解决的问题。记者近期通过调查后发现，专利的欠缺已经成为国产汽车?</t>
  </si>
  <si>
    <t>佳木斯打赢松花江污染保卫战</t>
  </si>
  <si>
    <t>松花江沿岸第一大城市哈尔滨在停水危机中转危为安之后，人们关注的焦点转向三江平原中心城市佳木斯，除城区80万人口饮水安全之外，松花江还将在佳木斯的同江汇入中俄界河黑龙江。　 　　    12月11日，松花江污染带正在通过佳木斯，新水源已先期启用，城市安然无恙。佳木斯</t>
  </si>
  <si>
    <t>背水一战收购罗孚意在振兴南汽</t>
  </si>
  <si>
    <t>今年7月，南京汽车集团公司成功竞购英国老牌汽车公司“罗孚”，引起业内和媒体极大关注。在一片热议中，人们最关心的是南汽在这次被喻为“蛇吞象”的收购行动后将如何作为？南汽集团公司董事长王浩良近日接受本报记者专访，首次披露了企业发展战略思路和最新举措。　　未来</t>
  </si>
  <si>
    <t>给人力资本出资以法律地位</t>
  </si>
  <si>
    <t>我们当今所处的时代被称之为知识经济时代，知识经济与工业经济最大的不同就在于经济运行方式已从对货币、土地、厂房、机器、设备等物质资本要素的倚重转向对科技知识、管理技能等人力资本要素的倚重。　　    美国著名经济学家、1979年诺贝尔经济学奖获得者舒尔茨在《人力?</t>
  </si>
  <si>
    <t>佳能：本地化与全球化之道</t>
  </si>
  <si>
    <t>日前，佳能（中国）有限公司被评为了2004-2005年中国最佳表现公司。本次评选由中欧国际工商学院与《环球企业家》杂志联合主办，候选企业为来自国内15个行业的200家企业，最终入选的企业为50家。同时，本次评选采用了国际通行的同行评价方法，评委为3000名国内企业中高层经理?</t>
  </si>
  <si>
    <t>国际经验警醒中国养老机制</t>
  </si>
  <si>
    <t>几乎全世界都面临着相似的人口趋势：出生率日趋下降，人们的寿命延长。即便是在德国、法国、日本等发达国家，政策制定者们都不得不想方设法应对老龄化给养老保险带来的负担。尽管各国实际情况不尽相同，但有效解决隐性债务、建立完善的财务机制和推迟退休年龄成为各国在面对?</t>
  </si>
  <si>
    <t>印度广告业成为跨国巨头盘中大餐</t>
  </si>
  <si>
    <t>很长一段时间以来，印度广告业一直颇受外国投资者的青睐。　　    自上世纪90年代中期开始，跨国企业持续不断地吞并了一间又一间印度本土的广告公司。现如今，联手掌控了全球广告业的四间综合公司已经将印度96%的广告市场牢牢掌握在自己的手中。这是否意味着跨国企业的鲸吞</t>
  </si>
  <si>
    <t>新亚欧大陆桥打通东西黄金通道</t>
  </si>
  <si>
    <t>2005新亚欧大陆桥区域经济国际合作会议12月6日至7日在江苏省徐州市举行，来自沿桥地区的中国、哈萨克斯坦、日本等国家和地区的300余名代表出席了会议。与会者以“提升城市竞争力”为主题，就加强协作、改善新亚欧大陆桥沿桥投资环境、促进区域经济、社会、旅游的发展、以及解</t>
  </si>
  <si>
    <t>美国整治坑人“邮件返利”</t>
  </si>
  <si>
    <t>本报讯 邮件返利是美国较为流行的商业促销方式之一。由于越来越多的消费者质疑其中的商业陷阱，各级监管机构目前正在加强对于邮件返利的管理。　　    邮件返利是商家提供折扣的一种形式，折扣金额由几美分到几百美元不等。消费者在全款购买商品后填写返利申请表格并收集购</t>
  </si>
  <si>
    <t>多能源电动汽车四大优势傲视群雄</t>
  </si>
  <si>
    <t>“MEV”在中国诞生　　    追溯历史，电动汽车早在100多年燃料汽车出现以前，就已经诞生了。随着燃油汽车的不断发展，逐渐将电动汽车挤出市场，到了20世纪70年代，由于能源危机的发生，以及人们对环境保护的日益重视，对于电动汽车的开发才重新点燃。近30年来,世界上许多国</t>
  </si>
  <si>
    <t>邓中翰：在中国硅谷实现硅谷机制</t>
  </si>
  <si>
    <t>中星微登陆纳斯达克：第一个中国技术概念股　　    经济参考报：现在一系列的IT企业都在纳斯达克上市，前有百度，后面还有更多的企业等待上市。中星微的上市可以说是很成功，你有什么感触？　　    邓中翰：对美国投资者来说，所有过去投资的中国上市公司都是做服务的。?</t>
  </si>
  <si>
    <t>中国汽车在东南亚面临挑战</t>
  </si>
  <si>
    <t>身穿热情似火的红色中式旗袍，前领上还绣着中国传统的八卦图，中国车模小姐在2005年度曼谷国际车展上吸引了众多眼球。　　    2005年度曼谷国际车展12月1日在泰国首都曼谷蒙通他尼展览馆开幕，200多家汽车厂商、配件商参展。此间业界人士说，中国汽车的参展，给车展带来新?</t>
  </si>
  <si>
    <t>企业如何应对欧盟的反倾销</t>
  </si>
  <si>
    <t>欧盟反倾销法的基础是欧共体条约133条，该条规定欧盟应统一区内之共同商业政策，保护欧共体的贸易。欧盟的贸易保护措施有：反倾销、反补贴及贸易保障措施(如进口配额)等。　　    反倾销措施被证明是最有效的贸易保护措施,因为反倾销措施立竿见影,且提出投诉相对来说比较简</t>
  </si>
  <si>
    <t>环境税初露雏形 专家提三种方案</t>
  </si>
  <si>
    <t>本报讯 一直备受关注的环境税征收方案在11月29日闭幕的东亚环境与自然资源经济学研讨会上初露雏形。　　    一份由中国环境规划院、财政部财政科学研究所、税务总局税收科学研究所和中国社会科学研究院财政与贸易研究所4家科研机构的环境和财税专家合作而成的环境税征收实?</t>
  </si>
  <si>
    <t>美公司高管薪酬扶摇直上遭非议</t>
  </si>
  <si>
    <t>据最新一期英国《经济学家》报道，美国公司高层管理人员的薪酬从去年开始扶摇直上，远远超过其他国家和地区公司高管的薪酬水平。　　    研究机构CL日前公布的一份报告显示，美国公司占极大比例的标普500指数成分股公司首席执行官总薪酬“中值”去年增长30.2%，高达600万美</t>
  </si>
  <si>
    <t>中小企业成污染“主力军”</t>
  </si>
  <si>
    <t>“国家环保总局政策研究中心日前所做的对中国污染负荷的估算表明，40%至50%的污染负荷来自国内的中小企业。”国家环保总局政策研究中心副研究员周国梅说。　　    在11月28日举行的“东亚环境与自然资源经济学国际研讨会”上，周国梅等环境专家针对中小企业治污问题展开了?</t>
  </si>
  <si>
    <t>美国私人股权公司竞购上市企业</t>
  </si>
  <si>
    <t>据美国《商业周刊》报道，手握巨资的美国私人股权公司近来在华尔街大肆收购上市公司，不禁让人回想起上世纪80年代由其创造的股市繁荣。　　    美国最近一桩大型并购交易的主角是私人股权公司“科赫工业”，11月13日收购了位于亚特兰大的造纸商乔治亚－太平洋公司，交易金?</t>
  </si>
  <si>
    <t>美圣诞购物季:网上购物者更多</t>
  </si>
  <si>
    <t>11月24日，美国居民迎来2005年感恩节（每年11月份最后一个星期四），同时进入长达5周的“圣诞购物季”。当地一些商业机构指出，今年将有更多的美国消费者在网上采买礼物。这对传统零售商和大型购物中心来说是个严峻挑战。　　    美国在线对6239名消费者所作调查显示，52%?</t>
  </si>
  <si>
    <t>结构趋同 我华南农产品面临东盟强势挑战</t>
  </si>
  <si>
    <t>最近，中国和东盟正式开始对原产于对方的7000余种产品予以优惠关税待遇，这标志着中国－东盟自由贸易区进入实质性的建设阶段。然而，由于中国在农业领域不具备比较优势，“降税计划”使中国与东盟国家之间结构趋同的农产品竞争激烈，地处亚热带的华南各省区的水果、蔬菜、蔗?</t>
  </si>
  <si>
    <t>中国将大规模推广应用清洁环保汽车</t>
  </si>
  <si>
    <t>11月23日，由科技部联合国家发改委、交通部、国家环保总局、全国清洁汽车行动协调领导小组等共同主办的第四届北京国际清洁汽车技术研讨会暨展览会在北京拉开帷幕。据科技部官员预计，今后几年，我国节能环保汽车将实现更大规模的应用。我国发展清洁环保型汽车，将通过从燃油?</t>
  </si>
  <si>
    <t>“进沪费”遭起诉，法学博士挑战“入城费”</t>
  </si>
  <si>
    <t>作为中国第一个明文规定收取的“入城费”，上海的“进沪费”开始受到挑战。　　    11月8日，上海市卢湾区法院受理了法学博士李刚诉上海市政管理局，要求返还“进沪费”的诉讼。21日，李刚另诉上海市政管理局要求后者公开信息的申请也被卢湾区法院受理。　　    所谓“进</t>
  </si>
  <si>
    <t>华语电影节只是总结而非节日</t>
  </si>
  <si>
    <t>电影节办得不讨大家的好，客观地说，真不见得是电影节本身的错。打个或许不很恰当的比方，中国男子足球队这几年的成绩每况愈下，有看问题看得比较深的评论家指出，国内的足球联赛搞不好，指望男足能冲出亚洲就一定是痴心梦想。　　    照这个思路去琢磨，国内的电影节越来?</t>
  </si>
  <si>
    <t>第三季度财报疲软 戴尔步入中年危机</t>
  </si>
  <si>
    <t>美国戴尔公司不久前公布的财务报告显示，公司第三季度净利润下降至6.06亿美元（合每股25美分），较上年同期8.46亿美元（合每股33美分）的净利润，下滑28%。此外，尽管戴尔公司第三季度的营业收入仍保持增长态势，但增长率在过去6个季度却一直持续下降。美国《财富》杂志近日?</t>
  </si>
  <si>
    <t>市场经济与自主创新</t>
  </si>
  <si>
    <t>党的16届五中全会一再强调自主创新，这样的强调意义十分重大。自主创新是需要制度保证的，这里所讲的制度就是市场经济的体制或机制。市场经济与自主创新是内在统一的。　　市场经济下的自主创新的历史功绩　　    纵观历史，1700年以前的欧洲基本上没有什么发展，人均收?</t>
  </si>
  <si>
    <t>海尔：美国家电市场孤军奋战的中国品牌</t>
  </si>
  <si>
    <t>在美国家用电器甚至IT零售市场，从技术含量相对较低的微波炉、空调、电冰箱，到“高技术”的移动电话、数码相机、笔记本电脑，“中国制造”的产品比比皆是，然而其中真正属于中国企业自己的品牌却是凤毛鳞角。海尔也许是绝无仅有的例外。　　    弗莱氏电器卖场是近年在美?</t>
  </si>
  <si>
    <t>通用福特裁员 汽车格局生变</t>
  </si>
  <si>
    <t>继通用汽车宣布大幅裁员之后，美国第二大汽车制造商福特公司22日表示，将在明年1月公布闭厂裁员等一系列重组计划的细节方案。分析人士指出，美国汽车巨头的大规模结构调整将导致产能降低及市场份额缩小，势头凶猛的日本丰田有望取代通用成为全球第一大汽车制造商。</t>
  </si>
  <si>
    <t>我国首条客运专线：打造世界一流铁路</t>
  </si>
  <si>
    <t>继“亚洲第一隧”——太行山铁路隧道等重点控制工程开工，石家庄至太原客运专线的另外三个综合标段也于近日拉开建设帷幕。着眼于“一流的工程质量，一流的装备水平，一流的运营管理”的目标，率先引入社会资本投入客运专线建设，率先成立有民营企业参股的合资公司，石太线给?</t>
  </si>
  <si>
    <t>中国电视剧海外市场愈走愈窄</t>
  </si>
  <si>
    <t>国剧海外市场不畅尽显“文化逆差”　　本报记者:勾晓峰 实习生:侯璐　　曾几何时，《三国演义》的热播改变了台湾地区的收视率格局，《还珠格格》的风行引起了韩国电视剧业界的恐慌，《雍正王朝》的播放令越南驻华大使印象深刻。但随着韩剧的崛起和风靡，国产电视</t>
  </si>
  <si>
    <t>垂直搜索：专业公司夹缝中求生存</t>
  </si>
  <si>
    <t>“Google于今年10月底宣布在美国最新加入能使用户迅速得到航班信息的垂直搜索功能，相信不久就将推广至中国，这个消息让我们这些专业垂直搜索引擎公司一方面欣慰市场的逐步成型，另一方面也备感竞争压力。”听到Google将推出航班搜索业务的消息，刚刚登陆中国的旅游搜索引擎Q</t>
  </si>
  <si>
    <t>陈淮：房地产调控是一项长期政策</t>
  </si>
  <si>
    <t>最近，有一种流传甚广的说法：我国正面临日本在1985年“广场协议”后的情况，房地产业将因人民币升值而出现大量“泡沫”，国民经济已被房地产价格的快速膨胀所挟持，日本10年衰退的教训有可能在中国重演。　　    建设部政策研究中心主任陈淮11月17日在本报举办的“2005_中</t>
  </si>
  <si>
    <t>“三步走”实现中亚自由贸易区</t>
  </si>
  <si>
    <t>古老的丝绸之路曾是公元前2世纪以后的1500年间联系欧、亚、非三大洲的唯一陆上国际商道。如今，随着中俄联系的日益密切和中亚各国经济的崛起，借助这条古老商道建立中亚经济圈并发展至中亚自由贸易区，在区域融合程度提高的同时，应对其他区域经济联合体的冲击已经成为中、俄</t>
  </si>
  <si>
    <t>传统出版商开始顺应数字化潮流</t>
  </si>
  <si>
    <t>最新一期英国《经济学家》撰文称，随着搜索引擎公司陆续推出数字图书计划，传统出版商担心读者流失并失去版权保护，他们开始被迫采取应对措施以顺应潮流，努力将主动权控制在自己手中。　　    Google本月重申将恢复颇受非议的数字化版权图书行动，这些图书资料主要来自密?</t>
  </si>
  <si>
    <t>欧洲银行跨国并购阻力重重</t>
  </si>
  <si>
    <t>11月18日是意大利联合信贷银行与德国第二大银行裕宝银行正式合并的日子，这是迄今为止欧洲境内最大的一笔跨国银行并购交易。　　    欧盟委员会内部市场委员查利·麦克里维日前指出，欧洲银行的跨国并购活力大大低于其他行业。英国《经济学家》认为，造成这一现象的部分原?</t>
  </si>
  <si>
    <t>伦敦版“中航油事件”上演？</t>
  </si>
  <si>
    <t>本报伦敦电 由于媒体报道了中国国家物资储备局的交易员在积累了极大空头头寸后神秘失踪，伦敦金属期货交易市场周三铜价猛升，达到4175美元。　　    英国新闻媒体11月15日竞相报道了伦敦金属期货市场一名中国交易员神秘失踪的消息。　　    英国的《泰晤士报》和BBC等新?</t>
  </si>
  <si>
    <t>茶叶出口大省为何难叩欧洲之门</t>
  </si>
  <si>
    <t>本报合肥电 记者近日从合肥海关获悉，今年1至9月份，我国最主要的茶叶出口大省安徽省，茶叶出口势头十分强劲，然而，出口地区主要集中在亚洲和非洲，对欧美等地区的出口量尚不足10%。　　    据了解，欧洲是世界上重要的茶叶消费市场，欧洲各国每年要花大量资金采购世界各?</t>
  </si>
  <si>
    <t>美国因“9·11”事件损失6620亿美元</t>
  </si>
  <si>
    <t>最新报告显示　　    本报釜山（韩国）电 亚太经合组织（APEC）经济委员会16日在釜山发布的一份最新报告说，自2001年发生“9·11”事件以来的4年间，美国已经因此损失了大约6620亿美元，占其同期国内生产总值的1.5%左右。　　    该委员会主席、韩国对外经济政策研究院院</t>
  </si>
  <si>
    <t>发展企业债是东亚债市发展方向</t>
  </si>
  <si>
    <t>本报讯 亚洲开发银行行长黑田东彦16日说，亚洲区内的债市未来需专注发展企业债券。　　    黑田认为，尽管东亚地区（日本除外）的金融市场渐趋成熟，但在债券市场方面，仍然未达到成熟阶段。根据亚洲开发银行的报告，截至2004年年底，全球本地货币债券总值达44万亿美元，其</t>
  </si>
  <si>
    <t>APEC：为世贸香港会议提供政治支持</t>
  </si>
  <si>
    <t>亚太经济合作组织（亚太经合组织）部长级会议15日在韩国釜山开幕，会议将为18日举行的该组织第13次领导人非正式会议作准备。除了以往的成员间经贸合作等议题外，本届领导人非正式会议的重要议题之一就是为定于12月在香港举行的世贸组织部长级会议提供政治支持。　　推动贸?</t>
  </si>
  <si>
    <t>我国太阳能产业为国外环保“打工”</t>
  </si>
  <si>
    <t>万物生长靠太阳。太阳能作为一种分布广泛、取之不尽、用之不竭的绿色无污染清洁能源，是人类社会可持续发展的首选目标。目前正在西方国家飞速发展的太阳能产业，在我国却是两头“卡”在外，九成以上的原材料依赖进口，九成以上的产品全部出口。业内人士形象地说：我国太阳能?</t>
  </si>
  <si>
    <t>美国公司扛住了高油价冲击</t>
  </si>
  <si>
    <t>尽管能源价格持续攀升，但今年第三季度，标准普尔500指数成份股公司的财务报告却是盈多亏少，表明美国企业抵挡住了高油价冲击。　　    根据汤普森金融公司的统计，标准普尔500指数成份股公司中已有341家公布了三季度财务报告，其中68%的公司盈利水平高于华尔街分析师的预?</t>
  </si>
  <si>
    <t>韩剧风行缘有政府支持 国剧低迷自救才是前提</t>
  </si>
  <si>
    <t>11月11日中午12点，在数十名特警的保护下，在上千名影迷的尖叫声包围中，韩国当红影星裴勇俊从容地走出了北京首都机场。被冠以“微笑王子”、“师奶杀手”等多个称号的裴勇俊此次中国大陆之行的目的，在于宣传其即将在大陆公映的新片。而恰恰就在他到达的前一两个星期，大陆?</t>
  </si>
  <si>
    <t>探密天津磁卡与宋志平9亿资金往来</t>
  </si>
  <si>
    <t>在短短数年中，仅凭公开资料，我们发现天津磁卡（600800,SH）与一侨居美国的华人宋志平所控制的公司（以下简称宋志平）之间的资金往来达9亿之巨，天津磁卡的这大约9亿资金分别通过项目合作、借款、委托贷款、担保等方式提供给后者。在宋志平所开发的众多项目中，天津磁卡起到</t>
  </si>
  <si>
    <t>菲佣现身中国 身份有待合法</t>
  </si>
  <si>
    <t>莉萨从不远的菲律宾来，受过高等教育，会说流利的英语，烧得一手好菜；莉萨在北京工作，受雇于一家私营企业老板。每到周末，这个菲律宾姑娘都会将自己打扮妥当，到北京的某处景点或娱乐场所赴约，去见和她从事同样工作、或认识或陌生的姐妹们……作为国际家政服务业的知名品?</t>
  </si>
  <si>
    <t>中钢亏损 日钢赢利 为何冰火两重天</t>
  </si>
  <si>
    <t>同样是承受着铁矿石上涨71.5%的压力，同样是面对空前激烈的全球竞争，2005年4月到10月的半年里，中国和日本的钢铁企业却有着截然不同的经历，一个已经触到天堂，一个则正在地狱边缘徘徊。　　新财报，日钢企利润大涨42%　　    据路透社11月7日的消息，JFE钢铁最新的半年</t>
  </si>
  <si>
    <t>中国理性回应布什施压人民币升值</t>
  </si>
  <si>
    <t>美国财政部长斯诺访华带来的“人民币升值”话题似乎刚刚从人们脑中消散，然而在短暂沉寂了一段时间后，有关人民币的话题再次风起云涌。　　    这轮“言论浪潮”的导演是斯诺的上司——11月19日即将第二次访华的美国总统布什。　　    2002年2月21日至22日的布什中国之行</t>
  </si>
  <si>
    <t>美国汽车业秋风萧瑟 日本车商节节进逼</t>
  </si>
  <si>
    <t>美国号称是一个“车轮上的国家”，每年市场销售1500万辆汽车，全国2亿多人每天平均有一个半小时在汽车里。但在外国汽车巨头的蚕食下，美国本土汽车企业一片秋风萧瑟。　　    美国汽车数据公司日前公布的数据显示，10月份美国汽车市场总销量为114.7万辆，远远低于上年同期?</t>
  </si>
  <si>
    <t>金融业综合经营的内涵与特征</t>
  </si>
  <si>
    <t>20世纪90年代后期，为适应金融多元化进程，针对分业经营，我国学者首先使用了“混业经营”这一概念。之后，又有学者使用“合业经营”、“跨业经营”、“联合经营”以及“综合经营”等概念。这其中有考虑表述上“分、合”对应的原因，也有受到美国和我国台湾地区使用习惯上的?</t>
  </si>
  <si>
    <t>国际储备管理的新指导原则</t>
  </si>
  <si>
    <t>前文分析表明，经济和金融的全球化已经而且仍将进一步改变国际储备的功能。因此，不仅传统的衡量国际储备合理性的指标需要做重大修正，管理国际储备的原则也需要相应改变。鉴于此，2001年，国际货币基金组织通过了名为《国际储备管理指导》（以下简称《指导》）的文件，对国?</t>
  </si>
  <si>
    <t>评论餐馆的网站网民被告上法庭</t>
  </si>
  <si>
    <t>张涛从美国留学回来，搞了个网站，汇集网民专门对全国几万家餐馆说是道非，给主要大城市餐馆排列名次，每年还出一本餐馆指南的书公开销售。如今，他被两家饭店告上法庭，11月7日开庭审理，好多家饭店经理参加旁听，此案在中国餐饮协会引起高度重视，受到全国几万家餐馆和几百</t>
  </si>
  <si>
    <t>发展中国家高外汇储备具有合理性</t>
  </si>
  <si>
    <t>改革开放以来，中国的国际储备曾历经两次高速增长时期。第一次是在上个世纪90年代中期。1994～1997年，随着社会主义市场经济体系的初步建立和外汇管理体制的改革，中国外汇储备终于摆脱了十余年低速徘徊的局面，出现了连续4年的高增长。第二次发生在21世纪之初。从亚洲金融危</t>
  </si>
  <si>
    <t>我国汽车产量有望世界第三</t>
  </si>
  <si>
    <t>本报上海电 汽车业权威人士近日在上海表示，中国今年汽车生产量有望超过560万辆，将超过俄罗斯，成为世界第三大汽车生产国。目前中国汽车业发展速度已渐归理性，未来增速将大体保持略高于国内GDP增幅的水平。　　    中国汽车工业协会名誉理事长张小虞在近日说，自本世纪初</t>
  </si>
  <si>
    <t>哪些直销操作行为应遭禁</t>
  </si>
  <si>
    <t>直销是一种在理论概念和实践领域都异常复杂的社会经济现象，它的组织结构的外形看似简单，但与其相关的经营活动却涉及到众多的利益主体，且这些利益主体之间的经济关系十分之复杂。从20世纪80年代末日本一家磁性保健品公司，进入深圳直销其产品床垫，到1990年第一家以直销申?</t>
  </si>
  <si>
    <t>美石油巨头听证会上自辩“无罪”</t>
  </si>
  <si>
    <t>美国国会9日就石油价格问题举行特别听证会。与会石油巨头一致辩称，公司获取巨额利润是由多方因素共同造成的，他们不应为美国能源价格居高不下负责。　　    本次听证会是由参议院多数党领袖比尔·弗瑞斯特紧急召集的，参议院能源与自然资源委员会和商务委员会联席参加。美</t>
  </si>
  <si>
    <t>中美纺织品争端终签“好”协议</t>
  </si>
  <si>
    <t>七轮中美纺织品磋商“大戏”终于谢幕：8日，中国商务部部长薄熙来和美国贸易代表波特曼在伦敦签署备忘录，中美双方最终就纺织品问题达成协议。而协议的多方面内容，都超出了不少国内企业的预料。　　    至此，中国商务部负责人在无数场合，对心急不已的国内纺织品出口企业</t>
  </si>
  <si>
    <t>全球替代能源开发持续升温</t>
  </si>
  <si>
    <t>最新一期英国《经济学家》发表文章称，持续1年多的油价总体攀升促进了风能、太阳能等替代能源的开发热潮，然而这些洁净替代能源并不是唯一热点，传统能源之一的煤炭开发也有重新抬头之势。　　    世界观察研究所（WWI）所长克里斯托弗·弗莱文认为，去年全球可再生能源研?</t>
  </si>
  <si>
    <t>汉语教学风行全球</t>
  </si>
  <si>
    <t>随着中国经济迅猛发展、综合国力逐步增强，近年来全球掀起一股“中文热”。而在这股热潮下，一个规模巨大的汉语教学培训大市场正在形成。　　泰国中文学校纷纷来华：全球“中文热”缩影　　    10月份正值泰国学校假期，泰国汉语教学中心校长符和南带着10多个泰国学生来?</t>
  </si>
  <si>
    <t>周小川忆苦思甜回应银行“贱卖”论</t>
  </si>
  <si>
    <t>建行实现赴港上市、工行改制正引外资、淡马锡入股中行受阻；从前不久美国财长斯诺来华开始，一些外资金融大鳄纷纷要求中国扩大金融开放，增加银行业外资的持股比例。深秋时节，关于国有银行引进战略投资者的“贱卖”论和“威胁”论的争论声浪日高，从央行行长周小川、副行长?</t>
  </si>
  <si>
    <t>张汝京：台湾当局大陆政策的牺牲品</t>
  </si>
  <si>
    <t>对于一位企业家而言，如果不是因为企业业绩而是因为官司缠身引起大家的普遍关注，或许是他最大的尴尬。　　    中芯国际首席执行官张汝京的人生中就曾多次面临这样的尴尬。拥有美国国籍和台湾户籍的张汝京，在上海创建中芯国际之前曾经在台湾工作多年，但是他对台湾当局限?</t>
  </si>
  <si>
    <t>发展汽车自主品牌已到了最佳时期</t>
  </si>
  <si>
    <t>$T2005年8月，博鳌亚洲论坛秘书长龙永图在广州花都举办的汽车论坛上说：“有人问我，什么时候才能出现中国的自主汽车品牌。我认为我们不必刻意追求中国自主的汽车品牌。”龙永图认为，中国的企业必须在全球汽车发展的高水平基础上来发展自己的品牌，在丰田、日产、通用</t>
  </si>
  <si>
    <t>中国纺企：订单转移重压下冲破“重围”</t>
  </si>
  <si>
    <t>旷日持久的中美“纺谈”，在2日结束的第七轮似乎终于有了一点成果——双方就部分袜子产品达成临时协议。随后美方又宣布，推迟就部分进口纺织品设限调查要求与中国进行磋商的决定日期。和以往“纺谈”相比，争端解决的前景似乎有了明朗的迹象。　　    然而，国外买家似乎并</t>
  </si>
  <si>
    <t>手机定位跟踪服务日益走俏</t>
  </si>
  <si>
    <t>“一别之后，两地相悬”，你是否迫切想知道你的另一半的行踪，知道他或她安然无恙你才放心？这在信息时代的21世纪并非难事。　　    2000年，韩国电信业巨擘SK电信公司（SK Telecom）推出了一种叫做“找朋友”的服务，即通过你手机发出的信号，别人可以对你的一举一动了如?</t>
  </si>
  <si>
    <t>美联储再次加息 外汇理财产品收益水涨船高</t>
  </si>
  <si>
    <t>以能源价格上涨等因素为由，11月2日，美国联邦储备委员会作出决定，美联储昨日将联邦基金利率上调25个基点，至4%。这是2004年年中以来，美联储连续12次上调利率25个基点，目前的联邦基金利率已经创下4年半以来的新高。　　    美元步入加息周期也让国内外汇理财产品预期收?</t>
  </si>
  <si>
    <t>中美关系：在博弈中实现长期的和谐</t>
  </si>
  <si>
    <t>2005年的诺贝尔经济学奖颁发给了以色列耶路撒冷希伯来大学理性研究中心的罗伯特·奥曼(Robert　J.Aumann)教授和美国马里兰大学经济学系暨公共政策学院的托马斯·谢林(Thomas　C.Schelling)教授，以表彰他们“通过博弈论分析而增进我们对冲突和合作的理解。”谢林认为在博弈中</t>
  </si>
  <si>
    <t>关注我国物价结构性变化</t>
  </si>
  <si>
    <t>在我国经济学界和经济管理部门，存在着一种认识误区，这就是过于重视物价总体水平的变化而忽视物价结构性变化。这种错误认识的形成既受到西方主流经济理论的影响，也有现实因素。西方经济学教科书中一直把整体物价水平的变动作为宏观经济运行和政府调控的一个重要指标，物价?</t>
  </si>
  <si>
    <t>医疗及教育成本拖累消费支出</t>
  </si>
  <si>
    <t>虽然今年以来中国的消费支出开始增强，但仍然不足以替代投资成为经济增长的主要动力。世界银行经济学家称，对于中国来说，扩大社会保障网络对于目前拉动消费和促进经济增长至关重要。　　    世界银行专家提出，很重要的原因是社会保障网络的欠缺，未来养老、医疗及教育的?</t>
  </si>
  <si>
    <t>第七轮中美“纺谈”现转机</t>
  </si>
  <si>
    <t>本报讯 在双方都极为低调的情况下，中美纺织品第七轮磋商于2日结束。与第六轮磋商结果普遍被认为是“失败”、“可能爆发贸易战”的结果相比，此轮磋商结果出现转机。更有人猜测：中美已就主要问题达成共识，就等下一轮磋商时签署协议。　　    分析人士认为，此轮磋商双方?</t>
  </si>
  <si>
    <t>引入外资股东无碍金融安全</t>
  </si>
  <si>
    <t>“中国最大的国有企业，也就是作为经济核心的国有银行，是否别无选择地引进外国战略投资者？”　　    “如果反过来中国的金融机构要收购或持股美国大通银行、花旗银行的时候，他们反应会怎样？”　　    “建行（香港上市的）15亿中介费是否一定要由境外的中介机构来获?</t>
  </si>
  <si>
    <t>世行称中国经济增长将略微趋缓</t>
  </si>
  <si>
    <t>世界银行3日对未来中国经济作出预测，认为中国经济增长将略微趋缓，宏观经济前景依然看好。　　    世界银行3日发布的《中国经济季报》中提出，三季度国内需求加速增长，反映在投资和消费两方面都在增强，使经济增长保持高水平。同时对外贸易净额对经济增长的贡献从上半年?</t>
  </si>
  <si>
    <t>中国将继续支持自主研制芯片</t>
  </si>
  <si>
    <t>本报讯 中国科学院计算技术研究所所长李国杰院士2日在北京表示，国际芯片企业AMD公司日前向我国转让X86技术后，不会改变我国科研人员继续自主研发“中国芯”的计划，中国正在并将继续支持自主研制通用微处理器芯片。　　    在经过和美国政府的两年谈判后，美国AMD公司10月</t>
  </si>
  <si>
    <t>国有企业分红分给谁(下)</t>
  </si>
  <si>
    <t>哪个政府机构应该接受国家股份的分红呢？　　    经合组织国家的通常做法是，不论什么机构担任国有股东的代表，一般都要求将国有企业的红利转给财政部门用于公共支出。一些国家，主要是奥地利、捷克共和国和新加坡设立了独立的国家持股基金，接受国有企业分红。在这些基金?</t>
  </si>
  <si>
    <t>谁在阻挡中国油企“走出去”的脚步</t>
  </si>
  <si>
    <t>10月27日，来自中国石油天然气集团公司的消息证实，加拿大阿尔伯塔省卡尔加里地方法院做出最终裁决，同意中国石油以每股55美元的价格100%收购哈萨克斯坦PK石油公司。这无疑是一条令人振奋的消息。然而，一位长期关注石油市场的专家在接受《经济参考报》记者采访时却对此表示?</t>
  </si>
  <si>
    <t>我国停止10种韩国食品入境</t>
  </si>
  <si>
    <t>本报讯 我国出入境检验检疫机构近期从韩国生产的10种泡菜、辣椒酱、烤肉酱等产品中检出寄生虫卵，国家质量监督检验检疫总局31日发布公告，即日起停止相关产品的进口入境。　　    国家质检总局公告要求，各地检验检疫机构要加强对来自韩国的泡菜、辣椒酱、烤肉酱及相关产品</t>
  </si>
  <si>
    <t>欧洲投资银行计划增加研发贷款</t>
  </si>
  <si>
    <t>本报伦敦电 据英国《金融时报》31日报道，欧洲投资银行计划把高风险研究与开发项目方面的贷款增加到100亿欧元，而这一举动可能产生连锁效应，推动私营企业在创新领域跟进投资200亿欧元。　　    欧洲投资银行行长菲利浦·马斯塔德在赫尔辛基银行年会后表示，面对亚洲经济的</t>
  </si>
  <si>
    <t>俄加大对东西伯利亚采油投入</t>
  </si>
  <si>
    <t>本报莫斯科电 俄罗斯自然资源部长尤里·特鲁特涅夫31日说，俄已经增加了对东西伯利亚石油资源勘探的投资，到2011年，东西伯利亚地区的石油开采量将达3000万吨。　　    特鲁特涅夫当天在向俄总统普京汇报西伯利亚开发进展情况时说，有关部门已经制定了相关项目的研究和开发</t>
  </si>
  <si>
    <t>民企“外资化”惊现国民财富流失黑洞</t>
  </si>
  <si>
    <t>尽管刻意保持低调，尽管“名头”远小于美国财长斯诺等国际知名财经高官，但11月上旬将来华首次访问的英属维尔京群岛财政部长Hon. Ronnie kelton，定将牵动众多民企敏感的神经。　　    据记者了解，Hon. Ronnie kelton此次中国之行，要拜会商务、金融等多家主管部门，还要?</t>
  </si>
  <si>
    <t>积极应对全球储蓄失衡</t>
  </si>
  <si>
    <t>美国赤字缘因世界其它地区过剩储蓄　　本报记者:肖莹莹　　美联储理事本·贝南克今年3月10日对一些经济学家发表演说时表示，美国经常账户赤字的不断扩大不能怪美国人乱花钱，而是外国人太爱存钱。英国《金融时报》的评论员文章称，这标志着美国官方认可了这种“有些新奇?</t>
  </si>
  <si>
    <t>“洋水壶”成了“烫手山芋”</t>
  </si>
  <si>
    <t>贵州省遵义市两个设计日生产能力20万吨的自来水厂，去年4月9日被当地政府正式签约转让给法国威立雅水务有限公司特许经营。按照双方约定，这两个水厂去年7月就应该正式移交给威立雅公司。然而记者最近到这个市采访时发现，这两个水厂的移交工作不仅到目前为止仍未进行，而且遵</t>
  </si>
  <si>
    <t>C.S.I.催生刑侦热</t>
  </si>
  <si>
    <t>2005年9月22日，一个看似平常的日子。然而，这一天对于全世界的C.S.I迷们却意义非凡。因为恰在这天，由美国CBS电视台(哥伦比亚电视台)制作的《C.S.I.：Crime Scene Investigation》(《罪案现场》）拉斯维加斯第6季开始播出。这意味着，在2005年9月到2006年5月的电视季度中，?</t>
  </si>
  <si>
    <t>中美经济相互吸引</t>
  </si>
  <si>
    <t>最近几年间，中美关系一直受到集团压力左右。在美国方面，纺织业和钢铁业对国会议员有着强大影响力。从美方传递出的信息看，克林顿政府把中美关系定义为“战略伙伴关系”，布什政府则认为中美关系已经达到“坦诚、有建设性和合作性”的程度。　　    中美双边关系的复杂性?</t>
  </si>
  <si>
    <t>通用福特面临破产之虞</t>
  </si>
  <si>
    <t>尽管通用汽车现在仍自称“全球最大的汽车制造商”，但业内人士担心，它将成为全球最大的破产企业。除此以外，他们还担心，美国第二大汽车制造商——福特也将走上同样的道路。再加上此前美国最大零部件供应商德尔福的破产保护，以底特律为中心的北美汽车厂商度过了一个颇有寒?</t>
  </si>
  <si>
    <t>监管过严可能损害亚洲付费电视业的发展</t>
  </si>
  <si>
    <t>摘自10月26日《华尔街日报》　　    亚洲有线及卫星广播行业协会(Casbaa)最新发布的报告显示，亚洲许多国家的严格监管措施阻碍了付费电视行业的发展，这些措施限制外商投资并控制着收费和节目制作。　　    身为亚洲付费电视业主要行业组织的Casbaa说，有线电视及卫星电?</t>
  </si>
  <si>
    <t>亚洲希望平稳纠正贸易失衡</t>
  </si>
  <si>
    <t>摘自10月22日英国《金融时报》　　    与亚洲贸易顺差相对应的是，美国经常项目逆差不断加大。几个月来，一些经济学家和决策者一直警告说，全球金融失衡状况正变得越来越严重，这种局面难以为继。　　    一些迹象表明，亚洲外汇储备的增长速度今年开始放慢。不过，这并?</t>
  </si>
  <si>
    <t>中俄贸易面临结构调整</t>
  </si>
  <si>
    <t>本报讯 中国驻俄使馆经济商务部门和俄罗斯联邦经济发展和贸易部提供的分析说，根据中俄两国产业互补性分析，双边将立即着手进行贸易结构的调整。　　    调查表明，中俄经贸合作在实现了规模增长的同时，双方都把注意力转移到贸易商品的质量提高和结构调整上来，那些双方具</t>
  </si>
  <si>
    <t>制定有章可循的国企分红政策（上）</t>
  </si>
  <si>
    <t>中国国有企业的利润正在增长。2004年，国务院国有资产监督管理委员会负责管理的中央国有企业全年的净利润为4000亿元，而仅2005年上半年，这些企业的净利润就已将近3000亿元。在美国上市的中国大型国有企业将其盈利总额的20%至60%用于分配红利。但不论是财政部、国资委还是其?</t>
  </si>
  <si>
    <t>商事争议仲裁成国际贸易避险良方</t>
  </si>
  <si>
    <t>本报哈尔滨电 随着中国国际贸易领域拓展、层次提升，企业应当将国际商事争议仲裁作为减少对外贸易纠纷、规避风险的有效方式。　　    中国国际贸易仲裁委员会副主任王生长在由中国、俄罗斯、日本、韩国等七国参与的国际商事争议仲裁研讨会上表示，商事争议仲裁作为诉讼外一</t>
  </si>
  <si>
    <t>盖茨VS巴菲特：910亿美元的对话</t>
  </si>
  <si>
    <t>9月下旬的一个周五的午后，美国内布拉斯加州立大学的2000名学生在学校礼堂外排成一列，等候着一个小时后大门的开启。Andrew Schoemacher这个瘦高的19岁化学工程二年级生没有得到礼堂的入场券，但是他还是伸长了脖子向里面张望着。他到底期待的是什么呢？他说：“是比尔·盖茨</t>
  </si>
  <si>
    <t>中石油收购 PK 公司终成正果</t>
  </si>
  <si>
    <t>本报讯 中国石油天然气集团公司27日宣布，已于10月26日加拿大当地时间上午9点16分，通过其旗下全资子公司中油国际收购哈萨克斯坦PK石油公司。　　    当地时间26日，中石油获得加拿大阿尔伯塔省卡尔加里地方法院不带任何条件的最终裁决，100%收购PK公司。此前以拥有对PK公?</t>
  </si>
  <si>
    <t>韩国用质检摩擦制造贸易壁垒</t>
  </si>
  <si>
    <t>“以日前沸沸扬扬的泡菜摩擦为代表的中韩质检摩擦近日有增多的趋势，我们不否认其中有少数中国产品的确存在质量问题，但是更多原因在于韩国质检部门对于中国产品太挑剔。”国家质检总局进出口食品安全局局长李元平10月25日在质检总局关于PVC保鲜膜抽检结果的新闻发布会上回答</t>
  </si>
  <si>
    <t>见证青藏铁路：人文、科技、绿色</t>
  </si>
  <si>
    <t>本报《交通周刊》记者两个月内，三上西藏，探访这条西方舆论誉为“世界上最壮观的铁路”，为建设者们创造的这一世界铁路奇迹而感动和感叹　　    洁白的哈达迎风飘扬，欢腾的高原歌声荡漾——2005年10月15日，青藏铁路全线铺通。这条被世界铁路专家视为“第二条长城”的高?</t>
  </si>
  <si>
    <t>纺织品问题引发贸易战可能性不大</t>
  </si>
  <si>
    <t>本报南宁电 今年以来我国纺织品在海外市场频频碰上非关税壁垒，中美之间的六轮谈判均无任何重大成果，两国在纺织品问题上的摩擦有加剧趋势。然而有关专家称，由于纺织品出口在我国总体出口中的重要性在慢慢降低，纺织品问题引发贸易战的可能性不大。　　    湘财证券研究发</t>
  </si>
  <si>
    <t>富豪榜与慈善榜不般配问题何在</t>
  </si>
  <si>
    <t>2005年最新公布的胡润中国内地慈善家排行榜中，内地富豪前三甲中的黄光裕和陈天桥排在第36位和第28位。　　    而在富豪榜上排名仅为97位的黄如论却成了胡润慈善榜的中国首善之人。　　    与西方国家不同，中国内地最有钱的富豪，未必是最大的慈善家。由此引发的中国富?</t>
  </si>
  <si>
    <t>高储蓄率蕴藏资本跨境移动风险</t>
  </si>
  <si>
    <t>10月18日，国际投行雷曼兄弟董事总经理、亚洲债券及股票研究部总经理何华称，亚洲国家中，日本是高储蓄率的国家之一，但在过去的30至40年里，“最高的年份高储蓄率也才40%，而中国达到了46%。”　　    分析人士认为，贫富差距过大是导致银行储蓄率不断攀升的主要原因。因?</t>
  </si>
  <si>
    <t>三星隐藏治理危机</t>
  </si>
  <si>
    <t>三星集团在很多方面都是韩国人的骄傲。作为韩国最大的企业集团，它的产品出口占韩国出口总量的20%，而它旗下的三星电子公司也已经从生产电视和相关设备的二流企业发展成为世界一流的存储器厂家。然而这样的一家明星企业近来却因公司治理问题，频频遭国内各界的谴责。</t>
  </si>
  <si>
    <t>拿什么来抵挡“韩流”</t>
  </si>
  <si>
    <t>随着《大长今》等韩国影视作品在我国的热播，如何看待“韩流”正在成为不少人关注的话题。　　    爱看韩剧的自有一番理由，不屑一顾的也各有说法，一些备感“韩流”市场威胁的影视界人士则忍不住站出来呼吁国人不要过于盲目“哈韩”，应该多支持国产剧。　　    然而从?</t>
  </si>
  <si>
    <t>最让人嫉妒的25个人</t>
  </si>
  <si>
    <t>美国《财富》杂志日前评出了最让人嫉妒的25个人，在这份榜单上，除了企业总裁、科技新贵之外，厨师、牧师、作家、服装设计师、经济学家、电视制作人等都榜上有名。　　    尽管这些名流的职业天差地别，但根据《财富》报导，他们有几项共通点：“有钱得恶心”、“超级有人?</t>
  </si>
  <si>
    <t>世行行长眼中的中国贫富差距</t>
  </si>
  <si>
    <t>世界银行行长沃尔夫威茨日前向新闻界发表了他的“中国之行”考察感受：中国在减免贫困方面成绩显著，但地区与地区之间、城市与农村之间差距仍然巨大。　　    沃尔夫威茨此行的主要目的是了解中国在大规模减贫方面取得的成就以及面临的挑战。在几天的考察中，他与中国社会?</t>
  </si>
  <si>
    <t>平抑中国高储蓄 中美高官所见略同</t>
  </si>
  <si>
    <t>20国集团财长和央行行长会议落幕之后，美国财经界高层并没有即刻返回国内，而是继续与中方进行商讨。至于商讨的内容，在10月18至19日召开的“中国资本市场论坛”上透露出了一些：中美两国高官正在交流如何解决中国的高储蓄率问题。　　    “中国居高不下的储蓄率是不太合?</t>
  </si>
  <si>
    <t>中国市场成为索尼动力引擎</t>
  </si>
  <si>
    <t>10月17日，索尼集团董事长兼首席执行官霍华德·斯金格首次访问中国，这位索尼历史上第一个外籍CEO表示，中国市场将成为推动索尼全球发展的重要引擎。　　    在索尼全球业绩持续两年多大幅亏损后，执掌索尼10年之久的出井伸之黯然下课，而时任索尼美国CEO的霍华德·斯金格?</t>
  </si>
  <si>
    <t>神舟巡天投入大大低于美俄</t>
  </si>
  <si>
    <t>神六发射成功后，英国《经济学家》杂志曾用“昂贵的证明”这样的字眼来形容中国的神舟载人航天计划。　　    然而，经过了解和对比后我们发现，中国的载人航天工程不但不能算“昂贵”，而且还处处体现出低成本、高效益的特点。　　神六飞行并不昂贵　　    10月17日，?</t>
  </si>
  <si>
    <t>美敦促银行业加强网络认证安全</t>
  </si>
  <si>
    <t>本报讯 美国联邦金融机构检查委员会日前敦促各大银行加强网络认证安全，积极向在线完成各种业务的银行客户提供“双重认证”服务。　　    在一份发给美国各家银行的公开信中，联邦金融机构检查委员会指出，现行的单一身份识别系统已难应付各种基于互联网的信用欺诈和身份盗</t>
  </si>
  <si>
    <t>华菱与米塔尔交割近28亿元股权</t>
  </si>
  <si>
    <t>本报长沙电 17日，总部设在英国伦敦和荷兰鹿特丹的世界最大钢铁工业公司——米塔尔公司与湖南华菱钢铁集团在长沙宣布，围绕米塔尔斥资27.915亿元买下华菱管线股份有限公司36.673%股权的中国大型钢铁集团“国际并购第一案”已完成交割手续。华菱管线新的董事会已经产生，公司?</t>
  </si>
  <si>
    <t>保时捷持股大众 德国式的解决方式</t>
  </si>
  <si>
    <t>德国著名跑车生产商保时捷10月7日宣布，在收购了德国汽车巨头大众汽车公司8.27%的股份后，保时捷公司已成为大众汽车公司最大的股东，加上其原来所持有的10.26%的股份，保时捷共持有大众18.53%的股份，此外，保时捷还计划购进更多大众的股份。去年全年销量仅为8.8万辆的保时捷</t>
  </si>
  <si>
    <t>千亿美元顺差促发中国经济调整</t>
  </si>
  <si>
    <t>作为中国对外贸易的风向标，素有“中国第一展”之称的广交会，已隐约感受到了千亿美元顺差的压力：久久悬而未决的中美纺织品争端，不仅影响到了中国的纺织品出口企业，甚至影响到了广交会兼职翻译们的“生意”。　　    “两天都没等到一个外国客商，今年比往年难找多了。?</t>
  </si>
  <si>
    <t>默多克布局互联网世界</t>
  </si>
  <si>
    <t>最近一段时间，敏感的美国媒体注意到罗斯·莱文森成为新闻集团相当活跃的人物。在他频频与互联网公司洽谈并购交易的背后，是鲁珀特·默多克这个全球媒体大亨在互联网世界的一次战略布局。　　    作为新闻集团旗下福克斯互动媒体部门的总裁，42岁的莱文森肩负着在互联网世?</t>
  </si>
  <si>
    <t>台表决《两岸和平促进法》 台商西进势不可阻</t>
  </si>
  <si>
    <t>上周二（11日），台湾“立法院”首次表决以认同“九二共识”，承认一个中国，促进两岸经贸交往为主要内容的《两岸和平促进法》。　　    虽然各界预料到这个法案会在“立法院”遇到台湾绿营的强烈抵制，但是表决现场还是发生“严重的肢体冲突”，迫使表决不得不中断。　?</t>
  </si>
  <si>
    <t>管理咨询业对公共领域服务升温</t>
  </si>
  <si>
    <t>据英国《经济学家》报道，主要对私有部门提供服务的管理咨询业，已开始将业务越来越多地转向公共领域。　　    美国肯尼迪信息公司的数据显示，目前公共领域（包括横跨公共和私有部门的卫生保健业）在全球咨询市场中所占份额超过30%。该公司还预测，在未来3年中，公共领域?</t>
  </si>
  <si>
    <t>国际外汇交易的中国攻略</t>
  </si>
  <si>
    <t>外汇交易市场，也称为“Forex”或“FX”市场，是世界上最大的金融市场，平均每天超过1兆美元的资金在当中周转——相当于美国所有证券市场交易总和的30倍。近年来，外汇市场之所以能迅速发展，为越来越多的人所青睐，成为国际上投资者的新宠儿，这与外汇市场本身的特点也分不?</t>
  </si>
  <si>
    <t>北美汽车零部件行业正在裂变</t>
  </si>
  <si>
    <t>10月8日，全球第二大、北美第一大汽车零部件制造商德尔福向纽约南部地区的美国破产法院递交破产申请。美国《商业周刊》借此指出，在美国汽车零部件行业，适者生存的达尔文主义即将发生效力，而在目前的价格压力、产能过剩和利润缩减的情况下也的确需要如此。　　    美国的</t>
  </si>
  <si>
    <t>节后钢价走低 行业恐慌加剧</t>
  </si>
  <si>
    <t>本报讯 10月14日，上海地区钢材交易市场价格再次全线下调，无论是螺纹钢还是中板或者是热卷，前一天已经下调的价格底线再次被击穿。　　    上海市场价格在国庆节之后不但没有趋好反而加速下降，而这也是全国钢材市场的缩影。对此，钢铁业界指望四季度价格好转的信心似乎已</t>
  </si>
  <si>
    <t>今明两年GDP增长率将保持较高水平</t>
  </si>
  <si>
    <t>本报讯 2005年，我国国民经济增长速度将与上年基本持平，GDP增长率将达到9.4%左右。在宏观调控措施的影响下，GDP增长率将有所回落，可以保持在接近9%的水平上。这是记者在10月13日中国社会科学院举办的中国经济形势分析与预测2005年秋季报告会上获悉的最新权威预测数字。</t>
  </si>
  <si>
    <t>“六磋”后中美纺织品争端可能升级</t>
  </si>
  <si>
    <t>“中方不会签署任何有损中方权益、不利于中国纺织业健康发展的协议。”14日，中国商务部以一份比以往措辞更为强硬的公告，对中美纺织品第六轮磋商结束当日（13日）美方近乎威胁的表态作出回应。　　    这是自6月17日中美纺织品首轮磋商以来，中国商务部首次以公告形式强硬</t>
  </si>
  <si>
    <t>中国巨额顺差并非来自“货币操纵”</t>
  </si>
  <si>
    <t>这几天，有关中国的两个“之最”引人注目。　　    一是根据不久前公布的统计数据，今年前8个月中国贸易顺差超过600亿美元，是我国外贸历史上任何一年的顺差“之最”。而今年全年的顺差，预计将达到空前的1000亿美元。　　    二是短时间内接待来访美国财经高官数量“之?</t>
  </si>
  <si>
    <t>我国国内旅游市场世界最大</t>
  </si>
  <si>
    <t>本报郑州电 国家旅游局局长邵琪伟13日在郑州表示，进入新世纪以来我国旅游业全面繁荣，已经形成了世界上规模最大的国内旅游市场，并成为亚洲第一大客源输出国，确立了世界旅游大国的地位。　　    13日，邵琪伟在参加河南省旅游产业发展大会时，分析了全球旅游产业发展的新</t>
  </si>
  <si>
    <t>中国企业进入国际市场有了绿色通道</t>
  </si>
  <si>
    <t>近日，美国高力国际多元商务集团执行总裁约翰·卡尔，副总裁约翰·迪格尼斯，亚太地区主管何英缅，美国泰宏股份公司副总裁（工商业开发）赫巴德·柏利访问蓝盾公司，就美西自由贸易区有关问题进行了洽谈。　　    美西自由贸易区是由美国高力国际公司、泰宏场公司和希波国?</t>
  </si>
  <si>
    <t>欧盟指控世界四大电梯公司</t>
  </si>
  <si>
    <t>本报伦敦电 英国《金融时报》12日报道说，负责公平竞争事物的欧盟专员内莉·克勒斯指控世界四大电梯公司暗中结成价格联盟以垄断欧洲市场，如果这一指控成立的话，四大电梯公司将面临巨额罚款。　　    被欧盟指控的这四大电梯公司是德国蒂森克虏伯电梯公司、瑞士迅达电梯公</t>
  </si>
  <si>
    <t>全球工业机器人销量大增</t>
  </si>
  <si>
    <t>本报讯 据联合国欧洲经济委员会11日公布的2005年版全球机器人调查报告，2004年全球已销售的工业用机器人的数量为95368台，比上年增加17%，连续两年维持两位数增长。　　    从地区销量来看，包括日本在内的亚太地区工业机器人销量增长29%，达到52311台；北美地区增长6%，达</t>
  </si>
  <si>
    <t>美提出削减农业补贴新建议</t>
  </si>
  <si>
    <t>本报日内瓦电 美国贸易代表波特曼10日提出一份削减农业补贴、降低农产品进口关税的新建议，以推动世界贸易组织农业谈判走出僵局，并促使今年12月的世贸组织部长级会议就多哈回合整轮谈判达成初步协议。　　    波特曼当天在瑞士苏黎世召开了一次小型部长会议，邀请了包括欧</t>
  </si>
  <si>
    <t>韩国央行3年来首次升息</t>
  </si>
  <si>
    <t>本报汉城电 韩国央行11日宣布将基准利率由现行的3.25%提高至3.50%，以缓解因能源价格居高不下带来的通货膨胀压力。这是自2002年5月以来韩国央行首次升息。　　    韩国央行当天发表报告指出，消费回暖为韩国经济注入了活力。报告还显示，9月份，韩国消费价格指数比8月份上?</t>
  </si>
  <si>
    <t>天津将建最大保税港</t>
  </si>
  <si>
    <t>本报讯 继天津港保税区成为环渤海地区最大保税通道后，货物吞吐量位居世界10强之列的天津港，将斥巨资辟建30多平方公里的中国最大的保税港。　　    记者从天津港务局了解到，为加快打造北方国际航运中心，天津港未来将集中力量东扩，将要承接保税港功能的东疆港区建设总面</t>
  </si>
  <si>
    <t>东风悦达起亚面临解体</t>
  </si>
  <si>
    <t>2002年8月挂牌的东风悦达起亚汽车有限公司成立至今已有3年，这个由东风汽车公司、江苏悦达投资股份有限公司、韩国起亚自动车株式会社按25%：25%：50%的股份结构共同组建的中外合资轿车制造企业曾以“铁三角”的形象，初出茅庐就凭借“千里马”确立了其在中国汽车行业的“江湖</t>
  </si>
  <si>
    <t>紧盯年轻消费族　本田借思域挽救美国市场</t>
  </si>
  <si>
    <t>8月31日，本田汽车公司正式推出了第八代思域北美版。作为思域车系的发源地，美国市场对其有着特殊的意义，而新版思域的推出也是为了迎合美国年轻消费者的需要，挽救本田不断下滑的市场份额。　　美国市场亟待拯救　　    本田第一代思域是在美国第一次石油危机期间面世的</t>
  </si>
  <si>
    <t>我国第三产业发展严重滞后的因素</t>
  </si>
  <si>
    <t>我国第三产业发展严重滞后。2004年，我国第三产业增加值占GDP的比重仅为31.8%，比1960年还低0.3个百分点，建国56年来，这项比重只有1992年和2000年达到最高点为34.3%。按世界银行编著的《2005年世界发展报告》数据，全世界第三产业（服务业）增加值占GDP的比重为68%，低收入?</t>
  </si>
  <si>
    <t>购买力平价比较分析</t>
  </si>
  <si>
    <t>国际比较项目(简称ICP)是联合国国际统计委员会于1968年组织执行的一项以商品购买力平价方法为基础的国际性统计活动，其目的是为了寻求一条能够较准确地评价和比较各国国内生产总值(GDP)规模和结构的途径,从而可以观察国家之间人民生活水平或生产率水平的差距，比较各国的经济</t>
  </si>
  <si>
    <t>中国：合作中迈向贸易强国</t>
  </si>
  <si>
    <t>中美纺织品争端有愈演愈烈之势：尽管美国政府9月底宣布，再次推迟决定是否对我4种输美纺织品做出设限，但10月5日又宣布考虑对13个类别的中国纺织品设限。　　    其实，除纺织品争端外，今年以来中国遭遇贸易争端处于不断上升之中。尽管如此，这些争端的解决过程中，中国越</t>
  </si>
  <si>
    <t>中朝合营自行车厂正式开业投产</t>
  </si>
  <si>
    <t>本报平壤电 中国与朝鲜合作经营的“平津自行车合营公司”7日正式开业并投产。该厂生产的“牡丹峰”牌自行车将逐渐进入朝鲜的千家万户。　　    据业内人士称，朝鲜对自行车的总需求量大约在700万辆左右。此前，朝鲜没有一家自行车生产企业，市场上的自行车主要是来自日本的</t>
  </si>
  <si>
    <t>对日投资：中国企业的机遇与风险</t>
  </si>
  <si>
    <t>从上世纪80年代开始，日本几次掀起对华投资热潮，中日经济合作基本上是“一边倒”的日本对华直接投资，中国鲜有对日投资的企业。现在这种倾向已悄然出现变化，随着中日两国贸易与投资结构互动趋势的加强，日本已由单向对华投资的“一边倒”型，转为在对华投资的同时吸引中国?</t>
  </si>
  <si>
    <t>中国成为世界研发活动热土</t>
  </si>
  <si>
    <t>“作为未来研发拓展目的地，联合国贸发会议在对跨国公司新开展的调查答复中提到最多的是中国。”联合国开发计划署临时代办西蒙28日在北京发布联合国贸发会议《2005年世界投资报告》时指出，以中国为代表的发展中国家在2004年不仅直接投资猛增，而且正在成为世界研发活动的热?</t>
  </si>
  <si>
    <t>网络并购风引发对二次泡沫担忧</t>
  </si>
  <si>
    <t>本报讯 近来对网络公司的大宗并购如火如荼，英国《经济学家》的分析文章称，过高的收购价格说明这一领域已开始出现“过度繁荣”。　　    最近传出的并购消息是微软有意收购美国在线。类似的并购消息还有不少。大型媒体公司InterActiveCorp今年7月以19亿美元收购美国第5大?</t>
  </si>
  <si>
    <t>私人股权公司出手挽救日本落魄企业</t>
  </si>
  <si>
    <t>据最新一期美国《商业周刊》报道，并购逐渐成为日本企业重组不良资产的重要手段，而私人股权公司脱颖而出，充当了新一轮并购活动的主力军。　　    美国金融分析机构Thomson Financial的数据显示，今年以来，日本企业的并购交易已达1273亿美元，私人股权公司对日本企业的收</t>
  </si>
  <si>
    <t>中朝经贸合作与朝鲜经济改革</t>
  </si>
  <si>
    <t>中朝合作罗津港 出日本海通道大开　　本报记者:徐家军 李泽　　　　    吉林省珲春市的两家企业日前通过与朝鲜罗先市经济合作会社合作，获取了朝鲜罗津港部分码头50年的经营使用权，并将投资建设朝鲜境内口岸到港口的公路。我国日本海出海通道呼之欲出。　　    有关专</t>
  </si>
  <si>
    <t>让中国的行业协会走上前台</t>
  </si>
  <si>
    <t>日前，商务部长薄熙来在讲到中国纺织品滞港、中欧谈判等问题时说，贸易摩擦不可避免。长治久安是相对的，摩擦、谈判是绝对的。按照哲学的规律，必然是摩擦、谈判，再摩擦、再谈判，而每一次摩擦和谈判之后，双边贸易关系就上升到一个新的层次。 　　    确实，中国对外贸易</t>
  </si>
  <si>
    <t>欧美多哈回合农业谈判寻妥协</t>
  </si>
  <si>
    <t>本报讯 据国外媒体报道，欧盟和美国的贸易官员22日在巴黎举行会议，弥合双方在世贸组织多哈回合农业谈判上的巨大分歧。　　    欧盟贸易委员曼德尔森表示，巴黎会议的主要议题就是农业谈判中最为艰难的关税和补贴。美国贸易代表波特曼则称，在今年年底之前欧美就上述问题达</t>
  </si>
  <si>
    <t>奢侈品：西方不亮东方亮</t>
  </si>
  <si>
    <t>1854年，一位年轻的法国小伙路易·威登在巴黎创办用自己姓名冠名的箱包企业时，他无法预料到他的产品会成为拿破仑皇后的专宠，会成为后世奢侈品的代表。2002年，路易·威登最大的旗舰店即将在东京开张时，门口痴痴地等着1000多个日本人，有的人甚至带着睡袋和食物——他们等?</t>
  </si>
  <si>
    <t>东盟给我减税优惠 大多企业竟不知用</t>
  </si>
  <si>
    <t>记者在采访中了解到，在中国-东盟降税计划全面启动后1个月的时间里，辽宁出入境检验检疫局仅签发了3份中国－东盟自由贸易区原产地证书，并且都是外贸公司代理的外地企业产品。有关方面认为，忽视甚至漠视东盟给予我企业的减税优惠已经造成相当大的损失，亟待引起我国企业重视</t>
  </si>
  <si>
    <t>日本对冲基金开始大热</t>
  </si>
  <si>
    <t>据最新一期美国《商业周刊》报道，日本对冲基金发展迅猛，已经成为最热门的金融行业之一。　　    根据市场研究公司Eurekahedge的统计数字，2000年至今，亚洲对冲基金以每年35%的幅度递增，目前已经发展到607家，控制的资金约为700亿美元，其中发起于日本的资金比重占30%多</t>
  </si>
  <si>
    <t>直销与非法传销的区别</t>
  </si>
  <si>
    <t>非法传销（又称“金字塔”式诈骗、“老鼠会”、“滚雪球销售”、“猎人头”、“无限连锁链”、“卖钱活动”等）是20世纪60年代最先出现在美国的一种商业欺诈经营行为。    1964年，美国人威廉·派屈克套用直销的计酬模式在加州创立“?</t>
  </si>
  <si>
    <t>美日欧汽车消费文化比较 中国汽车消费“好大”</t>
  </si>
  <si>
    <t>在逐步进入汽车社会的过程中，中国也同样在形成自己的汽车消费文化，而时下消费文化中的一些元素，似乎并不符合中国原本的国情。作为一个发展中国家，发达国家的前车之鉴应该能为我们的消费者提供一些启示。　　中国猛推大排量新车　　    德国人鲁兹·罗森在中国工作刚?</t>
  </si>
  <si>
    <t>中国将成为全球奢侈品消费第二大国</t>
  </si>
  <si>
    <t>“对于全球奢侈品消费市场来说，到2015年，中国的消费者将像日本消费者一样具有影响力。”安永中国零售消费品行业主管及合伙人李港卫说，“中国的奢侈品市场正在吸引世界的目光。”　　    近日，全球四大会计师事务所之一的安永会计师事务所在上海发布了一份以“中国”和?</t>
  </si>
  <si>
    <t>法院为李开复跳槽放行 Google、微软之战仍未结束</t>
  </si>
  <si>
    <t>9月14日，美国金县高等法院就微软前全球副总裁李开复跳槽Google，涉嫌违反竞业禁止协议做出初步裁决：李开复可以立即为Google工作，但工作范围将受到限制。　　    法院表示，微软同李开复签署的竞业禁止协议真实有效，因此李开复在Google工作不能涉及他以前在微软参与开发</t>
  </si>
  <si>
    <t>私人股权公司蜂拥印度觅商机</t>
  </si>
  <si>
    <t>私人股权公司华平创业在印度实现了自己的美国式梦想。1999年至2001年，这家美国公司向印度西部港口城市包纳加尔的一个电信运营商投资2.92亿美元。今年3月，这笔投资变成了价值高达7亿美元的股份，华平创业立即转卖赚了个盆满钵溢。 　　    和华平创业一样，全球很多私人股</t>
  </si>
  <si>
    <t>私人游艇不收税却要收香皂的税</t>
  </si>
  <si>
    <t>日前，安永会计师事务所在一份研究报告中称，未来10年中国奢侈品消费可能会超越美国，居世界第二。报告预测，2005年至2008年，中国奢侈品销售额年增长率将达20%；2015年，中国奢侈品销售额将突破115亿美元，占全球消费总量的29%。　　    在中国，奢侈品消费已经成为一个社</t>
  </si>
  <si>
    <t>完善制度安排 化解银行高储蓄风险</t>
  </si>
  <si>
    <t>银行破产在中国一直是一个鲜有提及的话题，“中国金融业高稳定无风险”，甚至被认为是社会主义制度优越性的具体体现。在我国，真正关注银行风险问题是上世纪90年代以后的事情，广信、中农信、中创、海发行等相继关闭与破产。1997年的亚洲金融危机使我们第一次近距离地感受到?</t>
  </si>
  <si>
    <t>我国直销经营发展及立法的必要性</t>
  </si>
  <si>
    <t>一、对直销经营方式的基本认识　　    我国直销立法的前提，是要对直销经营方式有一个基本的认识。　　    首先，规范的直销是市场经济条件下商品分销方式之一。　　    从直销经营模式的产生和发展以及在许多国家的具体实践可以看到，规范的直销是一种客观的商业存在?</t>
  </si>
  <si>
    <t>全球多数国家房地产热明显降温</t>
  </si>
  <si>
    <t>据最新一期英国《经济学家》报道，与去年同期相比，大部分国家和地区二季度的房价增速放缓，明显降温。　　    与1年前相比，房价涨幅回落最为明显的是英国，从19%下降到2%。澳大利亚、新西兰和南非的房地产价格也没有出现大幅上涨，其中澳大利亚二季度房价甚至下降0.1%。$</t>
  </si>
  <si>
    <t>欧洲启动新一轮跨国并购潮</t>
  </si>
  <si>
    <t>据最新一期英国《经济学家》报道，全球知名调查公司“Dealogic”公布的统计数据显示，今年头7个月，欧洲企业跨国并购金额比去年同期增加了50%,仅法国公司就拿出近600亿美元收购外国公司。分析人士认为，欧洲新一轮跨国并购大潮已经出现。　　    拉扎德投行的杰弗里·罗森?</t>
  </si>
  <si>
    <t>欧盟昨放行“滞港”中国纺织品</t>
  </si>
  <si>
    <t>“昨天从下午到晚上一直忙个不停，打了无数电话。”江苏一家纺织品企业进出口部员工王锋在电话里告诉记者。根据中欧5日达成的协议，欧盟海关14日开始对8700万件“滞港”的中国纺织品放行。王锋不停和欧盟客户联系，解决万里之外提出的一个又一个问题。　　    尽管忙个不停</t>
  </si>
  <si>
    <t>万事达卡每年多收1亿英磅手续费</t>
  </si>
  <si>
    <t>英国公平贸易办公室日前裁定，全球信用卡巨擘万事达卡（Mastercard）每年向英国商户多收了超过1亿英镑的手续费。多家美英媒体称，万事达卡可能收到2亿美元以上的罚单。　　    英国公平贸易办公室是在经过5年半的调查之后做出上述裁定的。有报道援引办公室负责人约翰·维克</t>
  </si>
  <si>
    <t>高油价给可再生能源积聚优势</t>
  </si>
  <si>
    <t>本报巴黎电 法国多位能源专家纷纷表示，不断飚升的油价使原本不被看好的可再生能源重新具备了优势。　　    所谓可再生能源主要指风能、太阳能和生物能源等。法国环境与能源控制署负责人巴巴拉多在法国《世界报》上发表文章指出，石油价格越来越高，已达到70美元左右每桶。</t>
  </si>
  <si>
    <t>纺织品保护主义“闹剧”何时休</t>
  </si>
  <si>
    <t>这几天，欧盟贸易委员曼德尔森肯定笑得特别开心：14日，中国输欧压港的纺织品将被放行。而在7日，欧盟各成员国正式批准了他与中国商务部部长薄熙来的协议——5日在北京就纺织品“压港”问题达成的协议。　　    这意味着，曼德尔森在欧盟内部因“纺织品危机”而产生的“政?</t>
  </si>
  <si>
    <t>人参卖出萝卜价　东北参不敌高丽参</t>
  </si>
  <si>
    <t>人参被视为“东北三宝”之冠，有“百草之王”的美誉。多年来吉林人参经历了由短缺到过剩、由高价销售到低价贱卖的曲折发展过程。近年来，虽然吉林省积极采取措施，使人参产业得到一些恢复性增长，但令人遗憾的是，东北人参与韩国高丽参相比仍是“侏儒”，在国内外市场“叫好?</t>
  </si>
  <si>
    <t>日本帝国石油公司要在东海玩火</t>
  </si>
  <si>
    <t>今年8月，日本帝国石油公司从日本政府有关部门正式获取在东海海域试开采石油天然气的权益，同时，日本政府为了避免帝国石油公司试开采的商业风险，已经决定将在东海海域进行石油天然气的试开采作为政府的一项事业委托该企业实施。即由政府出钱，民间企业试开采。　　    这</t>
  </si>
  <si>
    <t>美国三大汽车厂商都在中国采购零部件</t>
  </si>
  <si>
    <t>中国汽车整车出口虽刚刚起步，但相比而言，零部件出口却早已跑在前面，并在近几年中呈现出大幅增长的势头。　　    美国汽车业联盟最近发布的一份调查报告指出，2005年美国厂商向中国采购的汽车零部件按价值计算将超过35亿美元，比2004年增长13.5%。而相关统计资料显示，美</t>
  </si>
  <si>
    <t>通用2008年推出自动驾驶汽车</t>
  </si>
  <si>
    <t>全球最大的汽车制造商通用汽车公司最近宣布，一种全新的自动驾驶汽车有望在2008年前投入生产。英国《经济学家》文章指出，尽管新技术可以免去汽车驾驶过程中的一些枯燥环节，但仍然需要驾驶者亲自控制汽车方向盘，而且这种新型汽车的推广还面临来自法律、技术和社会方面的诸?</t>
  </si>
  <si>
    <t>教育软件在美国遭冷落</t>
  </si>
  <si>
    <t>曾经风光一时的美国教育软件产业正在走向衰落。一些业内分析师指出，日益成熟的互联网技术导致学生们更倾向于在线教育，而多元化的便携式电子产品则成为很多孩子的第一选择。　　    根据市场研究机构NPD公布的统计数据，2004年，包括辅导数学、指导阅读以及百科全书在内的</t>
  </si>
  <si>
    <t>用衍生工具:机构投资者的新游戏</t>
  </si>
  <si>
    <t>美国汽车零部件制造商德尔福和西北航空公司正徘徊于破产边缘，但向它们提供巨额贷款的各大银行却不像过去那么紧张，而一些机构投资者却为两家公司的未卜命运提心吊胆。其中的奥妙就在于信用衍生工具。　　    信用衍生工具是金融衍生工具的一个分支，后者是上世纪80年代以?</t>
  </si>
  <si>
    <t>《反腐公约》的作用不应夸大</t>
  </si>
  <si>
    <t>在9月6日进行的世界法律大会“反腐败的国际合作”专题中，《联合国反腐败公约》成了会议关注的焦点。最高人民检察院反贪总局局长王建明说，目前中国检察机关正在努力使这个《公约》得到通过。“反腐败的国际合作”议题中方主席、北京大学法学院储槐植教授表示，全国人大常委?</t>
  </si>
  <si>
    <t>两派观点交锋企业社会责任</t>
  </si>
  <si>
    <t>在7日至8日举行的中欧企业社会责任国际论坛上，来自政府部门、企业界以及业内专家的“履行社会责任是中企参与国际竞争的捷径”和“企业社会责任一定程度上已经成为贸易保护工具，企业警惕盲目认证陷阱”两类观点交锋十分激烈。他们的辩论使近年来有关中国企业如何看待社会责?</t>
  </si>
  <si>
    <t>亚洲消费信贷逐渐升温</t>
  </si>
  <si>
    <t>最新一期英国《经济学家》发表文章指出，亚洲消费信贷逐渐升温，过去那种高储蓄低消费的生活方式已悄然转变。　　    报道主要引述了朗伯德街研究公司经济学家拉法埃拉·滕科尼的观点。在跟踪分析大量数据之后，滕科尼得出亚洲居民消费信贷比重逐渐增加的结论，同时驳斥了?</t>
  </si>
  <si>
    <t>我国成特许经营体系最多国家</t>
  </si>
  <si>
    <t>本报上海电 记者从2005国际特许加盟（上海）展览会上了解到，截至2004年底，我国特许经营体系达到2100个，涉及50多个行业，加盟店铺总数达到12万，已成为世界上特许体系最多的国家。　　    由中国连锁经营协会主办的2005国际特许加盟（上海）展览会于9月8日至10日在上海举</t>
  </si>
  <si>
    <t>亚洲国家石油价格补贴引火烧身</t>
  </si>
  <si>
    <t>一段时间以来，很多亚洲国家都对石油产品进行价格补贴，导致国内和国际市场出现明显“价差”。这种“人造”的低油价环境在一定时期内推动了经济增长，但也造成本国居民和企业对低价石油的过度依赖。有分析指出，部分国家油价补贴政策的副作用已然显现，而美国《新闻周刊》日?</t>
  </si>
  <si>
    <t>中国输欧“滞港”纺织品将全部放行</t>
  </si>
  <si>
    <t>众多中国纺织品出口企业、欧盟进口商，昨晚都应大大松一口气：北京时间5日晚9时15分，中欧双方在北京饭店就输欧“滞港”纺织品签署协议。　　代表中方签字的是商务部部长薄熙来，欧盟方面则是欧盟贸易委员曼德尔森。简短的签字仪式后，双方联合举行了近1小时的新闻发布会。</t>
  </si>
  <si>
    <t>朝鲜积极寻求外力 推动国内经济改革</t>
  </si>
  <si>
    <t>9月4日上午，朝鲜先进佩多贸易公司负责人金燕玉正在展台前帮助一位马来西亚客商填写邀请函，并承诺不久之后即可寄函邀请他到朝鲜进行投资考察。金燕玉每天都要接待数十位来自不同国家的客商的咨询和洽谈。　　    在正在进行的首届中国吉林·东北亚投资贸易博览会上，朝鲜?</t>
  </si>
  <si>
    <t>美国名人“臀部效应”与格林斯潘的泡沫警告</t>
  </si>
  <si>
    <t>在过去的一年中，美国高档牛仔裤销量直线上升。分析人士指出，这主要源自于“明星效应”的带动。　　明星纷成“裤下之臣”　　    如果将时间拉回到2004年，那个夏天，大部分的美国消费者都无法接受一条标着200美元天价的牛仔裤（约合人民币1600元）。事实上，当时生产天</t>
  </si>
  <si>
    <t>薄熙来挑灯再战曼德尔森未果</t>
  </si>
  <si>
    <t>3个月前“挑灯夜战”达成纺织品协议的中欧谈判者们，又在以“挑灯夜战”的方式解决中国输欧纺织品“压港”问题。5日凌晨2：30，谈判暂告结束，仍然没有任何结果。专家指出，过度保护代价高昂，欧美应吸取教训。　　    5日凌晨1：40刚过，欧盟代表团新闻发言人走出谈判室进</t>
  </si>
  <si>
    <t>北京奔驰首推最新款E280 意在出招即胜</t>
  </si>
  <si>
    <t>8月30日，北京汽车工业控股公司董事长安庆衡在北京长安俱乐部的一间小会议室里，声音不大却兴奋地说：“在北京吉普汽车有限公司基础上重组的北京奔驰-戴姆勒·克莱斯勒汽车有限公司（简称北京奔驰）今天宣布正式成立。”　　与一两年前在北京、德国分别签订框架协议时大张?</t>
  </si>
  <si>
    <t>从“摩擦”到“协商”的戏剧性变化</t>
  </si>
  <si>
    <t>中美第四轮纺织品磋商没有达成最终协议，但谈判大门并未关闭，双方将尽快启动下轮磋商；此前，欧盟成员国也在尽早解决中国纺织品在欧盟海关积压问题上取得“强烈共识”。　　    短短两个月间，美国和欧盟的表现与5月份时形成了鲜明反差，“协商”已经取代了“摩擦”，成为</t>
  </si>
  <si>
    <t>小说《狼图腾》进军英文主流市场</t>
  </si>
  <si>
    <t>广袤的草原上，蒙古狼那幽怨、孤独的仰天哭嗥，一年来一直回响在中国人的耳际，也穿透了外国读者的心。　　    8月30日，小说《狼图腾》的英文版权授权签字仪式在北京举行。世界出版巨头培生出版集团下属的企鹅出版集团以预付10万美金、版税10%的价格，从长江文艺出版社手?</t>
  </si>
  <si>
    <t>飓风“卡特里娜”重创美国保险公司</t>
  </si>
  <si>
    <t>当地时间29日，飓风“卡特里娜”登陆美国南部路易斯安那和密西西比两州，造成房屋、道路、桥梁严重破坏。一些美国保险行业分析师指出，“卡特里娜”有可能成为美国历史上造成损失最大的一次飓风，保险公司为此支付的赔偿金将达百亿美元以上。　　美国历史上让保险公司损失?</t>
  </si>
  <si>
    <t>纺织品争端解决渐露曙光</t>
  </si>
  <si>
    <t>30日，中美纺织品第四轮磋商尚无结果。　　    29日，几天前从布鲁塞尔来华磋商中国纺织品“超限”问题的欧盟代表团离开北京，欧盟驻华使团被授权继续与中方磋商。　　    最近以来，中方与欧、美就纺织品争端问题展开密集磋商。尽管目前尚无结果，但发生在欧美——两个?</t>
  </si>
  <si>
    <t>国外核电巨头加快步伐进中国</t>
  </si>
  <si>
    <t>我国的核电建设正处在一个前所未有的飞速发展时期，国外核电公司闻风而动，在中国市场展开了激烈的角逐。　　    一向对外十分低调的世界核电巨头——美国西屋电气公司一改常态，首次将媒体宣传列入公司的工作计划；前不久，法国阿尔斯通公司主管核电的高级副总裁专门在北?</t>
  </si>
  <si>
    <t>中越跨国物流产业三大“短腿”现象</t>
  </si>
  <si>
    <t>最近，广西、云南两省区政府高层与越南有关方面频频接触，对在边境口岸地区发展壮大跨国物流产业广泛展开沟通与协商。随着双边贸易的不断扩大，中国与越南在边境地区开展物流产业合作的意向已经趋向明显。　　    然而，一些专家认为，缺少完整产业链条依托、缺少中心城市?</t>
  </si>
  <si>
    <t>超女：狂热的造星运动</t>
  </si>
  <si>
    <t>这个夏天，一场名叫超女的风暴席卷全国。一时间，周围总能看到或听到这样的事情：每逢周五，MSN上的好友昵称一水儿换成了“玉米”、“凉粉”、“盒饭”、“荔枝”等食物；某对住在美国的博士夫妇为了赶上看超女，一大早爬起来驱车200公里，就是为了找到个能看网络电视的地方?</t>
  </si>
  <si>
    <t>控股大宇 通用意在小型车</t>
  </si>
  <si>
    <t>在通用大宇合资公司成立近三年之际，通用汽车终于将大宇彻底揽入怀中。选择这个时机迈过绝对控股门槛，通用谋求小型车的全球战略布局是一个重要原因。　　2100万美元增持　　    8月8日，通用汽车公司向美国证券交易委员会提交报告称，通用将从铃木汽车公司手中购得通用?</t>
  </si>
  <si>
    <t>再拾风华 时装之都伦敦欲止下滑路</t>
  </si>
  <si>
    <t>去年英国服装设计业的批发收益达到了7亿英镑，这是上世纪90年代初的10倍。即便如此，如果拿这个数字与美国、法国、意大利等国的收益相比，也只能算是九牛一毛。据悉，2004年，仅纽约服装设计业的批发收益就达到了120亿美元（约合65亿英镑）。　　    美国《新闻周刊》的文?</t>
  </si>
  <si>
    <t>加文·洪博达:带领空客血拼中国市场</t>
  </si>
  <si>
    <t>6月25日，55岁的德国人加文·洪博达被空中客车公司母公司——欧洲航空防务航天集团（EADS）董事会任命为空中客车公司总裁兼首席执行官，任期5年。这是这家全球最大的法国飞机制造企业35年来第一位非法国籍掌门人。　　    随着洪博达的上任，空中客车的人事之争终于告一段?</t>
  </si>
  <si>
    <t>间谍软件卷土重来</t>
  </si>
  <si>
    <t>安东尼诺·梅萨纳是意大利资产管理公司Banca Fideuram信息系统部门的主管。2000年在他的支持下，公司花150万欧元对整个网络系统进行了安全维修，但不久前，他发现员工向电脑技术中心寻求帮助的电话增加了20%，他们纷纷抱怨网速太慢，而且不管用户是否在线，电脑每隔10分钟就?</t>
  </si>
  <si>
    <t>打破女性职场的“玻璃天花板”</t>
  </si>
  <si>
    <t>“电子湾”首席执行官玛格丽特·惠特曼、施乐公司首席执行官安妮·马尔卡希……都是女子，但你千万不要被笼罩在这些商海女杰身上的光环所迷惑。　　　　在西方国家，女性员工占整个劳动大军的近半数，然而在许多大公司中，女性职员大多从事低层的工作，在公司高层中，女性?</t>
  </si>
  <si>
    <t>IMAA：为中国培养国际财务管理师</t>
  </si>
  <si>
    <t>随着经济全球化和企业国际化进程的加快，了解和掌握国际财务管理知识逐渐成为中国财务管理从业者的迫切需求。为此，国际管理会计师协会(IMAA)率先为中国培养国际财务管理师。　　    IMAA是由美国的一批财务管理和管理会计专业人士发起并于1996年成立的，已在美国和香港依?</t>
  </si>
  <si>
    <t>美中印将成经济主要增长点</t>
  </si>
  <si>
    <t>本报巴黎电 据法国《费加罗报》25日报道，德意志银行最新发表的一份研究报告指出，到2020年，美国、中国和印度将成为世界经济的主要增长点，而欧盟在全球经济中的地位将有所下降。　　    德意志银行的报告是在对全球34个主要国家的经济状况进行分析后作出的。报告预测，20</t>
  </si>
  <si>
    <t>欧盟将如何应对中国纺织品积压危机</t>
  </si>
  <si>
    <t>一个欧盟贸易高级代表团24日晚些时候将飞赴中国，与中国有关方面商讨大量中国纺织品积压在欧盟各国海关问题。虽然欧盟官员说此举只是与中方“交换意见”，但日趋耗尽的配额和不断上升的纺织品港口积压让欧盟委员会寄希望此行能敲定一个解决方案。　　    欧盟与中国6月份达</t>
  </si>
  <si>
    <t>德国：个人所得税每年都调整</t>
  </si>
  <si>
    <t>本报柏林电 根据德国法律，所有在德国的常驻居民、在德国的非常驻但收入来源是德国的外国居民，都要缴纳个人所得税，所得税因个人收入多少缴纳的比例不等，收入越多的，缴税比例越高，而且个人所得税的比例每年都要调整。单是个人所得税中的工资税就占德国政府收入的1/3。?</t>
  </si>
  <si>
    <t>新加坡：个税税率最低国家之一</t>
  </si>
  <si>
    <t>本报新加坡电 新加坡拥有较为完善的个人所得税征收体系，其中新加坡国内税务局是该国最大的税收机构，负责评估、收取和实施在税收法令下的各种课税。　　    新加坡是个人所得税税率最低的国家之一，其实行的是13级超额累进税率，也就是以前一年的收入扣除适当项目后，以累</t>
  </si>
  <si>
    <t>美国：财政来源主要是富人纳税</t>
  </si>
  <si>
    <t>本报纽约电 税收是美国政府赖以生存的财政基础，而个人所得税则是美国政府财政的重要来源。因此，上到美国总统，下到平民百姓，纳税成为每个人的义务和职责。　　    美国是根据个人收入情况逐步提高税率，从而以此来减少低收入者的负担和控制高收入者的收入过快增长。最基</t>
  </si>
  <si>
    <t>六途径助中国对接俄罗斯市场</t>
  </si>
  <si>
    <t>本报呼和浩特电 面对中俄双边新一轮的发展机遇，中国政府目前已调整了对接俄罗斯市场的战略，并通过6个可行途径，开拓俄市场。　　    中国俄罗斯／独联体研究中心主任秦宣仁介绍，中国现已把对接俄市场的战略目标定位在实现“三个转变”，既从面向中低档消费市场为主，实?</t>
  </si>
  <si>
    <t>中国企业正面临前所未有的海外生存考验</t>
  </si>
  <si>
    <t>对话背景　　　　在我国实施“走出去”战略的过程中，既有政府推动，也有企业的艰苦探索；既有成功的案例，也有失败的教训。在2005“走出去——中国的全球整合”圆桌论坛上，新加坡国际企业发展局局长李奕贤说，有咨询公司曾对729家企业作过一个调查，发现“走出去”的企业</t>
  </si>
  <si>
    <t>帝企鹅赢得票房 动物电影续写生命温情</t>
  </si>
  <si>
    <t>严复翻译孟德斯鸠临终前的谶语说：“帝力之大，正如吾力之为微。”倘若把这里所说的“帝力”理解为自然之力的话，电影《帝企鹅日记》倒是这句话的最好注脚。　　    没错，法国导演吕克·雅盖带领着他的摄制组，在冰天雪地的南极洲苦捱13个月，从整整130个小时的素材带里剪</t>
  </si>
  <si>
    <t>中印崛起：改写全球经济格局的力量</t>
  </si>
  <si>
    <t>摩根斯坦利曾表述过这样一个观点：如今就是中国和印度的时代。尽管在未来一段时期内，世界经济仍将是以中国而不是印度为主，但这种趋势是不容否认的。两个大国的崛起将对全球资源需求、经济重心，以及实力均衡产生巨大影响。中印的崛起将对全球构成最大的挑战，同时，或许也?</t>
  </si>
  <si>
    <t>康明斯发动机公司的中印战略对比</t>
  </si>
  <si>
    <t>在追求供货时效性的年代，也许湖北襄樊并不是美国康明斯发动机公司理想的建厂地点。这里的交通并不便利，直至今日，从襄樊到航空运输较为便利的武汉还需要在盘山高速公路上走5个半小时。康明斯襄樊工厂的管理人员杰瑞·甘特称，5年的任期意味着他有太多的东西需要适应：文化?</t>
  </si>
  <si>
    <t>日本“汽车外交”威胁欧美利益</t>
  </si>
  <si>
    <t>今年以来，日本在国际政治舞台上表现活跃，在经济上的外交攻势也不容小看，尤其是在东南亚各国展开的“汽车外交”攻势日渐凌厉，令欧美汽车企业感到恐慌。　　    以美国福特汽车公司为例，日本与菲律宾的贸易协定就将威胁福特在菲律宾的利益。福特汽车同其他厂商一样，向?</t>
  </si>
  <si>
    <t>中国打造高端产品 印度进行科技创新</t>
  </si>
  <si>
    <t>多年来，中国一直是世界服装、鞋以及微波炉的廉价生产车间，而如今中国开始向更尖端、科技密集型的产业进军数十亿美元流入了汽车、钢铁、化学以及高科技电子产品工厂。大规模投资背后的推动力是国内各种产品的需求增长以及海外跨国公司将生产转向中国。从而使中国在关键材料?</t>
  </si>
  <si>
    <t>印度公司绩效优于中国</t>
  </si>
  <si>
    <t>美国《商业周刊》的文章称，如果单就经济增长速度来说，中国要远远超过印度，但从微观角度来看，中国公司的绩效却没法和印度公司相比。　　    文章分析了标准普尔公司提供的1999年至2003年的经济数据，通过对比发现，除了极少数例外，印度公司在股权收益率和投入资本收益?</t>
  </si>
  <si>
    <t>房地产信托有望破解商业地产困局</t>
  </si>
  <si>
    <t>由华银投资控股有限公司组织的一只房地产信托投资基金（REITS），将于今年年底在新加坡上市。REITS海外上市一旦成功，将为我国商业地产提供广阔的融资渠道，并为好的商业物业提供一种全新的退出机制。　　    一直以来，我国商业地产开发资金主要来自银行信贷，同时多以长?</t>
  </si>
  <si>
    <t>诺基亚掌门换人不更张</t>
  </si>
  <si>
    <t>全球最大手机生产商芬兰诺基亚集团公司日前正式对外宣布，手机生产部门主管奥利-佩卡·卡拉斯沃将出任集团总裁兼首席运营官，并于明年6月1日起接替约尔马·奥利拉出任公司首席执行官，此举为一段时期以来人们对其新掌门人选的种种猜测划上句号。分析人士认为，此次高层更换表</t>
  </si>
  <si>
    <t>外贸依存度快速上升现象透视</t>
  </si>
  <si>
    <t>我国外贸依存度呈高位上升态势，且速度较快，不仅远远高于世界平均水平，而且高于   美国、日本等经济大国；　　    由于统计上的遗漏和统计方法的不同，我国国内生产总值在一定程度上被低估；   外贸依存度可能被高估，汇率的变动也直接影响外贸依存度的水平；　　    ?</t>
  </si>
  <si>
    <t>商业贿赂成了潜规则</t>
  </si>
  <si>
    <t>从去年的“朗讯风波”，到今年“张恩照事件”，再到最近的德普“回扣门”，数家跨国公司因在我国行贿，频频受到美国《海外反腐败法》的制裁。一些分析人士认为，目前所暴露的商业贿赂案件，只是冰山一角。在我国的许多行业，商业贿赂已成“行规”和企业运行的潜规则，从业者?</t>
  </si>
  <si>
    <t>美53个城市房价被严重高估</t>
  </si>
  <si>
    <t>本报讯 据《今日美国报》报道，日前公布的一份调查报告显示，美国53个城市的独栋住宅价格被“严重高估”。分析人士指出，近一年来，美国房价增幅已经超过工资平均升幅，这从一个方面表明美国楼市泡沫化日趋严重。　　    这份调查报告是由美国国民城市公司首席经济学家理查</t>
  </si>
  <si>
    <t>从英国“沟通”之长看中国创意产业之短</t>
  </si>
  <si>
    <t>平面设计、创意产业，也许没有人会认为这些“新鲜”名词与我们的生活有多少关系。然而，当囊括了英国六十年代以来超过600多件优秀作品的“沟通——自六十年代起的英国独立平面设计展”登陆中国之时，人们的视觉意识开始渐渐被唤醒。　　每天阅读的报纸、公共汽车上的广告、</t>
  </si>
  <si>
    <t>汇率风险影响企业 央行急寻金融衍生避险工具</t>
  </si>
  <si>
    <t>随着7月21日中国人民银行宣布人民币汇率形成机制改革，实行以市场供求为基础、参考一篮子货币进行管理的浮动汇率制度。从事实的固定汇率向有管理的浮动汇率的转变，必然会使得人民币汇率有一定幅度波动，7月21日以后人民币汇率行情就是这个事实的反映。从此，习惯了在固定汇?</t>
  </si>
  <si>
    <t>日本邮政民营化严重受挫</t>
  </si>
  <si>
    <t>日本国会参议院8月8日下午举行的全体会议以125票反对108票赞成，否决了“邮政民营化相关法案”。日本首相小泉纯一郎不惜赌上政治生命的邮政民营化改革计划严重受挫。为了挽回局面，小泉已经宣布解散众议院，并于9月11日举行投票选出新的众议院议员。　　小泉押宝邮政改革</t>
  </si>
  <si>
    <t>涉嫌市场垄断 买家为伦敦证交所犯愁</t>
  </si>
  <si>
    <t>经过4个月的调查取证，英国公平贸易办公室所属竞争委员会7月底公布了伦敦证券交易所（LSE)并购一案的初裁结果：无论是德国证交所还是欧洲第二大股票运营商Euronext，在目前状况下并购伦敦证交所都会削弱英国证券市场的竞争氛围。不过，竞争委员会并未全盘否定任何一方的收购?</t>
  </si>
  <si>
    <t>电子游戏：世纪毒草还是朝阳产业</t>
  </si>
  <si>
    <t>近日，一款名为《侠盗车手：圣安地列斯》（Grand Theft Auto: San Andreas）的电子游戏引起轩然大波，原因是该游戏包含限制级色情和暴力内容。全球最大的连锁零售商沃尔玛从货架上撤除了所有该游戏的软件；澳大利亚政府部门以官方手段禁止该游戏在澳洲一切可能的传播；美国的</t>
  </si>
  <si>
    <t>美国车市本土公司降夺市场丰田汽车应对策略是你降我升</t>
  </si>
  <si>
    <t>据《纽约时报》报道，正当美国三大汽车生产商纷纷以低价折扣攻势，企图夺回被日本对手占领的市场份额之际，丰田等日本车商却反其道而行之，以涨价的策略来应对美国同行的价格战。　　    受到钢铁与其他原材料成本上扬的影响，日本最大的汽车公司丰田从8月1日起调高在美国?</t>
  </si>
  <si>
    <t>全球金融市场应对冲击能力增强</t>
  </si>
  <si>
    <t>最新一期美国《新闻周刊》发表文章称，经济分析人士认为全球金融市场可以“消化”不良影响，应对潜在冲击的能力也日益增强。　　    文章举例说，无论是5月底法国否决《欧盟宪法条约》，还是本月初沙特国王法赫德去世，全球金融市场都没有受到太大影响。持有这一观点的人士</t>
  </si>
  <si>
    <t>欧美私人股权公司再度受宠</t>
  </si>
  <si>
    <t>有“秃鹰投资者”之称的私人股权公司最近再次成为全球资本市场关注的焦点。英国《经济学家》日前刊登的一篇文章称，欧美私人股权公司的胃口越来越大，而且捕食能力越来越强。　　    上世纪90年代，互联网经济迎来繁荣期，私人股权公司利用杠杆收购等手段在资本市场兴风作?</t>
  </si>
  <si>
    <t>美联储再度加息控制通胀预期</t>
  </si>
  <si>
    <t>本报讯 美联储8月9日再次宣布加息，联邦基金利率由3.25%升至3.5%，为4年来最高水平。就通货膨胀而言，美联储在会后声明中指出，美国核心通胀率近几个月一直处于较低水平，长期通胀预期也得到很好控制，但通胀压力正在增加。　　    虽然美联储对通货膨胀的态度依旧，但许多</t>
  </si>
  <si>
    <t>美国中低收入者难以承受高房价</t>
  </si>
  <si>
    <t>本报讯 美国一家民间研究机构9日公布了一份美国居民住房状况调查报告。报告称，在美国很多城市，攀升过快的房屋价格已让中低收入者难以承受，不少教师、消防员以及社区工作者认为他们距离自己的购房梦想越来越远。　　    这家名为“住房政策中心”的民间机构一直大力倡导?</t>
  </si>
  <si>
    <t>欧盟允许进口部分超配额中国纺织品</t>
  </si>
  <si>
    <t>本报布鲁塞尔电 欧盟委员会9日表示，为避免给欧盟进口商和零售商造成损失，欧盟将允许部分超出配额的中国产套衫和长裤这两类纺织品进入欧盟市场。　　    欧盟贸易委员曼德尔森在一份声明中表示，在今年7月11日前启运的中国套衫和长裤不管是否超出配额，都将被允许进口。但</t>
  </si>
  <si>
    <t>商务部：我国将面临更多反补贴调查</t>
  </si>
  <si>
    <t>记者8日从商务部获悉,自1997年我国对进口产品发起第一起反倾销调查案件以来，我国对外反倾销调查案件已达39起。商务部有关人士同时指出,随着我国市场经济地位被更多国家承认，我国遭遇他国反补贴调查案件也将逐渐增多。　　    据商务部产业损害调查局局长王琴华介绍，迄今</t>
  </si>
  <si>
    <t>全球快递巨头加速抢滩中国</t>
  </si>
  <si>
    <t>本报讯 近年来，国内快递业每年以30%增速快速发展，到目前为止形成了每年上百亿元的市场。当前，快递业主要有以中国邮政速递EMS、为代表的国有快递企业，以宅急送、大田等为代表的民营快递企业以及中外运敦豪（DHL）、联邦快递（FEDEX）、联合包裹（UPS）及荷兰天地快运（TNT</t>
  </si>
  <si>
    <t>外资银行抢占内地代理保险市场</t>
  </si>
  <si>
    <t>本报上海电 香港上海汇丰银行有限公司8日宣布，旗下上海分行已于8月1日正式推出代理保险业务，设在广州、北京、深圳的四家分行也将随之涉足这一业务。　　    此前，东亚银行上海分行等也已经获准开展代理保险业务。这意味着外资银行对中国内地代理保险市场的“抢占行动”?</t>
  </si>
  <si>
    <t>美上市公司财务数据“可塑性”太强</t>
  </si>
  <si>
    <t>进入7月份之后，美国上市公司陆续公布今年第二季度的财务报告。英国《经济学家》日前刊登的一篇文章称，一些被投资者密切关注的财务数据并不可靠，美国金融市场监管者和会计准则制定机构已经着手推行新的会计计量模式。　　    到目前为止，在标准普尔500指数当中，已有375</t>
  </si>
  <si>
    <t>“网络实名制”有悖“虚拟精神”</t>
  </si>
  <si>
    <t>韩国信息通信部上月初宣布：将从今年10月份开始在韩国全境实施互联网“实名制”；而后不久，中国最大的即时通讯公司腾讯公司发布公告称，根据深圳市公安局《关于开展网络公共信息服务场所清理整治工作的通知》，QQ群的创建者以及管理员将于近期开展实名制登记工作。</t>
  </si>
  <si>
    <t>中行战略投资者选秀 外资机构能力金钱大比拼</t>
  </si>
  <si>
    <t>英国《银行家》最新公布了2005年度世界1000家银行排名及资产利润数据报告，在亚洲一级资本排名中，中国银行取代中国建设银行位居榜首。然而，在引进境外战略投资者的进程中，中行的步伐却落在了建行后面。　　    7月下旬，有关中行战略投资者即将确定的消息渐渐浮出海面，</t>
  </si>
  <si>
    <t>韩国证券市场致力吸引中国企业上市</t>
  </si>
  <si>
    <t>和韩国的国际知名企业及其产品相比，韩国的证券市场对中国的企业和投资者来说略显陌生。今年1月，韩国的证券期货市场进行了一次重大整合，韩国证券交易所（KSE）与韩国期货交易所（KOFES）、韩国创业版（KOSDAQ）合并，成立韩国证券期货交易所（KRX）。经过整合，市场规模被?</t>
  </si>
  <si>
    <t>杰伦·范德维尔：敢于重组壳牌的人</t>
  </si>
  <si>
    <t>前不久，在英国和荷兰分别举行的公司股东年度大会上，皇家荷兰/壳牌石油公司（以下简称“壳牌”）股东投票正式通过了两个母公司的合并计划，新公司将命名为皇家荷兰壳牌股份有限公司。与此同时，两家母公司的董事会也将合并，并按美国公司架构任命一位首席执行官（CEO）和一?</t>
  </si>
  <si>
    <t>汽车投资热再度席卷东欧</t>
  </si>
  <si>
    <t>德国大众在斯洛伐克首都布拉迪斯拉发工厂每年的产量达25万辆，由于劳动力成本低、生产灵活以及工人有进取心，它在大众遍布全球的42家工厂中是最赚钱的一个。最近，它又赢得了生产奥迪新款Q7 SUV的机会。大众斯洛伐克主席托马斯·施马尔</t>
  </si>
  <si>
    <t>中国企业逆转欧盟反倾销裁决</t>
  </si>
  <si>
    <t>浙江诺力机械股份有限公司日前由到了一个好消息，欧盟公布了对中国产手动液压搬运车的终裁决定，诺力公司得到了初裁中没有给予的市场经济地位，同时将倾销税率从初裁的35.9%降到了7.6%。　　    专程来到这家企业考察的商务部进出口公平贸易局长王世春说，这是欧盟委员会首</t>
  </si>
  <si>
    <t>大学高收费：愿者上钩？</t>
  </si>
  <si>
    <t>日前，一则报道让国人深感惊讶不已，从支付能力来看，中国现阶段大学支出是世界最高国家的3倍以上。尽管从绝对数字来看，日本的学费可算是世界最高，每名高校学生的年教育总支出，包括学费和生活开支，折合成人民币约为11万元。但以人均GDP计算，中国刚刚超过1000美元，美国?</t>
  </si>
  <si>
    <t>施伦普：和戴-克说再见</t>
  </si>
  <si>
    <t>尤尔根·施伦普，这个在1998年操刀完成德国戴姆勒-奔驰与美国克莱斯勒公司合并的“汽车狂人”，曾被华尔街看成世上少有的汽车运作天才，他的举动被称为“有史以来绝无仅有的一起工业并购案”。　　然而，正是这“辉煌”的大手笔，成了施伦普职业生涯的“滑铁卢”。</t>
  </si>
  <si>
    <t>百度今日赴纳斯达克上市</t>
  </si>
  <si>
    <t>本报讯 纳斯达克官方网站消息，百度公司将于美国时间8月5日正式登陆纳斯达克，交易代码为“BIDU”。百度通过首次公开募股（IPO）计划发售404万（4040402）单位美国存托凭证(ADS)，每股发行价格为23美元至25美元，预计通过首次公开招股融资1.15亿(115105600)美元。　　    ?</t>
  </si>
  <si>
    <t>中国政府采购市场即将对外开放</t>
  </si>
  <si>
    <t>第16届中美商贸联合委员会7月11日在北京召开。中美双方除就知识产权保护、纺织品贸易等议题达成广泛共识外，还讨论了政府采购等议题。中国法学会WTO法研究会副会长、清华大学公共管理学院教授于安指出，从去年年底以来，中国政府采购市场的对外开放，一直是中国对外关系中的?</t>
  </si>
  <si>
    <t>美“337调查”大棒抡向中国地板</t>
  </si>
  <si>
    <t>美国国际贸易委员会（ITC）日前发布公告，决定对包括来自中国在内的强化木地板立案进行“337调查”。据了解，涉案产品系通过榫舌和凹槽拼接并装有内置锁扣的地板，就是国内市场常见的“锁扣式”复合地板。　　    中国食品土畜进出口商会会长曹绪岷在接受本报记者采访时说?</t>
  </si>
  <si>
    <t>中国纺织业：大规模洗牌在所难免</t>
  </si>
  <si>
    <t>2005年本该是中国纺织业迎来取消配额，走向自由贸易之年，但几个月刚刚过去，美国和欧盟突然以执行特别保障措施为由，限制中国纺织品的出口。这对处于出口合理释放状态中的中国纺织业而言，理想中期待的贸易一体化年景骤然黯淡，甚至化为乌有。　　    有分析人士认为，受?</t>
  </si>
  <si>
    <t>丰田海外攻城掠地 后院豪车市场却成德国天下</t>
  </si>
  <si>
    <t>无论是在日本本土还是在北美市场，眼下丰田汽车公司的业绩都可以用风头正劲来形容。在日本国内，丰田的市场占有率达到了45%，但与此大好形势不太相符的是，它在日本豪华车市场的占有量却在不断下降。尽管丰田目前仍是日本国内豪华车市场的龙头老大，但它的三个竞争对手——奔</t>
  </si>
  <si>
    <t>甘尽苦来 美国运通前路荆棘密布</t>
  </si>
  <si>
    <t>在信用卡领域，美国运通公司可谓是风光尽显，它的收益曾经连续13个季度保持双位数的增长。但是如今，前途似乎荆棘密布。这可能要令公司首席执行官肯尼思·谢诺大伤脑筋了。　　    首先，运通公司对客户收取的高额费用是备受攻击的对象。美国的银行与运通之间的信用卡发行?</t>
  </si>
  <si>
    <t>城市土地一级市场改革若干思路</t>
  </si>
  <si>
    <t>我国现行的土地批租制度是从香港引进来的。香港的土地全部是英国政府从中国长期“租”去的，到期归还。所以没有永久的土地私有权。于是，香港发明了一套独步天下的土地批租制度。就是政府把临时属于英国女皇的土地按不同的年期（一般短?</t>
  </si>
  <si>
    <t>美参众两院就新能源法案达成共识</t>
  </si>
  <si>
    <t>据国外媒体报道，美国参众两院经过磋商，在新的能源法案上达成共识。本周晚些时候，这份涉及金额高达140多亿美元的新法案有望在参议院获得通过。    有报道说，新法案涉及85亿美元的税收优惠政策，以及数十亿美元的政府担保贷款</t>
  </si>
  <si>
    <t>网民过亿背后的产业符号</t>
  </si>
  <si>
    <t>7月21日，中国互联网络信息中心（CNNIC）发布了“第十六次中国互联网络发展状况统计报告”。报告显示，截至6月30日，我国上网用户总数突破1亿，达到1.03亿户，目前我国网民总数仅次于美国，位居世界第二。　　    与此相联系的是美国的微软MSN、Google纷纷在中国开设了自己</t>
  </si>
  <si>
    <t>中国家电驰骋海外</t>
  </si>
  <si>
    <t>海尔上半年月均出口超亿美元 　　   本报讯 海尔集团在实施国际化战略方面又有新突破，2005年上半年出口创汇累计达7.07亿美元，月均超过1亿美元，同比增长33%。其中，以美国市场增幅尤为显著，同比增长120%，单日最高销售额达1000万美元，创下了海尔也是中国家电在美国市场</t>
  </si>
  <si>
    <t>伦敦证交所面临“生死劫”</t>
  </si>
  <si>
    <t>据国外媒体报道，英国公平贸易办公室（OFT）所属竞争委员会定于本周公布伦敦证券交易所并购一案的初裁结果。该结果有可能决定这家百年老字号的命运──要么继续独立生存，要么被后起之秀兼并。    去年年底，德国证券及衍生工具</t>
  </si>
  <si>
    <t>以色列特瓦制药公司并购Ivax</t>
  </si>
  <si>
    <t>本报讯（记者王龙云）据英国《卫报》26日报道，以色列特瓦制药公司斥资74亿美元并购美国同行Ivax。如果这笔并购交易达成，特瓦制药公司将再次成为全球最大的非专利药（也称“仿制药”）制造企业。    有报道称，在这次并购行动中，</t>
  </si>
  <si>
    <t>民航：拿什么应对国外低成本航空公司</t>
  </si>
  <si>
    <t>今年4月开始，中国周边低成本航空公司纷纷高调闯入中国航空市场。4月25日，厦门空港一天之内开通两个国际航线航班的首航：11：20，由新加坡惠旅航空公司执行的厦门＝＝新加坡航班在厦门落地；19：55，廉价航空泰国亚洲航空公司的?</t>
  </si>
  <si>
    <t>中美纺织品争端走向何方？</t>
  </si>
  <si>
    <t>上个月中欧就纺织品问题达成谅解，化解了贸易摩擦，但中美纺织品问题至今仍悬而未决。    尤其是近来，中美纺织品争端出现了一些新动向：一方面，美国业界最近频频向美国政府提出对华部分纺织品的设限申请，美国政府已接受对华窗帘的?</t>
  </si>
  <si>
    <t>法国：最短时间内寄出罚单</t>
  </si>
  <si>
    <t>在法国开过车的人都有一个印象，那就是马路上基本见不到警察，即便是首都巴黎也不例外。巴黎以道路复杂出名，其放射形的街道让人眼晕，路口的红绿灯也常让人不知所措。由于交通管理人性化，司机也相对守规矩，巴黎虽然车辆密集，其交通?</t>
  </si>
  <si>
    <t>新加坡：“电子眼”无处不在</t>
  </si>
  <si>
    <t>新加坡是个美丽的城市国家，拥有大约80万辆机动车，其中约50万辆为私家车。在这样一个岛国城市里，交通路口很难看到交警的身影，但交通却十分顺畅。即使在最繁忙的时间和地段，汽车也能以每小时50公里左右的速度行驶。    一般?</t>
  </si>
  <si>
    <t>降税计划助推中国东盟能源合作</t>
  </si>
  <si>
    <t>6月27日，由泰国陆上运输的第一车液化石油气进入云南打洛边境口岸后运往滇黔桂石油勘探局西双版纳气库。中国和东盟的“降税计划”于日前正式启动，在合作共赢基础上的资源合作与开发将为我国与东盟经济领域合作注入新动力。　　    全国政协外事委员会副主任周可仁日前在广</t>
  </si>
  <si>
    <t>迪士尼：身着唐装脚蹬绣花鞋进中国</t>
  </si>
  <si>
    <t>对大多数人来说，迪士尼永远是一个带给他们无尽欢乐、梦想的世界。　　    伴随，香港迪士尼乐园开幕日期的临近，米老鼠穿上了唐装，唐老鸭蹬上了绣花鞋，睡美人扎起了红头绳……迪士尼叩起了中国大门。　　入乡随俗　　    1955年7月17日全球第一家迪士尼乐园在美国加</t>
  </si>
  <si>
    <t>诈骗110亿美国“电信牛仔”获重罪</t>
  </si>
  <si>
    <t>几乎是一夜之间，世通公司前首席执行官埃贝斯从诈骗110亿到家产只剩5万美元。　　    7月13日，美国历史上最大的公司欺诈案终于有了结果。曼哈顿地方法院宣布，鉴于针对世通公司前首席执行官（CEO）伯纳德·埃贝斯的包括证券欺诈、共谋等9项指控全部成立，判处埃贝斯25年监</t>
  </si>
  <si>
    <t>奶牛“洋务运动”遭遇假冒伪劣风暴</t>
  </si>
  <si>
    <t>“温饱靠耕牛，小康靠奶牛”，近年我国出现进口奶牛热。然而前不久，记者到河北、黑龙江、辽宁三省部分进口新西兰荷斯坦奶牛的地区了解到，一些农户倾尽所有购进的奶牛产奶少、乳头坏、产犊杂、系谱乱……农民为此连连抱怨，一心想为农民办好事的地方政府也是叫苦不迭。　?</t>
  </si>
  <si>
    <t>专横 冷漠 孤独：世界首富落难背后</t>
  </si>
  <si>
    <t>俗话说30年河东30年河西。然而，有些事的变化比这还要快得多。大概谁也没有想到曾经连续两度排名世界首富的堤义明在10多年后竟然会成为阶下囚。　　    东京地方法院上月正式开庭审理原日本西武铁道集团公司董事长堤义明涉嫌违反证券交易法、发布虚假财务信息、伪造财务报?</t>
  </si>
  <si>
    <t>“暑期档”电影：片子不少 其味难知</t>
  </si>
  <si>
    <t>所谓看“暑期档”电影，基本上像是去赴一场提前知道菜谱的宴会，有些什么主菜佐料、甜点冷盘，是早就预定好且昭告天下了的。端上桌来，味道究竟如何？终归还得靠票房说话。　　    5月19日，《星战前传III：西斯的复仇》在全球同步上映，作为头道开胃菜，卢卡斯花费28年光?</t>
  </si>
  <si>
    <t>德国共同决议制度“遗祸”大众</t>
  </si>
  <si>
    <t>今年德国大众汽车公司可谓祸不单行。今年年初，大众公司曾因为给6名政客常年供奉薪水而成为众矢之的。不料，事隔不久，腐败和性丑闻事件又接踵而来。　　    哈尔茨是大众汽车公司人事主管，是目前卷入大众公司丑闻的最高领导。哈尔茨于7月初向公司提交了辞呈，公司管理委?</t>
  </si>
  <si>
    <t>人民币升值震荡国际汇市</t>
  </si>
  <si>
    <t>上周外汇市场最大的新闻就是中国宣布人民币升值。　　    外汇市场立即对人民币升值作出了一系列反应，美元兑日元直线下滑。以往中日两国一直维持本国货币的弱势，以便在全球市场中增强自身的出口竞争力。人民币兑美元走强将令日本央行更加放心让日元升值，因此，纽约市场?</t>
  </si>
  <si>
    <t>利用网络技术盗版猖獗 法律判决遇到难题</t>
  </si>
  <si>
    <t>21世纪音像产业的最大天敌是什么？很多圈内人士肯定会义愤填膺地回答：盗版。在美国唱片工业协会（RIAA）和美国电影协会（MPAA）看来，信息时代中枝繁叶茂的技术创新虽然有利于音像制品的推广普及，但同时也为网络盗版提供了“超级武器”。对此，一直处于被动地位的美国音像?</t>
  </si>
  <si>
    <t>国际著名快递公司争抢中国物流市场</t>
  </si>
  <si>
    <t>美国联合包裹运送服务公司(United Parcel Services, 简称UPS)正在扩大在中国这一亚洲最繁荣的物流市场的业务。该公司日前签署协议，将在上海设立首个位于中国大陆的货物转运中心。这家公司表示，该转运中心是今年在中国国内推出快递服务计划的一部分。　　    这标志著UPS?</t>
  </si>
  <si>
    <t>中国乡村能否产生沃尔玛</t>
  </si>
  <si>
    <t>当跨国零售巨头们在一二线城市不断攻城掠地时，本土商业企业纷纷走上另一条道路——“农村包围城市”，即在农村乡镇、村里开设连锁超市，以图在农村市场站稳脚跟后再 “进军”大中城市。　　　　全球第一大跨国零售商沃尔玛，当年正是从美国的农村小店起家，发展成今日的商</t>
  </si>
  <si>
    <t>美国开展助学贷款的启示</t>
  </si>
  <si>
    <t>美国是开展助学贷款比较成功的国家，我国是开展助学贷款的新兴大国；当前我国开展助学贷款面临着诸多问题，通过学习和借鉴美国的经验，我们可以得到有益的启示。　　　　美国虽然是一个富有的国家，但依靠助学贷款完成学业的人并不少见。据美国有线电视新闻网报道，目前至?</t>
  </si>
  <si>
    <t>最赚钱的40支金牌股票</t>
  </si>
  <si>
    <t>财富观察     2002年，像其他美国人一样，一些从事投资业的研究人员们忽然吃惊地发现，他们手中投资组合的价值骤然跌落。那些反复无常的市场行为经常被头脑发热的判断、可疑的分析家评级以及坊间的八卦所主导，这一切搞得他们狼狈不堪。因此他们决定给投资过程添点儿逻辑性</t>
  </si>
  <si>
    <t>全球金融市场抵御恐怖袭击能力增强</t>
  </si>
  <si>
    <t>美国《财富》杂志日前发表文章指出，从纽约到马德里再到伦敦，恐怖袭击对市场造成不同程度的冲击。但从几次事件后的表现来看，全球金融市场抵御恐怖袭击的能力日益增强。　　　　就在伦敦爆炸案发生后的第二天，美国强生·伊灵顿咨询公司首席投资顾问高夫·约翰逊在《纽约?</t>
  </si>
  <si>
    <t>Google挖微软墙脚引发正面冲突</t>
  </si>
  <si>
    <t>北京时间7月20日早晨，著名的搜索引擎开发者Google公司宣布，将在今年第三季度正式建立中国工程研究院，并聘请前微软亚洲研究院首任院长微软公司副总裁李开复博士（Dr. Kai-Fu Lee）担任Google全球副总裁及中国区总裁，负责该公司在中国的发展。 　　　　据了解，直至本周?</t>
  </si>
  <si>
    <t>中美商事调解遭遇企业信用尴尬</t>
  </si>
  <si>
    <t>近年来，随着中美两国贸易摩擦数量的急剧增加，中美商事纠纷也日益增多。由于商事调解既节约成本，又有利于撮合双方达成一致目标，中国贸促会与美国CPR国际争议预防与解决协会自2004年1月起共同推出中美商事调解中心。　　    然而在日前举行的“中美商事调解大会”上，记?</t>
  </si>
  <si>
    <t>优尼科：跨国并购中的政治因素</t>
  </si>
  <si>
    <t>今年6月，中国海洋石油总公司（中海油）正式向外界表明了收购美国第九大石油公司优尼科的意向。    尽管此前这两家公司并不十分知名，此次收购也不过是再寻常不过的商业行为，但随着对石油和中国问题极度敏感的美国政客们对这一事</t>
  </si>
  <si>
    <t>美国修正破产法 加大对债权人保护力度</t>
  </si>
  <si>
    <t>美国联合航空公司的控股公司UAL集团宣布，从7月1日起开始寻求脱离破产保护，该公司将依照美国破产法第11章在今年秋季完成重组。在经历了2年半的时间，9次延期后，美国破产法庭要求UAL在9月1日前提交重组计划。　　    UAL集团并非唯一得到美国原破产法庇护的企业，地板产品</t>
  </si>
  <si>
    <t>英国人居目标：人人有个体面的家</t>
  </si>
  <si>
    <t>说到英国，很多国人或许会想到泰晤士河、大本钟，或许在脑海中闪现狄更斯笔下的《雾都孤儿》奥利弗·特威斯特蜷缩街头的镜头，联想到电影、电视中绿荫深处的城堡、庄园，似乎以为在当今经济高度发达的英国，街头的流浪汉早已绝迹，英国应该是人人住洋房，家家有花园。</t>
  </si>
  <si>
    <t>“黑钱”飙升 呼唤反洗钱法出台</t>
  </si>
  <si>
    <t>近年来，我国的洗钱活动十分猖獗：境外大量“黑钱”以投资等方式进入我国漂洗；境内大量不法收益通过地下钱庄等途径流出境外；毒品、走私和黑社会性质犯罪等产生的大量非法收益急于清洗；贪污腐败分子利用各种渠道清洗和转移赃款。来自央行的消息称，国际货币基金组织曾做过?</t>
  </si>
  <si>
    <t>内外压力催生变革 银行体制改革全面提速</t>
  </si>
  <si>
    <t>不论是工行近期将其在全国的4600亿元可疑类不良贷款打包拍卖完成其上市前的财务重组，还是继6月17日中国建设银行与美洲银行闪电联姻之后，新加坡淡马锡控股有限公司又成为建行第二家境外战略投资者，最近国有4大商业银行都在为自己的上市做着积极的筹备，这边你方唱罢,那边我</t>
  </si>
  <si>
    <t>美国科技公司资金有余创新不足</t>
  </si>
  <si>
    <t>最新一期美国《商业周刊》的文章称，美国高科技巨头虽然可以用富得流油来形容，但他们将大部分资金用于回报股东和进行并购交易，而只把很小的比例用于创新研发。　　    文章称，美国标准普尔500股指的企业中有80家是高科技公司，它们资产负债表的现金总额已经达到2290亿美</t>
  </si>
  <si>
    <t>美国“下课”CEO大多身陷囹圄</t>
  </si>
  <si>
    <t>自美国司法部门大规模清算华尔街财务丑闻以来，一些大公司的首席执行官纷纷“下课”，并接连被推上法庭。如今，世通案、安然案、泰科案都到进展到关键环节，首席执行官们大多遭到囹圄之灾。 　　    7月13日，美国曼哈顿地方法院宣布，鉴于针对世通公司前首席执行官伯纳德?</t>
  </si>
  <si>
    <t>中国家电行业全面应对</t>
  </si>
  <si>
    <t>本报讯 距离欧盟《关于报废电气电子设备指令》的实施还有一个月时间，但国内一些家电行业的生产商、经销商纷纷采取措施，以应对欧盟的这些“绿色壁垒”。　　    继海尔、创维、格兰仕、美的等家电生产巨头之后，13日下午，苏宁电器和TCL在北京联手主张实行“生产者——经?</t>
  </si>
  <si>
    <t>转基因食品进入欧盟市场难度加大</t>
  </si>
  <si>
    <t>据英国《经济学家》报道，由于欧盟成员国在限制转基因产品问题上的态度日趋一致，在现行决策体制下转基因食品进入欧盟市场的难度有所加大。　　    6月24日，欧盟环境部长理事会以绝大多数反对票否决了欧盟委员会提出的要求成员国对某些转基因产品取消禁令的要求。欧盟轮值</t>
  </si>
  <si>
    <t>我国风力发电产业化难题待解</t>
  </si>
  <si>
    <t>日前，世界著名风力发电设备生产厂商——丹麦维斯塔斯风力发电宣布将进驻天津开发区。随着我国《可再生能源法》的通过，外资企业已经敏锐捕捉到我国风力发电市场发展的先机，维斯塔斯风力发电的登陆必将拉开国际风力发电设备巨头抢夺中国市场的序幕。然而在大力发展风力发电?</t>
  </si>
  <si>
    <t>国产客车迈向出口时代</t>
  </si>
  <si>
    <t>今年以来，我国国产客车捷报频传：继河南少林将客车卖到哈萨克斯坦后，3月，郑州宇通客车与古巴签下总金额高达2.4亿元人民币的出口订单；5月，厦门金龙客车签约出口已达450辆；6月，金龙样车登陆英国。这些客车全部具有我国自主知识产权。我国已从高档客车进口迈入出口时代。</t>
  </si>
  <si>
    <t>纺织品 知识产权 分销权</t>
  </si>
  <si>
    <t>如火如荼的中美商业贸易联合委员会以吴仪副总理和美国商务部长卡洛斯·古铁雷斯7月11日上午9∶45分在人民大会堂的合影为开端，以19∶20吴仪副总理在人民大会堂的晚宴致辞宣告结束。双方商务人士一天紧张的活动，就加强经贸合作、妥善处理经贸问题深入、坦诚地交换了意见，达?</t>
  </si>
  <si>
    <t>中美贸易谈判的四大底牌</t>
  </si>
  <si>
    <t>周末的北京阳光明媚，却并没有为中美两国商务人士带来一丝放松，在11日召开的中美商业贸易联合委员会之前，中美商务部门及民间商贸促进团体代表举行的闭门磋商会议就有好几个：中美纺织品第二轮磋商，在联委会框架下的数个中美贸易项目谈判……　　    而迄今为止，能够确?</t>
  </si>
  <si>
    <t>数字院线：EVD的“阿基米德支点”</t>
  </si>
  <si>
    <t>古希腊著名的物理学家阿基米德曾经说过，“给我一个支点，我可以撬动整个地球”；对于正在大力推动EVD产业发展的今典集团有限公司董事长张宝全来说，高清晰的数字化院线也许正是可以撬动EVD市场的“阿基米德支点”。 　　时代今典主攻数字影院　　    或许是因为看到了高</t>
  </si>
  <si>
    <t>G8还是G13 八国峰会正视中国崛起</t>
  </si>
  <si>
    <t>为期三天的八国集团首脑会议已于8日在苏格兰格伦伊格尔斯闭幕。G8领导人们在关注全球气候变化的同时，同样不能忽略经济迅速增长的中国、南非、印度、巴西、墨西哥5个发展中国家的客人们。中国更成为公众瞩目的焦点。　　    《纽约时报》在上届峰会上就曾提出：接纳中国，?</t>
  </si>
  <si>
    <t>诉英特尔垄断：AMD强硬 PC厂商沉默</t>
  </si>
  <si>
    <t>不久前，AMD公司向特拉华州威尔明顿市美国地区法院提交了针对英特尔的反托拉斯诉状，指控英特尔采用非法手段阻止厂商购买AMD处理器。AMD称，英特尔的行为违法了美国多项反垄断法。此后，许多PC巨头都采取观望态度，没有明确表态支持AMD诉讼并提供相关证据，这让AMD的诉讼前景</t>
  </si>
  <si>
    <t>美国应正确面对中国崛起</t>
  </si>
  <si>
    <t>近来，中海油拟斥资185亿美元收购美国优尼科石油公司成为备受关注的经济全球化事件。美国一些国会议员以中国公司竞购美国石油公司可能危及国家安全为由，对此设置障碍。　　    但是，事实上，他们应该为中国公司的举措感到欢欣才是。因为外国资本进入是保障美国在8000亿美</t>
  </si>
  <si>
    <t>从贸易大国走向贸易强国任重道远</t>
  </si>
  <si>
    <t>按贸易额排序，中国已跃居世界第三位，成为名副其实的世界贸易大国。但是，中国从贸易大国走上世界贸易强国仍任重道远。　　    据世界贸易组织（WTO）统计，2004年，世界货物和服务贸易总额达222760亿美元，其中：美国外贸总额29230亿美元，居世界第一位，贸易逆差6470亿?</t>
  </si>
  <si>
    <t>升值噪音减弱 人民币汇改时机迫近</t>
  </si>
  <si>
    <t>本报讯 7月8日，G8峰会在苏格兰降下帷幕。在此之前曾有分析人士指出G8峰会上美国政府可能再趁这次会议就人民币汇率向中国施压，中国将无可避免地要面对这场外交博弈。但事实并不如外界所预料，从已经公布的信息来看，人民币汇率问题并没有成为此次G8峰会的热点。　　    而</t>
  </si>
  <si>
    <t>博士伦收购山东正大福瑞达</t>
  </si>
  <si>
    <t>本报济南电 美国博士伦公司近日出资2亿美元，从中国生物制药有限公司手中购入山东正大福瑞达制药有限公司55%的股份。　　    中国生物制药有限公司发布的公告称，该公司与博士伦公司签订了股份待售协议，博士伦公司出资2亿美元收购山东正大福瑞达55%的股份。此前，博士伦公</t>
  </si>
  <si>
    <t>便利与风险：信用卡的正反面</t>
  </si>
  <si>
    <t>近期，信用卡市场新闻不断。先是美国万事达信用卡国际公司因为安全漏洞，导致4000万信用卡用户的银行资料面临泄密风险。由于波及中国持卡人，中国工、农、中、建四大国有商业银行迅速启动应急程序，确保银行卡持卡人的信息、资金安全和合法权益。　　    与此同时，全球电?</t>
  </si>
  <si>
    <t>世界担忧中国“发动机”降温</t>
  </si>
  <si>
    <t>中国经济可能出现的下行态势引起了世界的关注。作为亚太经济的“发动机”，中国经济的降温引起了世界的担忧。　　    中国进口降低使得数个亚太国家的出口都在放缓。经济学家们说，今年下半年亚太国家GDP增长率的下滑幅度可能比预期更大。英国《金融时报》分析认为，引起经</t>
  </si>
  <si>
    <t>可再生能源受欧美投资者追逐</t>
  </si>
  <si>
    <t>据最新一期美国《商业周刊》报道，通用电气、西门子等全球知名企业和KPCB等私人股权公司都开始投资于可再生能源，甚至连美国加利福尼亚州政府也计划从养老基金中抽出5亿美元投资于这一领域。　　    6月9日，高盛集团和哈得孙联合银行共同向美国太阳能企业SunEdison公司投?</t>
  </si>
  <si>
    <t>“蚊香致癌说”遭业界集体反对</t>
  </si>
  <si>
    <t>本报讯 “说‘蚊香致癌’实在是小题大做。”在7月5日由中国日用杂品工业协会主办的“蚊香与健康”论坛上，一位专家表示:“今年从热炒‘苏丹红’开始，凡和老百姓健康沾边儿的事，也不管结论对错，就一窝蜂地炒，现在又炒到蚊香上了。”　　    虽然现在高档酒店、公寓用电?</t>
  </si>
  <si>
    <t>美信用卡信息失窃仅是冰山一角</t>
  </si>
  <si>
    <t>上月中旬，《洛杉矶时报》等媒体披露出4000万个信用卡账户资料落入网络黑客之手，很多美国居民对个人信息安全表示担忧。很多分析人士认为，掌握大量数据的美国公司应更加小心地保护这些信息时代的“黄金”,而美国政府也应加强对企业数据管理及维护的监督。　　    事实上，</t>
  </si>
  <si>
    <t>中国－东盟自由贸易前景诱人 行业协会缺位拖后腿</t>
  </si>
  <si>
    <t>随着今年7月《中国－东盟全面经济合作框架协议货物贸易协议》的正式实施，构建中国－东盟自由贸易区的障碍将被进一步扫除，涵盖11个国家的巨大市场呈现出诱人的商机。　　    中国－东盟商务理事会中方理事许宁宁认为，近年来我国各行业协会得以快速发展，在对外贸易和交往</t>
  </si>
  <si>
    <t>英明与愚蠢：20个影响现代商业经典决策</t>
  </si>
  <si>
    <t>商场如战场，这是久经商场的人士总结出来的金玉良言。决策者审时度势、发挥决策艺术的能力各不相同，因此所领导的企业才会在商战中各有沉浮。美国《财富》杂志近期刊登的一篇文章列举了20个决策实例，有的决策英明让人敬佩，有的决策却愚蠢可怕，它们不仅塑造了整个现代商业?</t>
  </si>
  <si>
    <t>八国集团首次“8+5” 共商援非和发展环境大计</t>
  </si>
  <si>
    <t>历史悠久、风景如画的英国苏格兰首府爱丁堡7月6日将成为世界关注的焦点，届时一年一度的八国集团首脑会议将在这里拉开帷幕，与会各国领导人在为期三天的会议中，将就影响全球利益的重大国际问题展开讨论。　　援助非洲和发展环境　　    作为今年8国集团峰会轮值主席国的</t>
  </si>
  <si>
    <t>美国“骑士”拯救百年路透</t>
  </si>
  <si>
    <t>一要有很好的学习能力，二要是很强的团队领袖，三要掌握新经济和新科技，四要拥有出色的业绩——路透集团的选举委员会拿着这四条标准，在全世界找了两年多，最终找到了现任的首席执行官、美国人汤姆·格罗瑟。　　    上任4年，格罗瑟“砍”掉了80多个周边业务公司，路透集</t>
  </si>
  <si>
    <t>麦奥云：带领大陆航空杀进中国</t>
  </si>
  <si>
    <t>美国大陆航空公司在成功开拓了日本、香港的航空市场后，又于近日杀进了被全世界航空界最为看好的中国大陆市场。6月16日，北京至纽约每日直飞航线正式开通，此后不久，《经济参考报》记者就成为了美国大陆航空公司亚太区总裁麦奥云在中国单独约见的第一位中国记者。</t>
  </si>
  <si>
    <t>走过意大利50年服饰长廊</t>
  </si>
  <si>
    <t>30年前专为美国前总统肯尼迪夫人杰奎琳设计的全球第一个圆形晚装手袋，魅力超凡的《罗马假日》女主角奥黛丽·赫本穿过的菲拉格慕红色高根鞋，电影《007》中男主角“万人迷”皮尔斯·布鲁斯南在电影中的笔挺西装以及一系列来自时装之都意大利的时装设计珍品于近日在香港国际金</t>
  </si>
  <si>
    <t>“中国因素”增强 贸易摩擦不可避免</t>
  </si>
  <si>
    <t>今年以来，中国和欧盟贸易摩擦频繁地出现在世界主流财经媒体的头条。6月11日，中欧刚刚就纺织品出口达成协议，中国鞋随即被列为反倾销对象进行调查。对中国鞋的调查还未结束，欧盟又开始酝酿提高对中国自行车征收反倾销税。据称，7月中旬，欧盟将给已经征收了13年的中国自行?</t>
  </si>
  <si>
    <t>一位美国人的房地产投资清单</t>
  </si>
  <si>
    <t>美国《华尔街日报》日前发表题为《看房屋是如何“吃钱”的》的文章，文章以一个真实的例子告诉读者，房屋并不一定可以从房价增长中获利。　　    一位购房者这样描述说：我在一个房价大幅飙升的市场拥有一套住房，但从某一方面看，我几乎一分钱也没有赚到，而且我也并不认?</t>
  </si>
  <si>
    <t>中国企业盈利能力正在下降</t>
  </si>
  <si>
    <t>在海外人士看来，随着中国的公司在企业兼并方面的胃口越来越大成为每日的头条消息，亚洲最大的这条巨龙似乎突然之间变得既富有又强大。在中海石油上周出价185亿美元竞购美国的加州联合石油公司后，这一观点变得更加不可动摇。　　    但深入了解中国的内部情况后就会发现，</t>
  </si>
  <si>
    <t>用权证解决股权分置的几大悖论</t>
  </si>
  <si>
    <t>随着沪深证交所《权证业务管理暂行办法》的出台，面对事实上已经形成的用权证方式来解决大型国企股权分置的主体思路，笔者不禁想问：股权分置的“土病”真要靠权证这帖“洋药”才能治愈？　　    所谓权证是一种股票期权，它可分为认购权证和认沽权证，在港交所和西方被称?</t>
  </si>
  <si>
    <t>中国东盟互降门槛商人怦然心动</t>
  </si>
  <si>
    <t>从7月20日起，我国与东盟将正式开始对原产对方的约7000个税目的产品相互给予优惠关税待遇。中国与东盟降低“贸易门槛”蕴含的巨大商机使中国商人怦然心动，毗邻东盟的粤、桂、滇等省份的很多企业已着手研究未来的市场变化。　　    中国—东盟自由贸易区是中国与东盟10国建</t>
  </si>
  <si>
    <t>世界各国谨慎应对手机辐射</t>
  </si>
  <si>
    <t>美国:手机辐射备受关注　　美国是一个手机消费大国，有关统计表明，截止到2004年，手机的普及率达61%，据估计，到2010年手机的普及率将达到75%。面对这样一个庞大且数量迅速增长的消费群体，手机辐射可能对人体造成的危害一直是联邦当局十分关注的问题。　　    在美国，</t>
  </si>
  <si>
    <t>国际财务报告准则考验欧洲企业</t>
  </si>
  <si>
    <t>从今年1月1日起，欧洲7000多家上市公司逐渐采用国际财务报告准则（IFRS），以此替代欧洲各地长期独立使用的25种会计标准。英国《经济学家》的一篇文章指出，尽管目前新准则的采用情况还算不错，但真正的考验还在后面。　　　　目前，7000多家欧洲公司要么已经采用IFRS，要?</t>
  </si>
  <si>
    <t>第六代导演热衷“回忆与自我”</t>
  </si>
  <si>
    <t>《青红》在戛纳电影节上的风光似乎没有给影院增添多少人气。甚至，有媒体报道说，在电影的故事发生地和拍摄地贵阳，几家最大的影院因为担心票房惨淡，索性没给《青红》一个公映的机会。　　    在笔者看来，《青红》彷佛是一部中国大陆版的《偷香》，后者是意大利著名导演?</t>
  </si>
  <si>
    <t>肯德基：要打造最好的中式快餐品牌</t>
  </si>
  <si>
    <t>擅长炸鸡翅、做汉堡的西式高手，能否料理好中式的粥、饭、包子、面？　　    继肯德基、必胜客欢乐餐厅、必胜宅急送、塔可钟墨西哥风情餐厅之后，肯德基所属的全球最大的餐饮集团百胜在中国推出了第五大餐饮品牌——“东方既白”。由此，百胜集团正式进入中式快餐市场。?</t>
  </si>
  <si>
    <t>创新和勇气：全球10位著名CEO成功之道</t>
  </si>
  <si>
    <t>托马斯·米德尔霍夫：　　    欧洲企业家缺乏的是勇气　　    提起托马斯·米德尔霍夫，很多人都会联想起他在德国贝塔斯曼集团的日子。有人称当时的米德尔霍夫像坐了火箭一样地升迁，然而尽管他曾经踌躇满志地要在公司内外部进行互联网式的革命，但最终他自己也遭到了被?</t>
  </si>
  <si>
    <t>面料为服装定义 款式为风格定位</t>
  </si>
  <si>
    <t>香港女装设计师张美仪多年来一直活跃于海外设计市场，曾为可口可乐国际集团、匡威（Converse）、美国著名内衣品牌“维多利亚的秘密”（Victoria’s Secret）等多个品牌提供设计服务，并长期为英国百货业巨头Debenhams、马莎百货（Mark &amp; Spencers）等提供设计、概念和产品开?</t>
  </si>
  <si>
    <t>美私人股权公司在德国遭遇“妖魔化”</t>
  </si>
  <si>
    <t>或许，没有地方比德国鲁尔工业区的盖尔森基兴市更加反感美国的私人股权公司。在这个失业率达到26%的重工业城市当中，随处都可听到对它们的批评和谴责。该市社会民主党主席弗兰茨·明特费林说，美国的私人股权公司就像蝗虫一样吞噬着德国企业，而当地工会“IG Metall”负责人?</t>
  </si>
  <si>
    <t>日产在中国瞄准龙头宝座</t>
  </si>
  <si>
    <t>就在丰田图谋压倒通用登上全球汽车霸主王位时，在中国这个当今世界汽车产业发展最为迅速的国家里，同样来自日本的汽车厂商——日产近一段时期内频繁调兵遣将。　　    “以双方时下的态度和势头来看，很难判断丰田能否在中国笑到最后。”一位业界资深人士这样对记者说。?</t>
  </si>
  <si>
    <t>中国离“千年发展目标”还差多远</t>
  </si>
  <si>
    <t>6月24日下午，记者从联合国驻华系统得到紧急通知，联合国秘书长科菲·安南千年发展目标特别顾问杰弗里·D·萨克斯教授在访问中国期间的记者见面会将由当天下午5：15提前至3：30。“他在中国的几天里一直在为《千年发展目标》奔波，日程也愈发紧凑。”联合国驻华系统工作人员?</t>
  </si>
  <si>
    <t>突击小型车市 大众止跌的杀手锏</t>
  </si>
  <si>
    <t>最近，一则大众汽车将面向中东和中国市场推出定价为3700美元的超低价车型的消息令不少打算成为有车族的人兴奋不已。“花买夏利的钱，开上大众公司生产的汽车，如果那是真的，还犹豫什么呀。”刚刚工作一年的小孙这样憧憬着他的汽车梦。　　主攻中国中高档车20年　　    ?</t>
  </si>
  <si>
    <t>顶级男装量身订制</t>
  </si>
  <si>
    <t>作为世界最负盛名的男装品牌，杰尼亚的顾客名单中包括有法国前总统密特朗、英国王子查尔斯、美国影星克拉克、好莱坞巨子盖勃等众多世界名流。　　    11.6万元订制一套西服——意大利顶级男装杰尼亚（Ermenegildo Zegna）日前在上海外滩18号的旗舰店推出了这项服务。用天价</t>
  </si>
  <si>
    <t>出口机电面临欧盟“绿色壁垒”</t>
  </si>
  <si>
    <t>近一段时期，“中国制造”在国际市场上命途多舛。中欧纺织品贸易争端刚刚平息，一场“绿色风暴”又将席卷中国机电产业，即将生效的欧盟环保绿色指令有可能让中国机电产品再次受困于“荆棘丛生”的国际市场。　　“双绿”指令再指机电出口　　    欧盟的环保指令又称“双?</t>
  </si>
  <si>
    <t>揭开中美贸易赤字的面纱</t>
  </si>
  <si>
    <t>中美贸易不平衡问题的凸显，再次引起了美国各界的高度重视，并正逐渐成为影响未来中美经贸关系发展的最重要经济因素。　　美对华“贸易逆差”背后隐藏了美国企业的巨额隐性收益　　    中国对美出口的产品中70%以上属于“两头在外”的来料加工出口和进料加工装配出口，即</t>
  </si>
  <si>
    <t>欧盟与可口可乐就营销方式达成协议</t>
  </si>
  <si>
    <t>本报布鲁塞尔电 欧盟委员会22日发表公报称，欧盟已经同美国可口可乐公司就其营销方式问题达成正式和解协议，欧盟免除对可口可乐公司的罚款，而可口可乐公司承诺使其在欧洲的营销方式符合欧盟竞争法的要求。　　    根据这份协议，可口可乐公司将不得与零售店和餐厅签署排他</t>
  </si>
  <si>
    <t>中国产业集群正由沿海向内陆扩展</t>
  </si>
  <si>
    <t>美国人最近的一项“重要发现”——中国产品竞争力奥秘在于产业集群化，使在中国早已不新鲜的产业集群现象再次成为人们关注的焦点。有关专家日前接受本报记者采访时指出，中国的产业集群正在由东向西，由沿海向内陆扩展。　　    很长一段时间，中国产品的物美价廉一直让美?</t>
  </si>
  <si>
    <t>营养学家：严格食素更健康</t>
  </si>
  <si>
    <t>营养学家普遍认为，只吃素食、拒绝奶制品的人，容易得骨质疏松症。然而，最近美国医学家发布的研究结果却令人吃惊——严格的素食主义者虽然看上去比普通人瘦，实际上他们骨质强壮，身体更健康。　　    “严格素食主义者”只吃源于植物的食品，这些食品不经过烹饪、加工或?</t>
  </si>
  <si>
    <t>美国金融“疯狂”监管时代将结束</t>
  </si>
  <si>
    <t>对美国金融领域来说，当局的监管举措似乎比市场本身的起起伏伏还要牵动人心，因此美国证券监管领域三位显赫人物即将离职的消息引起业内人士的普遍关注。最新一期英国《经济学家》发表文章指出，他们的离职可能意味着美国金融领域“疯狂”监管时代的结束。　　    这三位即?</t>
  </si>
  <si>
    <t>国际原油价格飙升主因是供求</t>
  </si>
  <si>
    <t>本报伦敦电 英国权威经济报纸《金融时报》21日刊登的一篇文章认为，近期国际市场原油价格大幅飙升，虽然与挪威石油工人罢工有关，但更主要是原油供求形势造成的。　　    20日，纽约商品交易所7月份交货的轻质原油期货价格每桶上涨90美分，收盘价升至59.37美元，再次刷新历</t>
  </si>
  <si>
    <t>资源枯竭型企业转型探出新路</t>
  </si>
  <si>
    <t>曾经是亚洲最大的机械化露天煤矿——阜新矿业集团海州露天煤矿，由阜新市中级人民法院8日依法公告关闭破产。这是中国政府近年来关闭的最大一家资源枯竭的露天煤矿。　　    与以往关闭资源枯竭型企业单纯依靠社会安置职工就业的做法不同，海州露天煤矿的关闭探索了一个新的</t>
  </si>
  <si>
    <t>版号：024</t>
  </si>
  <si>
    <t>中央高层关注滨海新区开发</t>
  </si>
  <si>
    <t>滨海新区位于天津市东部临海地区，由天津港、开发区、保税区及塘沽、汉沽、大港三个行政区组成，面积2270平方公里，人口107万。自1984年这里改革开放以来，经济快速增长，外资大量进入，滨海已成为中国北方发展最快的地区之一。　　    1986年8月21日，邓小平同志在视察天?</t>
  </si>
  <si>
    <t>汽车召回VS危机公关</t>
  </si>
  <si>
    <t>黑对白，软对硬，正义对邪恶，诚实对欺骗。汽车召回后面应该对什么？危机公关！　　    近段时间，韩国现代进口到中国的酷派跑车将成为“中国汽车强制召回第一案”的推测频频见诸报端。不过记者认为，在主管部门正式表态之前，这些业内推测尚不能成为引导公众的实证。但是?</t>
  </si>
  <si>
    <t>把一人公司策划好</t>
  </si>
  <si>
    <t>一人公司是指公司成员为一人，即仅有一个股东持有全部出资额或股份的公司。由于一人公司对传统公司法确立的公司社团性、股东有限责任和公司法人治理结构带来巨大冲击，法律是否应对其予以承认，历来争议颇多。1897年英国Salmon v.Salmon ＆Co.Ltd一案首次承认了实质一人公司?</t>
  </si>
  <si>
    <t>私人股权公司在印度尝到甜头</t>
  </si>
  <si>
    <t>最新一期美国《商业周刊》发表文章称，美欧私人股权投资公司纷纷进入印度淘金。　　    私人股权公司华平创业3月14日宣布已将所持有巴帝电信公司2/3的股份卖掉，这成为今年印度最具有轰动性的新闻。不仅仅因为这是印度历史上最大的一笔股份交易，而且这笔交易在短短的26分?</t>
  </si>
  <si>
    <t>我纺织品出口可能实施“主动配额”</t>
  </si>
  <si>
    <t>根据11日签署的《中欧纺织品贸易问题备忘录》，在2005年6月11日到2007年底，中国对欧盟出口棉布、T恤衫等10类纺织品将按照每年8%到12.5%的数量增长。业界人士分析认为，要兑现出口有序增长的承诺，实施纺织品出口“主动配额制”将是最为可能的选择。而配额分配方式如何确定，</t>
  </si>
  <si>
    <t>房地产泡沫考验美联储</t>
  </si>
  <si>
    <t>今年春季美国房价涨势依然强劲。部分经济学家指出，目前的房地产市场隐忧已经对美国经济造成严重威胁，若泡沫破灭可能导致经济陷入衰退。 　　    自2000年网络泡沫破灭以来，美国经济在增长步伐加快的同时，也同样面临着房地产泡沫、贸易赤字，以及个人储蓄利率偏低等经济</t>
  </si>
  <si>
    <t>供需矛盾带来棉花期货价格压力</t>
  </si>
  <si>
    <t>本报讯  从郑州商品交易所了解到，随着中国和美国、欧盟纺织品贸易磨擦的发生，棉花供需缺口问题日益成为期货市场关注的焦点。与此同时，期货市场上的棉花仓单却持续增加，截至上周，已注册的棉花仓单为5326张，有效预报1248张，合计可供资源约13万吨，对期货价格形成较大压?</t>
  </si>
  <si>
    <t>欧盟机电产品绿色壁垒：长三角制造遇难题</t>
  </si>
  <si>
    <t>经过艰难的磋商，欧盟与我国就纺织品贸易问题刚刚达成协议。但在机电领域，一片更难解决的“阴云”早就笼罩在中国制造头上。　　    8月13日，欧盟在电机电器产品方面的环保指令WEEE就将生效，而相关指令RoHS也将在2005年的7月1日实行。据权威人士评估，这两项构建绿色壁垒</t>
  </si>
  <si>
    <t>《大长今》演绎“韩流”升级版</t>
  </si>
  <si>
    <t>几年前，韩国文化在中国掀起的是一场时尚潮流：宽大的吊裆裤、超SIZE的长衣、又粗又酷又另类的饰物……都市青少年纷纷以“哈韩一族”自我标榜。而以金喜善、张东健、元彬、宋惠乔等俊男靓女为招牌的纯情偶像、唯美浪漫剧与此同时也迷倒了不少年轻人。　　    2005年，一股?</t>
  </si>
  <si>
    <t>男装女装元素互用</t>
  </si>
  <si>
    <t>Patryk Chaou (周靖豪)　　　　1991年获加拿大不列颠哥伦比亚大学国际关系学士学位。　　　　1996年取得加拿大Kwantlen University时装设计及技术硕士文凭。　　　　1997年，由他负责服装及美术指导的系列短片在德国“国际独立短片节”上取得“最佳独立影片”奖。　?</t>
  </si>
  <si>
    <t>城市危机管理：世界市长面临新课题</t>
  </si>
  <si>
    <t>在6月10日举行的世界市长论坛上，来自世界各国的市长表示，随着城市发展的加快和规模的扩张，城市对能源和基础设施依赖性增强，自然灾害、传染病、火灾、甚至恐怖事件等危机时刻威胁着城市的健康发展。　　    法国巴黎市长贝尔特朗·德拉诺埃、加拿大新格拉斯哥市长Ann Ma</t>
  </si>
  <si>
    <t>香港“检讨”勾地表制度</t>
  </si>
  <si>
    <t>因为房地产市场复苏，近期香港有房地产开发商呼吁政府在实施勾地机制的同时应该恢复定期卖地，但社会上对有关问题意见分歧。　　何为勾地表制度　　    房地产市场是香港的支柱产业之一。但亚洲金融危机后，香港楼市大跌，房地产陷入危机中。勾地表 (申请售卖土地表)制度</t>
  </si>
  <si>
    <t>八国集团为穷国减负四百亿</t>
  </si>
  <si>
    <t>正在英国伦敦召开的八国集团财长会议11日达成一项历史性协议，决定立即免除18个重债贫困国所欠国际金融机构的全部400亿美元债务。　　    这项有史以来全球最大规模的债务减免计划受到了相关国家的欢迎，但一些援助机构认为，发达国家为消除世界贫困、疾病和饥饿所作的努力</t>
  </si>
  <si>
    <t>经济复苏香港恢复往日魅力</t>
  </si>
  <si>
    <t>作为亚洲四小龙之首的香港在经受了1997年亚洲金融风暴和不久前的非典袭击之后，经济已经呈现全面复苏的明显迹象。　　    据《商业周刊》报道，香港经济的一派繁荣景象令人欣喜，但同时正在复苏中的香港也面临着更多的挑战。　　    房地产业　　    丹尼·梁先生是一?</t>
  </si>
  <si>
    <t>争端和解 长三角纺织品出口面临重新洗牌</t>
  </si>
  <si>
    <t>11日签署的《中欧纺织品贸易问题备忘录》终止了欧盟对源自中国的棉布、T恤衫等10类纺织品的调查，并决定到2008年，欧盟将对中国“全面开放”纺织品市场。本来以为在2005年就能进入“后配额时代”的长三角纺织行业，却又迎来一个“前全面开放期”。　　    业内人士认为：这</t>
  </si>
  <si>
    <t>薄熙来曼德尔森加分美国应避免继续失分</t>
  </si>
  <si>
    <t>两天前，经过10个小时的连续艰苦谈判，中国商务部部长薄熙来和欧盟贸易委员曼德尔森略显疲惫、但又面带笑容出现在中外记者面前，宣布中欧就纺织品争端达成协议。这个消息迅速传遍全球，几乎赢得一致好评。　　    8天前，当美国商务部部长古铁雷斯匆匆结束其上任后的首次访</t>
  </si>
  <si>
    <t>商界精英沪上体验顶级奢侈品</t>
  </si>
  <si>
    <t>林宝坚尼跑车（Lamborghini）、Feadship游艇、丽兹饭店（Ritz Paris）、法国干邑(Armagnac Castarede)、Bovet1822名表……这些来自世界各地，拥有数十年乃至上百年历史的顶级奢侈品牌近期齐齐亮相于上海国际会议中心，吸引了中国商界精英们关注的目光。　　    据了解，此?</t>
  </si>
  <si>
    <t>丘拜斯：都是私有化惹的祸？</t>
  </si>
  <si>
    <t>两周前的莫斯科大停电事故，让许多俄罗斯百姓对俄罗斯统一电力公司怨声载道。莫斯科电力公司总裁叶夫斯塔菲耶夫迫于压力闪电辞职，于是所有的矛头都对准了莫斯科电力公司的上级“统一电力系统公司”总裁丘拜斯。　　    有“俄罗斯私有化总设计师”之称的丘拜斯，会不会成?</t>
  </si>
  <si>
    <t>北京将拍卖街道公共设施经营权</t>
  </si>
  <si>
    <t>作为2008奥运会举办地，北京正在大刀阔斧地对城市基础设施建设市场进行改革，其中一项就是对城市街道公共设施特许经营权进行拍卖。而作为全球知名城市公共设施经营公司，法国JCDecaux公司试图全面进入北京的大街小巷，给北京来一次整体的包装。虽然北京方面希望在2008年向世?</t>
  </si>
  <si>
    <t>欧洲最大跨国银行并购呼之欲出</t>
  </si>
  <si>
    <t>本报讯 尽管法荷两国全民公决未通过《欧盟宪法条约》，但日前的一条有关欧洲银行跨国并购的消息给欧洲一体化支持者带来了新希望。　　    据国外媒体报道，意大利第一大银行联合信贷银行有意收购市值约165亿欧元的德国第二大银行裕宝联合银行，目前谈判已进行到深入阶段，?</t>
  </si>
  <si>
    <t>明基收购西门子手机业务</t>
  </si>
  <si>
    <t>本报讯 6月7日，德国西门子公司宣布，明基集团将整体收购包括全球6000名雇员在内的所有西门子手机业务。　　    西门子公司并未对外公布收购金额,但外电消息显示，明基将投入3.5亿欧元完成本次收购，同时，西门子将收购明基价值5000万欧元的新股，从而持有明基2.5%的股份。</t>
  </si>
  <si>
    <t>欧元区12国打响欧元保卫战</t>
  </si>
  <si>
    <t>当地时间6月7日，欧盟财长会议在布鲁塞尔举行，主要讨论2007年至2013年的财政预算方案，并就法荷两国公投否决《欧盟宪法条约》对欧盟和欧元的不利影响交换意见。此前一天，在欧元区12国财长会议上，与会各方纷纷表态支持欧元，同时驳斥了各种不利于欧元的“无稽之谈”。由此?</t>
  </si>
  <si>
    <t>外国记者关注中国核电三大问题</t>
  </si>
  <si>
    <t>核，是一个十分敏感的字眼，中国核电近年来的飞速发展引起了国外媒体的广泛关注。　　    6月6日，外交部新闻发布厅，一场主题为“中核集团与中国核电发展”的中外记者吹风会吸引了近百名中外记者。来自美国、德国、印度、西班牙、日本、俄罗斯、巴基斯坦等国的驻华记者们?</t>
  </si>
  <si>
    <t>内陆也可建核电站</t>
  </si>
  <si>
    <t>到2020年我国核电装机规模达到4000多万千瓦，但进入规划的核电厂址全部位于我国沿海地区。随着经济发展，内陆省份能源、运输、环境的矛盾也将会越来越突出。中国电力投资集团公司副总经理张晓鲁提出，中国应考虑在内陆建设核电厂。　　专家提出内陆选址　　    发展核电?</t>
  </si>
  <si>
    <t>贵州与德国合作开发生物能源</t>
  </si>
  <si>
    <t>本报讯  记者从贵州省科技厅获悉，德国正在与贵州省合作开发生物能源。　　    贵州省科技厅厅长于杰介绍说，贵州的生物能源资源有特色、有竞争力，在全国范围内德国仅与贵州有这方面的合作。双方从去年开始合作，目前正处于互相调研及战略层面的研讨阶段，贵州正组织科技?</t>
  </si>
  <si>
    <t>被轻视的不仅是消费者</t>
  </si>
  <si>
    <t>肯德基的苏丹红事件刚平息不久，雀巢奶粉碘含量超标问题又被曝光，联想到近一段时间被质疑产品质量有问题的洋品牌远不止这些，比如牙膏、化装品、茶叶还有汽车等等，一向对跨国大公司比较信任的国人开始对这些公司在中国的经营诚信问题产生怀疑，为什么他们在本国或其他地方?</t>
  </si>
  <si>
    <t>翻拍经典老片 讨巧不讨好</t>
  </si>
  <si>
    <t>记不记得那个著名的关于连任和三明治的故事：有记者问富兰克林·罗斯福第四次连任美国总统后的感想。罗斯福笑而不答，却端出三明治请对方品尝，记者硬着头皮吃下三片后终于力不从心。这时，罗斯福微笑着说：“现在您不需要问我了，您已经有了亲身的感受。”　　    对于很?</t>
  </si>
  <si>
    <t>天津德普行贿在美被罚拷问中国市场潜规则</t>
  </si>
  <si>
    <t>天津德普诊断产品有限公司因在我国行贿，近日在美国被处罚近４８０万美元。专家分析认为，天津德普行贿被罚事件，再次暴露出我国一些行业的潜规则——商业贿赂已成行规，让从业者陷入“谁不给就出局”的“囚徒困境”，也让我国法律法规陷入尴尬。　　    商业贿赂已对我国?</t>
  </si>
  <si>
    <t>中美交锋纺织品：贸易保护主义行不通</t>
  </si>
  <si>
    <t>近几天</t>
  </si>
  <si>
    <t>中俄印外长首次单独会晤 构建能源大三角战略</t>
  </si>
  <si>
    <t>6月2日，中国外交部长李肇星和俄罗斯外长拉夫罗夫、印度外长辛格在俄罗斯远东港口城市符拉迪沃斯托克举行非正式会晤，就共同关心的国际和地区问题进行了广泛沟通，会晤后三国外长还发表了《联合公报》。　　    公报中提出，三国在运输、农业、能源和高技术等领域合作潜力?</t>
  </si>
  <si>
    <t>构建新时期环境保护战略</t>
  </si>
  <si>
    <t>经济发展的质量直接影响环境状况。欧美等发达国家在人均GDP8000—10000美元的发展阶段，环境状况总体开始好转，韩国等新兴工业化国家使这一转折点提前到人均GDP5000—7000美元的发展阶段。我国东部一些地区和典型示范区在人均GDP达到3000美元左右时环境质量开始改善。因此，?</t>
  </si>
  <si>
    <t>美欧设限不符合WTO贸易规则</t>
  </si>
  <si>
    <t>今年１月１日，持续了４０多年的世界纺织品配额制度终于宣告取消，这对纺织品生产大国中国来说无疑是个福音，理应可以更好地发挥优势，迎来一个出口的春天。然而，美国和欧盟并不愿意看到中国主导世界纺织品市场，配额取消仅３个月就对中国纺织品设置种种限制或“特保”措施?</t>
  </si>
  <si>
    <t>无助于解决全球贸易失衡</t>
  </si>
  <si>
    <t>本报讯亚洲开发银行研究认为，重估人民币汇率，对全球贸易不平衡以及美国的贸易逆差所产生的影响将是十分有限的。　　这是亚行经济学家帕克女士在她最近发表的一篇文章中提出的观点。帕克所做的宏观经济模拟研究表明，假设人民币汇率重估幅度为１０％，那么它只能使美国的?</t>
  </si>
  <si>
    <t>美国：断裂的经济霸权史</t>
  </si>
  <si>
    <t>国际经</t>
  </si>
  <si>
    <t>美证交会主席“谢幕”后掌声如潮</t>
  </si>
  <si>
    <t>6月1日，美国证券交易委员会（SEC）主席威廉·唐纳森宣布辞职，美国总统布什、纽约证券交易所首席执行官约翰·塞恩、纳斯达克电子交易所总裁兼首席执行官鲍勃·格赖费尔德都给予了高度评价。有媒体援引美国共和党的内部消息说，来自加利福尼亚州的国会议员克里斯托夫·考克斯</t>
  </si>
  <si>
    <t>中印钢铁业相互吸引</t>
  </si>
  <si>
    <t>按照计划，印度印中贸易中心秘书长Saqib先生将于近期来到北京，其主要目的是为了中国和印度的钢铁业。中国需要印度的铁矿石，印度也同样需要来自中国的焦炭，“中国龙”和“印度象”之间的合作将建起一座钢铁的桥梁。    一年4000万吨的贸易量，已经使印度在去年超过巴西成</t>
  </si>
  <si>
    <t>丰田美国化站稳北美市场</t>
  </si>
  <si>
    <t>25年前，当美国汽车制造商因进口日本车的大量增加而处于破产边缘时，美国上下都一致讨伐日本汽车公司，失业的汽车工人更是对丰田等日本汽车抡起了大锤。今天，当通用、福特等美国汽车公司再次受到日本汽车的市场威胁时，美国人不仅不会采用过激的方式应对，而且还会像密歇根?</t>
  </si>
  <si>
    <t>《萨奥法案》404条款推后实施  在美上市外国公司得以喘息</t>
  </si>
  <si>
    <t>日前，美国证券交易委员会决定，延迟在美上市外国公司提交财务报表内控报告（下称“《萨奥法案》４０４条款”）的时间，最后的期限由今年７月１５日推后一年实施。这一决定给许多在美上市外国公司带来了福音。    “４０４条款”功与过    ２００２年，在安然、世通等公?</t>
  </si>
  <si>
    <t>美国新一代炒房者的游戏轨迹</t>
  </si>
  <si>
    <t>近期，美国《财富》杂志对洛杉矶、拉斯维加斯、凤凰城、奥斯汀和迈阿密的房地产投机者进行了调查。调查的结果显示，他们普遍承认美国房地产市场存在泡沫，而且泡沫破裂可能很快就会到来，但是他们却认为，自己投资的那个地区的房产市场不会遭遇这种不幸，或者说，即使自己投?</t>
  </si>
  <si>
    <t>印度经济增长面临挑战</t>
  </si>
  <si>
    <t>如果没有以下两点，印度经济的表现堪称出色：    首先，自１９９１年实行对外开放政策以来，印度经济每年平均增长６％，人均国内生产总值按购买力平价折算翻了一番。然而，印度无法沾沾自喜：它有超过２.６亿贫困人口，４岁以下儿童将近半数体重不足。    其次，印度与中</t>
  </si>
  <si>
    <t>长安、福特、马自达合资发动机项目获批</t>
  </si>
  <si>
    <t>长安汽车集团、福特汽车公司和马自达汽车公司5月24日联合宣布：三方在江苏省南京市江宁经济技术开发区新建发动机合资公司的项目已经获得国家发改委的批准。该项目的批准标志着长安、福特和马自达三方在华合作又迈出了重要一步。    福特汽车公司执行副总裁、福特亚太及非洲</t>
  </si>
  <si>
    <t>美国大公司竟相回购股票</t>
  </si>
  <si>
    <t>摩托罗拉日前宣布，公司将在未来3年内回购价值40亿美元的股票。不过，对于华尔街的投资者，这则消息绝对不是什么“重磅炸弹”，因为准备回购股票的美国公司已经“排起了长队”。    据报道，最近一个月，就有3家美国大公司先后表达了回购股票的意愿。4月26日，IBM董事会批?</t>
  </si>
  <si>
    <t>美国活跃着患者游说团体</t>
  </si>
  <si>
    <t>尽管美国食品和药物管理局(FDA)决定继续禁止在美国进行硅胶隆胸手术，但不屈不挠的女性团体仍不打算就此放弃。出于对曼妙身材的极端渴望，一些美国女性将继续通过各种手段向FDA表达自己的意愿，就像其他依赖被禁药物治疗疾病的患者一样。    上个月，美国食品和药物管理局(</t>
  </si>
  <si>
    <t>中印携手能源:力度仍需加大</t>
  </si>
  <si>
    <t>4月,国务院总理温家宝访问印度，与印度总理曼莫汉·辛格共同签署了《中华人民共和国与印度共和国联合声明》。其中一项重要内容为：“双方同意，在能源安全和节能领域开展合作，包括鼓励两国有关部门和单位在第三国协作勘探和开采石油天然气资源。”这充分表明了中印两国推进?</t>
  </si>
  <si>
    <t>三大改观有望年内捧红“赴台游”</t>
  </si>
  <si>
    <t>本报讯 “我们和台湾的旅行社一直有联系，双方业内人士听到这个消息后就开始进行沟通并为即将而来的通游积极准备着。”中国国际旅行社总社出境游总部市场营销部总监林康5月23日接受本报记者专访时表示，业界对大陆游客赴台游这块蛋糕垂涎已久，只要政策细则一出台，有资质的?</t>
  </si>
  <si>
    <t>日本等国加紧入常攻势</t>
  </si>
  <si>
    <t>经过一段时间表面上的沉寂之后，由日本、德国、印度和巴西组成的四国联盟近日加紧了争取加入联合国安理会的攻势。16日，四国联手向联合国其它成员国散发了一项框架协议草案，要求增加6个安理会常任理事国席位，同时建议第59届联大6月份就该决议草案进行辩论和表决。    新?</t>
  </si>
  <si>
    <t>Google、雅虎引领网络广告业新潮流</t>
  </si>
  <si>
    <t>美国财经杂志《广告时代》预测，今年Google和雅虎的广告收入之和与美国三大电视网——美国广播公司、哥伦比亚广播公司和全国广播公司在黄金时段的广告收入之和不相上下。曾几何时，黄金时段30秒钟的电视广告被视为最为有效的广告手段，网络广告的出现打破了这一神话。    ?</t>
  </si>
  <si>
    <t>手机游戏成产业新亮点</t>
  </si>
  <si>
    <t>如今，随着科技的不断进步，带有彩屏和一些计算功能的手机进入大众市场，这些手机正悄然成为一种游戏平台。提供商开始以一种新的方式迎合人们对在线游戏的需求。而手机游戏也已不再是孩子们专制，成年人也对此表现出了强烈的兴趣。    提起“俄罗斯方块”，在当今世界上，?</t>
  </si>
  <si>
    <t>北美再掀油电混合动力车风潮</t>
  </si>
  <si>
    <t>本报讯 居高不下的油价在北美汽车市场催发油电混合动力车风潮，许多体积庞大的“油耗子”正在被体积轻巧、环保清洁的油电混合动力轿车所取代。    在过去数十年中，SUV汽车一直是北美汽车市场的“宠儿”，但持续高企的油价迫使耗油量极大的SUV销量一跌再跌。据通用汽车4月?</t>
  </si>
  <si>
    <t>全球包装食品行业创新不足</t>
  </si>
  <si>
    <t>全球消费市场调查研究权威机构欧洲透视（Euromonitor）称，全球包装食品行业面临大型超市自有品牌产品的巨大挑战。英国《经济学家》载文指出，在健康食品日益受到重视以及零售商自有品牌产品激烈竞争的情况下，提高包装食品行业创新能力至关重要。    现在，沃尔玛、家乐福</t>
  </si>
  <si>
    <t>欧盟“指令”削平中国家电成本优势</t>
  </si>
  <si>
    <t>8月13日，欧盟“双绿指令”中的其中一项即将实施。届时，我国出口欧盟市场的所有机电产品将受到较大影响，保守估计，仅江苏省受影响的机电产品就在100亿美元以上。    业界人士认为，欧盟“指令”明显增加了中国家电企业的出口成本，将大大削弱我国家电进军欧盟市场的价格?</t>
  </si>
  <si>
    <t>美国公司债券市场遭遇“倒春寒”</t>
  </si>
  <si>
    <t>在经历了几年的好时光之后，美国公司债券市场初显疲态。特别是日前通用、福特两大汽车巨头的信用等级下调，更令债券市场人心惶惶。一些分析人士指出，今后很多美国公司可能会暂时搁置债券发行计划，或者削减发行规模。    一般来说，公司信用等级高，就能以比较低的利率成?</t>
  </si>
  <si>
    <t>维生素健康家电风靡日本</t>
  </si>
  <si>
    <t>近年来，日本各种形式的健康家电层出不穷。已经持续了几年的负离子清新空气、等离子除菌、真负离子群杀菌等健康家电热还没有完全退去，新型的维生素健康电器又紧跟登场。日本电器厂商已经相继推出了10多种能够增加维生素或者减少维生素损失的家电产品。维生素健康家电开始风?</t>
  </si>
  <si>
    <t>我国石油储备能应付一般国际风波</t>
  </si>
  <si>
    <t>在《财富》全球论坛１７日下午进行的一次高端能源研讨中，国家发改委主任马凯和中石化公司总经理陈同海共同回答了有关我国石油储备的问题。    这个讨论由《财富》杂志亚洲编辑钱科雷（Clay Chandler）任主持人，在谈到能源储备问题时，他说：“马先生我想问您一个问题：美</t>
  </si>
  <si>
    <t>首家牛肉跟踪追溯系统上岗</t>
  </si>
  <si>
    <t>哪块牛肉出现了质量问题，都能查出是哪头牛的事。这套系统不久前通过验收后正式运行，能完成从肉牛养殖开始到屠宰、分割、配送全过程的追溯，促进了我国出口食品更加符合欧盟和美国的新法规要求。    本报讯 日前，我国首家牛肉跟踪与追溯系统在大兴区魏善庄镇金维福仁清真</t>
  </si>
  <si>
    <t>让论坛带来更多财富</t>
  </si>
  <si>
    <t>数百位世界顶级企业家聚首北京，参加《财富》全球论坛。自1995年起，美国时代华纳集团所属的《财富》杂志开始举办这个论坛，邀集世界顶级企业家和政要探讨世界工商业发展中的重大问题。论坛已经是第三次在中国举办，这次更是来到中国的首都北京。与会者来北京肯定不是游山玩?</t>
  </si>
  <si>
    <t>《财富》论坛激论美元币值走势</t>
  </si>
  <si>
    <t>本报讯 美元贬值是近年来国际货币体系中最引人注目的一件事情，在《财富》全球论坛“美元贬值对全球的冲击”专题讨论会上，来自各国的经济学家对美元是否会持续低迷甚至继续贬值的问题进行了激烈的讨论。    摩根士丹利首席经济学家斯蒂芬·罗奇说，过去几年中美元贬值了14</t>
  </si>
  <si>
    <t>填海造地风越刮越大</t>
  </si>
  <si>
    <t>近年来，随着我国经济和各项建设的快速发展，土地紧张的矛盾日益突出，在国家收紧土地“闸门”的情况下，一些沿海地区把寻找土地的目光瞄向了大海，“填海造地”之风日甚。    75年间胶州湾缩小35%    在今年青岛市十三届人大三次会议上，一份关于保护胶州湾的议案在青岛</t>
  </si>
  <si>
    <t>顶级奢侈品瞄准中国富豪口袋</t>
  </si>
  <si>
    <t>国际顶级私人物品展（Top Marques），是世界富豪极尽奢华的“游戏”，更是炫耀富有的“舞台”。这个展览每年四、五月间在世界富豪聚居之地摩纳哥的蒙特卡洛举办，展会吸引了世界上最奢侈、最顶级的知名跑车、游艇、私人飞机、珠宝、名酒以及各类顶级房产、高尔夫俱乐部、私人</t>
  </si>
  <si>
    <t>违者重罚：美国汽车召回已成家常便饭</t>
  </si>
  <si>
    <t>今年以来，美国通用汽车公司频频宣布召回“问题车”。不明就里的人可能会以为通用公司的汽车质量突然间发生了很多问题。实际上，这是美国加强汽车质量管理的一个具体体现。    最近３个月里，通用汽车公司连续每月宣布召回存在一些微小缺陷问题的车辆，３月和４月份分别召?</t>
  </si>
  <si>
    <t>冰城人的西餐情结</t>
  </si>
  <si>
    <t>夜幕下的哈尔滨，毗邻果戈理大街的俄罗斯河园西餐酒吧一条街霓虹闪烁，灯火辉煌。工作了一天的冰城人在这里放松身心，品味时尚，享受浪漫。哈尔滨人浓重的西餐情结在夜色中愈加显现。    一把15米高的电吉他形状的圣彼得堡西餐酒吧标牌，在河园西餐一条街上显得鹤立鸡群，?</t>
  </si>
  <si>
    <t>俄罗斯：大起大落的大国命运</t>
  </si>
  <si>
    <t>谁也不能否认，俄罗斯是这个世界上最伟大的民族之一，其文化、艺术、科学、建筑等各个领域取得的成就熠熠生辉。悠扬的《卡秋莎》，绵长的伏特加，莫斯科餐厅，《钢铁是怎样炼成的》，保尔·柯察金，波澜壮阔的卫国战争电影，雄伟的苏式建筑……也因为战后历史上苏联与中国的?</t>
  </si>
  <si>
    <t>国际投行热评Ａ股股权分置改革</t>
  </si>
  <si>
    <t>内地股市启动股权分置改革试点工作，引起了一些国际投资银行的关注。他们认为，这项改革是内地证券市场发展的一个里程碑，为内地证券市场的长期稳定发展创造了客观条件。同时，也有助于内地上市公司提高公司治理水平，保护中小股东利益。    Ａ股投资价值凸现    瑞士信?</t>
  </si>
  <si>
    <t>“世界工厂”拒绝成为“世界垃圾场”</t>
  </si>
  <si>
    <t>“世界工厂”的称号属于１９世纪的英国，２０世纪初期的美国和后期的日本，现在，这顶“桂冠”又正在转给中国。目前，世界上出售的照相机有５０％以上在中国生产，３０％以上的空调和电视机、２５％以上的洗衣机和约２０％的电冰箱在中国生产……中国制造业的工业增加值居世?</t>
  </si>
  <si>
    <t>日本洗衣机技术趋势扫描</t>
  </si>
  <si>
    <t>近几年，普通全自动洗衣机在日本城市和乡村先后普及，再加上不断加快的现代化生活节奏，使日本消费者对洗衣机的需求已经从原来单纯追求洗净、方便、节水节电等逐步向洗涤干燥一体化、抗菌消毒、无噪音等方面转变。    日本人穿着尤为讲究，社交时需要穿高档衣物，休闲时穿?</t>
  </si>
  <si>
    <t>奇瑞低调回应通用大宇侵权诉讼</t>
  </si>
  <si>
    <t>本报合肥电 韩国通用大宇公司诉奇瑞公司ＱＱ车侵权案由于奇瑞提出的管辖权异议申请，得到最高人民法院批准，受理法院从上海第二中级法院移交至北京第一中级法院，致使该案再次受到舆论关注。奇瑞公司副总经理周必仁在接受记者采访时表示，奇瑞在法院正式开庭审理之前，不会对</t>
  </si>
  <si>
    <t>欧洲养老金恋上对冲基金</t>
  </si>
  <si>
    <t>美国《商业周刊》发表文章指出，欧洲许多公司和高等院校一改往日只投资低收益低风险的股票及债券的传统，纷纷将员工的部分养老金投资于对冲基金，作为投资组合多元化的一种选择。    20世纪90年代后期，当雀巢公司的养老基金管理者首次提出将一部分养老金投资于对冲基金时?</t>
  </si>
  <si>
    <t>全球手机巨擘纷纷进驻印度</t>
  </si>
  <si>
    <t>最新一期美国《商业周刊》发表文章称，印度削减税率、兴建基础设施、简化审批手续等措施吸引众多国际知名手机厂商进驻，成为投资建厂的理想基地。    过去，印度供应链缺乏活力，基础设施建设薄弱，再加上政府的官僚作风，把许多国际大型制造商挡在门外。如今，情况发生了?</t>
  </si>
  <si>
    <t>中国企业跨国并购热中的风险因素</t>
  </si>
  <si>
    <t>“2004年度中国十大并购事件竟有7件是跨国并购交易，几年前在国际舞台上还是默默无闻的中国企业家突然发力，连续几个大的收购行动直指全球公司巨头。”在2005年“五一”黄金周前夕由商务部和联合国贸发会议举办的中国企业“走出去”国际论坛上，业内各方无不为中国企业近年来</t>
  </si>
  <si>
    <t>朱伟基：美国人不懂中国公关</t>
  </si>
  <si>
    <t>4月下旬的一天，凯旋先驱北京办事处接待室，《经济参考报》记者等待着和一位地道的香港商人、也是全球公关行业资深人士的单独对话。这时，一位学者模样的中年男子径直走进来，坐在了记者的对面，他穿着黑白格子衬衣，外面套一件黑色马夹，短寸头发直直地竖着，一副宝石蓝边眼</t>
  </si>
  <si>
    <t>当游艇成为中国人的生活方式</t>
  </si>
  <si>
    <t>豪华游艇展与国际汽车展近期在上海双双落幕，时间上的巧合，正呼应了游艇行业一句广为流传的话，“汽车近了，游艇还会远吗？”越来越多的人开始接近游艇    德国超级游艇巨头Lurssen、意大利著名游艇品牌Pershing、曾为电影《007》制作游艇的英国造船巨子Princess……1.5</t>
  </si>
  <si>
    <t>互联网管理权归属之争愈演愈烈</t>
  </si>
  <si>
    <t>10亿美元！这是互联网名称与编号分配机构（ICANN）每年仅注册域名一项业务的利润，无怪乎互联网管理权的归属之争愈演愈烈。各国政府不能眼睁睁地看着美国只手独揽互联网管理大权，坐收巨额利润。    由于美国政府资助了早期的互联网开发，网络域名与地址的监管职责一直是由</t>
  </si>
  <si>
    <t>接不接订单？纺织品企业困于两难</t>
  </si>
  <si>
    <t>欧盟委员会４月６日公布了对中国纺织服装类产品实施“特保”措施的方针，对从中国进口的纺织服装类产品设立预警区，一旦进口数量进入预警区，欧盟可能采取“特保”措施，对从中国进口的纺织产品进行数量限制。此前的４月４日，美国纺织品协议执行委员会也决定自主启动对从中?</t>
  </si>
  <si>
    <t>博鳌论坛聚焦３G商机</t>
  </si>
  <si>
    <t>４月２３日，在微软副总裁李开复的主持下，信息产业部副部长奚国华、阿尔卡特全球副总裁亚太区总裁雷诺达、ＵＴ斯达康公司副董事长吴鹰、华为技术有限公司常务副总裁徐直军等出现在博鳌亚洲论坛２００５年年会举办的《亚洲３Ｇ的产业机会及合作》专题分会上。几大世界级电信?</t>
  </si>
  <si>
    <t>中国可用出口税代替人民币升值</t>
  </si>
  <si>
    <t>英国《金融时报》日前刊登诺贝尔经济学奖得主斯蒂格利茨和斯坦福大学教授刘遵义(Lawrence Lau)的联合署名文章，认为开征出口税可以作为一种很好的替代方式，帮助中国缓解人民币升值压力。    文章认为，西方国家逼迫中国调整人民币汇率的压力与日俱增，从美国国会到七国集?</t>
  </si>
  <si>
    <t>欧洲上市公司逐渐采用IFRS</t>
  </si>
  <si>
    <t>本报讯   据日前出版的一期美国《商业周刊》报道，由于欧洲上市公司逐渐采纳国际财务报告准则（IFRS），很多企业账面上的盈利水平出现较大变动。有分析指出，尽管这一准则调整了资产负债表的诸多内容，但不会给欧洲金融市场带来多少混乱和不安。    2004年，欧盟委员会就所</t>
  </si>
  <si>
    <t>“牙膏致癌”：中国草木皆兵 英国波澜不惊</t>
  </si>
  <si>
    <t>英国小报《旗帜晚报》一则有关“牙膏致癌”的报道在中国被炒得沸沸扬扬，但在这一新闻的始发地却波澜不惊。新华社记者调查后发现，英国各方对其反应很平淡。    由该报记者马克·普里格和丽贝卡·劳伦斯合写的这则报道称，“研究人员发现一些（清洁）产品所含的三氯生能与?</t>
  </si>
  <si>
    <t>协调就业增长与经济增长</t>
  </si>
  <si>
    <t>国家主导的劳动力市场遭遇就业压力    与西方发达国家劳动力市场的形成、发展不同的是，政府在我国劳动力市场的发育、成长中扮演了主导角色。为推动劳动力市场的全面建立，政府在改革就业制度方面主要有三大突破：    1、 减少了对国有企业用工的行政干涉。打破了国企原?</t>
  </si>
  <si>
    <t>专利收紧 印度制药业主动求变</t>
  </si>
  <si>
    <t>为了履行世界贸易组织成员的应尽义务，印度在今年3月通过了新的专利保护法案，禁止印度国内制药厂商在未经许可的情况下仿造跨国公司的专利药品。这一法规激发出印度制药业自主研发专利药品的空前热情，大大小小的研发中心如雨后春笋般遍布各邦。一些国际观察家认为，同高科技</t>
  </si>
  <si>
    <t>国外美容业上演升级版</t>
  </si>
  <si>
    <t>一个多世纪以来，国外美容业经历了无序到有序的发展过程，为女性塑造了美丽的同时也为经济注入了新活力。尤其是进入新世纪后，在美容业发达的法国、美国、日本等国家和地区，美容业正悄然发生一场经济变革。    这场变革的推动者无疑是顾客，是他们的新美容观念、新美容需?</t>
  </si>
  <si>
    <t>欧洲今夏将出现企业并购高峰</t>
  </si>
  <si>
    <t>去冬今春，美国并购市场掀起了惊涛骇浪，而欧洲大陆相对来说则显得有些风平浪静。一些经济学家认为，欧洲企业之间的大规模并购征兆也已出现，预计将在今年夏季迎来并购高峰。    与美国宝洁集团斥资570亿美元收购吉列公司等超大规模的并购交易相比，今年一季度欧洲企业的并</t>
  </si>
  <si>
    <t>纳米药物靶向性治疗两年后将会广泛应用</t>
  </si>
  <si>
    <t>本报长沙电  卫生部纳米生物技术重点实验室研发的纳米药物载体治疗恶性肿瘤技术目前成果显著，在动物实验阶段的效果让专家十分惊喜，此技术将于近日进入临床实验阶段。研发专家认为，两年后这种治疗恶性肿瘤的新疗法将会在医学临床广泛应用。    在长沙召开的中德纳米生物?</t>
  </si>
  <si>
    <t>北海“蚂蚁搬家”式走私猖獗</t>
  </si>
  <si>
    <t>广西北海的冼水平脑瓜子很灵，早在1996年1月就与别人合伙，开着自己专门改装作油轮的“渔船” “达平一号”到越南，装了423吨0号柴油回来，不料在北海海域被查获并予以行政处罚，蚀了一大笔。    冼水平认为直接从越南偷运柴油风险较大，不如在海上直接收购回来储存来得轻?</t>
  </si>
  <si>
    <t>豪华邮轮的上海诱惑</t>
  </si>
  <si>
    <t>在灯火辉煌的大厅中聆听英国绅士的演奏乐曲，在装饰精致的甲板上眺望海上美景……曾在全世界热映的美国大片《泰坦尼克号》为豪华邮轮做出了最好的演绎与注解。    20世纪70年代以前，曾有许多宫殿般的巨轮，满载着离伤与欢聚、海风和日光的故事往返于大西洋两岸。豪华邮轮?</t>
  </si>
  <si>
    <t>今年美国房价在悄悄地滑落</t>
  </si>
  <si>
    <t>《商业周刊》近期的文章指出，美国房地产市场正进入一个更为“冷静”的时期，随着越来越多的家庭开始拥有自己的房产和美国抵押贷款利率的提高，未来房地产将不再是经济增长的发动机。    飙升20多年的房价到了极点    自1980年以来，强劲增长的美国经济和低廉的贷款使得?</t>
  </si>
  <si>
    <t>雅芳胜出 直销企业遭遇空前挑战</t>
  </si>
  <si>
    <t>随着商务部和工商总局的一纸批文，雅芳终于战胜另一直销巨头美国安利公司，成为中国目前为止惟一直销试点公司。    尽管从目前来看，雅芳的单层直销模式更符合政府的立法趋势，然而雅芳在北京、天津和广东等地进行直销试点的准备却并非一帆风顺。单层直销模式便于监管</t>
  </si>
  <si>
    <t>微波通信情愿“贱卖”</t>
  </si>
  <si>
    <t>美国奎斯特国际通信公司4月6日宣布，美国微波通信公司（MCI）拒绝了自己提出的89亿美元的收购要约，尽管奎斯特的收购价格远远高于竞争对手韦里孙通信公司的收购价格。然而，奎斯特却不肯善罢甘休，公司已经开始寻求新的解决办法，摆出了一副决不服输的架势。为了使竞购成功，</t>
  </si>
  <si>
    <t>美众议院通过重要能源法案</t>
  </si>
  <si>
    <t>美国众议院下属的专项委员会13日分别投票通过了一揽子涉及美国能源未来发展的重要法案。其中引人关注的内容包括总值高达80亿美元的能源税收减免计划，允许美国企业开发阿拉斯加北极圈野生动物保护区的油气资源，以及鼓励美国农场主大量使用乙醇类能源等。    虽然民主党议?</t>
  </si>
  <si>
    <t>体育市场捆绑销售钓“大鱼”</t>
  </si>
  <si>
    <t>本报讯 4月14日，国家体育总局体育器材装备中心主任马继龙和耐克中国及香港地区总经理顾志翔共同宣布，耐克（苏州）体育用品有限公司正式成为2005至2008年度亚运会中国体育代表团领奖装备合作伙伴，耐克公司将在2008年奥运会之前第4届东亚运动会（2005年10月29日至11月6日）?</t>
  </si>
  <si>
    <t>纺织品贸易摩擦应在世贸框架内解决</t>
  </si>
  <si>
    <t>本报讯 针对最近欧盟、美国纷纷对中国纺织品出口设限，中美、中欧之间纺织品贸易摩擦呈现加剧之势，专家认为，身为世界贸易大国的三方，中美欧应在世界贸易组织框架内寻找解决争议的方法，为纺织品一体化的平稳过渡和维护世界多边贸易机制的稳定、健康发展尽到自己的责任。</t>
  </si>
  <si>
    <t>国美国际化重点在国内</t>
  </si>
  <si>
    <t>迅速膨胀的零售规模让国美发出要国际化的声音，这到底是产业冲动还是真实的临界转换呢？分析国美电器自身的特点与中国电子连锁零售业在全球产业环境中的位置可以看到，国美确实需要国际化，但目前还不具备把自己的火车开出国外的条件，更多国际化的功课仍需要在国内完成。</t>
  </si>
  <si>
    <t>阿企业家迫切希望金融先行</t>
  </si>
  <si>
    <t>4月13日，首届“中阿合作论坛企业家大会”在北京进行，来自阿拉伯国家的400多名工商界人士纷纷抓住这个机会积极地与中国政府官员和企业家交流。即将在中国展开为期两周的工业投资考察的沙特企业家代表团团长Abdullah S. Almobty接受本报记者专访时指出，石油资源丰富、资金实</t>
  </si>
  <si>
    <t>“2005中国慈善家排行榜”出炉</t>
  </si>
  <si>
    <t>本报上海电 英国人胡润11日在上海发布“２００５中国慈善家排行榜”和“慈善企业排行榜”。企业家黄如论再度名列慈善家榜首，排在慈善企业榜首的则是金光集团。    这是胡润第二次发布“慈善家排行榜”，来检验中国企业家的公益心。５４岁的云南世纪金源投资置业集团有限公</t>
  </si>
  <si>
    <t>CEO风光不再 美国流行解雇“一把手”</t>
  </si>
  <si>
    <t>在美国大公司的顶级老板中，很多首席执行官（CEO）肯定会“对号入座”地进行一番盘算，自己会不会是下一个迪斯尼的艾斯纳、波音的斯通西弗、惠普的菲奥里纳，或者世通的埃伯斯。毕竟，在最近一段日子里，有关首席执行官的坏消息太多了，有被董事会罢了官的，有被媒体曝了光的</t>
  </si>
  <si>
    <t>李彦宏“长驻”美国 百度上市倒计时？</t>
  </si>
  <si>
    <t>“老板现在不在国内，目前人在美国。短期内不会回来，无法安排采访。”当《经济参考报》记者希望采访百度总裁李彦宏时，百度的公关经理如是说。记者追问及李彦宏去美国是否与百度上市有关，这位人士既没有肯定也没有否定地回答，只是说“我不能告诉你。”    “百度上市是2</t>
  </si>
  <si>
    <t>通用汽车西方不亮东方亮</t>
  </si>
  <si>
    <t>通用汽车公司董事长兼首席执行官瓦格纳4月4日发表声明说，他将直接领导通用汽车北美分部，以扭转公司在该地区销量下滑的局面。瓦格纳说：“鉴于北美市场竞争激烈，我应该接手该地区分部的日常运营，以短缩沟通和决策的流程。”    据悉，北美市场是通用汽车最大的市场，200</t>
  </si>
  <si>
    <t>英国垃圾瞄准中国</t>
  </si>
  <si>
    <t>3月下旬，欧洲最大的集装箱码头荷兰鹿特丹港截获了超过1000吨来自英国的生活垃圾。这批未经任何分类处理的垃圾被贴上“废纸”的标签，正准备从这里转运中国。目前，首批被发现的非法垃圾已经运回英国。英国《卫报》报道说，这是迄今为止截获的规模最大的非法垃圾交易。消息一</t>
  </si>
  <si>
    <t>从“制造”到“创造” 中国IT企业步履艰辛</t>
  </si>
  <si>
    <t>“中国IT企业在经历单纯制造加工之后，已经开始大量吸引人才并建立了自己的研发中心，然而当他们把眼光从制造能力转移到技术能力上、决心要变‘中国制造’为‘中国创造’时，却遇到了意想不到的坎坷。”在不久前召开的“2005技术中国系列论坛”上，许多国内外高科技企业代表?</t>
  </si>
  <si>
    <t>“奥特曼”系列诉讼的缘由与警示</t>
  </si>
  <si>
    <t>令孩子们着迷的日本动画明星“奥特曼”，近来在我国引发了一场知识产权系列诉讼再次成为人们关注的焦点。“奥特曼”的“主人”——原告日本圆谷制作株式会社（简称圆谷会社）以侵犯著作权为由先后起诉北京燕莎友谊商城有限公司、北京长安商场等京、沪、穗三地的四家商业企业?</t>
  </si>
  <si>
    <t>违规的代价：从埃伯斯到玛莎·斯图尔特</t>
  </si>
  <si>
    <t>刚刚过去的3月，是一个多事的3月。美国大公司丑闻的主角们接受了不同的命运，前世通首席执行官埃伯斯被裁定有罪，而“家政女皇”玛莎·斯图尔特虽然风光出狱，但仍无法洗脱涉嫌内部交易的罪名。还有近期出现问题的保险业巨头美国国际集团，不光是现年79岁的莫理斯·格林伯格?</t>
  </si>
  <si>
    <t>BHP提价，中钢协根本不买账</t>
  </si>
  <si>
    <t>本报讯 中国钢铁工业协会７日首次向记者正式表示，中国钢厂绝不同意、在“任何情况下”都不接受“不合理的铁矿石提价要求”。    中钢协认为，在目前全球新一年度矿石公开价已大涨７１．５％的情况下，世界最大的资源企业澳大利亚ＢＨＰ公司要求每吨矿价再加７．５美元至１</t>
  </si>
  <si>
    <t>美证交会勉强通过股票交易新规</t>
  </si>
  <si>
    <t>本报讯  美国证券交易委员会（SEC）6日通过了旨在保护广大普通投资者利益的股票市场交易规则。根据这套存有争议的新规则，美国证券经纪公司在从事股票买卖代理业务时，无论股票交易发生于哪家证券交易所，都必须接受可供选择的“最优价格”，从而帮助普通投资者获得“最佳”?</t>
  </si>
  <si>
    <t>日本如何处理废旧家电</t>
  </si>
  <si>
    <t>在日本，电视机、洗衣机等家电产品充斥街头店铺，且各种商品更新换代极快。随着超薄电视的普及，笨重的显像管彩电很快便被淘汰。那么，日本是如何处理这些废旧家电的呢？    据介绍，日本是世界上最早实施废旧家电回收的国家。早在1998年5月，日本便颁布旨在使废旧家电再商</t>
  </si>
  <si>
    <t>强烈回应 艺术谈判 力争双赢</t>
  </si>
  <si>
    <t>美国时间2005年4月4日，美国纺织品协议执行委员会(CITA)正式宣布对部分原产于中国的棉制针织衬衫、棉制裤子以及棉制和化纤制内衣这三类纺织品发起特保调查。我国政府部门、行业协会和企业代表4月6日纷纷做出紧急回应，他们表示，美国早在2004年就曾对此三类纺织品发起过特保?</t>
  </si>
  <si>
    <t>美国医药行业的“五宗罪”</t>
  </si>
  <si>
    <t>美国医药巨头最近好像不太走运。畅销药品从市场上突然撤回，消费者对药品、制药公司和医药监管部门越来越不信任，这都使一直以来遭受非议最少的医药行业颇感日子的难过。在美国这个全球医药利润最丰厚的市场，医药行业正在日新月异的经营环境中努力挣扎，并试图寻找最佳的生?</t>
  </si>
  <si>
    <t>跨越电力牵引新高度</t>
  </si>
  <si>
    <t>师聚塞北，缨卷恒山。这里汇聚了共和国的几代精英：双鬓如霜的中国铁路工业元老，纵马南北的机车制造中坚，壮志凌云的新一代英才。从上世纪50年代，武周山下的第一声开山炮宣告了亚洲大型的铁路机车制造基地的诞生；至90年代，同车公司全面步入电力机车发展新时期，他们越过?</t>
  </si>
  <si>
    <t>非欧佩克产油大国联手开发油气</t>
  </si>
  <si>
    <t>国际原油价格持续攀升，欧佩克几乎丧失了应有的调控能力。最近，一些非欧佩克石油生产国纷纷签署合作协议，计划联手开发油气资源。而一些消费国则通过多种手段抑制需求，以此减少高油价给经济带来的沉重负担。    据国外媒体报道，英国、挪威两大非欧佩克产油国4日在奥斯陆</t>
  </si>
  <si>
    <t>“毒丸计划”搅乱日本并购市场</t>
  </si>
  <si>
    <t>随着日本网络媒体新贵活力门公司与富士电视台争夺日本放送公司(NBS)控制权的战争愈演愈烈，有分析人士认为，未来一段时间并购浪潮将席卷日本，而“毒丸计划”是否合法成为左右企业并购市场的关键。    “毒丸计划”于20世纪80年代在美国兴起，它的正式名称是“股权摊薄反收</t>
  </si>
  <si>
    <t>我国煤炭产业呈现十大特点</t>
  </si>
  <si>
    <t>【作者简介】    郭云涛 澳大利亚悉尼科技大学经济学博士。国家安全生产监督管理总局研究中心主任兼中国煤炭工业发展研究中心主任    牛克洪 山东兖矿集团战略研究院院长    2005年1月16日法国《费加罗报》载文说：“中国煤炭迎来新的黄金时代。”怎样认识和如何把握我</t>
  </si>
  <si>
    <t>中国外包市场成外商眼中沃土</t>
  </si>
  <si>
    <t>本报上海电 最近由几家国际权威咨询机构公布的全球外包市场报告纷纷指出，中国外包市场正迅猛发展，并将在不远的将来取代印度成为全球最大市场。中国外包市场正成为外商又一关注的热点投资领域。    根据Gartner咨询机构所公布的全球外包市场报告显示，中国在２００３年的?</t>
  </si>
  <si>
    <t>香港教训：楼市大起必然大落</t>
  </si>
  <si>
    <t>亚洲金融危机的发生，给香港的经济带来巨大的灾难性后果，造成经济长期不景，失业率高企，民心离散。只是近两年来在《内地与香港关于建立更紧密经贸关系的安排》和“个人游”等因素的强大推动下，香港经济才呈现出强烈的复苏势头。香港经济的大起大伏是与其楼市的大起大伏密?</t>
  </si>
  <si>
    <t>毕加索走近中国大众</t>
  </si>
  <si>
    <t>中法文化交流年又一盛事“2005毕加索北京艺术大展暨毕加索时尚艺术季”上周在皇城艺术馆拉开帷幕，画展的主题是“紫禁城·毕加索”。为了把这次画展办得与众不同，主办方可谓颇费心思：不仅把地点选择在靠近天安门东门的皇城艺术馆，在策划和布置上力求将毕加索的现代派艺术?</t>
  </si>
  <si>
    <t>日本银行卷起零售业务风潮</t>
  </si>
  <si>
    <t>许多人在第一次走进位于东京涩谷区的东京三菱银行时都会产生走错了地方的感觉，精美的外部设计很容易让人产生走进了大型购物商场的感觉，不过，这家银行也确实在为消费者提供一种shopping服务，而且还是一站式购物（one-stop shopping）。金融一站式购物蔓延日本    东京</t>
  </si>
  <si>
    <t>南北大众整合进入倒计时</t>
  </si>
  <si>
    <t>在即将于4月下旬举行的上海国际车展上，德国大众汽车集团将携其在中国的两家合作伙伴——一汽－大众和上海大众同台亮相。对于这个曾经占据中国汽车市场半壁江山的跨国汽车集团而言，2004年全球排名的下降和中国市场业绩的严重滑坡，使此次车展“同台亮相”的意义非同寻常。明</t>
  </si>
  <si>
    <t>全球储蓄过剩支撑美经常项目赤字</t>
  </si>
  <si>
    <t>连日来，纽约汇市的利好消息表明，全球投资者对美元的“忠实度”没有降低多少，一些国家对美元资产进行减持也不过是短期行为。有分析称，在未来12至18个月之中，随着新兴市场国家债券风险逐渐显现，投资者对美元资产的兴趣将会再次转浓。    根据美国财政部3月份公布的一份</t>
  </si>
  <si>
    <t>另类商业模式助Linux挑战微软</t>
  </si>
  <si>
    <t>目前，职业化使得Linux操作系统变得越来越强大。从摩托罗拉的手机到三菱的机器人，从电子港湾的服务器到美国航空航天局的太空空间站，Linux都已开始涉足其中。Linux的发展震动了整个科技界，动摇了微软一贯以来的霸权，并且为科技界贡献了一种软件制造的新方式。    不同于</t>
  </si>
  <si>
    <t>美国“贸易黑名单” 加剧贸易摩擦</t>
  </si>
  <si>
    <t>3月30日，美国政府公布了一份自行确定的“贸易黑名单”报告。它指出全球有58个国家和地区及3个经济贸易共同体对美商品、服务等设置贸易障碍，损害了美国制造业生产商和农业生产者的利益。主要贸易伙伴上“黑名单”    新公布的报告长达672页，是美国政府应美国国会要求出</t>
  </si>
  <si>
    <t>警惕环境正义掩盖环境歧视</t>
  </si>
  <si>
    <t>有报载，荷兰警方最近在鹿特丹港口截获了1000吨来自英国的家庭垃圾。这些未经分类处理的垃圾被贴上“废纸”的标签，正准备启运前往中国。荷兰和英国环境部门随后进行的联合调查表明，英国每年都有数量惊人的家庭垃圾被一些公司非法运到中国进行处理。    谈到环境保护，许?</t>
  </si>
  <si>
    <t>法国：房贷利率过低刺激房价飚升</t>
  </si>
  <si>
    <t>法国平均房价自１９９９年以来已上涨４３％，导致该国经济界就“房地产市场是否存在泡沫”爆发争论。社会各界普遍的看法是，法国各地１０万人口以上大中城市房地产市场或多或少存在泡沫，产生该现象的重要原因就是房贷利率过低。    法国《费加罗报》３０日报道说，该国房?</t>
  </si>
  <si>
    <t>联想获全球三大私人公司投资</t>
  </si>
  <si>
    <t>本报讯  联想集团有限公司3月31日宣布与全球三大私人股权投资公司德克萨斯太平洋集团(Texas Pacific Group)、泛大西洋(General Atlantic LLC) 及美国新桥投资集团(Newbridge Capital LLC)达成协议，三大私人股权投资公司向联想集团提供3.5亿美元的战略投资，以供联想收购IBM?</t>
  </si>
  <si>
    <t>“预约旅游”倡导旅游新理念</t>
  </si>
  <si>
    <t>本报讯  陈小姐今年“五·一”黄金周将要带家人去澳洲、新西兰旅游，明明是最旺的时候，各个旅行社的大多旅游线路都涨了价还排不上队，她不但早已跟北京神舟国旅出境公司签了合同，还只花了淡季的游览价钱，比旺季便宜了１０００多元，可把朋友们羡慕坏了。陈小姐说，“下次?</t>
  </si>
  <si>
    <t>跨国公司为中企跨越壁垒献策</t>
  </si>
  <si>
    <t>“中国是世界上加工纤维最多的国家，中国纺织工业具有完整的产业链条，中国的纺织服装企业正在凭借低廉的劳动力成本、丰富的纤维资源和不断提高的加工水平，为纺织服装的全球化采购提供异常坚实的基础。”在3月28日举行的第二届全球纺织经济论坛上，来自欧洲、美国等地的纺织</t>
  </si>
  <si>
    <t>泰国游：半是焦虑 半是良机</t>
  </si>
  <si>
    <t>印度洋海啸之后，泰国旅游业遭受严重影响，目前旅游市场虽然已从海啸后的１０％恢复到３０％左右，但仍距海啸前有不少差距。泰国旅游业者正在采取多项措施重塑国际游客对泰国的旅游信心，他们将在忧喜参半的心情中迎来４月的旅游行情。海啸闪了泰国旅游的腰    近年来泰?</t>
  </si>
  <si>
    <t>苏丹红事件：危机避免的几种可能</t>
  </si>
  <si>
    <t>从2月23日国家质检总局下达查处“苏丹红一号”的必杀令算起，苏丹红事件在中国的情节回转曲折，高潮迭起。众多跨国公司被席卷其中，令饱受食品安全困扰的中国老百姓再次大吃一惊：原来可能有“毒”的食品不仅出自路边小贩，也可能出自包装精美的“品牌”食品之中。    纵观</t>
  </si>
  <si>
    <t>“魅影”敲开上海之门</t>
  </si>
  <si>
    <t>“能够在上海看到《剧院魅影》真是一件美妙的事情”，买了两张面值４５０元门票的法国魁北克政府驻上海代表高峰兴奋地告诉记者。看得出，来上海生活才8个多月的高峰已经从中深深感受到了这座城市文化艺术的国际化与多元化。    去年春节前登陆中国的百老汇音乐剧《剧院魅影</t>
  </si>
  <si>
    <t>吉尔吉斯斯坦政变动荡中亚</t>
  </si>
  <si>
    <t>近几天来，吉尔吉斯斯坦的局势瞬息万变，出乎许多人的意料。    ２４日，吉尔吉斯斯坦反对派攻占了政府大楼。之后有媒体报道说，总统阿斯卡尔·阿卡耶夫已前往邻国哈萨克斯坦。中国驻吉尔吉斯斯坦大使馆２６日发布紧急安全通告，呼吁在吉华侨华人注意安全。同一天，吉尔吉?</t>
  </si>
  <si>
    <t>5万美金考问印度国家银行商誉</t>
  </si>
  <si>
    <t>3月27日的上海在淅淅沥沥地下着小雨。此时的刘文晋心情正如外面的天气一样，阴沉而忧郁。作为上海环泰服饰公司的总经理，2004年12月他向印度的进口商SOLO MIO公司发了一批价值近5万美金的服装面料，而如今三个月过去，他非但没有收到货款，更有可能面临一场国际商业诉讼。?</t>
  </si>
  <si>
    <t>美元：美国的货币 世界的问题</t>
  </si>
  <si>
    <t>美国经济近来接二连三地传来好消息：就业市场持续扩张，去年全年新增了240万个职位；通货膨胀低位运行，上个季度通胀率不足2%；股市高企，道琼斯指数由去年11月的低位上升了11%；而且商业投资增长强劲，去年年末上升14%。    但这些令人振奋的数字背后隐藏的却是让许多经济</t>
  </si>
  <si>
    <t>中外银行激烈竞争时代来临</t>
  </si>
  <si>
    <t>3月24日中午，在北京招商局大厦31层一间不起眼的会议室里，左自鹏和中化集团公司资金管理部总经理杨林在两份文件上签下了各自的名字。这是一次低调的签约仪式，在场的人一共不到10个，签字、拍照、庆祝的时间总共不超过10分钟，甚至没有准备香槟酒杯，只用简易纸杯。    仪</t>
  </si>
  <si>
    <t>美证券企业入股联想引发业界“联想”</t>
  </si>
  <si>
    <t>关于三家美国私人证券企业将斥资3.5亿美元入股联想的消息正在引起业界浓厚的“联想”。虽然迄今联想集团和其他相关方并未对此进行证实或评论，但业界不少人士认为，如果这一消息属实，那将对联想正在实施的并购IBM个人电脑业务计划带来益处。    24日上午，在香港上市的联?</t>
  </si>
  <si>
    <t>严苛的“萨奥法案”让美企业头疼</t>
  </si>
  <si>
    <t>本报讯 据最新一期美国《新闻周刊》报道，虽然美元疲软令美国企业高层颇为困扰，但严格的公司管理法案才是令他们最为头疼的原因。    文章称，尽管美元持续下滑造成海外对美国公司投资减少等一系列问题，但仍不及美国国会2002年通过的“萨班斯－奥克斯利法案”带来的问题棘</t>
  </si>
  <si>
    <t>北京银行上市前联姻海外投资者</t>
  </si>
  <si>
    <t>本报讯 最终，北京银行和荷兰国际集团（ING）以及世界银行旗下的国际金融公司（IFC）走在了一起。3月25日，备受海内外媒体广泛关注的北京银行引入境外投资者一事尘埃落定，北京银行宣布向荷兰国际集团和国际金融公司出售24.9%的股权，而此前有意入股的德意志银行最终退出了谈</t>
  </si>
  <si>
    <t>外资分食中国通信电缆市场</t>
  </si>
  <si>
    <t>中国通信电缆市场正以每年15%至20%的速度持续递增，是世界上发展最快的市场。正是看到了这样的市场机遇，近日，于2003年由LG集团旗下独立出来的韩国LS集团（原LG电缆集团），宣布将进军中国通信电缆市场。    据悉，LS集团于2005年1月正式更名为“LS”，开始步入新的品牌经</t>
  </si>
  <si>
    <t>对冲基金控制公司兴趣越来越浓</t>
  </si>
  <si>
    <t>如今，许多对冲基金不再满足于频繁“对赌”股票或债券以利用市场波动获得利润，而是将自己定位为私人投资公司，通过投资控制整个目标公司并主导经营策略。    去年，美国对冲基金及其关联公司至少宣布了23笔并购交易，涉及金额高达300亿美元。据悉，仅美国投资公司纽约基金</t>
  </si>
  <si>
    <t>阿瓦斯丁在欧洲上市</t>
  </si>
  <si>
    <t>本报讯　欧洲患有重度（转移型）大肠癌的患者现在可以接受一种全新的延长生命的独特癌症药物——阿瓦斯丁（Ａｖａｓｔｉｎ，学名为重组人单克隆抗体——血管内皮生长因子）。经过欧洲委员会近期的认可，阿瓦斯丁已经可以在一些欧洲市场购买到，而且会在几个月内迅速投入其他?</t>
  </si>
  <si>
    <t>世界铁矿石产量有望大幅提高</t>
  </si>
  <si>
    <t>本报东京电 由于世界铁矿石需求增长迅速，而今年铁矿石价格大幅提高已成定局，一些世界著名的铁矿石生产商纷纷计划扩大投资，提高铁矿石产量。    据日本媒体日前报道，目前铁矿石产量位居世界第三的澳大利亚必和必拓公司将联合日本伊藤忠、三井物产公司投资３０多亿美元，</t>
  </si>
  <si>
    <t>通用Sequel启动未来汽车</t>
  </si>
  <si>
    <t>近日，在通用汽车“尖端科技 启动未来”新能源动力技术发展研讨会上，通用汽车中国公司宣布，其最新研发成果——Sequel氢燃料电池车今年4月将驶入上海国际车展。据悉，这辆年初北美车展首次全球亮相即震动业界的“未来汽车”，堪称本届上海车展“科技含金量最高的展车”。</t>
  </si>
  <si>
    <t>国际并购游戏：买家变得“小气”了</t>
  </si>
  <si>
    <t>2005年1月28日，美国宝洁公司宣布并购老牌日用品生产商吉列公司，交易金额高达570亿美元，揭开了2005年并购潮的序幕。    3日后，美国西南贝尔通信公司以160亿美元的价格收购老牌电信运营商、美国电话电报公司；同一天，美国都市人寿保险公司宣布，同意出资115亿美元买下美</t>
  </si>
  <si>
    <t>联想并购案尘埃落定 整合之路充满艰辛</t>
  </si>
  <si>
    <t>在令人焦虑的等待之后，美国外国投资委员会（ＣＦＩＵＳ）终于完成了对中国联想集团收购美国ＩＢＭ个人电脑（ＰＣ）业务的审查。3月9日晚，联想向记者的电子邮箱中投送了一封邮件，公布了这一消息。至此，联想并购风波尘埃落定。但此间前前后后的一些细节，继续扰动着人们的?</t>
  </si>
  <si>
    <t>南京：洋超市扩张 本土企业苦应战</t>
  </si>
  <si>
    <t>几天前，当记者随手翻阅一叠报纸的时候，一份夹在其中的法国“欧尚”超市的促销宣传单滑出，“不需会员资格，照样低价购物”的字样赫然在目；而在报纸的封底，本土零售巨头苏果超市的广告也夺人眼球。一股超市大战前的气息似乎已经透出。外资急速扩张    自２００４年以?</t>
  </si>
  <si>
    <t>印度制造业崛起全球瞩目</t>
  </si>
  <si>
    <t>据最近一期美国《新闻周刊》报道，印度制造业革命为全球所瞩目。尽管几乎没人认为在这一领域印度已经走在中国的前面，但也没人怀疑印度在全球制造业向发展中国家转移时所扮演的重要角色。    印度制造业出口额近几年连续大幅增加，从2002年的约370亿美元上升到2004年的540?</t>
  </si>
  <si>
    <t>欧洲欢迎美私人股权投资</t>
  </si>
  <si>
    <t>由于私人股权投资公司在美国的盈利空间越来越小，他们已经开始在欧洲寻找新的投资机会。一度被描绘成像“秃鹰”一样猎食处于财务困境公司的美国私人股权公司，现在发现欧洲多数国家都向他们铺开了欢迎的“红地毯”。    最新一期美国《商业周刊》的文章称，美国私人股权公?</t>
  </si>
  <si>
    <t>中国家电探寻绿色环保之道</t>
  </si>
  <si>
    <t>编者按：家电产品在给人类带来便利的同时，也给其生存环境带来了危害。    在日本，重视安全、环保、健康、省电的绿色家电，正日渐受到消费者的欢迎与厂商的重视，且有从住宅空间延伸到行动空间与公共空间的趋势。在欧洲，制造家电的材质大多使用可回收的材料，有时为了从?</t>
  </si>
  <si>
    <t>“韩流”突袭中国白电高端市场</t>
  </si>
  <si>
    <t>3月3日，同是来自韩国的跨国家电巨头LG与三星不约而同地发布了2005年白电（白色家电，主要指空调和冰箱）新品。引人深思的是，LG将发布地点选择在中国的首都——北京，三星则选择在中国消费力最强的华东——苏州，而这一南一北呈犄角之势的白电新品发布会有一个共同点，那就?</t>
  </si>
  <si>
    <t>全球房地产价格涨速减缓</t>
  </si>
  <si>
    <t>本报讯  虽然目前全球房地产市场仍然处于过热状态，但部分国家和地区房地产价格涨速减缓，住房租金下跌。根据近期的房价指数，最新一期英国《经济学家》发表文章认为现在租房比买房更值。    在《经济学家》进行市场调查的20个国家和地区中，澳大利亚房地产价格上涨幅度减?</t>
  </si>
  <si>
    <t>国际纸业巨头看好中国市场</t>
  </si>
  <si>
    <t>本报讯　国际纸业巨头、来自芬兰的斯道拉恩索集团高层近日在北京表示，中国是一个重要的市场，中国经济的发展为国内外森工企业提供了良好的契机。    据统计，北美、西欧、日本等发达地区每年纸和纸板品人均消费量达２００公斤以上，而中国只有４０公斤左右。随着中国加工?</t>
  </si>
  <si>
    <t>中部崛起掀起新一轮冲击波</t>
  </si>
  <si>
    <t>广东、上海、福建等东南沿海地区在20世纪80年代初借改革开放之先风，获倾斜政策之优惠使得经济飞越发展；西部地区1999年以来，因“西部大开发”的国策在资金与政策上获得国家的大力支持，从而获得了快速增长；东北三省2003年以来，借“振兴东北老工业基地”的政策之力，在中?</t>
  </si>
  <si>
    <t>380亿美元打造1.8万亿的世界第一大银行</t>
  </si>
  <si>
    <t>虽然日本第二大银行东京—三菱银行与第四大银行日联银行早在2004年7月就已经宣布了合并计划，但双方股东一直在向高层管理人员追问着同一个问题：并购价格究竟是多少？结果终于在2005年初揭晓：380亿美元。两大银行若合并成功，总资产可望达到1.8万亿美元，从而成为全球第一大</t>
  </si>
  <si>
    <t>上海个人集资建房动静大了</t>
  </si>
  <si>
    <t>上世纪２０年代末，美国喜剧演员埃迪·坎托曾用一句黑色幽默的台词警示股市风险，他扮演的服务生问住店客人：“先生，您是要一间睡觉的房，还是要一间跳楼的房？”如今，北京、上海、南京、成都等地的一群高学历职业人士，用共同的行动将这句台词演绎成：“先生，您是要买一?</t>
  </si>
  <si>
    <t>尽快建立贸易壁垒反应机制</t>
  </si>
  <si>
    <t>本报讯 全国政协委员、德力西集团公司董事局主席胡成中建议，我国应尽快建立贸易壁垒反应机制。    加入WTO后，我国出口贸易持续快速发展，目前已成为仅次于美、德两国的世界第三贸易大国。但随着我国产品竞争力不断上升，一些国家利用反倾销、贸易保护、知识产权保护等多?</t>
  </si>
  <si>
    <t>美国电信企业图谋大转型</t>
  </si>
  <si>
    <t>最近几个月，美国电信业在并购市场中连出惊人之举，一桩桩数十亿美元以上的交易相继达成。一些分析人士就此指出，传统电信公司正将触角伸向更为广阔的信息服务领域，可能成为可以提供市话、长话、移动通信、互联网乃至有线电视等服务的“全能企业”。    美国《商业周刊》?</t>
  </si>
  <si>
    <t>科学思维筑造企业生态高地</t>
  </si>
  <si>
    <t>法国前总统戴高乐说：凭着自己的正直、智慧、品格和使命感，就能创造力量。如此激越的豪言，似乎只是先哲伟人们和浪漫主义诗人的情怀，不属于现实主义者，尤其是企业家阶层。但当你接触到青州卷烟厂的党委书记、厂长蔚严春时却不得不承认，当代企业家所体现的不仅仅是经济实?</t>
  </si>
  <si>
    <t>中国企业频遭国际炒家“痛宰”</t>
  </si>
  <si>
    <t>在人们为中国经济发展自豪之余，不得不面对的一个现实是，2004年我国企业在国际期货市场的采购中频频挨“宰”，中国企业几乎成为国际期货吵家的“猎物”。    有关资料显示，2001年到2002年，美国大豆进口价格每吨在1800元到1900元左右，而此时为保护广大豆农的利益，有关?</t>
  </si>
  <si>
    <t>现行CPI充当美国经济错误“航标”</t>
  </si>
  <si>
    <t>最新一期英国《经济学家》发表文章指出,由于房产和股票等资产在经济生活中扮演着越来越重要的角色，并且这些资产的价格变动与消费价格指数的走势并非同步，因此美联储一直而且正在根据错误的经济“航标”做出决策。    文章称,各国普遍都以消费价格指数（CPI）作为衡量通货</t>
  </si>
  <si>
    <t>埃克森－美孚市值跃居全球之首</t>
  </si>
  <si>
    <t>2月18日纽约股市收盘之后，美国石油巨擘埃克森－美孚超过通用电气，成为全世界资产总值第一大公司。3830亿美元的全球市值不仅如实反映出一年来油价攀升给石油行业带来的巨大财富，而且预示着一个新的石油时代就在眼前。    根据汤姆森数据流公司的统计数据，截至2月22日，?</t>
  </si>
  <si>
    <t>国产浓缩苹果汁成为全球霸主</t>
  </si>
  <si>
    <t>在美国市场，每消费10瓶苹果汁，就有7瓶是中国生产的。2004年我国浓缩苹果汁出口量突破55万吨，占世界年贸易量的60%以上，创汇3亿美元。中国已经成为世界最大的浓缩苹果汁生产国，有5家企业成为可口可乐、百事可乐等国际著名跨国公司的指定供货商。    这一骄人业绩的取得?</t>
  </si>
  <si>
    <t>应对“苏丹红事件”，仅仅“追杀”远远不够</t>
  </si>
  <si>
    <t>【背景】2月18日，英国一次最大规模的食品召回行动再次为食品安全问题敲响警钟。召回的导火线是英国最大的食品制造商第一食品公司生产的沙司中发现了被欧盟禁用的“苏丹红(一号)”色素。这种色素最初是被加入辣椒粉中。这些沙司又卖给了大量食品厂商和超市卖场。据介绍，“苏</t>
  </si>
  <si>
    <t>温州品牌海外扩张点亮地方经济</t>
  </si>
  <si>
    <t>本报讯 温州品牌扩张海外市场，成为去年当地经济发展的一大亮点。除康奈、奥康等传统的鞋业企业继续在海外加开专卖店外，一批服装企业也开始崭露头角。童装贝贝依依在意大利开出新店，为温州童装品牌“走出去”迈出可喜的第一步。    据了解，2004年，温州市新批发立境外机</t>
  </si>
  <si>
    <t>慈善事业的商业化运作境遇尴尬</t>
  </si>
  <si>
    <t>从一度热炒到最终流产的“慈善国宴”、从印度洋海啸后刮起的慈善风潮到“欢娱慈善”的新概念，刚刚度过10岁生日的中国慈善事业在商业化的面纱后，尴尬依旧。慈善商业化    2004年12月27日，中国扶贫基金会宣布将举办名为“扶贫之春——首届中国消除贫困奖春节联谊会”的?</t>
  </si>
  <si>
    <t>瑞典电视真人秀垂涎中国市场</t>
  </si>
  <si>
    <t>在以央视《欢乐英雄》为代表的中国电视真人秀节目在各大电视台轮番登场之际，记者于近日专访了世界著名的真人秀节目制作公司——瑞典Strix公司发行总监Jonas Linnander-Manfred（约纳斯·利南德－曼弗雷德）。    Jonas告诉记者：“世界真人秀节目正朝着一个把真实、剧情、</t>
  </si>
  <si>
    <t>新浪股权收购战三大悬念待解</t>
  </si>
  <si>
    <t>北京时间2月19日，盛大向美国证交会提交了13—D报告，披露已从公开市场上购得新浪19.5%的普通股；北京时间2月22日，新浪公司对盛大的报告作出回应，宣布采纳被称为“毒丸”的股东购股权计划，意图防范“任何公司或机构”通过二级市场控制新浪公司；2月24日，新浪副总裁、新闻</t>
  </si>
  <si>
    <t>无需多费口舌：本报记者见闻国外退货</t>
  </si>
  <si>
    <t>$F在英国退货有法可依$E记者的一位朋友前不久在伦敦著名商业街牛津街的马莎零售连锁店买了一件上衣，买回穿了一天，觉得颜色不满意，于是决定拿回去换。等他两周后到商店换货时，尽管千挑万选，仍然不能完全满意，只好退掉。收银员看了付款收据和购买日期，?</t>
  </si>
  <si>
    <t>中国钢协放话：不必过于担忧</t>
  </si>
  <si>
    <t>本报讯 “日本新日铁公司与巴西CVRD公司就2005年铁矿价格达成协议”成为钢铁业界目前最为关心的话题，因为上述两公司“决定将其2005财年铁矿石交易价格上涨71.5%”必将对中国钢铁企业采购国外铁矿价格产生强烈影响。2月25日中国钢铁工业协会副秘书长戚向东向《经济参考报》记</t>
  </si>
  <si>
    <t>企业资产重组应是完全的市场行为</t>
  </si>
  <si>
    <t>在西方发达的市场经济国家，企业资产重组是一个纯粹的市场行为，完全遵循着市场经济的运行规律，而政府只在政策、法律和监控等方面发挥积极作用。而从我国的实践来看，大多数情况下，政府在企业的资产重组中都起着举足轻重的作用。从作为主体直接推动资产重组，到为重组各方?</t>
  </si>
  <si>
    <t>中国软件外包：分两步走</t>
  </si>
  <si>
    <t>中国软件业从零起步到１６００亿元销售收入、２０亿美元的出口额（２００３年底数据），５年增长了７倍，这个后起之秀已经引起了世界同行的关注。追溯２０多年的发展历程，其中承接软件外包是中国软件业向国际化进军的重要途径。从日本开始    中国承接软件外包最先是从?</t>
  </si>
  <si>
    <t>中国钢厂成本压力预期陡增</t>
  </si>
  <si>
    <t>本报上海电 记者２４日从上海宝钢集团公司获悉，这家中国最有代表性的钢铁集团已在其网站上公开发表看法，认为日本新日铁公司与巴西ＣＶＲＤ公司最新达成的２００５年度铁矿价格“超出了钢铁业能承受的范围”。    宝钢的看法全文如下：“２月２２日，ＣＶＲＤ与新日铁就２</t>
  </si>
  <si>
    <t>邓鸿：打造西部会展之都</t>
  </si>
  <si>
    <t>自称“天堂”的地方不少，但真正名副其实的并不多；而位于著名景区九寨沟２０公里处的“九寨天堂国际会议度假中心”却经得起最挑剔的目光。ＩＢＭ（中国）公司去年“在这里召开了有史以来最成功最独特的会议”；瑞士雷达表公司中国区总裁去年８月留言：万万没想到在中国西部?</t>
  </si>
  <si>
    <t>钢价上涨绷紧下游企业神经</t>
  </si>
  <si>
    <t>本报讯 亏损2.4个亿——尽管2004年完工量增加、交货周期缩短，但由于原材料涨价所带来的巨大成本压力，一家上海地区在行业内颇有威望的国有造船企业在去年仍无法摆脱亏损的命运。导致其亏损的主因乃是钢材价格上涨。目前的情况是涨价趋势还在继续。    2005年春节过后，部?</t>
  </si>
  <si>
    <t>世界止痛药市场又出变数</t>
  </si>
  <si>
    <t>去年，世界止痛药市场风云变幻，美国默克公司主动召回自己的产品万络，美国辉瑞公司的西乐葆又受到质疑，世界止痛药市场格局面临着重大变化。但2月18日美国食品和药物管理局（FDA）顾问小组的一项投票表决结果，又使止痛药市场充满了变数，有关各方正等待FDA的最终结果。</t>
  </si>
  <si>
    <t>无痛胰岛素注射笔</t>
  </si>
  <si>
    <t>本报讯　印度沃克哈特制药公司最近开发出新型无痛胰岛素注射笔，为广大糖尿病患者带来福音。    据印度亚洲通讯社１５日报道，这种胰岛素注射笔是普通注射器的改良产品，商品名为“Ｗｏｓｕｌｉｎ　Ｐｅｎ”。该产品的优点是使用方便，可由患者本人操作，患者只需轻轻按住?</t>
  </si>
  <si>
    <t>能探测肿瘤的纳米颗粒</t>
  </si>
  <si>
    <t>本报洛杉矶电  装载荧光材料的纳米级聚合分子囊泡，使科学家能透过皮肤和肌肉，看到组织深处的肿瘤。研究人员说，这一技术将在癌症诊断和治疗领域发挥重大作用。    由宾夕法尼亚大学、明尼苏达大学科学家组成的研究小组在美国《全国科学院学报》上发表论文说，他们在类似?</t>
  </si>
  <si>
    <t>美联邦法院将加速审理美政府上诉</t>
  </si>
  <si>
    <t>本报讯  美国联邦巡回上诉法院（CAFC）日前发布命令，同意加快审理美国政府就美国国际贸易法院（CIT）去年底暂停以“市场扰乱威胁”为由对进口纺织品设限的禁令提出的上诉。    国纺织品进出口商会副会长曹新宇22日在接受本报记者采访时指出，此举意味着CAFC可能将改变CIT?</t>
  </si>
  <si>
    <t>生态安全——民族的生命线</t>
  </si>
  <si>
    <t>【作者简介】廖晓义,哲学硕士，原中国社会科学院助理研究员，美国北卡罗莱纳州立大学国际环境政治专业访问学者。非营利性民间环保组织北京地球村环境文化中心的创办人和负责人。2000年国际环境大奖“苏菲奖”和2001年澳大利亚最高环境奖“班克西亚国际奖”得主；2001年十大“</t>
  </si>
  <si>
    <t>美公司利用火鸡粪发电</t>
  </si>
  <si>
    <t>本报讯 火鸡粪有了新用途：美国明尼苏达州一家公司建了一个发电厂要以火鸡粪为原料发电。虽然此举对于减少美国对进口石油的依赖来说不过是杯水车薪，但这个发电厂每年可为５．５万个家庭提供清洁能源，也不容小看。    据美国媒体报道，该发电厂发电能力为５５兆瓦，每年将</t>
  </si>
  <si>
    <t>香港电影内地挖金 重振亚洲霸主地位</t>
  </si>
  <si>
    <t>当香港著名导演徐克大喊“开拍”的时候，《七剑下天山》的片场立即安静下来。按照事前的排演，一些古时装束的农民和马、羊等牲畜一起在村庄内奔走，这是《七剑下天山》中一段村民撤出村庄的场景。    “停！”导演徐克再次大喊，他把自己裹在一件厚厚的羽绒服中，以抵御新?</t>
  </si>
  <si>
    <t>三菱欲购东南汽车股份加速中国扩张</t>
  </si>
  <si>
    <t>据外电报道，日本第五大汽车制造商三菱汽车(Mitsubishi Motors Corp.)2月16日已同意购买中国东南汽车20%的股份，此举将进一步加速三菱汽车在中国市场的扩张步伐。    进入2005年，身陷困境的日本三菱汽车公司愈显风雨飘摇，因资金短缺，日本三菱汽车公司和三菱商事公司共同</t>
  </si>
  <si>
    <t>从中航油事件谈国有公司治理</t>
  </si>
  <si>
    <t>中航油（新加坡）公司从事石油投机亏损5.5亿美元，一个被誉为走出去的“过河尖兵”的明星国有公司瞬间濒临破产的边缘。人们在震惊之余，不禁要问，这个从亏损公司到明星公司再到破产边缘的国有公司，这个曾经因为传奇性的暴发被新加坡大学载入MBA教科书的国有公司，这个在发?</t>
  </si>
  <si>
    <t>美实际利率过低不利全球经济</t>
  </si>
  <si>
    <t>英国《经济学家》杂志发表文章认为，尽管美联储近日做出了自2004年6月以来的第6次加息决定，将联邦基金利率调至2.5%，但美国货币政策仍过于宽松，实际利率过低的不利影响已开始波及全球。    文章指出，历史数据显示，实际利率往往比名义利率低3个百分点，因此美国的实际利</t>
  </si>
  <si>
    <t>美国PC制造业已到黄昏</t>
  </si>
  <si>
    <t>当IBM的董事会决意把自己的PC业务出售给中国联想的时候，美国的议员却在用国家安全等各种各样的理由阻挠这种并购业务。正当所谓的审查还在继续的时候，又一个IBM式的PC业务包袱摆在了美国议员面前。    2月8日，惠普公司辞掉了本来对挽救惠普寄予厚望的CEO，这成为震动全球</t>
  </si>
  <si>
    <t>春节“不敌”情人节？</t>
  </si>
  <si>
    <t>本报上海电  ２月１４日，农历大年初六，恰逢西方“情人节”。随着商家们注意力的移换，在这一天，“春节经济”顿时异化成了“情人节经济”。    翻开近日的一些报纸杂志，商家为“情人节”推出的促销广告更为热闹，烛光晚餐、情侣婚纱、甜蜜舞会……几乎没有被遗忘的角落?</t>
  </si>
  <si>
    <t>世界零售业50强七成登陆中国</t>
  </si>
  <si>
    <t>本报讯 按照我国加入世贸组织的承诺，2004年12月11日起分销行业全面对外开放。已经全面进入中国市场并形成相当规模的沃尔玛、家乐福、麦德龙等国际大型零售企业，2005年纷纷增开新店，加速在大中城市全面扩张，导致国内零售市场竞争更加激烈。    今年2月初,名列全球五百强</t>
  </si>
  <si>
    <t>福特召回近35.9万辆Focus车</t>
  </si>
  <si>
    <t>本报纽约电 由于后门门锁可能存在安全隐患，美国福特汽车公司６日召回了近３５．９万辆Focus轿车。    美国全国公路交通安全局（ＮＨＴＳＡ）６日在其网站上公布了这一召回消息。这是美国第二大汽车制造商福特今年将要面对的第二大汽车安全问题。福特说，这些２０００－２?</t>
  </si>
  <si>
    <t>边境赌场死灰复燃？</t>
  </si>
  <si>
    <t>今年1月初，全国轰轰烈烈的禁赌风暴进入了具体实施阶段，无论是东北的中朝、中俄边境，还是西南的中缅、中越边境，全部被一片杀气所笼罩。    有媒体报道，禁赌令下达后，与东南亚部分国家接壤的云南省首先采取行动，重创专门吸引中国人的边境外国赌场，截至1月中旬，已令?</t>
  </si>
  <si>
    <t>奥迪成为大众当红花旦 中国市场继续领先</t>
  </si>
  <si>
    <t>1月31日，一辆金属银色的奥迪A6 Avant旅行车在德国Neckarsulm工厂驶下生产线，这标志着第500万辆A6产品问世。奥迪A6是奥迪最成功的一款产品，在2004年有189049辆A6销往世界各地，最大的市场为德国、中国和北美地区。其中中国市场已占到A6总销量的四分之一。    在德国Necka</t>
  </si>
  <si>
    <t>“世界加工厂”模式急需改变</t>
  </si>
  <si>
    <t>中国改革开放二十年来，经济获得了长足的发展，已由一个农业国转变为一个工业大国。由于我国廉价的劳动力资源，发达国家纷纷投资中国，中国商品行销世界，过去10年，从中国进口的鞋在美国进口鞋的比例中，已经从9%升到60%。世界一些著名的品牌，都是中国生产的。中国货能行销</t>
  </si>
  <si>
    <t>西门子手机寻找中国“药方”</t>
  </si>
  <si>
    <t>近来，德国工业巨头西门子手机业务的去留问题成了业界最为关注的话题。而最新财年报告的持续低迷更让西门子手机处在风口浪尖上。那么，曾经与诺基亚、摩托罗拉等国际品牌比肩的西门子手机为何如此不服中国水土?一个手机业中曾经的强者，如今缘何走到了生死边缘？买家难寻</t>
  </si>
  <si>
    <t>全球并购大案再现火爆场景</t>
  </si>
  <si>
    <t>岁末年初，全球范围频频爆出动辄以百亿美元计的大公司并购案，如宝洁鲸吞吉列、美国西南贝尔通信公司收购美国电话电报公司等。分析人士预计，2005年仍将持续2004年企业购并活跃的势头，购并市场有望再现上世纪90年代末的火爆场景。    美国西南贝尔通信公司1月31日宣布，同</t>
  </si>
  <si>
    <t>全球私人股权投资持续升温</t>
  </si>
  <si>
    <t>本报讯 最新一期英国《经济学家》发表文章称，近期全球私人股权投资持续升温，投资笔数和投资额都在上升。    近年来，全球私人股权投资总量屡创新高。研究机构的数据显示，去年全球私人股权投资金额高达3020亿美元，比2003年增加近70％。其中美国的私人股权投资从535亿美?</t>
  </si>
  <si>
    <t>原研药保护：药品市场的双重标准？</t>
  </si>
  <si>
    <t>春节前的广州天气阴冷，在东风大酒店不起眼的一间办公室里，贝庆生走来走去，他把一本本英文的医药目录扔在记者面前：“你看，这是印尼的，这是香港的，这是美国的，这些都没有原研药的说法！”    他的语气愤怒又无奈，这位广州贝氏药业有限公司的总经理为取消原研药的“?</t>
  </si>
  <si>
    <t>美贸易赤字不会酿成“灭顶之灾”</t>
  </si>
  <si>
    <t>在刚刚结束的2005年世界经济论坛上，关于美国“双赤字”的诸多话题不可避免地充斥于瑞士小城达沃斯。在即将举行的七国集团财长会上，欧洲财长们很可能就此议题再次向美国发难。    就其中的贸易赤字而言，美国《商业周刊》日前刊登了彼得·科伊的一篇分析文章，认为当前规?</t>
  </si>
  <si>
    <t>“成人动漫”市场潜能闺中待识</t>
  </si>
  <si>
    <t>2004年底开通的上海炫动卡通卫视在开业之初即表示，将大力开发２４岁到３５岁有消费能力的成人收视群。炫动卡通常务副总裁陈文女士表示，今年该频道将轮番播出雪藏多时的中日动画片，成人化的动画作品《Ｑ版三国》可能会借此领衔卡通创作的新风潮。    在电视台大胆着眼于?</t>
  </si>
  <si>
    <t>达沃斯的热点与期待</t>
  </si>
  <si>
    <t>经过５天２００多场研讨会，世界经济论坛年会终于在３０日中午曲终人散，小城达沃斯也恢复了往日的平静。人流可以散去，但国际会中的问题、难点和热点犹存。人们不会指望一次论坛会给这个世界带来多大的改变，但来自各国的政治、经济和文化界的领袖人物齐聚一堂就各种全球性?</t>
  </si>
  <si>
    <t>北京77街上演店铺租赁纠纷</t>
  </si>
  <si>
    <t>记者调查：“罪魁祸首”缘起租赁纠纷    1月22日，记者在北京西单地下通道前往77街的入口处看到，这里的店员比顾客还要多。无所事事的保安们干着各自的事情，开着小差，有的在旁边小店里闲逛，有的和卖彩票的聊着天。77街入口处是一条美食街，里面囊括了日本、香港、新加坡</t>
  </si>
  <si>
    <t>隐私权与知情权哪个更重要</t>
  </si>
  <si>
    <t>隐私权是自然人就个人私事、个人信息等个人生活领域内的事情不为他人知悉、排斥他人干涉的一种独立的人格权，它属于民事权利的范畴。联合国将其规定为一项基本人权，《世界人权宣言》和《公民权利和政治权利国际公约》均明确规定：“任何人的私生活、家庭、住宅和通信不得任?</t>
  </si>
  <si>
    <t>信息和知识：节能型社会的支柱</t>
  </si>
  <si>
    <t>目前我国能源消费总量约为美国的1/3，居世界第二位，仅占世界能源消费总量的1/10，但能源供给和能源安全问题已经显现。要从根本上解决能源制约，满足经济持续快速增长的需求，既要发展新能源、尤其是可再生能源，又要坚持节约优先，走一条低能耗跨越式发展之路，建设节能型社</t>
  </si>
  <si>
    <t>旅游业：海啸不是灭顶之灾</t>
  </si>
  <si>
    <t>2004年年底，印度洋一场突发的海啸席卷东南亚诸国。在世界经济学家盘点这场海啸对受灾国家造成的经济损失时，一个不争的事实摆在了眼前，以旅游业为经济支柱产业的受灾国家顷刻间遭遇严峻挑战，如何在短期内恢复世界旅游者的信心，成为各国相关部门亟待解决的问题。而对于世?</t>
  </si>
  <si>
    <t>氢燃料续能难题困扰汽车厂商</t>
  </si>
  <si>
    <t>由于担心石油供应不足以及出于环保考虑，全球各大汽车厂商都加大了开发氢燃料汽车的力度。目前最大的困局是，氢燃料汽车续能不便且未彻底解决污染问题。    1月份在洛杉矶举行的车展上，德国宝马汽车公司推出的氢燃料H2R赛车让观众大开眼界。但宝马的这款氢燃料车使用的是?</t>
  </si>
  <si>
    <t>中国电子制造要当心唯低成本陷阱</t>
  </si>
  <si>
    <t>不管联想与IBM的并购案能否成功，这笔买卖已被世界舆论尤其是西方舆论看成一个具有符号意义的事件：中国电子制造开始接手美国制造，更宽泛一点说应该是西方制造，而中国的电子制造企业也陶醉在这种被看成是国际化标杆企业的收购中。    应该说，中国持续增多的巨大外汇储备</t>
  </si>
  <si>
    <t>新技术“驱赶”全球邮政大转型</t>
  </si>
  <si>
    <t>隶属于荷兰邮政和物流集团（TPG）的包裹运输公司（TNT）去年进行了一次业务创新——利用荷兰当地一家牛奶公司在境内投送包裹。此外，TNT还将这一方法移植到英伦三岛，一家名为“牛奶速递”的英国公司承担了TNT国际包裹投送业务。    实际上，这只是全球邮政领域大转型的征?</t>
  </si>
  <si>
    <t>韩国如何造偶像</t>
  </si>
  <si>
    <t>为了迎接韩国偶像——安七炫、宝儿、“东方神起”，来自上海、江苏、浙江等地的歌迷们早上不到７点就聚集在了上海浦东国际机场，拉起了横幅，扯起了海报。尽管他们并不知道韩星们的具体行程，但面对长时间的等待，他们没有抱怨，只是手捧鲜花、礼物，一方面向机场人员打听着?</t>
  </si>
  <si>
    <t>信用掺水 国际评级机构成众矢之的</t>
  </si>
  <si>
    <t>上世纪90年代以来，信用评级机构在国际资本市场这个大舞台的“戏份儿”越来越重。它们对于一个国家（地区）或公司信用等级做出的升降决定，往往左右着亿万游资的流动方向与快慢。不过，由于一些知名评级机构不仅在亚洲金融危机中表现糟糕，而且在欧美公司财务丑闻事件中反应?</t>
  </si>
  <si>
    <t>足球商业游戏 谁将成为小贝第二</t>
  </si>
  <si>
    <t>2004年圣诞节前夕，巴西球员罗纳尔迪尼奥、乌克兰射手舍甫琴科分获年度世界和欧洲足球先生称号；19岁的英格兰前锋鲁尼则被意大利《都灵体育报》推举为当年的“欧洲金童”。相比之下，“万人迷”大卫·贝克汉姆只在商业领域有所收获，但这样的好日子恐怕也不会太长了。小贝?</t>
  </si>
  <si>
    <t>让善行永远与我们同在</t>
  </si>
  <si>
    <t>海啸无情人有情。印度洋海啸后，中国人为远在千万里，素未谋面的灾民踊跃捐助的善行义举，确实感人至深，但也发人深省。    中国幅员辽阔，属各种自然灾害多发国；经济发展也不够平衡，少部分人温饱问题尚未解决，更多的人还不能享受足够的现代文化、教育、卫生等设施。当?</t>
  </si>
  <si>
    <t>马自达携手一汽 紧握品牌销售权</t>
  </si>
  <si>
    <t>从与海马、一汽轿车技术合作生产福美来、普力马、MAZAD 6，到参股长安福特南京新工厂，马自达在中国汽车生产制造领域可谓是一步一个脚印地前进着。    在同样重要的产品销售领域，马自达近日终于也获得重大突破。1月17日，第一汽车集团与日本马自达汽车株式会社在北京联合?</t>
  </si>
  <si>
    <t>人民币汇率与中美经济关系</t>
  </si>
  <si>
    <t>中国经济的持续增长和世界经济增长乏力以及美元的不断贬值，特别是美国政府在国内失业率及国际贸易逆差不断上升的情况下，美国一些人将美国制造业工人失业和中美贸易逆差的原因归结为人民币汇率，那么事实究竟如何呢，本报特约中国社科院学术委员会委员李京文及其博士何仕金?</t>
  </si>
  <si>
    <t>对国企MBO叫停后的冷思考</t>
  </si>
  <si>
    <t>MBO，意为管理层收购，它是20世纪70－80年代流行于欧美国家的一种企业收购方式。通过收购使企业的经营者变成了企业的所有者，两者合二为一，其资产所有者和公司管理者之间的委托代理链被内部化，通过管理者对公司的收购，以达到激励内部人员积极性、降低代理成本、改善企业经</t>
  </si>
  <si>
    <t>全球商业问题人物罪与罚</t>
  </si>
  <si>
    <t>2004年，全球商业一片景气，但问题人物的新闻旧事始终在坊间流传。前两年栽在各类丑闻上的社会精英要么上庭、要么入狱，而一些新丑闻在各国加快公司治理步伐之下浮出水面。罪与罚，是新老问题人物的共同命运。理查德·格拉索    自美国司法部门大规模清算华尔街财务丑闻?</t>
  </si>
  <si>
    <t>谁将执掌中国IT业大旗</t>
  </si>
  <si>
    <t>联想在更换了海外CEO和总部迁移到美国纽约之后，已经从民族信息产业的旗帜，转变成了一家国际性的企业。那么，在联想之后，谁将继续担任民族信息产业的领军者？是国内PC第二品牌方正、是联想之前的PC霸主浪潮，还是联想的同门兄弟神州数码？方正科技：PC老二争上位    就</t>
  </si>
  <si>
    <t>股权托管为战略投资者铺平道路</t>
  </si>
  <si>
    <t>19日上午，南方汇通（000920）发布公告称，美国磁源公司已将其持有南方汇通世华微硬盘有限公司全部股权委托给贵州世华数码创业投资有限公司，并从今年起不再合并汇通世华微硬盘报表。世华数码总裁潘壮在接受记者采访时指出，股权托管是公司的战略安排，此举将为战略投资者进?</t>
  </si>
  <si>
    <t>今年全球蔗糖将供不应求</t>
  </si>
  <si>
    <t>本报香港电 由于生产国甘蔗产量下降，２００５年世界蔗糖预计会供不应求，价格飞涨。    据报道，消耗全球１／８蔗糖的印度出现旱灾和蚜虫灾害，甘蔗收成大减。印度糖厂协会预测，在截至今年９月底的一年中，蔗糖生产预计下跌１４％至１２００万吨，创１０年新低，而在此期</t>
  </si>
  <si>
    <t>大规模利用太阳能时代即将到来</t>
  </si>
  <si>
    <t>2005年，是爱因斯坦发现光电效应100周年。这位伟大的物理学家也许不会想到，今天在光电效应的诸多应用中，最值得关注的是太阳能光电池。太阳能引起全世界关注    世界各国都在大力鼓励太阳能光电产业的发展。据报道，日本1992年启动了新阳光计划，到2003年日本光伏组件生</t>
  </si>
  <si>
    <t>布什政府新一轮税改新在哪里</t>
  </si>
  <si>
    <t>编者按：美国总统布什在第一届任期内实行了大规模减税计划和第一轮联邦税制改革，但美国联邦税制总体上存在着的“复杂化、低效率、欠公平和不可预见性”的痼疾并没有得到有效改善，因此，布什决心在第二届任期继续推动新一轮联邦税制改革。新一轮税制改革方案具有税基拓宽、?</t>
  </si>
  <si>
    <t>华尔街乍感加息“寒冬”</t>
  </si>
  <si>
    <t>继美国联邦储备委员会2004年加息1.25%后，市场普遍预期2005年加息幅度在1％左右。华尔街在“低息时代”形成的业务模式短期内难以转型，2005年盈利前景悲观，各大金融机构正积极谋求出路。    许多经济人士预测，到2005年年底，美联储将把短期利率提高到既非刺激性又非紧缩?</t>
  </si>
  <si>
    <t>我们需要多样化的消费环境</t>
  </si>
  <si>
    <t>“１月６日中午，一辆黄色的铲车挥舞着巨大的铲斗，伸向秀水市场红色的标牌。２０多分钟后，‘秀水市场’几个金字坠落在地。驰名中外的北京旅游商业街——秀水市场从人们的视野中消失了。”——看到这则来自媒体的现场报道,相信每一位到过北京秀水街的人,都会不由自主地为其?</t>
  </si>
  <si>
    <t>会计业在美国骤然升温</t>
  </si>
  <si>
    <t>本报讯  由于审计监管制度改革后审计工作量大幅增加，美国四大会计师事务所、大公司甚至联邦调查局现在都纷纷以高薪、长假等优厚条件招揽会计师。    据最新一期美国《商业周刊》报道，美国各大公司、审计机构正以前所未有的规模招聘会计人才。德勤会计师事务所人力资源经?</t>
  </si>
  <si>
    <t>星巴克理念：占据每一个空余的角落</t>
  </si>
  <si>
    <t>当你走进美国西雅图“城市中心”购物广场时，你会看到好几处“星巴克”那显眼的美人鱼标志：入口处有一个星巴克的售卖亭，而在不远处44层电梯的门前又有一家星巴克，转过头发现在手扶梯的旁边有第三个星巴克标志在向你招手。    为什么在这间中型购物商场中竟然有3家星巴克</t>
  </si>
  <si>
    <t>网络电视发展引发版权纠纷</t>
  </si>
  <si>
    <t>本月底,通过互联网实现电视节目共享的技术将面世。2002年，利用互联网技术实现免费音乐共享的美国纳普斯特（Napster）公司因输掉版权官司不得不宣布倒闭。3年后的今天，拥有相似技术的“网络天空”公司也将面临同样的官司。    2002年盐湖城奥运会期间，德国软件一位工程师</t>
  </si>
  <si>
    <t>英国房地产结束上涨期</t>
  </si>
  <si>
    <t>进入新的一年，英国大多数经济学家纷纷把房地产市场的下跌，列为影响２００５年经济增长的令人担忧的主要因素之一。    人们的担心不无道理。从去年底以来，无论是抵押贷款银行，还是住房销售代理，抑或房地产市场跟踪调查机构，其公布的所有相关数据和调查结果都无一例外?</t>
  </si>
  <si>
    <t>基金巨头入市亚洲 投资物业热潮再起</t>
  </si>
  <si>
    <t>国际物业顾问戴德梁行最新报告指出，随着跨国投资物业的风气持续，预测将引入更多国际基金投资亚洲地区及香港物业市场。    据介绍，香港物业市场一直受到国际基金追捧，虽然市场波幅较大，交易时间短促，以及回报率较低等问题令不少投资者望而却步，但在去年香港十大成交?</t>
  </si>
  <si>
    <t>全球大投行风光尽显</t>
  </si>
  <si>
    <t>据最新一期英国《经济学家》报道，世界顶级投资银行在2004年大大风光了一把，收益大增，股价飞涨。    虽然2004年年末一些大投行减员动作频频，如瑞士信贷第一波士顿银行宣布了一项可能会解雇大批员工的重组计划，摩根大通也在纽约和伦敦解雇员工，德国几个大投行也有类似?</t>
  </si>
  <si>
    <t>装备制造必须走名牌加国产路</t>
  </si>
  <si>
    <t>本报沈阳电  中国装备制造业愈发清醒地认识到：要在国际市场上占有一席之地，必须有一批世界性的名牌，走一条具有自主知识产权的国产化道路。    中国装备制造业已经明显感到强大的外部压力：来自联合国工业发展组织的统计数据表明，中国制造业已占据世界的第四位，包括能?</t>
  </si>
  <si>
    <t>止痛药谨慎服</t>
  </si>
  <si>
    <t>2004年下半年，药界先后爆出止痛药万络、西乐葆副作用风波，虽然默克的万络已被召回，可是西乐葆问题的悬而未决，仍使止痛药市场格局扑朔迷离，专家观点是，凡药均有副作用，两害相权取其轻，服用止痛药一定要遵医嘱……    继2004年9月30日，美国默克公司在全球召回止痛药</t>
  </si>
  <si>
    <t>“798”：首都工业废墟蜕变的现代艺术村落</t>
  </si>
  <si>
    <t>“美国古根汉姆博物馆曾想在‘７９８’租赁厂房开办分馆，但遭到业主拒绝。古根汉姆是国际当代艺术的领头羊，世界上很多城市都争相邀请它在当地做博物馆，以提升城市文化价值。但非常遗憾的是，对于这一送上门来的‘厚礼’，我们把它拒之门外了。”在北京７９８艺术区拥有画?</t>
  </si>
  <si>
    <t>前沿集团结伙打造产权酒店联盟</t>
  </si>
  <si>
    <t>上个月，一则新闻引起人们的关注。前沿控股集团携三大品牌强势介入产权度假酒店业，并在上海缔结中国第一个产权度假酒店联盟。    前沿集团与法国雅高酒店集团、美国BBG建筑师有限合伙公司、深圳长城家具装饰工程有限公司共同打造的这一联盟，宣布已确定联盟的第一个产权度</t>
  </si>
  <si>
    <t>乌克兰在东西间走平衡木</t>
  </si>
  <si>
    <t>乌克兰总统库奇马在2004年10月31日乌克兰大选第一轮投票时说，他在为乌克兰的未来投票。的确，从2004年10月31日到12月31日整整两个月，这个在历史上曾经多次选择“和谁在一起”的国家又一次经历了痛苦的道路选择。    尽管正式结果还没有公布。但大选第二轮重新投票的结果?</t>
  </si>
  <si>
    <t>中国人寿调查风波又起</t>
  </si>
  <si>
    <t>时间到了2005年，中国人寿的审计风波依然余波未平。    岁末年初，这家中国最大的保险公司再次成为海内外媒体关注的焦点。事情起因是英国《金融时报》12月30日的报道，该报道引述知情人士的话称，美国证交会对中国人寿首次公开募股（IPO）的调查已经升级，即从非正式调查转</t>
  </si>
  <si>
    <t>兼并潮揭示美国软件产业进入微利时代</t>
  </si>
  <si>
    <t>近来美国软件行业掀起了一股兼并浪潮。先是企业数据库软件巨头甲骨文公司经过１８个月的“并购战”以１０３亿美元的代价收购其竞争对手仁科公司；此后，世界最大的软件公司微软宣布收购一家安全软件公司“巨人软件”；同时，杀毒软件公司赛门铁克公司以135亿美收购了另一家安</t>
  </si>
  <si>
    <t>贵州乡村旅游发展面临挑战</t>
  </si>
  <si>
    <t>联合国世界旅游组织秘书长弗朗西斯科·弗朗加利先生不久前在贵州考察乡村旅游时说，贵州在利用现存资源发展旅游时，一定要慢一些。他的“慢一些”建议明显与当地“大突破、大跨越和大发展”的旅游发展思路相悖。　　旅游资源与发展目标　　    贵州位于滇、桂、黔的喀斯?</t>
  </si>
  <si>
    <t>2007年中国旅游业"火药"味将更浓</t>
  </si>
  <si>
    <t>从“串烧”式的观光旅游到休闲式的度假旅游，2006年中国人的旅游出行观念正在迅速刷新，欧洲一地深度游、马尔代夫海岛游、埃及五日豪华游不断提升着中国人的出境品位，青藏铁路的开通让人们认识到中国西部所蕴藏的旅游资源，出行人数的迅猛增长，旅游投资的不断追加，旅游作?</t>
  </si>
  <si>
    <t>我国逾三万种化学品输欧受阻</t>
  </si>
  <si>
    <t>继WEEE、RoHS、EUP三大环保指令相继实施后，欧盟又一新的绿色壁垒——《关于化学品注册、评估、授权和限制制度》(以下简称“REACH法规”)预计将于2007年6月在欧盟全面开始实施。我国三万余种化工产品，以及涉及使用化工产品的下游产品极有可能出口无门。　　    记者了解到</t>
  </si>
  <si>
    <t>能挣会花广东人  岁末新岁消费忙</t>
  </si>
  <si>
    <t>在这个岁末新岁，能挣会花的广东人不仅将原有随意和洒脱的消费习惯表现得淋漓尽致，而且还演绎着新的消费篇章。消费方向悄然转型，从以食为主到多样化消费，真可谓精彩纷呈。广东人创造和享受着消费的写意和快乐。　　商家抓住年尾大赚一把　　  　    当众多国有百货商?</t>
  </si>
  <si>
    <t>今年法银行海外并购额创新高</t>
  </si>
  <si>
    <t>本报巴黎电 据法国《论坛报》27日报道，今年以来法国各大银行用于海外并购的资金已接近252亿欧元，达历史最高水平。　　    《论坛报》说，今年法国银行海外并购的主要案例有巴黎银行斥资90亿欧元收购意大利第六大银行——国家劳工银行；法国农业信贷银行在意大利投资60亿?</t>
  </si>
  <si>
    <t>美报批评欧盟层层设防限制进口中国水果</t>
  </si>
  <si>
    <t>本报华盛顿电 美国《华尔街日报》26日刊文指出，欧盟为保护本地水果种植商，除了给予政府补贴外，还设置种种贸易壁垒以限制中国水果的进口。　　    文章称，欧盟已多次对中国水果采取贸易保护主义措施。在草莓方面，波兰草莓种植商去年向欧盟提出申诉，导致欧盟于今年10月</t>
  </si>
  <si>
    <t>研究机构称韩国经济增长掩饰诸多问题</t>
  </si>
  <si>
    <t>本报首尔电 韩国权威私人研究机构——三星经济研究所27日发布2006年度经济评估报告称，尽管韩国经济今年保持稳步增长且出口强劲，但仍面临就业率低等诸多问题。　　    报告说：“从表面来看，2006年韩国经济表现出色，经济增长率达到约5%，出口额达到3000亿美元，主要股指</t>
  </si>
  <si>
    <t>荷兰官员为中国企业投资荷兰提建议</t>
  </si>
  <si>
    <t>本报布鲁塞尔电 荷兰经济部外商投资局总局长约胡姆·哈克马(中文名夏旭衡)日前在荷兰海牙接受本报记者采访时，对有意来荷投资的中国公司提出了三条建议：制定发展战略、寻求投资局帮助、找到合适的本地合作伙伴。　　    随着越来越多的中国企业赴荷兰发展，一些问题也随之</t>
  </si>
  <si>
    <t>移动运营商的预付费业务有难题</t>
  </si>
  <si>
    <t>如今，移动运营商的预付费业务早已成为一项重要的业务，其收入均超过总收入的50%。计世资讯分析认为，任何事物都有两面性，目前预付费业务还存在一些不利因素。　　    首先，预付费用户群体一般通话次数少，通话行为不稳定，使得运营商往往增量不增收。以欧洲为例，占移动</t>
  </si>
  <si>
    <t>实景地图带来虚拟城市财富预言</t>
  </si>
  <si>
    <t>电子地图正在迎来二次革命。正当谷歌卫星地图(Google earth)被众人热议的时候，来自上海的城市吧(city8.com)CEO余建军进京宣布京沪两座城市已被“搬上”互联网，网民不出家门即可身临其境地“逛遍”大上海、北京城。　　    “在美国，88%的用户使用地图搜索服务。”余建军</t>
  </si>
  <si>
    <t>海外寻宝  建文物回流渠道</t>
  </si>
  <si>
    <t>海外寻宝——一个听起来时尚又刺激的话题，其实是中华抢救流失海外文物专项基金(以下简称“抢救基金”)组织的一项民间活动。11月中旬，曾经高调踏上欧洲之旅的中国藏家空手而归，抢救基金组织的第三次海外寻宝活动就这样淡出了人们的视线。　　    “在欧洲没有拍到任何中?</t>
  </si>
  <si>
    <t>欧洲人持家理财的四大启示</t>
  </si>
  <si>
    <t>中国人有着传统持家理财的习俗，随着人们资本积累的日益广泛，怎样当好家、理好财是每个家庭需要直面的新课题，欧洲人的做法和经验也许会带给我们有益的启示。　　持家理财从记账开始　　    欧洲人持家理财首先从账户用钱开始。在欧洲，一般家庭都有储蓄的习惯，许多家?</t>
  </si>
  <si>
    <t>烟台旧城改造让居民说了算</t>
  </si>
  <si>
    <t>当近年来众多城市都把重点放在“大拆、大建、大迁”上的时候，烟台市却听从百姓意见，“不拆、不建、不迁”，对旧城区以“综合修整”为主，仅花少量代价就使城市面貌改观。百姓少折腾，城市房价也避免了大涨。　　    前不久，联合国人居署专家以《烟台市住房和城市升级改?</t>
  </si>
  <si>
    <t>世界粮价上扬对中国市场影响不大</t>
  </si>
  <si>
    <t>联合国粮农组织(Food and Agriculture Organization of the United Nations -- FAO)日前发表的《粮食展望》报告预测，受灾害天气等因素的影响，主要产粮国和粮食出口国都出现了不同程度的歉收，2006年度全球粮食供求关系趋紧，尤其是小麦和玉米价格涨幅较大，创下近10年来最?</t>
  </si>
  <si>
    <t>美国采取多种方式稳定粮价</t>
  </si>
  <si>
    <t>在美国，粮食的概念很广泛，包括小麦、玉米、高粱、大麦、稻谷、燕麦及其他杂粮等。粮食生产是美国农业生产非常重要的组成部分。长期以来，美国政府主要通过限产休耕、发放补贴和促进出口等途径，为农业生产规避风险，稳定农产品价格，维护农民利益。　　    限产休耕是美?</t>
  </si>
  <si>
    <t>文化产品“招商引资”凸显营销渠道缺失</t>
  </si>
  <si>
    <t>文化产品也要“招商引资”？日前在京举行的首届中国北京文化创意博览会，首次在舞蹈、曲艺、音乐等领域组织开展了大规模的展示推介活动，公开对外招商引资。这一举动吸引了来自中国台湾、美国、法国等国家和地区以及内地的上百家演出机构前来洽谈。当文艺院团终于迈出了走向?</t>
  </si>
  <si>
    <t>圣诞节国内“受宠”的背后</t>
  </si>
  <si>
    <t>又是一年圣诞到。闪闪发光的圣诞树、红衣红帽的圣诞老人、美仑美奂的圣诞礼物——无论在大街，小巷，还是商场，，随处都可以感受到浓郁的圣诞气氛。记者在采访中发现，尽管是舶来品，但作为西方传统节日的圣诞节还是受到了不少国人，尤其是年轻人群的欢迎和喜爱。　　    ?</t>
  </si>
  <si>
    <t>中韩海陆空多式联运无缝对接</t>
  </si>
  <si>
    <t>本报济南电 从青岛海关获悉，我国以车载物流监管模式向韩国出口的第一批货物日前从青岛起运，标志着中韩两国间海陆空多式联运实现无缝对接。　　    中韩车载物流是实现中韩之间陆海空多式联运的重要一环，指利用中韩滚装轮渡进入对方境内后，不需卸载换乘对方的运输工具，</t>
  </si>
  <si>
    <t>都市白领热衷圣诞狂欢游</t>
  </si>
  <si>
    <t>圣诞的气息如今已扑面而来。玻璃窗早早喷上的雪花，广场上的圣诞树，超市里的圣诞老人，甚至连小店铺卖的耳饰都融入了圣诞元素，越来越多的中国人喜欢上了这个西方的节日。一些都市白领索性在这个季节设定了自己的年假计划，以旅行的方式过圣诞。去欧洲体验地道的圣诞假期，?</t>
  </si>
  <si>
    <t>珠三角连开奢侈品展  公众反感“炫耀财富”</t>
  </si>
  <si>
    <t>德国人弗格勒正在向“瓷器的故乡”中国发起冲锋，他要将平均售价高达10000欧元的德产瓷器打入中国市场。中国的国民收入目前尚不足2000欧元，但弗格勒不是在开玩笑，他的目标人群是经济大潮中诞生的本土富豪们，“他们需要昂贵的器具证明自己和欧美的富翁是同一个层次的人”。</t>
  </si>
  <si>
    <t>未来十年我国“地温空调”技术将有大发展</t>
  </si>
  <si>
    <t>兰州人防大厦的锅炉工陈师傅已经两年不和“煤”打交道了。两年前，兰州人防大厦引进了被联合国选定为“清洁能源示范项目”的“地温空调”。这种新技术让陈师傅彻底从“煤堆”里“解放”了出来。和陈师傅一样，随着“地温空调”技术的推广使用，我国越来越多的锅炉工开始告别?</t>
  </si>
  <si>
    <t>外资互联网巨头在中国频频受挫</t>
  </si>
  <si>
    <t>12月20日，美国在线拍卖巨头eBay与TOM在线成立合资公司TOM易趣。按照协议，eBay投入4000万美元现金，TOM在线则投入2000万美元财务支持，而eBay和TOM在线的持股比例却为49%和51%。　　    前和讯网CEO谢文和一些互联网人士认为：“eBay的举动实际上宣布了它在中国前一阶段战</t>
  </si>
  <si>
    <t>手机购票将成发展潮流</t>
  </si>
  <si>
    <t>手机购票方便灵活，随时随地，并且节约纸资源，节省人力，杜绝造假行为。计世资讯认为，手机购票是移动信息化的一个重要组成部分，必将成为发展潮流。　　    目前，在欧、美、日、韩已经被广泛应用于停车场、公交车、电影院和剧院等场所。德国铁路公司推出的手机购火车票?</t>
  </si>
  <si>
    <t>泰国实施抑制外资投机措施  引发股市暴跌</t>
  </si>
  <si>
    <t>泰国中央银行19日宣布，为减缓短期资本流入势头、抑制针对该国货币泰铢升值的投机行为，从当天起对进入泰国的短期资本收取高额准备金。此举引发泰国股市强烈反应。泰国证券交易所综合指数19日下跌超过百点，跌幅近15%，为该市场历史最大单日跌幅。　　    泰国货币当局宣布</t>
  </si>
  <si>
    <t>国际油市变数增多  欧佩克调节能力减弱</t>
  </si>
  <si>
    <t>石油输出国组织(欧佩克)日前在尼日利亚首都阿布贾宣布，为调节市场供求关系，计划从明年2月1日起将原油日产量削减50万桶。这是欧佩克今年第二次宣布减产，其目的同样是为防止油价继续回落。　　    不过，“减产保价”只是欧佩克一厢情愿的想法。到目前为止，推动油价上扬?</t>
  </si>
  <si>
    <t>中国造船新订单首次居世界第二</t>
  </si>
  <si>
    <t>本报首尔电 市场调查机构英国克拉克森船舶经纪公司20日公布的统计数据显示，按照今年前11个月的新订单量和造船量等指标计算，中国造船企业首次位居世界第二。　　    韩通社当天援引位于伦敦的克拉克森船舶经纪公司的数据说，今年1至11月，中国造船企业共获得1350万修正总?</t>
  </si>
  <si>
    <t>中西部引资亟待改善金融生态环境</t>
  </si>
  <si>
    <t>现代融资更为看重软环境，而不仅仅局限于硬环境。在目前全国并不缺乏资金的情况下，我国中西部地区只有积极改善金融生态环境，才能获得更多的资金，从而促进经济的更快发展。　　    19日，中国人民银行副行长吴晓灵、中国贸易促进会会长万季飞和博鳌亚洲论坛秘书长龙永图?</t>
  </si>
  <si>
    <t>世界经济主要问题是消费不足</t>
  </si>
  <si>
    <t>日前，美国摩根斯坦利公司董事总经理、首席经济学家史蒂芬·罗奇就世界经济增长前景和中美经贸关系等问题发表了自己的看法。　　    罗奇说，目前世界经济的主要问题是消费不足。美国和欧洲是世界主要消费者，但欧洲的消费明年只能增长1.5%左右。日本的消费市场也在萎缩，?</t>
  </si>
  <si>
    <t>全球经济稳步增长  亚欧贡献日渐突出</t>
  </si>
  <si>
    <t>正如国际货币基金组织(IMF)总裁罗德里戈·拉托今年9月在IMF和世界银行联合年会上预料的一样，虽然面临利率上涨和高油价双重困扰，全球经济今年依旧增长强劲，并经历着自上世纪60年代以来从未有过的快速增长。　　    作为全球经济的“火车头”，美国经济已呈现出逐步放缓的</t>
  </si>
  <si>
    <t>全球矿产价格将继续增长</t>
  </si>
  <si>
    <t>本报堪培拉电 澳大利亚农业和资源经济局18日发表的一份报告预计，由于全球对矿产的需求强劲而矿产供给增长缓慢，铁矿石等矿产价格将会继续上升。　　    这份报告对今年7月1日开始的澳大利亚2006至2007财政年度里初级产品价格的走势和澳初级产品出口前景进行了预测。报告预</t>
  </si>
  <si>
    <t>中行收购新加坡飞机租赁公司</t>
  </si>
  <si>
    <t>本报讯 中国银行股份有限公司18日发布公告，正式确认获得新加坡飞机租赁有限责任公司的全部所有权。中国银行表示，其已通过一家全资附属子公司，以9.65亿美元的现金收购新加坡飞机租赁公司的100%已发行股本。　　    中国银行发言人王兆文表示，本次收购是其进一步扩大多元</t>
  </si>
  <si>
    <t>明年油价徘徊于60至65美元</t>
  </si>
  <si>
    <t>本报东京电 日本能源经济研究所最新发表的预测称，2007年国际市场原油价格将在每桶60至65美元之间波动。　　    日本能源经济研究所认为，由于原苏联以及非洲等地区大幅增产，明年原油供应形势将比2006年有所缓和。但是，如果出现价格回落，石油输出国组织(欧佩克)将会采取</t>
  </si>
  <si>
    <t>当前房地产调控中的若干问题与对策</t>
  </si>
  <si>
    <t>可以说，这几年房地产宏观调控的力度之大，政策之多，政策之集中，超过了任何一个时期，也超过了任何一个行业，然而，一些深层次的问题仍然没有得到根本的解决，政策的效果还有待时间的检验，房价与地价增长的势头并没有有效抑制。　　问题与困惑　　    1、用西方国家的</t>
  </si>
  <si>
    <t>德国证券市场：中国企业海外上市新落点</t>
  </si>
  <si>
    <t>中国企业近年来进入海外资本市场的第一步大多落在纽约或伦敦，不甘落后的德国证券市场逐渐敞开大门，希望成为中国企业海外上市的新落点。据德国媒体报道，2007年将有一到两家中国企业在德国证券交易所成功上市，预计筹资金额将相当可观。　　    如今，设在法兰克福的德国?</t>
  </si>
  <si>
    <t>农民工医疗面临诸多现实难题</t>
  </si>
  <si>
    <t>自2003年7月起，新型农村合作医疗制度试点在全国各地农村逐步展开，广大农民可享受到最基本的医疗保障。可是，对于那些进城务工的农民工，尽管国家陆续出台相关政策，但其医疗参保仍面临不少现实难题。　　参保意识薄弱　　    11月19日中午12点半，北京宣武区虎坊桥鲁能</t>
  </si>
  <si>
    <t>靠实施制度创新来化解住房公积金之忧</t>
  </si>
  <si>
    <t>世界银行日前发布的最新一期《中国经济季报》中称，中国住房公积金的现状，不仅难以“济贫”，甚至有“劫贫济富”的嫌疑：那些由于没有缴纳公积金，或无法逾越购房首付门槛等诸多原因而“永远无法获得公积金贷款”的居民，其中大部分是中低收入者，“被迫以低于市场利率的水?</t>
  </si>
  <si>
    <t>Hennessy告倒anlissy</t>
  </si>
  <si>
    <t>2004年7月，轩尼诗公司在上海家乐福万里店发现有Hanlissy(亨利士)法国干邑和白兰地酒出售(厂家是珠海橡木桶贸易公司)，认为这是典型的搭便车侵权行为，他们通过公证在家乐福店购买了4件样品。随后，轩尼诗公司对家乐福中国总部和上海家乐福万里店发出警告函，家乐福中国总部?</t>
  </si>
  <si>
    <t>美将对我国铜版纸进行反补贴和反倾销调查</t>
  </si>
  <si>
    <t>本报华盛顿电 美国国际贸易委员会15日称，由于从中国进口的铜版纸存在政府补贴嫌疑和价格过低，该委员会决定将对相关产品进行反补贴和反倾销调查。此外，韩国和印度尼西亚的铜版纸也将接受同样的调查。　　    该委员会当天以4比1的投票结果通过了这项裁定，并且宣称，由于</t>
  </si>
  <si>
    <t>俄罗斯经典声乐迷倒中国知音</t>
  </si>
  <si>
    <t>12月3日晚的北京音乐厅座无虚席，作为中国音乐学院为“2006中国俄罗斯年”献上的一份贺礼，“俄罗斯经典声乐作品演唱会”如期而至。　　    没有炫目的灯光，没有豪华的乐队，仅仅一架钢琴、一台手风琴、三位伴奏者和两位歌唱家，就足以让北京音乐厅现场1000多位观众兴奋甚</t>
  </si>
  <si>
    <t>中国纺织品话语权正在失去</t>
  </si>
  <si>
    <t>一件中国制造的纺织品在国际市场上平均售价不到四美元，甚至有些出口到中东国家的全棉衬衣一件仅卖2.5美元。中国纺织品服装出口一直都以贴牌加工为主，而贴牌加工企业在整个产业链条中所获得的利润大约只占产品全部市场利润的10%。在一系列令人震惊的数字背后，中国纺织品服?</t>
  </si>
  <si>
    <t>领略未来数字娱乐生活</t>
  </si>
  <si>
    <t>12月9日，起源于美国的数字生活博览会带着其特有的时尚气息亮相北京。作为首次在国内举行的体验式消费电子展，“2006数字生活博览会”让观众亲身体会到了魅力无限的数字生活。　　与众不同　　    12月的北京已是隆冬时节，但是位于国际贸易中心的数字生活博览会却是一番</t>
  </si>
  <si>
    <t>欧洲议会批准汽车排放欧Ⅴ和欧Ⅵ标准</t>
  </si>
  <si>
    <t>本报布鲁塞尔电 欧洲议会１３日通过了旨在限制汽车污染物排放的欧洲５号（欧Ⅴ）和欧洲６号（欧Ⅵ）标准。根据新标准，未来欧盟国家对本地生产及进口汽车的污染物排放量，特别是氮氧化物和颗粒物排放量的控制将日益严格。　　    欧Ⅴ标准将于２００９年９月１日开始实施。</t>
  </si>
  <si>
    <t>“REACH”饱受争议  仍获欧洲议会批准</t>
  </si>
  <si>
    <t>本报布鲁塞尔电 欧洲议会13日批准了引起广泛争议的化学工业产品条例。这一定于2007年7月开始生效的条例将对在欧盟生产和销售的玩具、塑料和其他化工产品产生巨大影响。　　    该法规全称为“化学品注册、评估和许可规定”(简称为REACH)，涉及约3万种常用化学品。该法规对?</t>
  </si>
  <si>
    <t>阿联酋能源部长:欧佩克将努力稳定石油市场</t>
  </si>
  <si>
    <t>本报阿布扎比电 石油输出国组织(欧佩克)副主席、阿联酋能源部长穆罕默德·哈米利12日在这里强调，欧佩克将为石油市场供需平衡和稳定油价作出努力。　　    哈米利当天离开阿联酋首都阿布扎比前往尼日利亚首都阿布贾出席欧佩克特别会议。他在启程前向媒体发表讲话说，欧佩克</t>
  </si>
  <si>
    <t>美国经济降温  美联储维持利率不变</t>
  </si>
  <si>
    <t>在12日举行的今年最后一次货币政策决策例会上，美国联邦储备委员会决定将联邦基金利率即商业银行间隔夜拆借利率保持在5.25%。这是美联储自今年8月份以来连续第四次决定维持现有利率水平不变。　　    分析人士认为，目前的经济形势为美联储作出这一决定提供了条件。一方面?</t>
  </si>
  <si>
    <t>世界银行:今年世界经济增长率可望达到3.9%</t>
  </si>
  <si>
    <t>本报华盛顿电 世界银行13日发表的一份报告称，受发展中国家经济强劲增长的带动，今年世界经济增长率可望达到3.9%，明后两年的增长率也将维持在3%以上。报告还说，在未来25年里，全球化将推动全球人均收入加快增长，而发展中国家将在其中扮演“主角”。　　    这份题为《20</t>
  </si>
  <si>
    <t>“中部崛起”成为台商在大陆创业的新契机</t>
  </si>
  <si>
    <t>今年以来，中部各省与台湾地区之间的经贸往来日益频繁。随着祖国大陆“促进中部地区崛起战略”的深入推进，越来越多的台商开始在发展相对滞后的中部寻找商机，投资步伐随之逐渐加快。　　    台湾远东集团在武汉投资2924万美元，从事高分子聚酯(薄)胶片等产品的研发、生产?</t>
  </si>
  <si>
    <t>日本企业对华投资逐渐加码</t>
  </si>
  <si>
    <t>中国加入世界贸易组织五年来在全球市场的地位与作用日益上升。日本企业纷纷扩大对中国市场的投入，对华投资大幅增加。中国市场成为日本一些跨国公司海外市场的发展引擎，为日本经济复苏带来巨大推动力。　　    有关数据显示，2001年底中国加入世贸组织后，日本企业对中国?</t>
  </si>
  <si>
    <t>美国各界高度评价中国加入WTO五年来表现</t>
  </si>
  <si>
    <t>中国加入世界贸易组织(WTO)已满5年。在美国，中国这几年在兑现加入世贸组织时所做的承诺方面得到了绝大多数人的肯定。　　    美中贸易委员会不久前公布的一份调查报告显示，美国企业对中国兑现承诺的表现感到相当振奋。高达83%的受访美国企业认为，中国在兑现承诺方面成绩</t>
  </si>
  <si>
    <t>中国钢铁企业“偏食”：不爱废钢爱矿石</t>
  </si>
  <si>
    <t>进入四季度后，2007年度进口铁矿石价格让世界工商界神经紧绷。因为，2005年和2006年，需求量巨大的中国钢铁工业先后被迫接受进口铁矿石涨价71%和19%的卖方要价。　　    在猜测巴西淡水河谷、澳大利亚力拓、必和必拓等究竟会打出什么牌时，很多人同时呼吁，应通过钢市降温?</t>
  </si>
  <si>
    <t>西班牙住房政策向“困难户”倾斜</t>
  </si>
  <si>
    <t>近几年来，西班牙经济持续增长，房地产市场不断升温。一方面建筑业飞速发展，使西班牙成为欧洲人均拥有住房最多的国家；另一方面，房价一路飙升也使一部分弱势群体和年轻人在购买住房时面临很大困难。如何妥善解决这些人的住房问题便成为西班牙政府的工作重点之一，也成为其?</t>
  </si>
  <si>
    <t>美联储维持利率不变几成定局</t>
  </si>
  <si>
    <t>美国联邦储备委员会于当地时间12日举行本年度最后一次货币政策例会，以决定新的利率水平。分析人士普遍认为，美联储仍会宣布维持现有利率水平不变，但经济放缓将迫使美联储在不久的将来把减息方案提上日程。　　    分析人士普遍预测，在本次例会上，美联储将第四次宣布维?</t>
  </si>
  <si>
    <t>联合国官员教中国企业如何与联合国做生意</t>
  </si>
  <si>
    <t>本报杭州电 “我们采购的电讯设备和服务主要来自印度和东欧，但我相信中国供应商也有实力满足我们的标准。”联合国采购司官员德米特里·道戈波利告诉台下的浙江企业，联合国将更大地向中国供货商敞开大门。　　    商务部中国国际经济技术交流中心和浙江省外经贸厅近日在杭</t>
  </si>
  <si>
    <t>“老外”眼中的中国</t>
  </si>
  <si>
    <t>韩国人李钟台：长沙市政府里的“洋干部”　　1995年，李钟台离开韩国来到湖南，担任长沙LG曙光财务副总监，后又担任LG化学(湖南)荧光材料有限公司总经理。离开LG后，2005年，这位长沙市荣誉市民、前世界500强高管，受聘担任长沙市政府“商务顾问”兼长沙市外商投资企业</t>
  </si>
  <si>
    <t>甲醇盲目投资埋下市场隐患</t>
  </si>
  <si>
    <t>近几年，我国甲醇产业发展速度极快，多个大型甲醇项目相继开工建设。为此，业内人士提醒，凡事有度，盲目的投资建设很可能为未来的市场埋下隐患。　　    神华宁煤集团项目部总经理孙照亮介绍说，世界甲醇生产格局的变化导致消费格局发生了重大变化。目前欧美、日本等工业?</t>
  </si>
  <si>
    <t>我国构建大国际科技合作格局</t>
  </si>
  <si>
    <t>我国电力企业“大鳄”华能集团不久前加入了由美国政府发起的“未来发电”计划项目的“企业联盟”。在上月举行的“中美科技合作联委会”第12次会议上，中国科技部部长徐冠华宣布，中方将就加入“未来发电”计划政府指导委员会一事，与美方展开谈判，并希望早日达成共识并签署?</t>
  </si>
  <si>
    <t>中国留学生人才招聘会走进英校园</t>
  </si>
  <si>
    <t>即将成为英国曼彻斯特大学金融硕士的东北人小刘眼看就要毕业了，但在英国本土数次求职并散发无数简历之后，忐忑不安的他一直处于苦等状态。12月6日至7日，曼彻斯特大学校园里举办了一场专门针对中国留学生的招聘会，这似乎给小刘带来了新的希望。　　    小刘专门约了几个?</t>
  </si>
  <si>
    <t>卡拉OK的费一定要收</t>
  </si>
  <si>
    <t>本报讯 “卡拉OK征收版权使用费，一定要推行下去。”在7日召开的中国—欧盟集体管理组织发展和版权执行研讨会上，国家版权局版权司副司长许超明确表态。　　    自11月9日，国家版权局公布卡拉OK版权使用费收取标准12元/包房/天，顿时激起了社会各界的强烈反应。广州文化娱</t>
  </si>
  <si>
    <t>美元走强令金价下滑</t>
  </si>
  <si>
    <t>本周，过去几周一直密切追随汇市走势的期金在美元买盘加速之际走低，美元买盘加速因周二美国供应管理协会公布11月非制造业指数自10月的57.1升至58.9，高于预期的56.0。该指数若高于50，则表明非制造业处于扩张态势。期金下滑与美元走势息息相关，因美元力道强劲，期金在当前?</t>
  </si>
  <si>
    <t>欧元涨势得到遏制</t>
  </si>
  <si>
    <t>本周二美国发布的非制造业指数出人意料地强劲，令美元暂停11月底以来的急剧跌势，欧元近两周的强劲涨势得到遏制。　　    周二美国供应管理学会公布，非制造业指数11月份升至58.9，高于10月份的57.1和55.5的市场预期。尽管非制造业指数通常不是推动汇市的主要数据，但投资?</t>
  </si>
  <si>
    <t>今后同为WTO成员  中越经贸关系更紧密</t>
  </si>
  <si>
    <t>最近几年，中越双方不断扩大经贸合作规模和深化合作领域，推动双边经贸合作朝着多元化、深层次的方向发展。越南“入世”后，中国的产品、服务部门进入越南将获得更多的市场准入机会。　　    11月28日，越南国会通过一项决议，批准关于越南加入世界贸易组织(简称“入世”)?</t>
  </si>
  <si>
    <t>俄罗斯离WTO近了  与中国更近了</t>
  </si>
  <si>
    <t>在中国迎来加入世界贸易组织(WTO)五周年的头一个月，与中国、印度、巴西并称为“金砖四国”(BRICs)的俄罗斯在加入世贸组织的进程中获得了重大突破。　　    11月19日，俄罗斯和美国就俄“入世”签署了协议，从而为俄罗斯加入该组织扫清了主要障碍。在可以预见的未来，双双?</t>
  </si>
  <si>
    <t>率先开放  中资保险在竞争中成长</t>
  </si>
  <si>
    <t>在中国金融业里，保险业无疑是开放的排头兵。早在2005年，中国保险业就已经全面对外开放。回眸加入世贸组织五年，专家认为，中资保险业抵住了加入世贸组织带来的冲击，并在与外资保险的竞争和学习的过程中取得长足进步。但专家也提醒说，中资保险公司当前注重“模仿”和“输?</t>
  </si>
  <si>
    <t>混业经营:为了新时代的合作与竞争</t>
  </si>
  <si>
    <t>随着我国加入世贸组织五年过渡期的即将结束，中资金融机构和外资金融机构之间将会展开一场全面的合作与竞争，而逐步放开国内混业经营的闸门用以提高金融机构的竞争力，已经成为了各界的共识。　　监管层密集传递政策信息　　    1999年和2000年人民银行先后颁布关于券商?</t>
  </si>
  <si>
    <t>美国企业不满白宫酝酿对华出口管制</t>
  </si>
  <si>
    <t>美国商务部长古铁雷斯5日称，拟议中的对华出口管制新建议听取民意阶段已经结束，政府将由此制定一个最终对华出口管制文本。但连日来，还是不断有美国企业对该建议表示不满，要求美国放弃这种“不合时宜”的管制措施。　　    “我们的意见是美国政府应立刻放弃这个对华出口</t>
  </si>
  <si>
    <t>美商务部长:美国将加强与中韩两国经贸关系</t>
  </si>
  <si>
    <t>本报华盛顿电 美国商务部长古铁雷斯６日表示，中国和韩国都是美国重要的出口市场，它们仍有很大发展空间，美国将进一步加强与两国的经贸关系。　　    古铁雷斯说，亚洲是美国对外贸易的“极其重要的地区”，去年美国对中国和韩国的出口额超过６００亿美元。在下周访问中韩</t>
  </si>
  <si>
    <t>“中国已不是世界经济的旁观者”</t>
  </si>
  <si>
    <t>“中国的发展非常快，非常稳健，而且具有可持续性……中国已不是世界经济的一个旁观者。”美国前贸易代表巴尔舍夫斯基这样评价中国加入世界贸易组织(WTO)五年来的表现。　　    这位喜欢戴丝巾的美国前最高贸易官员，曾是中国加入WTO谈判时最主要的谈判对手之一。在日前接?</t>
  </si>
  <si>
    <t>7.8226：人民币汇率再创新高</t>
  </si>
  <si>
    <t>由于国际投资者在等待欧洲中央银行将于7日举行的例行决策会议的结果，当日纽约外汇市场美元对其他西方主要货币的比价升降不一，且波动幅度较小。　　    美国劳工部当天公布的数据显示，今年第三季度美国非农业部门的单位劳动力成本涨幅为2.3%，大大低于原先估计的3.8%。这</t>
  </si>
  <si>
    <t>日系手机怎么了</t>
  </si>
  <si>
    <t>日前，由于在2G、2.5G手机业务上持续亏损，日本NEC总部已经作出了全面退出海外GSM手机市场的决定，中国也被包括其中。 　　    近两年来，日系手机厂商接连败走中国市场，NEC退出之后，在中国的日本手机厂商只剩下生产CDMA手机的京瓷(索尼爱立信由于是并购企业，并不算是典</t>
  </si>
  <si>
    <t>苏丹红事件引发蛋品业灾难</t>
  </si>
  <si>
    <t>“这次的鸭蛋苏丹红事件，主要问题出在饲料和禽蛋产品养殖环节，但却导致了整个蛋品行业的灾难……希望社会各界伸出援助之手，和我们整个蛋品业一起，渡过难关。”　　    在日前举行的第七届中国蛋品科技大会上，组委会发出了以上的呼吁，并组织了“蛋品行业共筑质量诚信?</t>
  </si>
  <si>
    <t>德国处置老工业基地拒绝“一卖了之”</t>
  </si>
  <si>
    <t>德国经济辉煌的缔造者、昔日的煤炭巨擘鲁尔集团，如今也正处在发展的十字路口。但在解决老工业基地问题上，德国政府和企业反对“一卖了之”。　　    鲁尔集团在全球有十余万员工，到2018年鲁尔地区现有矿井将全部关闭，初步估计，包括银行负债、职工退休金、矿区治理费用?</t>
  </si>
  <si>
    <t>法国：圣诞节网上购物渐成风气</t>
  </si>
  <si>
    <t>本报巴黎电 圣诞节和新年临近，购买礼物成为所有法国人必做的“功课”。一些厌倦了排队等候付款的法国人将目光投向互联网，在网上商城挑选物美价廉的礼物。　　    根据德鲁瓦特事务所的统计，今年60%的法国消费者将为年底的节日至少进行一次网上消费。法国远程购物企业联?</t>
  </si>
  <si>
    <t>手中美元怎么打理最保值</t>
  </si>
  <si>
    <t>最近，不少人是在犹豫手中的美元该留还是该抛。由于近期美元在全球范围内表现疲软，市场普遍对人民币升值预期强烈，人民币对美元汇率在短短两周左右的时间内经历了一个快速上升过程，人民币中间价接连突破7.87、7.86、7.85、7.84和7.83五大关口 。　　    面对如此强劲的人</t>
  </si>
  <si>
    <t>日本汽油消费萎缩</t>
  </si>
  <si>
    <t>日本经济产业省公布的最新数据显示，2006年1月至10月，日本国内汽油销售量与上年同期相比下降了1%。由于目前日本汽油需求继续处于低迷状态，预计今年全年日本汽油销售量将出现32年来首次下降。分析人士指出，国际市场油价居高不下和消费者节能意识增强，是推动日本国内汽油消</t>
  </si>
  <si>
    <t>国际普遍上升  国内震荡下行</t>
  </si>
  <si>
    <t>由于投资者预计今后美元汇率有可能继续走低，5日国际市场黄金价格普遍上升，但国内却走出相反态势。　　    市场分析人士指出，虽然当日纽约外汇市场上美元对多数其他西方主要货币的比价止跌回升，但是投资者预计今后美元汇率有可能继续走低。由于贵金属交易以美元计价，美</t>
  </si>
  <si>
    <t>芬兰医药监管“严”字当头</t>
  </si>
  <si>
    <t>为保证药品、医疗设备以及血液制品的使用安全，芬兰制定了严格的法律法规，对医药实施有效监管。　　    芬兰社会卫生部下属的国家医药管理局负责医药监管。在芬兰，医药产品的生产、进口、批发和零售都需要获得该机构的许可。医药管理局的监管工作人员经常对制药厂进行抽?</t>
  </si>
  <si>
    <t>韩国实行医药分离相互监督</t>
  </si>
  <si>
    <t>韩国针对医药管理建立了一整套严格认证制度和监管体系，确保了药品生产质量。与此同时，韩国还通过实行医药分离制度，形成了有效的医药相互监督机制。　　    韩国药品产量位居世界前列，200多家制药企业每年的药品销售额可达110亿美元。然而韩国曾长期医药不分，医生不合?</t>
  </si>
  <si>
    <t>全球资本淘金商业地产进入最后“疯狂”</t>
  </si>
  <si>
    <t>“在英国房地产利润率只有4%至5%，在上海投资，会有7%至8%的回报率，在成都的收益预计可以达到25%。”思嘉伯集团董事兼首席投资顾问迪迪尔兴奋地向记者诉说着他的观点：“我们集团拟在未来三年到五年在中国内地房地产市场投资达30亿元人民币。”近日，英国第三大房地产公司思</t>
  </si>
  <si>
    <t>微型车走俏日本  铃木销量超本田</t>
  </si>
  <si>
    <t>日本汽车市场今年10月份发生了一件怪事，铃木自动车工业公司的汽车销量竟然超过了三大汽车巨头之一的本田公司。最近出版的一期美国《商业周刊》撰文指出，铃木的制胜法宝便是在日本市场日益受宠的微型车（minicar）。　　    日本对微型车的定义是车体长不超过３.４米，车?</t>
  </si>
  <si>
    <t>查韦斯将继续推动欧佩克维持高油价</t>
  </si>
  <si>
    <t>本报加拉加斯电 委内瑞拉能源和石油部长拉米雷斯3日表示，委总统查韦斯将会继续敦促石油输出国组织(欧佩克)采取措施维持高位油价。　　    委内瑞拉3日举行总统选举。根据最新公布的选举结果，委内瑞拉总统选举的计票工作已完成78.31%，改革联盟候选人、现任总统查韦斯以压</t>
  </si>
  <si>
    <t>欧佩克或将减产  油价闻声涨势强</t>
  </si>
  <si>
    <t>本报新加坡电 虽然亚洲市场原油价格4日小幅下降，但市场人士预计，由于石油输出国组织(欧佩克)可能再次决定减产，油价短期内看涨。　　    由于美国大面积降温以及市场担心欧佩克减产导致原油供应紧张，国际原油价格上周出现大幅回弹。不过，4日新加坡市场上，纽约商品交易</t>
  </si>
  <si>
    <t>中非农业合作潜力巨大</t>
  </si>
  <si>
    <t>不久前结束的中非合作论坛北京峰会将农业列为中非合作的重点领域之一。一些非洲国家政府官员最近接受本报记者采访时表示，非洲国家的农业有着良好的发展前景，在中非双方政策的鼓励和推动下，中非农业合作潜力巨大。　　    非洲农业资源丰富，只是由于技术相对落后以及冲?</t>
  </si>
  <si>
    <t>cGMP：美国药品安全“警戒线”</t>
  </si>
  <si>
    <t>“良好生产规范”，英语缩写为“GMP”，它是在制造过程中特别注重产品质量与卫生安全的管理制度。在美国，该制度被称为“动态良好生产规范”(cGMP)，也就是说制药企业通过“良好生产规范”认证后并非一劳永逸，而是要根据“良好生产规范”的现行要求不断进行调整。</t>
  </si>
  <si>
    <t>基层农产品安全隐忧重重</t>
  </si>
  <si>
    <t>最初发生在河北的“红心鸭蛋”事件目前正在全国掀起轩然大波。浙江省舟山市工商局在最近一次检查中发现，该市定海县的一名养鸭专业户销售的咸鸭蛋中含有苏丹红Ⅳ号。这只是监管部门在席卷全国的“红心鸭蛋”事件中查处的一个案例。　　    国家质检总局日前公布了各级质监?</t>
  </si>
  <si>
    <t>提高消费比重理顺投资与消费的关系</t>
  </si>
  <si>
    <t>1、各民族传统消费观念和消费模式存在较大差异　　    西方人与东方人的消费观念和消费模式有很大的不同，如美国人一般持“今天购物，明天付钱”的消费传统观念，因此其储蓄率只占其收入的1%。美国消费者积累债务达11万亿美元，未偿还的信用卡债务达8000亿美元，相当于每个</t>
  </si>
  <si>
    <t>瑞典为用药安全撑起两把保护伞</t>
  </si>
  <si>
    <t>编者按：药是一种特殊商品，往小了说关系到使用者的生命健康，往大了说则会影响到国计民生，因此如何有效保障药品的安全性逐渐成为公众关注的焦点。本报特刊登一组介绍国外医药监管经验的稿件，希望读者阅后有所收获。　　    瑞典政府实行的药店国有制度，以及已出台的详?</t>
  </si>
  <si>
    <t>东南亚：打造“高品质旅游”吸引中国游客</t>
  </si>
  <si>
    <t>东南亚是我国公民喜爱的国外旅游目的地。据国家统计局统计，中国出境游客中赴东南亚国家的旅游者占60%。然而多年以来，关于东南亚旅游的负面新闻不断，一些旅行社用令人难以置信的超低价格，招揽客源，却在到达目的地后，向游客收取高于团费的额外费用，造成东南亚旅游纠纷与</t>
  </si>
  <si>
    <t>中国柴油车市场未来五年将有强劲增长</t>
  </si>
  <si>
    <t>近日，竞争激烈的国内汽车市场出现罕见一幕：本是域竞争对手的宝马、奔驰、奥迪联手出现在北京金港汽车公园，共同参加由德国汽车工业协会和中国汽车工业协会发起的主题为“清洁柴油、创领明天”活动，同场演示着柴油车领域各自的发展成果。他们为什么要这样做？在大力倡导节?</t>
  </si>
  <si>
    <t>北京：餐饮商业街有望成为投资新热点</t>
  </si>
  <si>
    <t>随着北京居住区域的不断扩大以及新的住宅小区的形成，商业地产特别是餐饮业的投资开始升温。尤其是北京将在2008年以前打造多条特色商业街道区的消息发布后，业界一些人士认为，北京以餐饮商业街为特点的商业街区有望获得加速发展。　　　    北京市商务局局长卢彦近日表示?</t>
  </si>
  <si>
    <t>中国汽车驶入欧洲市场正当其时</t>
  </si>
  <si>
    <t>中国华晨汽车集团控股有限公司和德国HSO汽车贸易公司27日在德国不来梅签署了为期5年、共15.8万辆中华轿车的出口合同。HSO公司28日又在波恩组织了试车活动，并面向200多家欧洲媒体举行了新闻发布会。　　    HSO公司经理萨克斯在新闻发布会上说，在短短5年里，中国汽车年产?</t>
  </si>
  <si>
    <t>全球零售业巨头迂回敲开印度市场</t>
  </si>
  <si>
    <t>11月28日，全球最大零售企业美国沃尔玛公司发布公告称，将与印度巴蒂电信投资有限公司合作，以特许经营方式进入印度零售业市场。与法国家乐福、英国特斯科等同样觊觎印度的竞争对手相比，沃尔玛可谓捷足先登。　　    沃尔玛此举说明，国际零售业巨头不仅没有被以往的失败?</t>
  </si>
  <si>
    <t>全球农产品低价时代可能不再</t>
  </si>
  <si>
    <t>近期在美国玉米上涨带动下，国内玉米期货的成交和持仓都创出历史新高；大豆和小麦的交易也日趋活跃。日前在北京举办的农产品期货沙龙上，与会专家一致认为：全球农产品用途日趋多样化，农产品低价时代可能将一去不复返。　　世界玉米加工业发展势头迅猛　　    中粮集团?</t>
  </si>
  <si>
    <t>民营企业进非洲“慎”字为先</t>
  </si>
  <si>
    <t>中非合作论坛北京峰会召开后，中国大地掀起了一股“非洲热”。许多敢想敢干的民营企业老板急着赶往非洲，开拓那里潜力巨大的市场。在一些人眼里，“现在的非洲遍地是商机，处处都有赚钱的机会，就像刚刚改革开放时的中国”。事实上，他们对非洲情况不是很了解，还存在诸多认?</t>
  </si>
  <si>
    <t>美元持续贬值  美国经济短期受益长期有难</t>
  </si>
  <si>
    <t>近来，美元汇价持续下滑。从10月中旬至今，美元对欧元比价已经下跌5%，对日元汇价也下跌了近4%。在27日的纽约汇市上，美元对欧元汇率更是跌至过去20个月以来最低点。路透社撰文指出，此轮美元贬值将给美国经济增长蒙上阴影，但从短期来看也将带动不少美国工业巨头的发展。?</t>
  </si>
  <si>
    <t>投资美食广场  小吃也能赚大钱</t>
  </si>
  <si>
    <t>嗞嗞作响的铁板烧、香气四溢的小火锅……每到就餐时分，长春一些大商场里的美食广场人头攒动，热闹非凡。云南过桥米线、四川麻辣烫、印度抛饼、朝鲜族石锅拌饭……真是让人胃口大开。据记者调查，目前，设在百货商场内部的美食广场有增加趋势，几乎所有新开设中型以上的百货?</t>
  </si>
  <si>
    <t>新会计准则实施在即  国际会计师走俏职场</t>
  </si>
  <si>
    <t>“目前我们的员工人数增加得很快。去年我们才有4000人，现在已经超过了5000人了。我们的目标是希望在2010年超过一万人。”在日前举行的ACCA(英国特许公认会计师公会)职业发展日上，安永会计师事务所合伙人赖翠碧女士这样表示。　　    据了解，随着国内新会计准则实施的日?</t>
  </si>
  <si>
    <t>我国化妆品探索“墙外开花”新模式</t>
  </si>
  <si>
    <t>本报讯 近日，由天津天狮集团出品的我国本土两款自主高档全新彩妆——法都(Frenchic)和雅洛迪(Aprotie)在法国巴黎上市。这是本土化妆品品牌首次在世界时尚之都亮相。尤为引人注目的是，这也是国际高端化妆品集团第一次为中国企业贴牌加工产品。　　    业内人士指出，在我?</t>
  </si>
  <si>
    <t>中蒙企业家互递名片  蒙古国商机正待开掘</t>
  </si>
  <si>
    <t>偌大的宴会大厅内，矿产、能源、旅游、电信等各行业的桌签分门别类地放在各个桌子上，桌前坐满了众多面对面进行洽谈的中国和蒙古国企业家。“我们在蒙古已经开展了多项业务，希望有机会能和您的公司进行合作。”一位女士向坐在她对面的蒙古国企业老板递上自己的名片。</t>
  </si>
  <si>
    <t>赴美签证全攻略</t>
  </si>
  <si>
    <t>“随着中美经贸往来日益频繁，去美国进行商务访问和投资活动的中国企业人士越来越多了，方便他们的赴美签证使中美两国企业都能获益，难怪美国移民法专家和签证机构人员专门来北京给企业做相关培训呢。”在日前召开的赴美签证暨中美双边投资贸易研讨会上，中国贸促会经济信息?</t>
  </si>
  <si>
    <t>非洲人消费观念紧跟世界潮流</t>
  </si>
  <si>
    <t>虽然非洲一向被认为是一块贫穷落后的大陆，但近年来也发生了一些令人刮目相看的变化。那里出现了商品齐全的豪华商场，一部分人的消费观念也开始紧跟世界潮流。　　    在非洲国家，包括饱受内战蹂躏的利比里亚、塞拉利昂、刚果(金)、索马里等国都有大型超市和店铺集中的商?</t>
  </si>
  <si>
    <t>印度企业加快“走出去”步伐</t>
  </si>
  <si>
    <t>印度经济改革比中国晚了10余年，但印度企业“走出去”的步伐却丝毫不慢。法国调查机构——对法投资署(AFII)的最新报告表明，2002年至2006年，印度企业在欧洲进行了176项投资，同期中国企业在欧洲的投资只有114项。印度工业联合会主席塞沙萨耶说，印度大公司目前对海外投资和?</t>
  </si>
  <si>
    <t>1/4在华美资企业有意收购中国企业</t>
  </si>
  <si>
    <t>上海美国商会(American Chamber of Commerce in Shanghai)27日公布了“2006年度中国商业报告”。报告显示，展望未来5年在华发展前景，94%的接受调查的美资企业认为“比较乐观”或“乐观”；1/4的被调查企业有收购中国本土企业的意愿。共有274家在华美资企业接受了上海美国商?</t>
  </si>
  <si>
    <t>10年来,一直想进军中国市场</t>
  </si>
  <si>
    <t>欧洲最大的小家电企业——法国SEB集团宣布收购中国最大的压力锅生产商苏泊尔一事，不仅在中国遭到同行的强烈反对，即使在法国本土也受到“将生产和销售重心‘外迁’”的指责。　　    日前，法国SEB总裁蒂耶里·德拉图尔达尔泰斯就此事接受本报记者独家专访。采访中，德拉?</t>
  </si>
  <si>
    <t>生物塑料包装欧洲需求旺盛</t>
  </si>
  <si>
    <t>本报布鲁塞尔 生物塑料包装因对环境无害和在价格上具有竞争力，正为越来越多的欧洲企业和消费者所青睐，市场前景广阔。　　    欧洲生物塑料协会近期发布报告说，截至目前，欧洲市场对生物塑料包装的需求已达到去年全年的水平，而走在欧洲生物包装前沿的英国需求增长最为明</t>
  </si>
  <si>
    <t>美元在感恩节后扩大跌幅</t>
  </si>
  <si>
    <t>本周美元持续走软，美国公布的近周首次申请失业救济人数数据令人失望，而且有关消费者信心的调查结果低于预期，两项数据加重了市场对美国经济前景的悲观情绪，推动美元下跌。　　    美国劳工部周三表示，截至11月18日当周美国首次申请失业救济人数增加1.2万人，至32.1万人</t>
  </si>
  <si>
    <t>黄金震荡无碍升势</t>
  </si>
  <si>
    <t>国际金融市场11月下旬基本保持窄幅波动格局，金价在每盎司630美元附近争持，多头略占优势。美元对欧元在五个半月低位水平徘徊，因德国企业景气判断指数强劲，强化了明年欧元区将继续升息的预期。世界石油价格在每桶60美元左右盘稳，没有再度大幅下跌的理由。汇市形势和油价走</t>
  </si>
  <si>
    <t>中国服装离“世界品牌”还有多远？</t>
  </si>
  <si>
    <t>一个几千年前就能造出丝绸和瓷器的国家，为何至今没有驰名国际的时尚品牌和一流设计师？法国精品行业联合会中国区荣誉代表杜孟对这个问题百思不解。　　    的确，近百年前中国“辑里丝”就在国际博览会上荣获金奖，但现在全球的顶尖丝巾却是法国的“爱玛仕”，身价百倍于?</t>
  </si>
  <si>
    <t>中国百年唱片业还在开“小作坊”</t>
  </si>
  <si>
    <t>今年秋天，当今乐坛最引人关注的华人青年钢琴家郎朗出版了他的新作《黄河之子》，尽管这是一部纯粹的中国音乐作品集，曲目也是在中国录制的，但出版方却是德国著名的DG唱片公司，甚至连录音设备也是从德国空运到的北京。　　    进入工业化时代，艺术家的成就便与商业操作?</t>
  </si>
  <si>
    <t>日本在争夺下一代汽车主导权</t>
  </si>
  <si>
    <t>日前在南京召开的第五届中国汽车产业发展高峰年会上，有关专家介绍说，近年来日本正加速开发推广新能源汽车，以争夺下一代汽车主导权，世界汽车工业的格局将由此发生转变。　　制定新战略应对石油危机　　    中国社科院工业经济研究所发展室主任赵英日前赴日本进行学术?</t>
  </si>
  <si>
    <t>德国国企转型遭遇制度性困局</t>
  </si>
  <si>
    <t>11月，德国两大巨头企业——大众汽车公司和德国电信公司掌门人在一周之内先后辞职。这两位掌门人都是在股东和工会的双重压力下被迫辞职的。这两件事情看似凑巧，却都凸显了德国国有企业在转型过程中共同遭遇的制度性困局。　　    本月7日，欧洲最大汽车制造商德国大众公司</t>
  </si>
  <si>
    <t>卢布升值考验俄罗斯经济承受力</t>
  </si>
  <si>
    <t>本报莫斯科电 俄罗斯最新公布的官方数据显示，今年前10个月俄罗斯卢布对一篮子外币的加权平均汇率上升了9%。俄财政部长库德林认为，明年卢布可能将继续升值5%，且俄央行不排除卢布汇率上升幅度达到10%的可能。　　    国际油价持续走高是卢布坚挺的主要原因。由于俄罗斯是?</t>
  </si>
  <si>
    <t>外资进军国内经济型酒店业脚步铿锵</t>
  </si>
  <si>
    <t>以前默默无闻的经济型酒店正在成为业界关注的新焦点。日前，华南地区规模最大的经济型酒店连锁企业——7天连锁酒店集团与美国华平投资集团宣布，后者投资超过1000万美元入股7天酒店。据悉，这是继如家成功登陆纳斯达克之后，海外基金首度对中国经济型酒店进行大规模的单笔投?</t>
  </si>
  <si>
    <t>WTO：欧盟禁止进口转基因产品“违规”</t>
  </si>
  <si>
    <t>世界贸易组织(WTO)21日宣布，欧盟国家禁止进口转基因产品的作法“违反了国际贸易规则”。但该组织在裁决中并未明确认定欧盟现行有关转基因产品的法规是否“非法”，也没有直接说明转基因产品是否安全。　　    世贸组织是应美国、加拿大和阿根廷的要求，对欧盟有关转基因产</t>
  </si>
  <si>
    <t>樊纲：国际金融体系不对称构成人民币升值压力</t>
  </si>
  <si>
    <t>本报上海电 中国改革基金会国民经济研究所所长樊纲22日在此间说，现行国际金融体系存在“不对称”的问题，美元因发行过多而存在持续贬值的趋势，这构成了人民币升值的压力。　　    他是在参加“中欧国际工商学院-埃维昂组织第二届中国会议”时做出上述表示的。　　    ?</t>
  </si>
  <si>
    <t>互联网再造传媒商业神话</t>
  </si>
  <si>
    <t>美国朱庇特调查公司不久前进行的“2006年欧洲媒体消费者调查报告”显示：欧洲人每周上网的平均时间为四小时，而其阅读报刊的时间只有三小时。互联网超过平面媒体，在欧洲人获取新闻和信息的渠道上，这还是第一次。　　    “人们对网络媒体的消费量超过对报刊媒体的消费量?</t>
  </si>
  <si>
    <t>保尔森：布什政府将为金融市场管理规则把脉</t>
  </si>
  <si>
    <t>本报华盛顿电 美国财政部长亨利·保尔森20日说，布什政府将对美国金融市场现行的一些管理规则进行评估，以确保这些规则不会损害美国在全球经济中的竞争能力。　　    保尔森在纽约经济俱乐部发表讲话时说，美国的资本市场仍然强健，具有竞争力，但同时也面临一些重大挑战，</t>
  </si>
  <si>
    <t>美国宾州要做华尔街“超级替补”</t>
  </si>
  <si>
    <t>“不要把所有的鸡蛋都放在同一个篮子里”，这条华尔街多年来服膺的金科玉律如今成了美国宾夕法尼亚州州长爱德华·伦戴尔的游说法宝。　　    伦戴尔最近正在试图说服高盛、美林、摩根斯坦利等华尔街巨头进驻该州“华尔街西区”。他承诺为这些金融企业提供良好的支持和服务?</t>
  </si>
  <si>
    <t>伦敦证交所再挫纳斯达克并购企图</t>
  </si>
  <si>
    <t>美国纳斯达克股票市场公司20日向伦敦证券交易所表明心迹，宣称愿斥资51亿美元并购后者。但这个一厢情愿的企图随即遭到伦敦方面的断然回绝，理由是纳斯达克的报价(每股约为12.43英镑)严重低估了它的实际价值。　　    伦敦证交所首席执行官克拉拉·弗斯指出，纳斯达克开出这</t>
  </si>
  <si>
    <t>温州棉商看好中亚棉花产业</t>
  </si>
  <si>
    <t>在国内棉市竞争激烈、企业利润空间缩小的情形下，不少在新疆投资建厂的温州棉商准备移师中亚国家，整合当地棉花资源。一些专家和业内人士认为，我国棉商向中亚拓展，不仅能加快实现我国棉花进口来源的多元化，还能拧紧与中亚国家的经济纽带，国家对此应予以支持。　　温州?</t>
  </si>
  <si>
    <t>越南成功举办APEC会议  东道主收获全方位效应</t>
  </si>
  <si>
    <t>越南国家主席阮明哲19日在记者招待会上发表讲话说：“成功举办亚太经合组织第十四次领导人非正式会议使越南在很大程度上提升了自己的国际地位，此举为越南带来了更多的商机、更多的投资和更多的游客。”分析人士认为，亚太经合组织会议是越南成功融入国际经济的重要里程碑。$</t>
  </si>
  <si>
    <t>周小川认为目前实施养老和医保改革时机正好</t>
  </si>
  <si>
    <t>本报墨尔本(澳大利亚)电 中国人民银行行长周小川日前在墨尔本说，目前是中国实施养老和医疗保障制度改革的最佳时机。　　    周小川是在参加第八届20国集团财政部长和中央银行行长会议期间接受记者采访时说这番话的。周小川认为，中国储蓄率较高，财政状况良好，有条件进行</t>
  </si>
  <si>
    <t>供给忧虑大为舒缓  国际油价不跌也难</t>
  </si>
  <si>
    <t>由于市场对国际原油供应紧张的担忧有所缓解，上周纽约市场12月份交货的轻质原油期货价格收于每桶55.81美元，为17个月来最低。油价不断阴跌，其原因是多方面的。　　    从需求角度看，持续两年的供需紧张关系已经好转。美国和世界经济增速已趋于缓和，全球石油需求增速也有</t>
  </si>
  <si>
    <t>美国棉花大量涌入  国内棉企普遍亏损</t>
  </si>
  <si>
    <t>大量进口的美国棉花对我国棉花产业产生了冲击，不少专家和业内人士提出，在我国纺织品频遭欧美国家阻击的背景下，我们完全可以而且应当采取对美国棉花进行反倾销调查等贸易救济措施，否则我国棉花产业和纺织行业都将在残酷的国际竞争中遭遇更为沉重的打击。但也有专家对这样?</t>
  </si>
  <si>
    <t>马克思同乡爱上毛泽东故乡</t>
  </si>
  <si>
    <t>德国驻华使馆前商务参赞沃尔夫(Wilfried Wolf)不久前在中国一个电视论坛上表示，除了北京、香港、上海、广州之外，湘潭属于在德国比较著名的中国城市。近年来，大批来自马克思家乡德国的工商界人士涌入毛泽东同志的故乡湘潭办厂、工作。他们大都乐意用中国话说：我爱湘潭！</t>
  </si>
  <si>
    <t>APEC河内会议深化亚太区内合作</t>
  </si>
  <si>
    <t>为期两天的亚太经合组织（APEC)第十四次领导人非正式会议19日在越南首都河内发表《河内宣言》后落下帷幕。与会领导人围绕“走向充满活力的大家庭，实现可持续发展与繁荣”这一主题进行了磋商，在推动亚太经贸合作、重启多哈回合谈判、加强经济技术合作以及实现亚太经合组织机</t>
  </si>
  <si>
    <t>美元持稳  日元走高</t>
  </si>
  <si>
    <t>本周，美国公布了一系列经济数据，对于经济和美元走势大都利空，但美元整体走势持稳，并未受到疲弱的经济数据太大影响。周五尾盘欧元兑1.2827美元，美元兑117.75日元，美元兑1.2441瑞士法郎。　　    本周五美国公布10月份新屋开工数下降14.6%，折合成年率为148.6万套，创6</t>
  </si>
  <si>
    <t>“欧洲仍需要中国的鞋子”</t>
  </si>
  <si>
    <t>本报广州电 “欧盟裁定对中国产皮鞋征收额外的反倾销税是不正确的，这不符合欧洲市场的情况，欧洲仍大量需要中国的鞋子。”德国杜塞尔多夫展览机构的国际鞋业顾问彼得·科恩先生近日在广州说。　　    彼得·科恩说，世界鞋业发展的趋势是向大的制造商和批发商集中，而中国</t>
  </si>
  <si>
    <t>今冬女装“韩”气逼人</t>
  </si>
  <si>
    <t>近日，韩国“依Q·in一派”品牌登陆中国市场后在京举行的首场时装发布会引起业界强烈反响，种种迹象表明，一场带有浓厚“韩”气的风潮正在席卷秋冬女装时尚。　　现场品味韩国时尚　　    在韩国“依Q·in一派”品牌发布会现场，扑面而来的韩国气息让人沉迷。极尽浪漫主?</t>
  </si>
  <si>
    <t>APEC部长级会议就多项议题达成一致</t>
  </si>
  <si>
    <t>本报河内电 为期两天的亚太经合组织(APEC)第18届部长级会议16日在越南首都河内落下帷幕。与会部长就《河内行动计划》、重启多哈回合谈判和亚太经合组织机构改革等一系列议题达成一致。　　    会议通过了旨在实现“茂物目标”的更加细化和更具可操作性的《河内行动计划》。</t>
  </si>
  <si>
    <t>沃尔玛挺进墨西哥银行业力争小储户</t>
  </si>
  <si>
    <t>进军银行业是全球第一大零售商沃尔玛公司多年来的一大梦想，但在美国本土却因各大银行和国会的强烈抵制而未能实现。不过，邻国墨西哥却能帮沃尔玛实现这个夙愿。　　    据国外媒体日前报道，沃尔玛很快就会从墨西哥相关部门获得开展银行业务的许可证，这将为在墨西哥130个</t>
  </si>
  <si>
    <t>汽车租赁业十年将有180亿元市场规模</t>
  </si>
  <si>
    <t>“据我们预测，到2015年，国内汽车租赁市场的车辆需求将达到30万—40万辆，营业收入将达到180亿元。”安飞士汽车租赁一位负责人表示。　　    汽车租赁业以其巨大的发展潜力，被列为“2004年八大投资亮点”。前景诱人的中国汽车租赁市场，吸引赫兹、安飞士 (Avis)、欧洲汽?</t>
  </si>
  <si>
    <t>境外银行欢迎中国全面开放银行业</t>
  </si>
  <si>
    <t>本报讯 中国15日公布《中华人民共和国外资银行管理条例》，受到香港汇丰银行、三菱东京日联银行、荷兰银行等境外银行的欢迎。他们认为中国履行了加入世界贸易组织时对外全面开放银行业的承诺。　　    香港上海汇丰银行有限公司中国业务总裁翁富泽16日表示：“汇丰欢迎外资</t>
  </si>
  <si>
    <t>欧美经贸高官相继来访  拓展在华业务竞争升级</t>
  </si>
  <si>
    <t>欧盟与美国主管经贸的官员一周之内相继访华。巧合的是，他们都试图向中国传递相似的呼声：进一步开放中国市场，给予本国(本组织)企业优厚的待遇以利于他们进一步拓展在中国的生意。　　    欧盟贸易委员曼德尔森在中国之行中时时不忘宣传一份欧盟新近出台的欧盟—中国贸易?</t>
  </si>
  <si>
    <t>楼市降温拖后腿  美股延续牛市生疑</t>
  </si>
  <si>
    <t>受通货膨胀压力缓解和公司利好影响，14日纽约股市三大指数全线上涨，其中道琼斯30种工业股票平均价格指数刷新历史最高纪录。11月和12月是美国个人消费的高峰月份，由于个人消费开支占美国国内生产总值的2/3，所以从以往数据统计上看，这两个月股市以上涨居多。不过，一些华尔</t>
  </si>
  <si>
    <t>从数字看投资环境</t>
  </si>
  <si>
    <t>在近日于杭州结束的第四届中国投资环境论坛上，世界银行公布了中国120个城市竞争力调查结果。这项调查涉及的1.24万个企业中，8%是国有企业，28%有外资成分，剩下64%是私营企业。 　　    世界银行中国及蒙古局局长杜大伟对记者说，综合企业的反馈，地方政府在改善服务水平?</t>
  </si>
  <si>
    <t>中印经济增长激发非洲发展活力</t>
  </si>
  <si>
    <t>本报约翰内斯堡电 世界银行13日在此间公布一项研究报告显示，中国和印度对非洲贸易和投资的迅速增长正在激发非洲经济发展活力，促使其更快地融入世界经济体系之中。　　    报告指出，迅速发展的中国和印度经济正在亚洲和非洲之间构筑起“新丝绸之路”。研究显示，目前非洲</t>
  </si>
  <si>
    <t>多哈回合启动五周年  失望与希望并存</t>
  </si>
  <si>
    <t>11月14日，是世界贸易组织启动“多哈回合”的五周年纪念日。　　    5年前的这天，世贸组织在卡塔尔首都多哈举行了第四次部长级会议，启动了新一轮多边贸易谈判，即被简称为“多哈回合”的“多哈发展议程”。时至今日，谈判仍未取得突破性的进展。　　    心直口快的印度</t>
  </si>
  <si>
    <t>日本肯定列表制度重挫我蜂王浆出口</t>
  </si>
  <si>
    <t>本报广州电 受日本实施肯定列表制度的影响，我国蜂王浆出口遭遇寒冬，从6月份开始出口大幅下降，6至9月对日本蜂王浆出口减少93.6吨。　　    据中国医药保健品进出口商会中药部主任刘张林介绍，我国是蜂王浆生产大国，2005年蜂王浆产量达到3000吨，占全世界总产量的95%以上</t>
  </si>
  <si>
    <t>会展≠作秀：高效的才是豪华的</t>
  </si>
  <si>
    <t>没有签约率、没有合同金额、没有项目总量……这些国内各类会展活动司空见惯的“数据成果”，在刚刚于成都落下帷幕的2006中国-欧盟投资贸易合作洽谈会(以下简称“2006欧洽会”)上，一项都没有。　　    会议圆满结束了，但承办城市——成都却丝毫不觉轻松，因为本次会议欧盟</t>
  </si>
  <si>
    <t>中外学者纵论当前中国经济热点</t>
  </si>
  <si>
    <t>2006年10月29日，由中国经济体制改革研究会和南京财经大学金融学院共同主办的“国际高级金融与经济论坛”在南京召开，1996年诺贝尔经济学奖得主詹姆斯·莫里斯(James A. Mirrlees)教授、1999诺贝尔经济学奖得主罗伯特·蒙代尔(Robert A. Mundell)教授、联合国秘书长办公室高?</t>
  </si>
  <si>
    <t>欧洽会为何“花落”成都</t>
  </si>
  <si>
    <t>举世瞩目的欧洽会在亚洲第一次选点非首都城市，成都就中了“头彩”，这让其他城市羡慕得有点嫉妒。　　    从目前的统计数据看，900家中外企业，2000多名参会代表，约5000场的商务会谈……2006年深秋举办的这场欧洽会，无疑已名副其实地成为了中欧关系史上规模最大、层次最</t>
  </si>
  <si>
    <t>四大关键词频现联合国气候大会</t>
  </si>
  <si>
    <t>截至12日，在肯尼亚首都内罗毕召开的2006联合国气候变化大会进程已经过半。会议期间频繁出现的以下词汇可以让我们大致了解会议的内容，并能感受到会议传出的信息——“人类必须行动起来应对气候变化”。　　关键词之一：适应气候变化　　　　    气候变化的影响不可避免?</t>
  </si>
  <si>
    <t>数据表明：我国营养产业亟待发展</t>
  </si>
  <si>
    <t>本报上海电 我国营养产品的人均消费量约11.53美元，相当于日本的1/21、美国的1/19、欧洲的1/6，也未达到27.21美元的全球人均消费量。　　    这一组数字是由国家发改委所属公众营养与发展中心提供的。这个中心日前在上海举办了以营养健康为主题的博览会。　　    记者从?</t>
  </si>
  <si>
    <t>周小川讲话致美元大幅下跌</t>
  </si>
  <si>
    <t>本周，美国的中期选举结果和美国国防部长拉姆斯菲尔德辞职的消息均未能对美元构成影响，而中国人民银行行长周小川的讲话连续两日影响市场。周小川于周四表示，中国央行计划对1万亿美元的外汇储备进行多样化。此番言论导致美元在欧洲交易时段对欧元跌至10周低点，对英镑跌至18</t>
  </si>
  <si>
    <t>与美国谈妥  俄消除加入WTO最大障碍</t>
  </si>
  <si>
    <t>俄罗斯经济发展和贸易部当地时间10日发表声明说，俄罗斯和美国已就俄加入世界贸易组织(WTO)双边协议的所有原则性条件达成一致。分析人士认为，这标志着俄罗斯消除了加入世贸组织的最大障碍，距离“入世”的目标也越来越近。　　    据俄媒体报道，俄美两国可能在越南首都河</t>
  </si>
  <si>
    <t>东盟市场是中国汽车的新天地</t>
  </si>
  <si>
    <t>记者在采访第三届中国——东盟博览会发现，在博览会展出面积约12万平方米中，汽车馆就占了两万平方米。　　    由此可见，东盟市场对于中国汽车业的吸引力。　　东盟间优惠有利于设厂生产　　    据统计，2005年我国轿车产能已达到520万辆，计划销售350万辆，实际销量2</t>
  </si>
  <si>
    <t>美国棉商对我纺织企业展开“魅力”攻势</t>
  </si>
  <si>
    <t>在大举进入中国市场之后，美国棉商继续发挥价格、质量和营销等方面的优势，“培养”我国纺织企业使用美国棉花的习惯，以图巩固和进一步扩大在华市场份额。在美国棉花的种种优势面前，国产棉将很难与之抗衡，极有可能再次出现大量积压的局面。　　    为了巩固对华输出棉花?</t>
  </si>
  <si>
    <t>意大利借巧克力节推广民族品牌</t>
  </si>
  <si>
    <t>意大利是欧洲地区重要的食品生产和消费国，巧克力、冰激凌、奶酪、火腿等知名产品数不胜数。最近，一年一度的巧克力节在被誉为“巧克力故乡”的意大利中部城市佩鲁贾市举行。记者在现场采访时发现，热情浪漫的意大利人对甜食有着极度的狂热，而狂热的背后则是他们对民族品牌?</t>
  </si>
  <si>
    <t>中医药越来越受到美国人青睐</t>
  </si>
  <si>
    <t>本报讯（实习生范艳芬）“现在中医中药已经受到美国人的青睐。越来越多的美国人愿意接受中医的治疗。”美国加州大学洛杉矶UCLA医学中心生物研究所的马胜兴教授如是说。    马胜兴是在日前由中国科技信息研究所、中国民族医药学?</t>
  </si>
  <si>
    <t>欧盟委员会提出欧盟扩大新战略</t>
  </si>
  <si>
    <t>本报布鲁塞尔电 欧盟委员会8日发表的入盟谈判年度评估报告提出了欧盟未来扩大的新战略，强调欧盟今后在接纳新成员国时要考虑自身吸纳能力，既要保证欧盟的扩大，又要确保欧洲一体化进程的深入和欧盟自身的健康发展。　　    报告认为，“吸纳能力”大致取决于三方面：一是?</t>
  </si>
  <si>
    <t>中国汽车正逐步进入南美市场</t>
  </si>
  <si>
    <t>本报墨西哥专电 阿根廷一家咨询公司日前发表报告称，中国汽车正逐步进入巴西、阿根廷和智利等南美国家。　　    这家名为ABECEB的咨询公司在其报告中说，中国汽车进入巴西市场是显而易见的。今年头九个月，包括卡车在内的中国汽车在巴西市场的占有份额已由0.155%增加到1.40</t>
  </si>
  <si>
    <t>到非洲投资  须防“水土不服”</t>
  </si>
  <si>
    <t>在非洲大陆上的各个行业，中国人的身影正日益活跃，中资企业总数已超过800家。非洲得天独厚的自然资源和不容忽视的发展潜力，仍在吸引着更多的中国公司“走进非洲”。　　    然而，如同一个人初到陌生的环境，难免会出现水土不服的症状，中国企业走进非洲，面临的考验同样</t>
  </si>
  <si>
    <t>在非洲卖空调,利润几乎为国内十倍</t>
  </si>
  <si>
    <t>“进欧美市场是头破血流地挤进去的，进非洲市场则是被请去的。”新科空调品牌总监许意强在谈到中国企业在非洲市场受到的礼遇时颇感骄傲。　　    在刚刚闭幕的中非论坛北京峰会上，中非宣布建立起新型战略伙伴关系。据了解，国内家电企业对非洲市场越来越有信心，海尔、格?</t>
  </si>
  <si>
    <t>白宫内外经济政策增添变数</t>
  </si>
  <si>
    <t>据美国媒体当地时间8日凌晨公布的最新结果，美国民主党在7日开始的中期选举中已夺得国会众议院中总共435个席位中的至少226席，一举扭转了共和党连续12年控制众议院的局面。　　    据美国媒体8日凌晨公布的统计结果，民主党在参议院中的席位也增加到49席，距离赢得参议院多</t>
  </si>
  <si>
    <t>记者目击：非洲大陆带来的新鲜货</t>
  </si>
  <si>
    <t>“哗啦啦——”，当赞比亚展柜的工作人员将闪亮的紫晶矿石铺在桌子上时，天津亿佰佳科技开发有限公司总经理朱泽义正好从旁边路过。于是，他成了赞比亚工作人员接待的第一位中国客商。　　    朱泽义很仔细地问了问不同品质的紫晶石价格，并且一一将其记录了下来，还同赞比?</t>
  </si>
  <si>
    <t>怀旧系列重振日本高端音响市场</t>
  </si>
  <si>
    <t>便携式CD播放器和迷你组合音响的兴起曾使日本上世纪70年代的模拟音响热潮慢慢退去。但近两年来，怀旧情绪又开始抬头，日本音响厂商纷纷推出怀旧款式的高端音响，市场出现复苏迹象。　　据《读卖新闻》8日援引日本电子信息技</t>
  </si>
  <si>
    <t>企业进非洲  金融要助力</t>
  </si>
  <si>
    <t>中非合作论坛业已圆满结束，然而中国企业进军非洲并非事事顺利。中非论坛期间，记者总能听到中国企业界这样的抱怨：中国金融服务走出去的速度远远跟不上中国企业走出去的速度。　　中国企业：金融走出去慢于企业走出去　　    “在非洲的中国民营企业家，在一般情况下，?</t>
  </si>
  <si>
    <t>中国节能服务产业快速发展</t>
  </si>
  <si>
    <t>本报讯 世界银行与全球环境基金在中国开展的节能促进项目，自1997年实施至今，收获了巨大的经济和社会效益，创造了每年151万吨标准煤的节能能力，碳减排能力每年达到145万吨。　　    “世界银行/全球环境基金中国节能促进项目”是中国政府与世界银行和全球环境基金共同组?</t>
  </si>
  <si>
    <t>美国公司更换首席执行官日渐频繁</t>
  </si>
  <si>
    <t>美国时尚业巨头丽诗加邦公司首席执行官(CEO)保罗·查伦6日卸任，来自强生公司的威廉·麦库姆接过了帅印。无独有偶，在任仅8个月的美国维亚康姆公司首席执行官弗雷斯顿，不久前被第一大股东兼董事长萨姆纳·雷德斯通以股价表现不佳为由炒了鱿鱼。　　    近年来美国公司首席</t>
  </si>
  <si>
    <t>服务贸易发力  中国东盟自贸区建设“提速”</t>
  </si>
  <si>
    <t>如果说中国与东盟在货物贸易与相互投资领域的发展速度是“一日千里”的话，那么双方在金融、旅游、物流等服务贸易合作领域也正在驶入“快车道”，成为拉动自由贸易区建设的“第三驾马车”。　　    记者从第三届中国-东盟商务与投资峰会、第三届中国一东盟博览会获悉，中国</t>
  </si>
  <si>
    <t>中国东盟合作破解多哈“休眠”之困</t>
  </si>
  <si>
    <t>“多哈”回合谈判进入“休眠”，意味着区域性经贸组织的地位将进一步上升，各国的贸易政策或者迈向更大的自由化、或者陷入更强烈的保护主义。一些专家在中国-东盟建立对话关系15周年纪念峰会、第三届中国—东盟博览会上表示，中国应加快推进与东盟在经贸与投资领域合作朝更高</t>
  </si>
  <si>
    <t>欧盟各国机场执行安检新规定</t>
  </si>
  <si>
    <t>本报布鲁塞尔电 欧盟各成员国机场从6日起开始执行新的机场安全检查规定，对手提行李和携带上机的液体物品实施更严格的限制。　　    根据新规定，乘客只能随身携带容量不超过100毫升的液体登机，且液体必须包装在透明和可重复封口的塑料袋中。不过，婴儿食品、药品和在机场</t>
  </si>
  <si>
    <t>欧元区和欧盟经济增长预测被上调</t>
  </si>
  <si>
    <t>本报布鲁塞尔电 欧盟委员会在6日公布的秋季预测报告中上调了对欧元区和欧盟的经济增长预测，认为欧元区2006年经济增长将达到2.6%，欧盟的经济增长可达2.8%。　　    欧盟委员会的春季预测认为，欧元区2006年经济增长率为2.1%，欧盟为2.3%。　　    如果欧盟委员会秋季预?</t>
  </si>
  <si>
    <t>韩国现代小客车被查出安全隐患</t>
  </si>
  <si>
    <t>本报广州电 记者从广东出入境检验检疫局获悉，近日，该局在对17辆从韩国进口的现代美佳小客车进行检验时，发现该批车辆发动机与排气歧管上氧传感器之间的连接导线均未作固定，部分车辆的导线外保护层破损，存在短路、火灾等严重安全隐患。　　    随后，该局对另一批(共123</t>
  </si>
  <si>
    <t>欧佩克主席再抛减产保价警告</t>
  </si>
  <si>
    <t>本报首尔电 石油输出国组织(欧佩克)轮值主席道科鲁5日在韩国表示，国际石油市场目前仍处于“疲软”状态，因此该组织有可能在下月举行的部长级会议上决定进一步削减原油产量。　　    道科鲁是在抵达韩国出席一个石油和天然气会议时作出上述表示的。此前，已有多位欧佩克官?</t>
  </si>
  <si>
    <t>中国企业家闯非洲</t>
  </si>
  <si>
    <t>尼日利亚的上海籍酋长　　    递给记者名片时，胡介国刚刚参加完中非合作论坛上的一个签约活动，此时不断地有从活动场地陆续走出的非洲兄弟与他打着招呼。名片上，“酋长”二字紧挨在他的名字后面。“我引以为荣，不仅因为尼日利亚政府授予的‘酋长’称号是对我和我的祖国?</t>
  </si>
  <si>
    <t>中国面料业靠研发上演财富故事</t>
  </si>
  <si>
    <t>山东如意集团超细180支毛纺面料，卖价每米40美元，利润50%；绍兴新发印染公司拿到德国客商的大订单，染一米布赚一元，比2005年我国印染行业平均每米面料只有0.11元利润高出近10倍……　　    这些诱人真实的纺织财富故事，来自日前在沪召开的“中国国际纺织面料及辅料博览?</t>
  </si>
  <si>
    <t>日本试用“聪明牌照”疏导候客出租车</t>
  </si>
  <si>
    <t>本报东京电 车站、商场和宾馆门前等候载客的出租车长龙常常造成交通拥堵，日本国土交通省近日开始试验一种能记忆出租车所有者和车牌号码的IC芯片，以控制候客出租车的数量，降低管理成本。　　    据日本《朝日新闻》报道，这种芯片名为“聪明牌照”，约4厘米见方，可装在?</t>
  </si>
  <si>
    <t>欧洲央行暂不加息自有道理</t>
  </si>
  <si>
    <t>欧洲中央银行2日宣布维持欧元区当前利率水平不变，欧洲政经人士对此普遍表示欢迎。分析人士认为，在今年欧洲经济增长逐渐摆脱疲弱状态的背景下，欧洲央行采取静观待变的策略既有利于经济平稳增长，又为今年年底加息预留了一定空间。　　    欧洲央行在日前举行的月度理事会</t>
  </si>
  <si>
    <t>光电子成为信息产业新增长点</t>
  </si>
  <si>
    <t>本报讯 激光、光纤光缆、光电器件……中国光电子产业升级换代加快、核心竞争力提高，已成为信息产业的新增长点，并吸引了全球的目光。　　    正在武汉举行的第五届“中国光谷”国际光电子博览会引来了全球重要的光电企业。110家来自俄罗斯、美国、加拿大、德国、法国、意?</t>
  </si>
  <si>
    <t>美国经济放缓未必损及美元</t>
  </si>
  <si>
    <t>本周投资者迎来大量美国经济数据。周一美国商务部公布，剔除食品和能源价格的核心个人消费支出价格指数(PCE)9月份上升0.2%，升幅与市场预期一致。　　    周二芝加哥全美采购经理人协会公布，经季节因素调整后，10月份芝加哥地区商业活动指数从9月份的62.1降至53.5，市场预</t>
  </si>
  <si>
    <t>期市反弹空间有限</t>
  </si>
  <si>
    <t>本周，铜LME库存继续大幅增加，库存增加了4300吨，市场担忧消费放缓。而近期美国公布的经济数据，也暗示需求会下降。供应方面，大部分劳工谈判已经结束，现在仅有智利国营铜公司下属的一家大型铜矿，工会拒绝提前开始谈判，而正式的谈判将于11月15日开始。基本面显示铜价压力</t>
  </si>
  <si>
    <t>新飞“改制奖励”引发的争议和警示</t>
  </si>
  <si>
    <t>在河南新飞电器有限公司(以下简称新飞电器)被新加坡丰隆公司(以下简称丰隆公司)控股90%股权之后，新乡市财政委托新飞集团对新飞电器职工进行“改制奖励”，但是一般职工认为该改制奖励中存在严重的不公平，这种现象值得深思。　　    当前，许多国有企业都在进行改制，类似</t>
  </si>
  <si>
    <t>美元对西方主要货币汇率下跌</t>
  </si>
  <si>
    <t>受美国房地产业和制造业降温的影响，11月1日纽约外汇市场美元对其他西方主要货币的比价普遍下跌。　　　　    美国商务部当天公布的数据显示，美国建筑开支9月份下降了0.3%。分析人士认为，这显示美国房地产市场的降温还在持续之中。另外，美国供应管理研究所的报告显示，?</t>
  </si>
  <si>
    <t>欧洲央行决定  维持欧元区主导利率不变</t>
  </si>
  <si>
    <t>本报柏林电 欧洲中央银行2日宣布，将欧元区主导利率维持在现行的3.25%水平不变。　　    欧洲央行是在德国法兰克福总部召开的月度理事会会议上做出上述决定的。　　    尽管当天欧洲央行决定保持利率不变，但央行行长特里谢在会后举行的新闻发布会上指出，对通货膨胀“保</t>
  </si>
  <si>
    <t>俄美就俄加入WTO谈判未能如期结束</t>
  </si>
  <si>
    <t>在经历了10多年的马拉松式谈判后，俄罗斯加入世界贸易组织(WTO)的进程已进入最后冲刺阶段。虽然俄美两国总统曾提出应在今年10月底之前结束两国有关俄加入世贸组织的双边谈判，但这一谈判并未如期结束，从而成为俄罗斯尽早加入世贸组织的最大障碍。　　    俄经济发展和贸易</t>
  </si>
  <si>
    <t>美国遭遇经济衰退可能性甚微</t>
  </si>
  <si>
    <t>美国经济第三季度继续放缓，经济增速按年率计算仅为1.6%，低于第二季度的2.6%和第一季度的5.6%，为2003年第一季度以来最小增幅。不过，目前看来，美国经济陷入衰退的可能性很小，主要原因有两个：一是消费和投资增长得到多种因素支持，二是住房市场虽然持续降温，但不太可能?</t>
  </si>
  <si>
    <t>“灰色清关”使我出口企业蒙受损失</t>
  </si>
  <si>
    <t>改革开放以来，我国新疆、内蒙古等内陆省区与中亚国家以及蒙古国、俄罗斯等国的边境贸易发展较快，开放口岸大幅增加。记者近期采访了解到，目前边境贸易中周边国家海关对进口的产品收取关税时，未按国际惯例以货值收税，而是较多地采取“灰色清关”方式收取关税，给我国边贸?</t>
  </si>
  <si>
    <t>联合国定点采购“绿卡”如何拿</t>
  </si>
  <si>
    <t>记者在刚刚闭幕的百届广交会上采访时了解到，联合国采购越来越受到我国企业的重视。但由于对申请成为联合国定点采购供应商这一途径的不了解，我国企业在联合国采购中所占份额很低，始终徘徊在1%左右。有关专家建议，我国企业应努力成为联合国的定点采购供应商，走一条与国际?</t>
  </si>
  <si>
    <t>中国与欧盟勾勒区域政策合作“路线图”</t>
  </si>
  <si>
    <t>本报布鲁塞尔电（记者吴黎明）中国与欧盟的高级官员10月31日在布鲁塞尔商定，进一步加强双方在区域政策方面的对话与经验交流，打造区域政策双边合作的“路线图”。    当天，欧盟委员会区域政策委员塔努塔·许布纳与到访的中国国家</t>
  </si>
  <si>
    <t>美国经济“走钢丝”难碍纽约股市步步高</t>
  </si>
  <si>
    <t>最新数据表明，今年三季度美国经济增速大幅放缓，国外媒体甚至将当前的美国经济称为“在钢丝上行走”。然而，纽约三大股指在此期间却稳步上扬，给美国投资者打了一针“强心剂”。　　    多数华尔街分析师认为，这种股市表现与宏观经济表面上南辕北辙的短时现象，并非金融?</t>
  </si>
  <si>
    <t>中国汽车市场将实现突破性增长</t>
  </si>
  <si>
    <t>本报讯 全球四大会计师事务所之一的普华永道10月31日发布的《全球汽车行业财务回顾》称，今后四年内，巴西、俄罗斯、印度和中国四个新兴经济国家的汽车市场将实现“突破性增长”。其中，中国将在增长中占据“中央舞台”。　　    该回顾报告通过对全球前40家汽车制造商和供</t>
  </si>
  <si>
    <t>海尔控股三洋冰箱研发加速国际化</t>
  </si>
  <si>
    <t>海尔集团10月27日宣布，与三洋在日本成立由海尔控股的合资公司，致力于全球冰箱新品研发。三洋原冰箱开发团队全部进入合资公司，知识产权归合资公司所有。业内人士表示，三洋在冰箱行业全球领先的技术将为海尔国际化加速。　　由市场换市场到生产换技术　　    据悉，海?</t>
  </si>
  <si>
    <t>50年5000倍：中非经贸快车疾行</t>
  </si>
  <si>
    <t>早上7点，沐浴在晨光中的北京还没有完全苏醒过来，一辆大巴车悄然驶出了北展宾馆。在大巴车上，肯尼亚贸易工业部董事助理埃里汗·玛旺格坐在了一个靠窗的位置上。埃里汗·玛旺格说他在中国期间，总是喜欢坐在靠窗的位置，因为这样他可以更好地看看北京的街道，看到中国的变化</t>
  </si>
  <si>
    <t>非洲流行“中国造”</t>
  </si>
  <si>
    <t>在非洲，提起“中国制造”，人们联想到的已不仅仅是物美价廉的中国小商品，还包括家电和电信等领域技术含量颇高的产品。可以说，中国产品正以其高质量和高技术含量走进非洲人生产和生活的各个方面，并树立起崭新的形象。　　“海信”产品走俏南非　　    在南非的大型家?</t>
  </si>
  <si>
    <t>奥运币：最具人气的投资币种</t>
  </si>
  <si>
    <t>自今年9月20日中国人民银行面向全球正式发行一个多月以来，“第29届奥林匹克运动会纪念币”备受市场关注，它以独特的财富效应、文化内涵，持久地吸引着收藏爱好者和各色投资者参与其中。尽管这套纪念币的市场价格走势起伏很大，但</t>
  </si>
  <si>
    <t>互联网上  没有什么不可以拍卖</t>
  </si>
  <si>
    <t>提起拍卖，人们马上会联想到古玩字画、名家大作。可实际上，随着互联网的兴起，在拍卖网站上叫卖的稀奇古怪的玩意儿层出不穷，从域名、人名到私人物品，凡是你能想到的东西，都有人拿到拍卖网站上叫卖。真是应了那句话：没有做不到，只有想不到。　　    就在上周，美国一?</t>
  </si>
  <si>
    <t>云南企业向跨国企业出售“能耗减排量”</t>
  </si>
  <si>
    <t>本报昆明电 近日，云南省云天化集团与日本丸红公司合作开展“低温位预热回收”项目，初步估计，这一项目的二氧化碳总减排量每年将达到50万吨至100万吨，合同总金额将达到4000万美元到8000万美元，这标志着云南企业开始向跨国企业出售“能耗减排量”。　　    记者从云南省?</t>
  </si>
  <si>
    <t>韩国产业空洞化苗头初显</t>
  </si>
  <si>
    <t>韩国浦项制铁公司本月中旬宣布，将在印度投资120亿美元建设综合钢铁厂，创下了韩国在海外投资设厂的新纪录。这既表明近两三年兴起的韩国各大企业海外投资的热潮达到了新高点，同时也令一些人对韩国国内出现产业空洞化苗头深表担忧。　　    上世纪90年代中期与2000年前后，</t>
  </si>
  <si>
    <t>全球变暖祸及非洲减贫</t>
  </si>
  <si>
    <t>本报内罗毕电（记者荆晶）英国乐施会、新经济基金会、气候变化与发展工作组在近日联合发表的一份报告中称，如果不及时采取措施减轻全球变暖带来的负面影响，人们对减少非洲贫困所付出的努力将会受到重大挑战。    据英国广播公?</t>
  </si>
  <si>
    <t>曼德尔森：欧中应通过善意协商解决贸易分歧</t>
  </si>
  <si>
    <t>本报布鲁塞尔电（记者吴黎明）欧盟贸易委员曼德尔森日前表示，欧盟与中国应该通过善意协商和对话的方式来解决双方在贸易问题上存在的分歧，诉诸世界贸易组织应该是最后的手段。    曼德尔森将于11月初访问中国，就未来欧中《伙?</t>
  </si>
  <si>
    <t>中国成为清洁发展机制最具潜力市场</t>
  </si>
  <si>
    <t>国家发改委国家气候变化对策协调小组办公室主任高广生在日前举行的亚洲碳博览会上透露，我国已拥有125个清洁发展机制项目，涉及到碳减排量六亿多吨，贸易金额达35亿美元。　　    来自世界银行的一份统计显示，截止到9月底，亚洲国家占了清洁发展机制市场总额的84%。中国继</t>
  </si>
  <si>
    <t>专家呼吁建立刑事缺席审判制度</t>
  </si>
  <si>
    <t>本报讯 《联合国反腐败公约》首次确立了被转至境外的腐败资产必须返还的原则和腐败资产追回机制，但与《公约》相比，我国有关腐败资产追回机制的法律规定还存在不小差距。建立我国与《公约》衔接的反贪追赃刑事缺席审判制度，是我国法律界关注的一个热点问题。　　    在国</t>
  </si>
  <si>
    <t>湘潭招商：年会越办越小  企业越来越多</t>
  </si>
  <si>
    <t>动辄邀请海内外数千人“赶集”，“零地价”提供大片土地和“办厂营商，凡事好商量”是时下很多地方政府招商引资的三大法宝。但湖南省中部老工业基地湘潭市高新区2004年2月办起的“德国工业园”，三年来年会的规模越办越小，占用土地资源越来越少，每年还把大批项目拒之门外，</t>
  </si>
  <si>
    <t>日本数码相机市场重心转移</t>
  </si>
  <si>
    <t>近年来，数码相机在日本迅速普及，普通数码相机市场已接近饱和，摄影爱好者对像素更高、成像质量更好、可根据个人需要调换镜头的单反数码相机的需求迅速增长。因此，日本有关厂商开始将数码相机研发和竞争重心转向单反机，希望其成为新的利润增长点。　　    日本照相机影?</t>
  </si>
  <si>
    <t>湖南油漆刷出口再遭反倾销调查</t>
  </si>
  <si>
    <t>本报长沙电 据湖南省商务厅世贸处介绍，墨西哥两家企业决定对从中国进口的油漆刷进行反倾销调查，其中湖南省新宇土产畜产进出口有限公司是主要涉案企业之一。　　    我国出口油漆刷从1983年至1998年曾遭国外五次反倾销调查。加拿大、欧盟、新西兰、澳大利亚分别于1983年、</t>
  </si>
  <si>
    <t>国际大宗商品市场进入过度波动期</t>
  </si>
  <si>
    <t>今年以来，国际大宗商品市场异常活跃，多种期货品种价格波幅过大，特别是国际油价在攀至每桶78.40美元历史高位后一下子跌回60美元。　　    英国《经济学家》杂志刊登的一篇文章指出，国际大宗商品市场进入过度波动期，正是投资者过去几年中大量涌入的必然结果，而投资大宗</t>
  </si>
  <si>
    <t>中国企业参与美国政府采购并不难</t>
  </si>
  <si>
    <t>全球政府企业采购信息搜索引擎标霸网（WWW.BID8.COM）22日在浙江绍兴举行了“美国政府采购纺织品订单发布会”，向正在参加中国国际纺织品博览会的百余家中国参展企业介绍了高达３.５亿美元的美国政府采购纺织品订单信息，希望为中国企业搭建通往美国政府采购市场的平台。</t>
  </si>
  <si>
    <t>把不健康食品扫出校门</t>
  </si>
  <si>
    <t>遏制日趋严重的儿童肥胖问题成为美国前总统克林顿卸任后的一项主要工作，他长期致力于让美国的食品公司生产更健康的校园食品。10月6日，克林顿和美国心脏学会宣布，他们和美国五家大型食品公司共同签署协议，这些公司在美国校园里出售的食品将减少脂肪、糖分与盐的含量，实现</t>
  </si>
  <si>
    <t>中国食品工业面临内忧外患</t>
  </si>
  <si>
    <t>本报讯 “一方面，外国资本利用其技术和资金优势，争夺国内市场，提高市场垄断能力，对国内食品企业造成重大威胁；另一方面，许多国家提高进口食品检测标准，涉及产品范围越来越广，使我国食品出口阻力增大。”这是国家发展和改革委副主任张国宝在26日召开的宣传贯彻全国食品</t>
  </si>
  <si>
    <t>借力东盟,打造中国经济新的增长极</t>
  </si>
  <si>
    <t>10月30日至11月3日，中国-东盟15周年纪念峰会和第三届中国-东盟博览会、第三届中国-东盟商务与投资峰会将同期在广西南宁举行。“三会”举办前夕，本报记者就广西如何通过参与东盟合作扩大开放、加快发展等问题，专访了广西壮族自治区主席陆兵。　　    “我们要抓住广西面?</t>
  </si>
  <si>
    <t>北京率先紧追欧盟汽车排放新标准</t>
  </si>
  <si>
    <t>今年10月起，欧盟开始全面实行“欧洲4级”(欧IV)汽车尾气排放标准，三年后的2009年10月，将全面实行更为严格的欧V汽车尾气排放标准。在我国，去年12月30日起，北京已正式对轻型汽油车和轻型燃气汽车以及重型柴油发动机和重型燃气发动机(重型汽车)实施相当于欧Ⅲ标准的国家第?</t>
  </si>
  <si>
    <t>日产铃木马自达控制CO2排放不力</t>
  </si>
  <si>
    <t>本报布鲁塞尔电 欧洲运输与环境联盟(T&amp;E)25日发表报告称，在20个欧洲去年最畅销的汽车品牌中，有3/4的品牌没有在减少二氧化碳(CO2)排放方面取得进步。其中，日产、铃木和马自达因表现最差排在末位。　　    尽管汽车业界承诺，其汽车产品的二氧化碳排放量与1995年的水平相?</t>
  </si>
  <si>
    <t>美联储静观通胀走势</t>
  </si>
  <si>
    <t>在25日举行的货币政策决策例会上，美国联邦储备委员会决定将联邦基金利率即商业银行间隔夜拆借利率保持在5.25%的现有水平不变。这是美联储连续第三次决定维持现有利率水平。　　    自今年8月上旬以来，美联储一直维持短期利率稳定不变的主要原因是，经济降温和能源价格回?</t>
  </si>
  <si>
    <t>油价上涨拉动金价重返150元/克</t>
  </si>
  <si>
    <t>受油价上涨和美元下跌的影响，26日，国内金银价继续向上攀升，黄金价格重返150元/克台阶。　　    由于美国上周原油库存下降，以及石油输出国组织(欧佩克)成员国开始着手减少原油产量，市场人士担心在冬季取暖用油需求高峰期出现原油供应紧张，25日国际市场原油价格大幅反?</t>
  </si>
  <si>
    <t>布什将与美国汽车巨头共商解困对策</t>
  </si>
  <si>
    <t>本报华盛顿电 据美国媒体25日引述白宫官员的话说，美国总统布什将于11月与美国汽车企业领导人会面，与他们商讨让美国汽车业摆脱困境的对策。　　    白宫政治顾问卡尔·罗弗对媒体表示，会谈将集中在美国汽车业三巨头——通用汽车、福特和戴姆勒-克莱斯勒公司的克莱斯勒分?</t>
  </si>
  <si>
    <t>中国巨额外汇储备引发世界关注</t>
  </si>
  <si>
    <t>国家外汇管理局坐落在北京西三环边一座平常无奇的写字楼中，但在英国《金融时报》记者看来，英文名称缩写为“SAFE”(State Administration of Foreign Exchange)的外汇局就像是“60年代间谍剧中那些虚构的秘密组织”。事实上，这个部门从事着一项严肃的工作：管理中国的巨额?</t>
  </si>
  <si>
    <t>欧盟：真心示好还是巧言令色</t>
  </si>
  <si>
    <t>“我不知道我有没有享受到中国廉价商品的好处。”欧盟驻华大使赛日·安博边说边抬起脚，低头指着自己那双擦得锃亮的黑色正装皮鞋，“不过这个问题我的太太有发言权，这是她在北京东直门内大街上给我买的皮鞋，花了200多块钱。”周围的记者都被他的举动逗笑了。　　    此时</t>
  </si>
  <si>
    <t>中国陶瓷：千年文明标识屡陷尴尬</t>
  </si>
  <si>
    <t>千百年来，陶瓷一直是中华文明的重要标识之一，世界上许多国家的人们都是通过陶瓷而认识中国的。时光掠过千年，中国陶瓷这个千年文明的标识却陷入重重尴尬。　　博洛尼亚陶展一席难增　　    在过去的一千年里，世界经济的中心从开封迁移到纽约，世界陶瓷产业的中心也从?</t>
  </si>
  <si>
    <t>日本新技术为锂离子电池扩容</t>
  </si>
  <si>
    <t>本报东京电 日本一家公司最近开发出锂离子电池制造新技术，利用硅氧化物、纳米硅、碳等生成的新型材料制作电池负极，使电池容量比目前使用石墨作负极的锂离子电池增加2至5成。　　    硅具有价格低廉且对锂离子吸收率高等特点，适合制造大容量电池。但是，硅吸收锂离子时的</t>
  </si>
  <si>
    <t>欧盟“CR法案”使中国打火机面临困境</t>
  </si>
  <si>
    <t>本报温州电 尽管欧盟“CR法案”还没有正式实施，但中国的打火机生产企业却已切身感受到了大棒将临的威胁。记者25日从温州市烟具行业协会获悉，在欧盟“CR法案”即将实施的阴影下，当地打火机企业的生产和出口已受到明显影响。　　    欧盟“CR法案”将从明年3月11日起正式?</t>
  </si>
  <si>
    <t>美国油价上涨  国内金价回调</t>
  </si>
  <si>
    <t>受油价回升和美元下跌的影响，贵金属反弹。25日，国内金银价双双止跌回调，小幅攀升。　　    由于美国东北部降温及交易者担心取暖油供应，24日国际市场原油期货价格小幅上涨。当天，纽约商品交易所12月份交货的轻质原油期货价格每桶上涨54美分，收于59.35美元。伦敦国际石</t>
  </si>
  <si>
    <t>巴西国内石油日产量再攀新高</t>
  </si>
  <si>
    <t>本报里约热内卢电（记者杨立民）巴西石油公司24日宣布，公司23日的国内石油产量超过191万桶，打破今年5月创造的日产188万桶的历史最高纪录。    巴西石油公司指出，陆地油井生产稳定和三口海上油井的投产为该公司创造新产油纪录</t>
  </si>
  <si>
    <t>中国不能跳过3G直接上4G</t>
  </si>
  <si>
    <t>前不久，三星高调推出4G。在韩国为4G摇旗呐喊时，中国电信行业内部人士近来不断发出这样的声音：中国厂商是不是也应该跳过3G直接上马4G。对此，有专家表示，经过几年时间的技术升级以及对3G市场的把握，中国3G正在逐步走向成熟，在与全?</t>
  </si>
  <si>
    <t>食品安全渐触底线</t>
  </si>
  <si>
    <t>“近年阳澄湖大闸蟹上市前后，都会有意想不到的‘花边新闻’。”对于台湾有关部门称“大陆大闸蟹被验出含致癌物质硝基呋喃代谢物残留”的说法，苏州市阳澄湖大闸蟹行业协会会长杨维龙21日对记者说，自2002年协会成立以来，每年都会遇到一到两次“莫须有的问题”，“今年把阳?</t>
  </si>
  <si>
    <t>走综合型银行发展之路</t>
  </si>
  <si>
    <t>当中国全面履行加入WTO的承诺后，金融业对外国金融机构的开放程度将进一步扩大，中国的银行业必将面临更加激烈的竞争局面。向综合型银行发展是当前西方国家银行业发展的普遍趋势，也应该是中国银行业提高自己核心竞争力，应对新竞争形势的手段之一。　　    20世纪90年代以</t>
  </si>
  <si>
    <t>农村小额信贷须引入竞争机制</t>
  </si>
  <si>
    <t>本报讯 中国人民银行副行长吴晓灵23日在央行大楼，会晤了本月刚获得2006年诺贝尔和平奖的穆罕默德·尤努斯。尤努斯是孟加拉国农村银行创始人，他所倡导的小额信贷业务在全球帮助数百万人脱贫。　　    这两位银行家“面对面”商讨了中国如何发展农村小额信贷的问题。</t>
  </si>
  <si>
    <t>韩国年底建成世界最大地下储油库</t>
  </si>
  <si>
    <t>本报首尔电　据韩国《每日经济新闻》23日报道，韩国石油公社将于2006年年底在韩国全罗南道丽水市建成世界最大储量地下储油库。　　据报道，这项地下储油库工程于1997年正式开工，已完工的一期工程储量为3250万桶，加上正在?</t>
  </si>
  <si>
    <t>我国将成跨国公司服务产业转移热点</t>
  </si>
  <si>
    <t>本报讯 上海电信近日决定采用加拿大北方电讯公司城域网新技术，为上海电信的企业和个人用户提供高带宽、关键视频服务以及话音和数据应用。有关专家指出，随着全球服务业由发达国家向低收入国家转移大潮的兴起，中国将成为跨国公司服务业产业转移的热点地区。　　    世界50</t>
  </si>
  <si>
    <t>迪拜将成海湾地区最大消费城市</t>
  </si>
  <si>
    <t>本报开罗电 据阿联酋《海湾时报》近日报道，海湾合作委员会(海合会)的专家预测，到2009年阿联酋的迪拜将发展成为海湾地区最大的消费购物中心城市。　　    据专家预测，虽然海合会六国及整个中东、北非地区今后10年内将可能增建400个新的购物中心，与该地区人口发展速度相?</t>
  </si>
  <si>
    <t>海外企业进入欧洲多选瑞士</t>
  </si>
  <si>
    <t>本报讯 安永会计师事务所23日发表的“瑞士的吸引力调查——外国公司的评论”报告指出，瑞士已成为海外企业建立研发中心、行政管理和会计办事处以及欧洲和国际总部的首选地之一。　　    安永“欧洲投资监察”数据显示，2005年，欧洲吸引的海外直接投资达历史最高水平，而瑞</t>
  </si>
  <si>
    <t>中国鞋企宣布对欧盟提起反倾销诉讼</t>
  </si>
  <si>
    <t>本报杭州电 中国最大的民营制鞋企业奥康集团23日宣布，已正式聘请律师对欧盟提起皮鞋反倾销诉讼。这也是欧盟自10月7日正式启动对原产于中国的皮鞋产品实施征收为期两年的16.5%的反倾销税后，第一家宣布提起反倾销诉讼的中国制鞋企业。　　    奥康集团总裁王振滔23日对记者</t>
  </si>
  <si>
    <t>集体谈判与和谐社会建设</t>
  </si>
  <si>
    <t>构建社会主义和谐社会目标之一，就是要通过深化改革和一系列制度建设，使全体人民中的不同利益主体各尽所能，各得其所而又和谐相处。而集体谈判则是实现不同利益主体和谐相处的有效途径。在现代西方经济学中，谈判这个词并不生疏，经常被当作解决劳资矛盾和处理不同利益主体?</t>
  </si>
  <si>
    <t>美国商业银行加强网上个人信贷业务</t>
  </si>
  <si>
    <t>本报讯 美国一些商业银行最近计划加强网上个人信贷业务，希望通过较低贷款利率来扩大其业务范围。　　    《华尔街日报》网站22日报道，花旗集团网上银行业务部门——花旗银行DIRECT上周推出了包括住房和学生贷款在内的网上信贷服务。一家名为E-信贷的金融服务公司也计划在</t>
  </si>
  <si>
    <t>联合国：埃及可持续发展有进步</t>
  </si>
  <si>
    <t>本报开罗电 据埃及中东通讯社21日报道，联合国开发计划署常驻埃及代表詹姆斯·罗利当天发表声明说，埃及在可持续发展方面取得了进步。　　    罗利说，埃及妇女和儿童的死亡率下降，干净的饮用水已得到保障，在减少贫困和普及教育方面也已步入正轨。据报道，在政府不懈努力</t>
  </si>
  <si>
    <t>美元涨势衰竭  联储会议成焦点</t>
  </si>
  <si>
    <t>由于市场进一步确信美国经济放缓尚未面临硬着陆的风险，美元近期一直呈上升势头。继此前两周上涨之后，美元对欧元和日元未能突破关键技术水平。美元在过去两周内多次触及关键阻力位，但是频繁受挫，欧元试探了位于1.2545至1.2570美元的技术阻力区间，但最终未能突破。美元兑?</t>
  </si>
  <si>
    <t>瑞典投资促进署来华招商</t>
  </si>
  <si>
    <t>本报讯 瑞典政府投资促进署和瑞典卡尔马省市政府日前在京举办“投资瑞典”新闻说明会，向中国投资者推介了由凡尔顿(香港)国际投资集团股份有限公司投资建设的瑞典卡尔马市中国商贸城。　　    瑞典官员表示，这座商贸城为中国企业和成功企业家进军欧洲建立了桥头堡，为成功</t>
  </si>
  <si>
    <t>美联储可能再次维持利率不变</t>
  </si>
  <si>
    <t>美国联邦储备委员会定于本月24日和25日召开货币政策决策会议。经济学家一致认为，在房地产市场降温、消费价格指数下跌和国会中期选举即将到来的情况下，美联储很有可能将联邦基金利率(即商业银行间隔夜拆借利率)维持在现有的5.25%不变。　　    美联储自2004年6月底开始实?</t>
  </si>
  <si>
    <t>与欧佩克唱反调  俄仍将提高石油产量</t>
  </si>
  <si>
    <t>本报莫斯科电 俄罗斯工业和能源部副部长杰缅季耶夫日前对新闻界说，尽管石油输出国组织(欧佩克)决定降低产量以阻止油价下滑，但俄罗斯目前没有类似计划。　　    杰缅季耶夫称：“我们有自己的能源战略，非但不降低反而准备逐步增加石油产量。”杰缅季耶夫强调，俄罗斯将坚</t>
  </si>
  <si>
    <t>“四大才子”深感现代音乐推广之难</t>
  </si>
  <si>
    <t>他们是中国现代音乐的中坚力量，在西方严肃音乐舞台上以鲜明的中国风格赢得盛誉。他们是文革后中央音乐学院作曲系的同窗学子，当年就被誉为“四大才子”。郭文景、谭盾、瞿小松、叶小纲，在毕业后20多年首度聚首，为北京呈献了他们的代表作，一向冷清的中国现代音乐舞台上终?</t>
  </si>
  <si>
    <t>感受非洲自然旅游的魅力</t>
  </si>
  <si>
    <t>提起非洲，人们脑海中可能会首先浮现“贫穷”、“落后”、“干旱”、“饥荒”这类字眼。然而，当你真正踏上这片土地，那意料之外的美丽却会让你措手不及。非洲之旅，是能给人带来惊喜的神奇之旅。　　粗犷刺激的Safari　　    说起非洲旅游，Safari是个不能不提的词。Saf</t>
  </si>
  <si>
    <t>日本人崇尚“稍许奢侈”</t>
  </si>
  <si>
    <t>东京与香港、巴黎和纽约一样是全球公认的购物圣地，你可以在东京一些并不起眼的小街上发现国际顶级奢侈品品牌的专卖店。但是，现代日本人对奢侈的理解却已经从单纯的品牌情结，发展为一种追求健康、高品质生活的心境。　　    在东京繁华的时尚商业区涩谷，留意从身边经过?</t>
  </si>
  <si>
    <t>全面开放背景下的银行核心竞争力</t>
  </si>
  <si>
    <t>根据我国加入WTO的约定，今年12月11日，我国金融业将向外国金融机构全面开放。同时，在全面开放的当口，我国也在加快金融自由化改革和金融市场化进程。因此，我国商业银行不仅面临国内同行，而且面临外资银行的全方位竞争。西方各大银行根据经济全球化和金融自由化的宏观大环</t>
  </si>
  <si>
    <t>中欧“鞋战”未到终局</t>
  </si>
  <si>
    <t>10月5日，备受国内外关注的欧盟对中国皮鞋反倾销调查案做出最终裁决，欧盟将在今后两年内向中国产皮鞋征收高达16.5%的反倾销税。正在广州举行的第100届广交会上，记者采访发现，与一般反倾销案终裁后国内企业大多“被动接受”不同，广交会上皮鞋出口商正在积极酝酿，准备发起</t>
  </si>
  <si>
    <t>盈利增资金多  法国银行海外并购底气足</t>
  </si>
  <si>
    <t>本报巴黎电 据法国《费加罗报》１７日报道，今年年初以来，法国三大银行——巴黎银行、农业信贷银行和兴业银行——用于海外并购的资金已达２３０亿欧元。此前法国银行界从未发起过如此规模的海外并购潮。　　    据《费加罗报》统计，巴黎银行、农业信贷银行今年前９个月用</t>
  </si>
  <si>
    <t>人民币对美元小幅走高</t>
  </si>
  <si>
    <t>受亚洲交易时段美元走软提振，10月18日，人民币对美元继续小幅走高。　　    根据中国人民银行授权中国外汇交易中心发布的公告，2006年10月18日银行间外汇市场美元等交易货币对人民币汇率的中间价为：1美元兑人民币7.9085元，1欧元兑人民币9.9216元，100日元兑人民币6.6637</t>
  </si>
  <si>
    <t>日本车领跑美国政府节能排行榜</t>
  </si>
  <si>
    <t>本报华盛顿电 美国能源部１７日公布了２００７年度节油汽车指南，在其列出的最节油汽车排行榜中，日本车表现优异，在总共１２个上榜车型中占据了７个，其中丰田和本田汽车分列第一和第二。　　    在各大汽车制造商中，丰田无疑是最注重节油性的。丰田普瑞斯混合动力型轿车</t>
  </si>
  <si>
    <t>南非可能放弃对中国纺织品设限</t>
  </si>
  <si>
    <t>本报约翰内斯堡电 据此间媒体１７日报道，南非副总统姆兰博－努卡日前向南非纺织业发出警告说，如果当地纺织业不能满足市场需要，政府可能被迫增加从中国进口服装和纺织品的配额。　　    姆兰博－努卡对企业界表示，政府把纺织业视为振兴经济、扩大就业的一个重要部门，可</t>
  </si>
  <si>
    <t>海外客商眼中的广交会</t>
  </si>
  <si>
    <t>本报广州电 “我也许是这里最老的采购商之一。”正在参加第100届中国出口商品交易会(广交会)的意大利米兰客商迈克拍着胸脯自豪地对记者说。　　    截至今年，迈克来广交会采购已有20多个年头了，虽然他已经记不清第一次参加的广交会是哪一届了，但那次参展还是给迈克留下?</t>
  </si>
  <si>
    <t>青岛产业集群引领世界家电产业潮流</t>
  </si>
  <si>
    <t>凭借成功收购科龙所带来的诸多国际化机会，海信集团近日发布了其进行国际市场布局的最新市场目标：2010年，电视产品在全球市场占有率达到7%；冰箱产品将占据“中国第一、全球第三”的位置；空调产品将力争“全球第四”的位置?</t>
  </si>
  <si>
    <t>“夺宝兵团”再度出击  展开欧洲寻宝之旅</t>
  </si>
  <si>
    <t>对中国人而言，去欧洲旅游，时髦但有点奢侈；去欧洲寻宝呢？除了时髦、奢侈以外，踏上欧洲之旅的中国寻宝人还肩负着抢救海外流失文物的历史使命。　　    作为中华抢救流失海外文物专项基金(以下简称“抢救基金”)组织的第三次海外寻宝活动，11月1日，约20人组成的欧洲寻宝</t>
  </si>
  <si>
    <t>国际人才中国“淘金”</t>
  </si>
  <si>
    <t>在荷兰高级专家组织工作的莫瑞拉女士12年后再回到北京时，已经认不出当年她曾生活、学习过的地方了。“中国这12年的变化太大了，感觉像是两个不同的国家一样”，莫瑞拉这样表达着心中的感慨。　　    12年前，她曾在北京大学学习，12年后的今天，她又回到中国，参加在沈阳?</t>
  </si>
  <si>
    <t>海外回流概念将成艺术品市场投资主流</t>
  </si>
  <si>
    <t>海外古董收藏家李先生是一个精明的温州人，他专门经营中国的海外回流文物，接触最多的是法国古董商。当记者走进位于北京古玩城四层的展厅时，他正小心翼翼地摆弄着刚从法国淘回来的宝贝——一件清代的青花瓷器。“我进入这行的时间不短了，对自己的眼力还是比较有信心的。”?</t>
  </si>
  <si>
    <t>跨国并购助推外国直接投资增长</t>
  </si>
  <si>
    <t>本报讯 10月16日，联合国贸易和发展会议对外发布了《2006年世界投资报告》称，在跨国并购的推动下，2005年全球外国直接投资连续第二年保持增长。中国等亚洲发展中国家在全球海外直接投资的来源中，占据越来越重要的地位。　　    报告中的数据显示，2005年全球直接投资流量</t>
  </si>
  <si>
    <t>海外专家认为中国应开发海洋资源</t>
  </si>
  <si>
    <t>本报讯 记者从国家发展改革委能源局获悉，一些海外专家近日提出，能源已成为制约中国经济进一步发展的瓶颈之一，能否找到大量的、可持续的能源供应，将决定中国今后几十年经济发展的成败，他们纷纷建言我国应重视开发海洋资源。　　    据能源局有关人士介绍，最近在美国加</t>
  </si>
  <si>
    <t>鞍钢全力进军轿车板市场</t>
  </si>
  <si>
    <t>建厂已进入第90个年头的国家大型钢铁联合企业鞍山钢铁集团公司，今年以来在高级轿车板领域捷报频传：继今年3月与德国大众签订年度供货协议，将高档汽车冷轧板首次销往德国大众的本土公司后，今年夏天又与上海大众汽车有限公司签订供货合同，使鞍钢轿车板首次打入华东地区，并</t>
  </si>
  <si>
    <t>粮农组织总干事呼吁增加农业投资</t>
  </si>
  <si>
    <t>本报罗马电 联合国粮农组织总干事迪乌夫16日在罗马呼吁国际社会增加对农业领域的投资，以尽早实现世界粮食首脑会议承诺的将全球忍受饥饿的人数在2015年之前减少一半的目标。　　    迪乌夫在粮农组织总部举行的世界粮食日庆祝活动上说，今年10月16日“世界粮食日”的主题为</t>
  </si>
  <si>
    <t>厄尔尼诺又来  澳印两国农业一忧一喜</t>
  </si>
  <si>
    <t>本报讯 对全球气候构成严重影响的厄尔尼诺现象预计将于年底“发威”，给一些国家带来潮湿或干旱气候。届时，澳大利亚将遭遇大旱，导致小麦歉收；而印度则会迎来大雨，对稻米等农作物生长十分有利。　　    厄尔尼诺是指太平洋靠近赤道海域海水异常升温的现象。它在西班牙语</t>
  </si>
  <si>
    <t>一位温州鞋商的“全球竞争观”</t>
  </si>
  <si>
    <t>在温州鞋企老板王建平看来，欧盟反倾销不仅没有给他制造麻烦，反而带来了商机。　　    王建平是温州哈杉鞋业的老板。凭借适时“走出去”的战略，哈杉这家在国内名不见经传的鞋企成功地躲过了欧盟反倾销的影响。　　“我的企业跨越五大洲”　　    即便在温州当地，哈?</t>
  </si>
  <si>
    <t>由小额贷款创始人获诺贝尔奖想到的</t>
  </si>
  <si>
    <t>最近，瑞典皇家科学院诺贝尔奖委员会宣布，将2006年度诺贝尔和平奖授予孟加拉小额贷款创始人穆罕默德·尤纳斯及其创立的格拉明银行。　　    尤努斯常被冠以“穷人银行家”的美誉。1974年孟加拉国大饥荒时期，尤努斯通过向一些村民提供27美元的微额贷款，让他们摆脱了高利?</t>
  </si>
  <si>
    <t>美经济前景改善推升美元</t>
  </si>
  <si>
    <t>本周五纽约汇市美元全线攀升。尾盘欧元兑1.2507美元，美元兑119.68日元，美元兑1.2737瑞士法郎，英镑兑1.8565美元。　　    美元对欧元升至近三个月高点，欧元一度跌破1.25美元心理价位，至1.2484美元的盘中低点。美元对日元触及10个月高点，对瑞士法郎也突破了6个月高点，</t>
  </si>
  <si>
    <t>“莫扎特热”彰显中国文化“软实力”提升</t>
  </si>
  <si>
    <t>奥地利音乐家沃尔夫冈·阿马迪斯·莫扎特，他那天籁之音至今萦绕在世界的各个角落，使快乐或悲伤的人们得到心灵的抚慰。今年是莫扎特诞辰250周年，世界各地的人们都在以不同的方式纪念这位艺术大师。　　《女人心》中国开演　　　　从某种意义上来说，莫扎特已经不仅是文</t>
  </si>
  <si>
    <t>钻石新切工挑战经典</t>
  </si>
  <si>
    <t>自从天才钻石切割师托考夫斯基首创了根据钻石的折射率和色散率切割的经典58或57刻面样式后，这一被看作标准圆钻式琢型的基础样式在近百年来都鲜有变化，但这个钻石艺术和技术水平的标尺正在受到挑战。　　新切工让钻石更加耀眼　　    60多岁的保罗，有着比利时珠宝商的?</t>
  </si>
  <si>
    <t>“服务外包”有望成为中西部崛起加速器</t>
  </si>
  <si>
    <t>今年以来，大连、天津、上海、武汉、西安、成都等地纷纷提出将服务外包业务作为重点发展的产业之一。面对服务外包这个全球经济结构新一轮调整带来的“大蛋糕”，在传统制造业上已明显处于劣势的中西部地区能否抓住机遇，与东部沿海地区站到同一起跑线上？　　    业内专家?</t>
  </si>
  <si>
    <t>中印企业期待加强钢铁贸易合作</t>
  </si>
  <si>
    <t>本报新德里电 中印两国在钢铁贸易领域交往进展迅速，但是两国的企业界都认为还有不少有待改善之处。　　    中国五矿化工进出口商会会长陈浩然11日在印度首都新德里举行的中印经济合作研讨会上说，2005年印度向中国出口了6855万吨铁矿石，价值52亿美元，占两国进出口总额的</t>
  </si>
  <si>
    <t>油砂：石油巨头嗅出“钱的味道”</t>
  </si>
  <si>
    <t>随着国际油价大幅上升，越来越多的战略投资者开始关注油砂资源的开采。日前，美国能源巨头康菲石油公司和加拿大能源公司签署一笔巨额合作协议，双方将投资150亿美元开发加拿大的油砂资源。根据这项协议，到2015年，两公司油砂矿石油日产量将达40万桶。　　    除康菲石油外</t>
  </si>
  <si>
    <t>美联储关注楼市降温程度</t>
  </si>
  <si>
    <t>本报华盛顿电 美国联邦储备委员会11日公布的9月20日货币政策决策例会会议记录表明，美联储决策者们关注美国住房市场的降温程度及其对经济的影响。　　    住房市场降温是美国经济增长步伐近来明显放慢的一大原因。这份会议记录说，美联储的决策者们对住房市场降温可能达到?</t>
  </si>
  <si>
    <t>中国应加快催生软件外包“龙头”</t>
  </si>
  <si>
    <t>近几年，印度几大外包巨头进驻中国后稳步发展。计世资讯认为，随着前期基础工作的完成，印度外包公司将加快对外包市场的开拓，这必然会对中国本土外包企业带来影响。　　    首先，随着印度外包公司的发展，其对人才的需求必然增大，这将加剧软件外包人才的短缺。</t>
  </si>
  <si>
    <t>对冲基金想卖伦敦证交所股权</t>
  </si>
  <si>
    <t>本报伦敦电 据英国媒体11日报道，英国一些对冲基金公司表示，有意以大约每股13英镑(1英镑约合1.85美元)的价格出让其持有的伦敦证券交易所20%股权。　　    据《金融时报》报道，对冲基金现在放风要出让股权的原因是，按照英国相关法规，已持有伦敦证交所25.3%股权的纳斯达?</t>
  </si>
  <si>
    <t>世界银行反腐败：没有硝烟的“伊拉克战争”</t>
  </si>
  <si>
    <t>几乎没有人不知道世界银行。这个闻名全球的金融机构坐落在华盛顿宾夕法尼亚大街，距白宫仅两条马路。　　    最新统计表明，该行拥有184名成员国，在全球范围资助的项目已超过1800个，资助范围从基础设施到医疗卫生、营养食品、学校教育和农业开发。每年提供的贷款总额超过</t>
  </si>
  <si>
    <t>中国鞋业的品牌缺失之痛</t>
  </si>
  <si>
    <t>从来没有一个时机让人们充分关注中国鞋业的命运，然而就在几天前，欧盟对中国出口的皮鞋征收为期两年的反倾销税，虽然比起先前的五年期限以及23%的税率，欧盟已经做出了一定程度的让步，但是它带给以出口为主导的中国皮鞋制造业的打击无疑还是沉重的，业内人士认为，它反映的</t>
  </si>
  <si>
    <t>狙击虚假广告  法国紧盯媒体</t>
  </si>
  <si>
    <t>本报巴黎电 法国视听委员会广告监督处负责人亚历山德拉·米耶勒女士日前在接受本报记者采访时表示，法国政府多年来采取了多项措施对各媒体、特别是影视媒体实施监督，以避免虚假广告误导消费者。　　    米耶勒指出，法国政府1992年颁布的第92—280号政令规定，播发虚假广?</t>
  </si>
  <si>
    <t>境外购物回国退税亦不迟</t>
  </si>
  <si>
    <t>乔女士“十一”长假去欧洲旅游散心。旅途归来，兴奋之余还有一丝遗憾。原来乔女士在欧洲疯狂购物，回国前因为时间紧、语言不通、手续繁琐等问题没来得及退税。乔女士细算了一下，未退的税款折合有一千多元人民币。　　    面对长假，许多国人选择出国旅游。除了饱览异国风?</t>
  </si>
  <si>
    <t>抑制人才流失  印度吸引洋高校本土办学</t>
  </si>
  <si>
    <t>随着经济全球化和知识经济的迅猛发展，人才由发展中国家向发达国家单向流动的现象日益普遍。作为全球外包大国的印度同样面临人才流失的尴尬。为建立本国高级人才库，印度政府决心通过向外资开放本国高等教育体系来改善其国内教育环境。　　    在全球外包竞争日益激烈的背?</t>
  </si>
  <si>
    <t>全球投资者关注工行IPO</t>
  </si>
  <si>
    <t>本报讯 10月9日开始、为期三天的中国工商银行国际路演上，众多国际知名机构投资者齐聚，股份认购出现“疯抢”场面。此时,距工行在上海和香港两地同时挂牌还有两周多时间。业内人士认为，这表明希望通过在香港和上海两地上市融资219.4亿美元的中国工商银行首次公开募股（IPO）</t>
  </si>
  <si>
    <t>鲁能将在蒙古建特大型煤电基地</t>
  </si>
  <si>
    <t>本报讯 记者9日从相关部门了解到，国家电网公司已向国家发改委报送了《关于将中蒙电力合作项目纳入国家电力工业发展规划的请示》，《请示》中透露中蒙电力合作项目主要由两部分组成：由鲁能集团在蒙古建特大型煤电基地，国家电网公司筹建大型跨国输电项目。　　    据了解?</t>
  </si>
  <si>
    <t>俄拟独自开发巴伦支海气田</t>
  </si>
  <si>
    <t>本报莫斯科电 由政府控股的俄罗斯天然气工业股份公司9日发表声明说，公司准备在没有外国公司参与的情况下独自开发位于俄巴伦支海的什托克曼气田。　　    据俄塔社报道，什托克曼气田未来开采的天然气也不像原计划的那样被生产成液化天然气再运往美国，而是主要通过输气管?</t>
  </si>
  <si>
    <t>钾肥产业亟待开拓国际市场</t>
  </si>
  <si>
    <t>7月底8月初，2006年中国进口钾肥谈判结果显示，我国从加拿大、俄罗斯、白俄罗斯等地进口的钾肥价格每吨上涨25美元。　　业内人士分析，我国钾资源缺乏，需求量巨大，国内生产量只能满足国内需求量的1／3。由于可自我控价钾?</t>
  </si>
  <si>
    <t>调查显示：全球商业贿赂问题依然严重</t>
  </si>
  <si>
    <t>本报讯 日前公布的一份调查结果显示，商业贿赂在全球范围内仍然是一个“重大的国际问题”，近半数接受调查的公司因竞争对手的商业贿赂而失掉了合同。　　    此次调查由风险顾问公司化险咨询公司和西盟斯律师事务所联合进行，参与调查的350个公司分别来自美国、英国、德国?</t>
  </si>
  <si>
    <t>中国是机会而不是危机</t>
  </si>
  <si>
    <t>10月9日上午十点半，当记者跟随着一幅幅巨型的高跟鞋宣传画走进北京国际贸易中心的展览大厅时，这里俨然已经成了一片鞋的海洋。在10月7日欧盟对中国出口皮鞋开征反倾销税后的第三天，第三届中国国际鞋业博览会在这里如期举行。　　    时尚、品位与高贵汇聚在一起，正在国?</t>
  </si>
  <si>
    <t>中国演出在海外：还未走出“贱卖”圈</t>
  </si>
  <si>
    <t>9月29日晚，美国加州大学若伊斯大剧院座无虚席。肤色各异的人们怀着好奇的心情，等待着欣赏一场来自东方的“罗密欧与朱丽叶”的故事——青春版的昆曲《牡丹亭》。舞台上几个浓墨重彩的中国书法“牡丹亭 汤显祖”营造出东方文化的凝重与神秘，令许多首次观看中国经典舞台艺术?</t>
  </si>
  <si>
    <t>中国鞋企：从欧盟反倾销困境中突围</t>
  </si>
  <si>
    <t>挥舞多时的反倾销“大棒”最终砸向了中国制鞋企业。从10月7日起的两年内，欧盟将对中国出口皮鞋征收16.5%的反倾销税。面对裁决，我国制鞋企业从容应对，将继续进行交涉并调整发展战略，着眼长远以提高国际竞争力，力求在反倾销困境中突围。　　意料之中的裁决　　    此?</t>
  </si>
  <si>
    <t>油价大跌背后：全球经济面临拐点？</t>
  </si>
  <si>
    <t>对非产油国来说，高油价是绝对的坏消息，但油价大跌就一定是好消息吗？　　    9月5日，美联社发布的一条新闻让油价患上了“重感冒”。世界第二大石油公司雪佛龙公司宣布，墨西哥湾的原油储量可能达到150亿桶。如果发现属实，这将成为美国最大的一个油田，并使美国石油储量</t>
  </si>
  <si>
    <t>利率仍是左右汇市的因素</t>
  </si>
  <si>
    <t>本周，随着投资者对修正数据进行消化，美元因人们对美国经济更客观的看法而走势火暴。美元自3月初以来首次突破119日元，兑欧元也创下3个月以来新高。周五尾盘，欧元兑1.2599美元，美元兑119.00日元，美元兑1.2613瑞士法郎，英镑兑1.8710美元。　　    美国公布的多项经济数</t>
  </si>
  <si>
    <t>龙永图痛批“中国能源威胁论”</t>
  </si>
  <si>
    <t>本报讯　在7日闭幕的首届中国能源战略国际论坛上，博鳌亚洲论坛秘书长龙永图说，中国的经济增长并不能对全球的能源供应造成威胁，制造“中国能源威胁论”是缘于西方一些人对中国崛起的恐惧。　　作为此次论坛的主席，龙永图</t>
  </si>
  <si>
    <t>黄金水道闸门半关  沿江煤价前景难料</t>
  </si>
  <si>
    <t>9月15日，三峡工程船闸完建工程正式启动，在长达一年的建设期内，三峡船闸实行单线运输，通过能力将下降约六成。由此引发的长江水系电煤运力不足，将影响到我国沿江、沿海地区煤炭价格及供应走势。　　长江航运对电煤运输举足轻重　　    长江干流流经青海、西藏、四川等</t>
  </si>
  <si>
    <t>什么阻碍了我国企业与联合国做生意</t>
  </si>
  <si>
    <t>近几年联合国的全球直接采购，我国企业所占份额始终在1%左右徘徊。在近日举行的首届中国(上海)国际跨国采购大会上，这成了既让中国企业尴尬、又让联合国采购机构深感遗憾的一件事。　　联合国并不遥远　　    实际上，联合国及其附属机构目前已有不少在中国设有采购机构?</t>
  </si>
  <si>
    <t>国际铁矿石涨价暗流涌动</t>
  </si>
  <si>
    <t>两个月后，2007年度的新全球铁矿石谈判又将启动，而代表谈判双方的中国钢铁工业协会和三大国际矿业巨头之间的暗战已然开始。　　钢价有上涨趋势　　    据本报记者了解到，巴西CVRD、澳大利亚力拓等三大铁矿巨头正在组织人员对中国钢铁市场进行调研和分析，初步的结论显?</t>
  </si>
  <si>
    <t>美航空巨头争夺新增中美航线</t>
  </si>
  <si>
    <t>“去年开通的美国大陆航空公司北京至纽约每日直航服务取得了很大成功，我对于纽约至上海每日直飞航线能够获得美国交通部的批准更充满信心。”21日，美国大陆航空董事会主席兼首席执行官罗瑞凯专程来京，为该航空公司正在申请的纽约至上海每日直飞航线造势。　　    据罗瑞?</t>
  </si>
  <si>
    <t>我国秸秆发电方兴未艾</t>
  </si>
  <si>
    <t>坐落在山东省枣庄的十里泉发电厂原为纯粹燃煤的火力发电厂，自从成功地将价格昂贵的丹麦秸秆发电设备改造成秸秆、煤粉混燃发电设备以来，锅炉燃烧稳定、可靠，经济效益明显提高，大大降低了环境污染程度。而且，由于每年可利用秸秆价值3000多万元，有效地增加了当地农民的收?</t>
  </si>
  <si>
    <t>中国企业投资利比亚要防五大风险</t>
  </si>
  <si>
    <t>联合国2003年取消了对利比亚长达10年的制裁。从那时至今，这个北非国家一直全力进行重建工作，我国大批民营公司相继进入利比亚挖掘商机。考虑到利比亚的市场机制和相应法律还不健全，中国企业前往利比亚投资应警惕5大风险。　　　    首先，利比亚国内的一些政府部门和企业</t>
  </si>
  <si>
    <t>欧盟向罗保两国招手  一体化进程向前蠕动</t>
  </si>
  <si>
    <t>欧盟委员会26日通过一份最终报告，建议罗马尼亚和保加利亚于2007年1月1日加入欧盟。如果不出意外，届时欧盟将成为一个拥有27个成员国、人口超过4.8亿的区域组织。　　    60多年来，欧洲大陆大部分时候都被人为地一分为二，而欧洲一体化进程提供了结束欧洲分裂局面的契机。</t>
  </si>
  <si>
    <t>欧亚内需上升  减少对美国出口依赖</t>
  </si>
  <si>
    <t>本报讯 美国二季度经济明显放缓，对欧洲、日本及新兴市场会有一定负面影响。但分析人士表示，由于这些经济体降低了对美国的出口依赖，负面影响的效果将大大减轻。　　    在油价上涨、利率上升和住房市场降温三大因素的共同作用下，今年二季度美国经济增长率仅为2.9%，相当</t>
  </si>
  <si>
    <t>专家提醒中国企业谨防欧盟反吸收调查</t>
  </si>
  <si>
    <t>本报杭州电 打赢欧盟反倾销官司的中国企业越来越多，但是国际贸易法专家提醒谨防随后可能面临的反吸收调查。　　    中国纺织品进出口商会日前分别在江苏和浙江举行了纺织企业应对反倾销实务培训班。在培训班上有关人士透露，欧盟有可能对2005年结束的35类化纤布反倾销案提</t>
  </si>
  <si>
    <t>美欧大公司获取商业情报不择手段</t>
  </si>
  <si>
    <t>商业间谍这个带有神秘色彩的词，最近一段时间频繁出现在美国主流财经媒体上。美国的报纸、杂志不仅追踪报道惠普公司的“电话门”丑闻，而且将许多美欧大公司非法获取商业情报的老底儿一一揭了出来。　　    惠普公司的“电话门”丑闻是这次美国媒体蜂拥报道商业间谍案件的?</t>
  </si>
  <si>
    <t>话说央行调控</t>
  </si>
  <si>
    <t>人民币汇率波幅何时放宽？近几天来，这个话题急剧升温。无论是在国际货币基金组织年会论坛，还是在国内召开的中法金融论坛，央行行长周小川总是被中外媒体“围追堵截”。周行长的回答则给人充分的想像空间：战略明确、战术模糊，长期明确、短期模糊。　　    看来，央行和?</t>
  </si>
  <si>
    <t>“十一”欧洲游买保险保驾护航</t>
  </si>
  <si>
    <t>今年“十一”黄金周欧洲游开始火爆，也许你已经在收拾行囊准备去维也纳领略圆舞曲和蓝色多瑙河的魅力，到被称为“金之城”的布拉格领略欧洲几世纪的沧桑，坐在爱琴海岸感受希腊文明……不过，在启程之前你应该对欧洲游必备的意外保险进行一番了解。　　欧洲游必须买意外险$</t>
  </si>
  <si>
    <t>中资企业赴德上市将有“零”突破</t>
  </si>
  <si>
    <t>我国国内企业到德国上市即将实现“零”的突破，目前国内有两三家企业正在和德国证券交易所集团进行接触，对其运营的法兰克福证券交易所表现出浓厚兴趣。“尽管接触还处在初级阶段，但在今年年底可能会取得实质性进展。”德交所股市业务拓展部中国市场负责人向记者如此表示。$</t>
  </si>
  <si>
    <t>世界经济论坛公布2006年全球竞争力排名</t>
  </si>
  <si>
    <t>本报日内瓦电 总部在日内瓦的世界经济论坛26日公布《2006-2007年全球竞争力报告》。报告显示，瑞士是世界上最具竞争力的经济体，芬兰和瑞典分列二三位，而美国的排名则由去年的第一位降至第六位。　　　　今年的这份报告覆盖了125个经济体，多于去年的117个。另外，报告还?</t>
  </si>
  <si>
    <t>“洋认证”走红职场</t>
  </si>
  <si>
    <t>十年前，只是个留学生的张晖，获得了加拿大证券机构颁发的证券从业资格，并进入了加拿大一家著名的投资公司工作，最终移民加拿大。今年，已经30多岁的张晖又回到了中国，而他的工作，就是让更多的人能有机会走和他一样的路。　　“洋认证”吃香　　    张晖现在是加拿大?</t>
  </si>
  <si>
    <t>保尔森留下“温和的”背影</t>
  </si>
  <si>
    <t>“两国在原则问题上几乎没有分歧”，9月22日下午，在留给媒体最后一个新闻点后，保尔森结束了他作为美国财政部长的首次访华行程。　　    同一些媒体之前的设想一致，这个新任的美国财长的确几乎处处都在显示他对中国的友好与温和。这种善意表现，除了保尔森就任之前70余次</t>
  </si>
  <si>
    <t>欧盟经济增长  外国移民功不可没</t>
  </si>
  <si>
    <t>本报里斯本电 西班牙加泰罗尼亚储蓄银行近日发表报告说，在1996年到2005年的10年间，几乎所有欧盟国家都在享受着外国移民给经济带来的好处。　　    报告根据欧盟统计局的数据对外来移民最近10年对欧盟国家的经济贡献进行分析，结果显示，如果没有外来移民的推动，法国经济</t>
  </si>
  <si>
    <t>阿马兰斯蚀本  再破对冲基金不败神话</t>
  </si>
  <si>
    <t>一家名为阿马兰斯（Amaranth）的美国大型对冲基金日前宣布，受天然气价格暴跌影响，旗下基金在短短一周内亏损50亿美元，资产由高峰时期的95亿美元跌至45亿美元。　　    阿马兰斯对冲基金事件反映出大宗商品市场波动的巨大杀伤力。这家美国大型对冲基金有一半资产押注于能?</t>
  </si>
  <si>
    <t>壳牌收购统一石化</t>
  </si>
  <si>
    <t>本报讯 9月22日，北京国贸饭店，一位英国绅士——壳牌润滑油业务首席执行官大卫·皮瑞特(David Pirret)与一位中国民营企业家——北京统一石油化工有限公司董事长霍振祥共同宣布：前者购买后者75%的股份。但双方拒绝透露交易金额。　　    据壳牌中国集团主席林浩光介绍，壳</t>
  </si>
  <si>
    <t>菲律宾将挑战印度外包业务霸主地位</t>
  </si>
  <si>
    <t>美国杜邦公司不久前与外包服务提供商OfficeTiger签署协议，将耗费大量金钱和时间的法律服务外包给了后者在菲律宾的办事机构，以此节省25%至30%的相关费用。　　    由于菲律宾的法律体系与美国大体相同，国民英语水平相对较高，再加上低成本和政策上的优势，分析人士预测，</t>
  </si>
  <si>
    <t>新兴国家跨国公司改变全球化格局</t>
  </si>
  <si>
    <t>最近，法国《世界报》刊登弗雷德里克·勒迈特的一篇文章，题为《全球化的新面孔》，摘要如下：　　    在几年时间里，全球化正在改变面孔。 　　    虽然美国和欧洲各跨国公司继续在国外占有显赫地位和大量投资，尤其是在新兴国家，但最新的现象是，世界舞台上出现了来自</t>
  </si>
  <si>
    <t>我国加大服务业招商引资力度</t>
  </si>
  <si>
    <t>本报济南电（记者  吕福明）国家发改委政策司官员24日在济南谈及我国服务业对外开放时说，今后中国将充分利用好国际国内市场和资源，积极参加国际投资的双边、多边合作，加大服务业的招商引资力度，积极承接国际服务业转移。</t>
  </si>
  <si>
    <t>中国汽车业应借鉴德国经验</t>
  </si>
  <si>
    <t>记者日前随商务部“品牌万里行”海外采访到达德国时，正值“2006年中德汽车零部件贸易洽谈会”在杜塞尔多夫举办。在几天的洽谈会上，记者发现：参加洽谈的中国汽车企业除了关注“订单”，更关注借鉴德国汽车业发展的经验。　　品牌为重　　    “在某种意义上说，学习德?</t>
  </si>
  <si>
    <t>宜资城市宜在何处？</t>
  </si>
  <si>
    <t>“福布斯中国潜力100榜”、“中国大陆最适宜发展物流的25座城市”、“中国顶尖企业100榜”、“全球名人100榜”……这些耳熟能详的榜单，被美国知名的商业杂志——《福布斯》一一罗列。　　    9月，《福布斯》中文版第三次发布中国大陆最佳商业城市榜。那么，这份被称为“?</t>
  </si>
  <si>
    <t>经济降温促使美联储维持利率不变</t>
  </si>
  <si>
    <t>美国联邦储备委员会20日决定将联邦基金利率(即商业银行间隔夜拆借利率)维持在现有的5.25%不变。这是美联储自8月8日上次例会以来连续第二次将短期利率保持在这一水平。分析人士认为，美联储再次维持现行利率不变的主要原因是经济降温、油价回落和通货膨胀上升压力有所缓解。</t>
  </si>
  <si>
    <t>我国打赢首起氨纶“反倾销”战</t>
  </si>
  <si>
    <t>相对于国内出口产品所遭遇的众多来自进口国的反倾销调查，中国氨纶行业最近一次对进口产品的反倾销诉讼尤其引人注目。这次反倾销诉讼的初战告捷说明，在我国加入世贸组织后的新形势下，无论是应对国际反倾销调查还是阻击国外产品倾销，均需要打造基于自主创新的核心竞争力。$</t>
  </si>
  <si>
    <t>保尔森：开放资本市场对中美两国都有好处</t>
  </si>
  <si>
    <t>美国新任财长保尔森20日在中国的首次新闻发布会比规定的时间晚了五分钟，面对半个小时前就已挤满整个屋子的记者们，保尔森进行了解释并表示歉意，然后立即进入了正题。　　    没有任何拖泥带水，保尔森仅用了三分钟就完成了他的开场白，内容是当日下午他同中国国务院副总?</t>
  </si>
  <si>
    <t>上交所与欧交所宣布合作</t>
  </si>
  <si>
    <t>本报上海电 上海证券交易所与欧洲证券交易所20日在上海签订谅解备忘录，双方宣布将在更大范围内加强资本市场合作。业界认为，双方此次合作将有助于为中国公司铺设一条今后赴欧洲市场上市融资的道路。　　    欧洲证券交易所(Euronest)由法国、比利时、荷兰和葡萄牙等四国证</t>
  </si>
  <si>
    <t>国内部分旅行社暂停泰国游</t>
  </si>
  <si>
    <t>9月20日清晨，黄青像往常一样坐公交车去上班，旁边小伙子手中报纸上一篇名为《泰国突发政变 军方控制曼谷》的报道，引起她对黄金周“新马泰”之旅的担忧。记者了解到，虽然中国直飞曼谷的航班未变，但国内各大旅行社已表示暂停泰国旅游线路。　　    黄青上班的第一件事就?</t>
  </si>
  <si>
    <t>法国金融业高调来华引资</t>
  </si>
  <si>
    <t>本报讯 相对中国第一大贸易伙伴的骄人战绩，欧盟在金融领域与中国的合作略显滞后。9月20日至21日，中法第一届财经论坛分别在上海、北京举行，这是欧元区国家首次高调来华吸引投资人，意在为双方金融合作铺路。　　    本届财经论坛由中国人民银行、中国证券监督管理委员会?</t>
  </si>
  <si>
    <t>反倾销给温州鞋做了不花钱的广告</t>
  </si>
  <si>
    <t>“反倾销？他们越反我们干得越有劲！”时隔欧盟委员会抛出16.5%反倾销税方案不到一周，9月初，奥康集团总裁王振滔在上海浦江边的和平饭店很自信地说。　　    时值傍晚时分，江风劲袭。　　    欧盟国家是奥康集团出口的主要市场，在肇始于去年的欧盟对华鞋类反倾销案中?</t>
  </si>
  <si>
    <t>沉船打捞历时两年  7.5万件瓷器珍品浮出水面</t>
  </si>
  <si>
    <t>图案精美的瓷盘、青花茶具、瓷盒、酒杯；稀有完好的釉人像、青铜器、灯具及钱币……这些品种繁多的瓷器和物件都打捞自200多年前沉没的中国商船。　　    记者从近日在上海举行的苏富比香港秋季拍卖会预展上获悉，苏富比将于2007年1月在荷兰首都阿姆斯特丹拍卖这批曾沉寂于?</t>
  </si>
  <si>
    <t>中国增加IMF投票权：象征意义大于实际</t>
  </si>
  <si>
    <t>9月18日晚，国际货币基金组织(IMF)184个成员投票通过了增加中国、韩国、墨西哥和土耳其基金份额的决议，从而使这四个国家在该组织中拥有更多的投票权。根据上述决议，中国在IMF中所占的基金份额从2.98%提升至3.72%。　　    除中国外，韩国的基金份额从0.77%升至1.35%；墨?</t>
  </si>
  <si>
    <t>墨西哥湾石油大发现凸显利益博弈</t>
  </si>
  <si>
    <t>墨西哥湾北部是美国重要的能源基地，原油产量约占美国全国总产量的1/4。美国雪佛龙公司5日称，其“杰克2号”钻井在该地区发现一个储量可能高达150亿桶的巨型油田。而目前美国已探明的原油储量也仅为290亿桶。　　    分析人士指出，石油是与政治高度关联的产业，在美国尤其</t>
  </si>
  <si>
    <t>“中国机会”造就世界海运繁荣</t>
  </si>
  <si>
    <t>今年1至6月，全球“好望角型”、“巴拿马型”和“超大灵便型”船下水共达139艘，新增加运力1270万载重吨，而且没有超龄船舶退役拆船。但国际海运价格不跌反涨，其中，巴西至中国航线“好望角型”散货船运费由年初的20美元/吨涨到目前的36美元/吨。　　    在9月15日至16日?</t>
  </si>
  <si>
    <t>非金属矿业协会为国内温石棉正名</t>
  </si>
  <si>
    <t>针对个别西方国家宣称的“温石棉是致癌物质”的观点，中国非金属矿工业协会执行理事长张湛近日在接受《经济参考报》记者专访时指出：“温石棉实际上是相对最安全的无机纤维材料。一些国家抵制温石棉的目的，其实是为了推销他们的石棉代用品。”　　    资料显示，由于温石?</t>
  </si>
  <si>
    <t>宁波口岸“洋垃圾”退运激增</t>
  </si>
  <si>
    <t>本报讯 由于塑料原料价格随原油涨价大幅上涨，国内一些企业进口“洋垃圾”以及一些发达国家出口污染的现象也随之增多。据宁波海关反映，今年以来，该关已退运“洋垃圾”2700多吨，这些违规进口的废物大部分来自美国、欧盟和日本。　　    据介绍，宁波口岸是国内进口废旧物</t>
  </si>
  <si>
    <t>中国农产品出口为什么受阻？</t>
  </si>
  <si>
    <t>自2005年5月29日起，日本“肯定列表制度”开始施行。“肯定列表制度”强化了农作物、鱼、肉等食品中残留农药、动物用医药品的限制。如超过标准限量，食品的销售和流通将会被禁止。中国农产品出口本来就屡屡受阻的严重形势更是雪上加霜。但值得注意的是，在日本，不仅平时一直</t>
  </si>
  <si>
    <t>确立外贸出口的国家竞争力战略</t>
  </si>
  <si>
    <t>一、 出口导向政策的局限性　　    改革开放初期，我国外贸发展政策目标是单一的，即根据当时外汇资金短缺的国情，制定了出口导向型外贸发展战略模式。经过28年发展实践，到2005年我国进出口总额达到14221亿美元，其中出口7620亿美元，进口6601亿美元，中国已经成为美国、?</t>
  </si>
  <si>
    <t>活力澳门源自“双开放”</t>
  </si>
  <si>
    <t>地处中国南海之滨的澳门无疑是亚洲最具活力的城市之一。遍布城区的建筑工地、熙熙攘攘的外来游客、令人羡慕的GDP增速，无不骄傲地诠释着活力的内涵。而特区政府开放博彩业经营权的尝试以及内地开放部分城市居民以个人身份游澳门的政策，则是澳门活力之源。　　竞争机制提升</t>
  </si>
  <si>
    <t>世界银行：中印加快进入非洲市场</t>
  </si>
  <si>
    <t>本报新加坡电 世界银行17日在新加坡发表的一份研究报告称，中国和印度近年大量增加了在非洲的贸易与投资，这将有助于非洲经济增长和创造新的就业机会。　　    这份题为《非洲丝绸之路：中国和印度的新经济疆域》报告说，目前非洲对亚洲出口占其出口总量的27%，比1990年增?</t>
  </si>
  <si>
    <t>产业链招商破题  晋冀企业深度合作</t>
  </si>
  <si>
    <t>本报讯 山西省目前惟一一块优质整装煤田——位于文水县境内的赤峪煤田，最近确定由河北金能邯矿集团控股开发。与以往招商引资模式不同的是，山西方面要求这家河北企业必须与山西合作伙伴一道，打造出一个完整的产业链，而不仅仅是来此“挖煤”。　　    日前，河北金能邯矿</t>
  </si>
  <si>
    <t>周小川：中国可能面临通胀上升压力</t>
  </si>
  <si>
    <t>本报讯 来自中国人民银行的消息称，中国人民银行行长周小川17日在出席2006年国际货币与金融委员会秋季部长级会议时表示，中国经济继续保持平稳快速发展，总体形势良好。通胀虽处于较低水平，但未来可能面临上升压力。　　    据介绍，国际货币基金组织国际货币与金融委员会</t>
  </si>
  <si>
    <t>我国沿海将形成五大港口群体</t>
  </si>
  <si>
    <t>本报讯 最新通过的《全国沿海港口布局规划》指出，我国沿海港口今后将形成环渤海、长江三角洲、东南沿海、珠江三角洲和西南沿海五个港口群体。　　    交通部副部长翁孟勇15日在北京召开的新闻发布会上介绍，全国沿海港口布局的具体方案如下：　　    一是环渤海地区港口</t>
  </si>
  <si>
    <t>“十一”出境游欧洲最火爆</t>
  </si>
  <si>
    <t>“十一”黄金周即将到来，记者近日从几大旅行社得到信息，出境游的报名几近尾声，延续了近年来的火爆场面，欧洲游依然热度不减。　　欧洲深度游受宠　　    由于出境游需要较长的时间办理签证等手续，因此各大旅行社早在9月初甚至是8月底就已开始接受游客的出境游报名。?</t>
  </si>
  <si>
    <t>统一石化合资绣球确已抛出</t>
  </si>
  <si>
    <t>“石油巨头并购统一石化不是空穴来风。统一的确在与众多国内外石油巨头洽谈合资问题。”这是针对业界关于统一因基础油短缺可能被壳牌等跨国石油巨头收购的种种传闻，统一石化有限公司总经理李嘉首次表态。作为国内最大的民营润滑油生产企业，统一石化合资绣球不管抛落谁家，?</t>
  </si>
  <si>
    <t>伦敦免费报纸力拼市场</t>
  </si>
  <si>
    <t>免费的《伦敦报》日前与读者见面了。这份报纸由媒体大亨墨多克的新闻集团英国分部出版，它的诞生被英国出版业解读为伦敦免费报纸大战的开端。　　    目前，伦敦已有两家免费晨报，分别是地铁公司发行的《地铁报》和主要在金融城发行的《金融城早报》。8月底，英国《每日邮</t>
  </si>
  <si>
    <t>世界银行：全球经济脆弱国家数量激增</t>
  </si>
  <si>
    <t>本报新加坡电 世界银行下属的一个独立评估小组14日在这里发表报告说，在2003年到2006年期间，全世界经济濒于崩溃的“脆弱国家”的数量已从17个激增至26个，这一状况有可能对全球安全构成威胁。　　    报告说，这些“脆弱国家”的人口总数在5亿左右，其中一半人处于严重贫?</t>
  </si>
  <si>
    <t>七大预言揭示全球游戏业趋势</t>
  </si>
  <si>
    <t>在最近举行的英国爱丁堡互动娱乐节上，电子艺界公司(EA)副总裁兼首席运营官戴维·加德纳公布了全球游戏产业的七大预言。加德纳认为，吸引更多女性玩家、帮助用户亲自创作游戏内容等，将成为全球游戏开发商今后的努力方向。　　    女性游戏 针对女性玩家的电子游戏将成为游</t>
  </si>
  <si>
    <t>云锡公司锡产量跃居世界第一</t>
  </si>
  <si>
    <t>本报昆明电 在近日举行的全国整顿和规范矿产资源开发秩序工作会议上，云锡公司进行资源整合和规范开发秩序所取得的成效受到了称赞并肯定。曾被列入破产企业名单的云南锡业集团有限责任公司，从困境中崛起。据美国保德信金融公司日前公布：2005年，云锡公司锡产量4.27万吨，占</t>
  </si>
  <si>
    <t>油价下跌缓解美国经济速降压力</t>
  </si>
  <si>
    <t>纽约市场油价近来频频下跌。8月初，纽约市场油价仍在每桶77美元高位徘徊，但到本月12日，油价已回落至每桶64美元以下，收于近6个月来最低点。对于今年第二季度出现明显降温的美国经济来说，油价下跌意味着什么？　　    首先，油价下跌可刺激个人消费开支增长。随着原油价?</t>
  </si>
  <si>
    <t>风险控制成金融论坛“流行语”</t>
  </si>
  <si>
    <t>9月14日上午，第三届国际金融论坛年会开始了其中的一个重要议题——金融全球化与中国。这个议题的主持人、国际货币基金组织候补执行干事夏法，给人留下的最深印象是屡屡提到“控制”这个词：除了提醒诸位发言者控制时间外，就是多次提到中国金融风险的控制问题。　　    夏</t>
  </si>
  <si>
    <t>欧佩克将增加石油生产投入</t>
  </si>
  <si>
    <t>本报维也纳电 在维也纳石油输出国组织(欧佩克)总部举行的有关石油问题的国际研讨会13日闭幕。据了解，欧佩克将增加石油生产投入。　　    与会人士介绍，欧佩克将在未来10年到15年内将产能提高至每天3800万桶左右，并将为此加大在石油开采和加工环节的投入。　　    欧佩</t>
  </si>
  <si>
    <t>“亚元”推出尚需时日</t>
  </si>
  <si>
    <t>在中国、日本、韩国等亚洲国家内共同使用单一货币的构想正在升温。9月13日，来自世界多个国家的经济学家表达了一致看法，认为亚元的推出对亚洲乃至整个世界经济来说都是有益的，但这一重要举措还需要一定的时间。　　    “从长远看，亚洲货币会走一体化的道路。但是，作为</t>
  </si>
  <si>
    <t>全球矿业巨头并购忙</t>
  </si>
  <si>
    <t>全球第四大黄金生产商——南非金田公司11日宣布收购该国South Deep金矿50%的股份，以此取得对后者的控制权，确保自己在全球的顶级矿业公司地位。　　    事实上，这只是近期全球采矿行业众多并购活动中的一个缩影。调查结果表明，最近几个月，全球很多大型采矿集团都斥巨资</t>
  </si>
  <si>
    <t>中美第二次能源政策对话圈定重点合作领域</t>
  </si>
  <si>
    <t>本报杭州电 第二次中美能源政策对话13日在杭州举行。中美双方一致同意，将提高能源效率和发展新能源与可再生能源作为未来一段时期两国能源合作的重点领域。　　    国家发展和改革委员会副主任陈德铭、张国宝，美国能源部助理部长卡伦·哈伯特等两国能源主管部门的代表参加</t>
  </si>
  <si>
    <t>波音空客角力印度航空市场</t>
  </si>
  <si>
    <t>据亚太航空中心统计，目前印度国内只有256架飞机，其中91架是在过去18个月中购置的。有分析指出，印度航空业拥有巨大的发展潜力，必将成为波音和空中客车两大公司竞相争夺的新市场。　　    随着印度国民收入水平不断提高及人口结构年轻化，越来越多的印度人开始选择在国内</t>
  </si>
  <si>
    <t>潘志傲：以创新来满足消费者需求</t>
  </si>
  <si>
    <t>“从1998年算起，我已经不知道来过中国多少回了。”坐在记者对面的美国航空公司太平洋区总裁Theo Panagiotoulias笑着说。　　    虽然他的英文名字有些复杂，但这位高大幽默的澳大利亚人有着一个很好听的中文名字——潘志傲，这是他的同事帮他取的。　　    就在今年3月?</t>
  </si>
  <si>
    <t>我国将开发煤层气弥补天然气缺口</t>
  </si>
  <si>
    <t>本报讯 “十一五”期间，我国将大规模开发煤层气资源，这是记者从正在进行的第七届中美石油天然气工业论坛上获悉的。　　    中联煤层气公司科技管理部主任范志强在论坛上介绍说，我国煤层气最新探明储量是36.7万亿立方米，与陆上常规天然气储量相当。中国是仅次于俄罗斯、</t>
  </si>
  <si>
    <t>厦门上演“全球资本环流”大片</t>
  </si>
  <si>
    <t>9月8日上午9时08分，厦门国际会展中心，“辉煌十年”巨幅腾空而降，第十届中国国际投资贸易洽谈会大幕开启。在接下来的四天时间里，一部跨国投资的“超级大片”——“全球资本环流”在这里上演。　　    越过太平洋、北冰洋、大西洋、印度洋，越过阿拉伯海、地中海、黑海，</t>
  </si>
  <si>
    <t>物业纠纷频现  台湾经验可鉴</t>
  </si>
  <si>
    <t>北海市“海宁新区”2300多居民日前结束了多日来“黑灯瞎火”的日子，经有关部门协调，供电部门在电费被拖欠的情况下暂时恢复供电，但小区业主委员会与物业管理公司的争执仍未结束，一方认为“对方服务不善”要坚决辞退，一方却以“投入费用未收回”拒绝撤出。几乎是同时，北?</t>
  </si>
  <si>
    <t>房地产不可能只涨不跌</t>
  </si>
  <si>
    <t>在上升通道中畅行了五年之久的美国房地产市场目前正出现大逆转。近期公布的一系列数据表明，美国房市已是“门庭冷落车马稀”。　　    美国商务部近期公布的最新数据显示，美国今年7月份的建筑开支比前一个月下降了1.2%，是五年以来的最大降幅。私人建筑开支总额比前一个月</t>
  </si>
  <si>
    <t>WTO主要成员赞同尽快恢复多哈回合谈判</t>
  </si>
  <si>
    <t>本报里约热内卢电 美国、欧盟和日本等发达国家代表与发展中国家组成的20国协调组代表10日在此间举行对话会议。各方都赞同尽快恢复世界贸易组织(WTO)多哈回合谈判，但未能就恢复谈判的具体日期达成协议。　　    欧盟贸易委员曼德尔森在对话会议后举行的记者会上表示，欧盟?</t>
  </si>
  <si>
    <t>多哈回合暂别“重症监护室”</t>
  </si>
  <si>
    <t>本月10日，美国、欧盟和日本等发达国家代表与发展中国家组成的20国协调组代表在巴西里约热内卢举行对话会议，各方都赞同尽快恢复多哈回合谈判。其积极意义不容置疑。　　    此次对话会议是自多哈回合谈判在今年7月进入“休眠期”以来，发达国家和发展中国家代表首次就恢复</t>
  </si>
  <si>
    <t>“细腻”造就房产精品</t>
  </si>
  <si>
    <t>“人车分流，独设搬家通道；层顶六角玻纤瓦，增强美观效果；增设威卢克斯窗，增加屋顶采光；所有窗子都有开窗，利于窗外立面清洁；厨房烟道都安“止回阀”；加强墙面防裂缝措施，减少裂缝渗水……”这是长春一家房地产开发商近日在当地报纸上所做的“宣言”。记者发现，在楼?</t>
  </si>
  <si>
    <t>新东方登陆纽交所  首二日交易很“抢眼”</t>
  </si>
  <si>
    <t>“醒醒吧，投资人，是时候押宝教育了。”这几天来，华尔街的分析师都喊出了类似的观点——从9月7日开始，中国最大的民营教育机构新东方教育科技集团，正式在纽约证券交易所上市交易。　　    美国东部时间9月7日上午9：25，新东方董事局主席俞敏洪在纽约证券交易所敲响上市</t>
  </si>
  <si>
    <t>欧盟强化能源安全  市场与政策“两手抓”</t>
  </si>
  <si>
    <t>本报赫尔辛基电 欧盟各国财长及央行行长本月8日至9日在芬兰首都赫尔辛基举行非正式会议，能源安全问题是本次会议的中心议题之一。会议结束后发表的公报称，欧盟必须通过建立统一的能源市场、制定共同的能源政策等措施来加强能源安全。　　    自年初以来，欧洲经济因国际市</t>
  </si>
  <si>
    <t>捷克发出强烈信号：欲与中国制造业紧密合作</t>
  </si>
  <si>
    <t>捷克共和国借助刚刚在沈阳闭幕的“2006中国国际装备制造业博览会”(下称“制博会”)发出强烈信号：在美、德、日、韩等许多国家已相继进入中国市场的态势下，表达出与中国在制造领域合作的强烈愿望。　　    此次捷克企业参展时，充分展示了捷克共和国在能源工程、冶金工业?</t>
  </si>
  <si>
    <t>消费者对食品安全存有五大误区</t>
  </si>
  <si>
    <t>“今天我们还能吃什么”——苏丹红事件、方便面致癌风波、食用福寿螺中毒事件等一系列食品安全问题出现后，人们对食品产生恐惧心理，纷纷发出此问。在7日中国工程院举办的中国食品安全问题论坛上，食品业内的权威专家指出，一直以来消费者和政府对食品安全问题都存有不少误区</t>
  </si>
  <si>
    <t>加速降低新车二氧化碳排放量</t>
  </si>
  <si>
    <t>本报布鲁塞尔专电（记者尚绪谦）欧盟委员会前不久敦促汽车制造商加速降低新车尾气二氧化碳排放量，并威胁说，如果制造商不能达到此前自愿设定的标准，该委员会将采取强制措施。    根据欧盟委员会29日公布的数据，2004年欧盟老1</t>
  </si>
  <si>
    <t>南非零售商要求撤销对我纺织品进口限令</t>
  </si>
  <si>
    <t>本报约翰内斯堡电 南非六大连锁店6日发表声明，强烈要求南非政府取消对中国服装及纺织品进口的限制规定，认为这项规定将大大损害消费者利益，使零售商蒙受经济损失。　　    南非国际贸易管理委员会9月1日公布了关于限制中国某些纺织品和服装进口的条例，从2006年9月28日至</t>
  </si>
  <si>
    <t>IMF：亚洲经济须改变对农业的依赖</t>
  </si>
  <si>
    <t>本报华盛顿电 国际货币基金组织(IMF)6日发表了最新《世界经济展望》报告的部分内容，指出亚洲必须改变其经济对农业的依赖，扩大制造业和服务业领域的就业，以继续保持经济快速增长。　　    IMF指出，过去55年中，亚洲人均国民收入和劳动生产率均朝着发达国家的水平快速增?</t>
  </si>
  <si>
    <t>中国稀土：王牌该如何打</t>
  </si>
  <si>
    <t>“中东有石油，中国有稀土”，我国稀土累计探明工业储量居世界首位。但一些专家在接受记者时指出，因稀土资源乱采贱卖，我国的资源优势正在“缩水”，必须尽快完善稀土资源保护与开发制度，打好这张王牌。　　资源战略：科学合理开采　　    随着国外稀土勘探获得进展，?</t>
  </si>
  <si>
    <t>世界经济稳步增长  全球商业环境渐好</t>
  </si>
  <si>
    <t>本报华盛顿电 国际货币基金组织(IMF)总裁罗德里戈·拉托5日发表演讲称，世界经济将稳步增长，今明两年都将以接近5%的涨幅增长。他指出，中国和印度是推动世界经济增长的重要“发动机”。　　    拉托当天在美国布鲁金斯学会发表演讲时说，尽管美国经济增长有所降温，但世界</t>
  </si>
  <si>
    <t>欧盟新环保令明年执行  中国多数企业尚不知情</t>
  </si>
  <si>
    <t>当我国电子企业刚刚习惯欧盟《废弃电气电子设备指令》(WEEE)，忙于应付《关于在电气电子设备中限制使用某些有害物质指令》(ROHS)时，欧盟发出了第三道绿色冲击波——《用能产品生态设计指令》(简称EUP指令)，并宣布将于明年8月正式执行。　　    疲于应对前两道指令的我国?</t>
  </si>
  <si>
    <t>新交所推出新华富时中国股指期货</t>
  </si>
  <si>
    <t>本报新加坡电 尽管面临中国上海与深圳证券信息公司的法律诉讼，新加坡交易所5日仍按原计划推出了新华富时中国A50指数期货合约。这是第一个基于新华富时中国A50指数的国际期货合约，并在新交所电子交易平台开始上市交易。　　    新华富时中国A50指数由在上海证交所和深圳证</t>
  </si>
  <si>
    <t>日本啤酒商加紧开拓中俄市场</t>
  </si>
  <si>
    <t>本报东京电 据日本《产经新闻》网站报道，为应对国内需求不振，日本各大啤酒生产商积极开拓海外市场，加强了对当地企业的并购活动。　　    据报道，朝日、麒麟等日本大型啤酒企业纷纷将重点瞄准啤酒消费正在扩大的中国、俄罗斯等新兴市场。报道说，随着经济持续发展，中国</t>
  </si>
  <si>
    <t>外资抢滩快递市场  国内企业乱中求生</t>
  </si>
  <si>
    <t>从2005年12月11日中国物流快递市场全面开放以来，外资企业纷纷进入中国市场，特别是国际物流巨头兼并了国内几家主要的民营物流企业，更在业界掀起轩然大波。国内企业应该怎样应对外资的竞争，他们具有的比较优势究竟能撑多久？　　外资抢滩快递市场 国内企业感到压力</t>
  </si>
  <si>
    <t>近五年580亿美元外资利润汇出中国</t>
  </si>
  <si>
    <t>本报上海电 中国加入世界贸易组织近五年来，外国投资者从中国总共汇出579.4亿美元利润；与此同时，中国进口了约2.4万亿美元的商品。　　    这是商务部副部长易小准6日在上海举行的“中国加入世贸组织五周年：回顾与展望”国际研讨会上透露的。他认为，这说明加入世贸组织?</t>
  </si>
  <si>
    <t>未来数年中国对外资仍将保持吸引力</t>
  </si>
  <si>
    <t>本报讯 英国《经济学家》情报社和美国哥伦比亚大学6日联合发表的一份关于全球投资情况的研究报告说，未来数年里，中国内地仍将保持其新兴经济体中首要投资目的地的地位，到2010年仍将吸引外资800亿美元。　　    报道说，去年亚洲所有新兴经济体共吸收外国直接投资1770亿美</t>
  </si>
  <si>
    <t>美国在墨西哥湾发现巨型油田</t>
  </si>
  <si>
    <t>本报华盛顿电（记者刘洪  胡芳）美国石油巨头雪佛龙公司5日称，在墨西哥湾的勘探深井发现一个储量可能高达150亿桶的巨型油田。如果这些储量能够被探明，这将是迄今美国发现的最大油田。    雪佛龙称，这口“杰克2号”深井</t>
  </si>
  <si>
    <t>遗产税做不到“劫富济贫”  英美两国均感困惑</t>
  </si>
  <si>
    <t>进入9月的英国，天气已经转凉，但工党和在野的保守党之间围绕遗产法的纷争闹得如同英国百年不遇的酷暑一般“火热”。　　    前不久，英国首相布莱尔最亲密的一位政治盟友向政府提出了“一个爆炸性的要求”，促其取消遗产税。　　    无独有偶，在美国，遗产税也正在受到</t>
  </si>
  <si>
    <t>高油价逼着美国发展公共交通</t>
  </si>
  <si>
    <t>国际油价居高不下，美国人也开始精打细算，除了把SUV(运动多功能车)等“油耗子”换成日系节能车外，不少人干脆放弃私家车，改乘公共交通工具。　　    去年飓风“卡特里娜”袭击墨西哥湾石油作业平台，美国国内汽油价格猛涨，而美国公共交通系统的客流量迅速上升。有报道称</t>
  </si>
  <si>
    <t>韩国也愁青少年沉迷网络游戏</t>
  </si>
  <si>
    <t>韩国网络游戏产业近年来飞速发展，巨大的影响力已然波及全球，但一些令人担心的社会问题也随之而来。韩国一些社会学者认为，政府必须制定严格的法律法规，对成年人玩网络游戏进行必要限制。　　    据统计，韩国网络游戏业的销售额去年达到15亿美元，几乎占全球网络游戏市?</t>
  </si>
  <si>
    <t>英国：典当行开发新业务</t>
  </si>
  <si>
    <t>提起典当，人们最传统的印象是：老店铺里码放着各类旧箱子，柜台里陈列着老钟表、旧首饰，几个学究式的掌柜、伙计与客户谈论价格。　　    英国的典当行数百年来也基本是这个情形。但在进入21世纪的今天，英国的典当行开始寻找新的路数以求生存发展，典当行的最新业务包括?</t>
  </si>
  <si>
    <t>委内瑞拉原油产量持续下滑</t>
  </si>
  <si>
    <t>本报加拉加斯电 据此间媒体报道，国际能源机构近日发表的一份报告显示，委内瑞拉原油产量从今年4月以来持续下滑。　　    据国际能源机构统计，委内瑞拉7月份原油日产量为247万桶，比6月份下降12万桶，与4月份相比则下降了16万桶。　　    国际能源机构估计，7月份，委内</t>
  </si>
  <si>
    <t>中国农产品遭遇“成长的烦恼”</t>
  </si>
  <si>
    <t>在国内各种农业博览会上，许多琳琅满目的商品让人目不暇接，但细看起来商家炒作的多数是“地方名牌”概念，只有很少一部分可以称得上是“国内名牌”，更不用提国际知名品牌了。　　    有关专家表示，我国加入世贸组织后，农产品正面临越来越大的竞争压力，培育真正的农产?</t>
  </si>
  <si>
    <t>全球液化天然气项目渐成投资热点</t>
  </si>
  <si>
    <t>每年大西洋飓风季节到来时，美国天然气市场都会绷紧神经，最近的“埃内斯托”飓风也因威胁到墨西哥湾地区的天然气生产设施而引起市场波动。分析人士指出，液化天然气(LNG)有助于稳定全球天然气价格，降低需求国对单一市场的过度依赖，因此这种燃料将成为美国及很多天然气消费</t>
  </si>
  <si>
    <t>埃及3G标准之争激化  管理部门与运营商翻脸</t>
  </si>
  <si>
    <t>由于尼罗河移动通信公司迟迟不申请第三代移动通信(3G)技术使用许可，埃及国家电信管理局日前勒令该公司于9月10日前停止使用EDGE技术。从而激化了双方之间已持续9个月的行业准入纠纷。　　    始于今年初的这场纠纷迟迟无法收场主要有两方面原因：一是埃及对EDGE技术和3G技?</t>
  </si>
  <si>
    <t>专家解析中美500强企业差距</t>
  </si>
  <si>
    <t>中国企业联合会2日发布的“2006年中国企业500强”显示，2006年中国企业500强实现营业收入共计141405亿元，相当于同年GDP的77.6%；实现利润总额6428亿元，比2005年增长22.1%。其中实现利润超过10亿元的企业有84家，其利润总额为5482亿元，占500强利润总额的85%。围绕这一组数?</t>
  </si>
  <si>
    <t>石油“亚洲定价权”暗战升级</t>
  </si>
  <si>
    <t>资料显示，中国石油的进口量占世界石油贸易总量的6%，但在影响石油定价的权重上却不到0.1%。　　    尽管作为中国石油期货的破题之作，燃料油期货经过两年的运行已初显“中国价格”的威力，但就中国石油的总体现状而言，依然没有走出在国际市场定价上“失语”的尴尬。在日?</t>
  </si>
  <si>
    <t>高价教材愁坏美大学生</t>
  </si>
  <si>
    <t>新学期刚开始，美国大学生就遇到一桩烦心事：教材费用越来越高，已成为他们完成学业的一大负担。在一些美国大学，一本教材动辄标价上百美元，全部加起来，一个学生今年购买教材竟要花掉近1000美元。　　    美国众议院议员尼科尔·巴里表示，高价教材增加了学生的经济负担?</t>
  </si>
  <si>
    <t>环保排名倒数第四  苹果电脑公司叫屈</t>
  </si>
  <si>
    <t>在日前公布的一份环保评比报告中，苹果电脑公司排名靠后。这家美国公司就此表示，自己在处理废旧电脑方面已经作出很大努力。　　    这份针对全球主要电脑和手机设备制造商的环保评比报告是由国际环保组织“绿色和平”发布的，苹果电脑公司在14家企业中排在倒数第四位。英?</t>
  </si>
  <si>
    <t>日本表商拟在华销售电波手表</t>
  </si>
  <si>
    <t>本报东京电 据最新一期《日经周报》报道，为扩展海外市场，日本西铁城、卡西欧等大型手表厂商计划明年开始在中国销售能够通过接收无线电波、自动校准时间的电波手表。　　    报道说，西铁城公司正在参与在中国河南省建设无线电波发射塔的工程。这座高250米的发射塔预计明?</t>
  </si>
  <si>
    <t>三星董事长：不以低价换市场</t>
  </si>
  <si>
    <t>本报讯 据外电报道，出席在韩国济州岛举行的下一代移动技术论坛的三星电子董事长李健熙8月31日对记者表示，三星不会靠销售低价位手机扩大市场份额，三星的着眼点是高端产品。　　    今年上半年，三星共销售手机5500万部，占全球手机市场份额的12%至13%，而诺基亚和摩托罗?</t>
  </si>
  <si>
    <t>瑞士：汽车设计应考虑保护行人</t>
  </si>
  <si>
    <t>本报日内瓦电 近年来，虽然汽车安全性能的设计不断完善，但侧重点是在交通事故中保护驾车者而非行人。因此，瑞士运输与环境协会于8月30日呼吁，今后的汽车设计要考虑如何保护行人。　　    该协会认为，需要依靠消费者的力量来促使汽车制造厂商增加汽车保护行人的功能，另?</t>
  </si>
  <si>
    <t>福建对日茶叶出口受阻肯定列表</t>
  </si>
  <si>
    <t>本报讯 据海关统计，今年1至7月，福建省共出口茶叶9321.6吨，比去年同期下降3.1%。日本实施肯定列表对福建省茶叶出口的影响已初步显现。　　    茶叶是福建省出口的优势特色农产品，年出口量达1.7万吨，其中乌龙茶产量超过全国八成，绿茶产量也占全国的15%，居全国第二位。</t>
  </si>
  <si>
    <t>联想拟购韩国三宝电脑公司</t>
  </si>
  <si>
    <t>本报首尔电 据韩通社报道，中国最大电脑企业联想集团8月30日透露，联想拟参与竞购韩国三宝电脑公司。　　    联想集团驻韩负责人8月30日透露，联想已经向受理三宝公司破产申请的水原地方法院提交了收购意向书，但他拒绝透露细节，并称联想还没有最终决定是否参与水原地方法</t>
  </si>
  <si>
    <t>降低不良助学贷款  美国经验或可借鉴</t>
  </si>
  <si>
    <t>人民银行8月30日专门发布进一步加强助学贷款工作的通知，要求各地在秋季开学前妥善安排好助学贷款的工作。在此之前，不断有媒体报道我国助学贷款开展不畅，甚至在一些地方成为烫手山芋，出现地方政府不热心，银行不积极，学校不支持，学生很无奈的现象。比较贫困的云南省竟有</t>
  </si>
  <si>
    <t>美联储：货币政策过紧有碍经济</t>
  </si>
  <si>
    <t>本报华盛顿电 美国联邦储备委员会29日公布的上次货币政策决策会议记录表明，美联储在上次会议上决定暂停加息，原因是担心货币政策过度紧缩会对美国经济有害。　　    会议记录说，加息对于经济和通货膨胀的影响需要滞后一段时间才能完全显现，美联储决定暂停加息，为的是有</t>
  </si>
  <si>
    <t>沃尔玛薪酬制度转型：零售业之冬到来？</t>
  </si>
  <si>
    <t>沃尔玛位于美国俄克拉荷马州塔尔萨城超市的生产管理助理布莱德原本期望通过良好的年度综合表现，可以使自己的工资有所上涨，但就在两周前，他的希望破灭了。　　    据美联社报道，全球大型零售商沃尔玛美国公司8月7日宣布，该公司将为旗下1/3美国商店的员工加薪，并且在所</t>
  </si>
  <si>
    <t>苏泊尔品牌存亡的悬念</t>
  </si>
  <si>
    <t>尽管商务部和证监会目前还有批准法国SEB公司对浙江苏泊尔公司的收购计划，但业内开始担心，这一收购计划是否会对“苏泊尔”这一民族品牌构成威胁，甚至最终导致其消亡。　　    浙江苏泊尔股份有限公司8月14日与SEB国际股份有限公司签署了战略合作的框架协议：通过“协议股</t>
  </si>
  <si>
    <t>啤酒业七成原料靠进口年耗资35亿元</t>
  </si>
  <si>
    <t>“到2005年年底的统计表明，我国啤酒产量连续四年超过美国，总量达3000万吨，列世界第一位。但与此对应的是，国内啤酒企业70%以上原料完全依赖进口，每年需给国外企业支付人民币约35亿元，并且受到供应国的制约。”在本月举行的啤酒原料——啤麦产业发展论坛上，部分从事啤麦</t>
  </si>
  <si>
    <t>欧盟又发指令,我机电产品出口“降”声一片</t>
  </si>
  <si>
    <t>继去年对进口电子电气产品执行《废弃电气电子设备指令》WEEE指令后，欧盟今年7月1日又开始对进口产品执行《关于在电气电子设备中限制使用某些有害物质指令》ROHS指令。　　    记者日前从广东主要机电产品出口地深圳、东莞、中山等获知，今年这些地区对欧盟的出口均受到一?</t>
  </si>
  <si>
    <t>建行收购美国银行  国际赞誉声一片</t>
  </si>
  <si>
    <t>在中国建设银行(以下简称“建行”)24日宣布斥资97.1亿港元收购美国银行在香港的全资子公司美国银行(亚洲)股份有限公司100%的股权后，包括摩根士丹利公司、高盛集团、花旗集团在内的各大投资银行纷纷发表报告，表示对建行的此项收购持正面反应。　　    高盛集团认为，建行?</t>
  </si>
  <si>
    <t>亚洲主要城市写字楼租金大涨</t>
  </si>
  <si>
    <t>本报新加坡电 著名地产服务商世邦魏理仕公司(CB Richard Ellis)28日公布的统计报告显示，第二季度亚洲主要城市写字楼租金大幅增长。　　    报告指出，亚洲地区经济发展前景良好是写字楼租金大涨的主要原因。由于不少公司打算换租更高档的写字楼，写字楼租金今后将保持增长</t>
  </si>
  <si>
    <t>经济数据扎堆公布  华尔街等待“风向标”</t>
  </si>
  <si>
    <t>美国经济部门及相关机构将在本周陆续公布一系列最新经济数据，华尔街的观望气氛极为浓重。有分析指出，股市投资者一方面希望尽快获取反映宏观经济形势的最新数据，另一方面也想从中判断出市场是否偏离了政策制定者的最初定位。　　    当地时间29日，美联储将公布上次货币?</t>
  </si>
  <si>
    <t>非洲经济发展潜力渐受关注</t>
  </si>
  <si>
    <t>本报伦敦电 英国《泰晤士报》日前发表的一篇文章指出，非洲大陆正在吹起一股经济变革之风，这一地区的发展潜力正在受到关注。　　    文章说，非洲正在努力满足印度等新兴市场经济体对自然资源的不断渴求。现在非洲已成为这些国家石油和贵金属的重要供应方。此外，非洲的黄</t>
  </si>
  <si>
    <t>东盟期望泛亚铁路2015年建成</t>
  </si>
  <si>
    <t>本报吉隆坡电 东盟秘书长王景荣26日表示，为促进地区间人员和货物流通，东盟希望连接新加坡和中国昆明的泛亚铁路能在2015年建成。　　    王景荣说，亚洲开发银行近期已向柬埔寨提供了4000万美元优惠贷款用以修建柬境内约300公里长的铁路，而且亚行还将向柬提供540万美元项</t>
  </si>
  <si>
    <t>日本将启动下一代搜索引擎开发计划</t>
  </si>
  <si>
    <t>本报东京电 日本经济产业省近日明确了政府和民间合作开发的下一代搜索引擎应具备的新功能，以求打破美国谷歌(Google)等公司对搜索引擎市场的垄断现状。　　    经济产业省将从2007年度开始耗时3年时间完成整个开发计划，并打算在2007年度预算中申请50亿日元(约合4300万美元</t>
  </si>
  <si>
    <t>可资参考的瑞典模型养老保险</t>
  </si>
  <si>
    <t>我国现阶段所采用的养老保险制度主要是给付确定型现收现付制，即保险金的领取是按照国家一定的标准，支出资金的来源是当代年轻人的缴费。当出现人口老龄化趋势时，年轻人的缴费不能完全满足老年人的保险金领取，就会必然导致缴费额增加，使年轻的保费缴纳者对于这一体制产生?</t>
  </si>
  <si>
    <t>暑期高价儿童剧火爆背后是无奈</t>
  </si>
  <si>
    <t>一个三口之家，看一场迪士尼卡通音乐剧《狮子王》的消费达上千元。在炎炎夏日中，上海的孩子们争睹狮子王辛巴风采，爱子心切的家长纷纷“一掷千金”。　　    近年来，高票价一直是我国演出业“虚热”的病症之一。今年夏天，这股高价风正在向孩子们的娱乐天地蔓延。　　?</t>
  </si>
  <si>
    <t>“隐形冠军”成于专注和创新</t>
  </si>
  <si>
    <t>类似IBM、微软这样声名显赫的巨头无疑都是世界知名的大企业，但这样的企业并非人人都能做成。一些鲜为人知的中小企业未必声名显赫，但在所处领域却占据着全球市场的领袖地位。德国著名管理学家赫尔曼·西蒙上世纪90年代初提出“隐形冠军”概念来特定描述这样的中小企业。</t>
  </si>
  <si>
    <t>菲律宾：倾力回归世界旅游版图</t>
  </si>
  <si>
    <t>受菲律宾旅游部之邀，上海媒体代表团日前对菲律宾进行了为期一周的访问和观光。临行前，身边的朋友无不善意地提醒：“到菲律宾？那地方好像不稳定，旅游千万要小心。”带着这种小心翼翼的心情乘菲航班机抵达马尼拉机场的时候，已是夜幕降临。从空中鸟瞰，整个马尼拉市灯火通?</t>
  </si>
  <si>
    <t>亚行购入杭州市商业银行5%股权</t>
  </si>
  <si>
    <t>亚洲开发银行(简称“亚行”)24日宣布，以超过两亿元人民币的价格收购杭州市商业银行5%的股权。　　    据了解，这是亚行首次入股我国的城市商业银行。而在亚行投资入股后，杭州市商业银行将成为我国外资股份比例最高的商业银行之一，达到24.9%。　　亚行一次性注入两亿多</t>
  </si>
  <si>
    <t>全球保险业为应对气候变暖出把力</t>
  </si>
  <si>
    <t>去年8月底，飓风“卡特里娜”登陆美国，造成了巨大生命和财产损失，全球保险行业也遭受重创。据瑞士再保险公司透露，“卡特里娜”给全球各保险公司造成的损失高达450亿美元。　　    研究表明，近年来自然灾害频繁发生和全球气候变暖之间存在重大关联。气候变暖被认为是由?</t>
  </si>
  <si>
    <t>美国长粒大米进入欧盟须亮“身份证”</t>
  </si>
  <si>
    <t>本报布鲁塞尔电 欧盟委员会23日通过一项紧急措施，要求从即日起从美国进口的所有长粒大米必须配备相关证书，证明其中不含转基因LL601型大米，否则将被拒绝入境。　　    欧盟委员会当天发表公报说，本月18日欧盟接到美国方面通知，称美国市场上销售的大米产品中发现有少量?</t>
  </si>
  <si>
    <t>摩根大通：众多国外基金看好中国股市</t>
  </si>
  <si>
    <t>本报讯 “中国经济增长动力强劲，企业盈利保持着上升的势头，这是国外为数众多的基金看好中国市场的主要理由。”8月24日，在横跨亚洲、美国和欧洲的为期六周的大规模路演结束后，摩根大通中国证券部董事总经理兼主席李晶(JingULrich)，在回顾全球投资者评估中国投资机会时如?</t>
  </si>
  <si>
    <t>中国支持东盟主导“10+3”经济合作</t>
  </si>
  <si>
    <t>本报吉隆坡电 中国商务部副部长易小准24日在吉隆坡表示，中国赞同东盟的立场，在东盟分别与中国、日本和韩国3国(即3个“10+1”)合作机制的基础上，稳步推进东盟与中日韩“10+3”区域经济合作进程。中国支持东盟在此进程中发挥主导作用。　　    易小准当天在第9次“10+3”?</t>
  </si>
  <si>
    <t>与东盟合作是广西的长远战略</t>
  </si>
  <si>
    <t>本报南宁电 广西壮族自治区党委书记刘奇葆日前表示，坚定推动与东盟的合作是广西对外开放的重要战略支撑，与东盟的合作是自治区的长远战略，是必须坚持的努力方向。　　    广西壮族自治区近日在南宁召开中国—东盟建立对话关系15周年纪念峰会、第三届中国—东盟博览会、第</t>
  </si>
  <si>
    <t>东盟秘书长：东盟稳步推进经济一体化</t>
  </si>
  <si>
    <t>第38届东盟经济部长会议23日在马来西亚首都吉隆坡结束。东盟秘书长王景荣表示，东盟在实现经济一体化方面取得了很大进展，目前东盟区域内削减关税的进程基本已完成，东盟经济共同体在2015年建成不只是设想。　　    王景荣透露，东盟目前有90%多的产品已经纳入减免关税的进</t>
  </si>
  <si>
    <t>中国第一金矿开发陷僵局</t>
  </si>
  <si>
    <t>最近，云南省有关部门向外界发布了一个重大信息：著名铜都东川北部的拖布卡镇发现一座储量达到150吨的世界级金矿——播卡，预计投产后每年可产出黄金7吨至12吨。这将是中国第一大金矿，更是世界级的大金矿。　　    播卡的找金历程耗时整整10年。当加拿大西南资源公司于200</t>
  </si>
  <si>
    <t>中国企业海外并购应“知己知彼”</t>
  </si>
  <si>
    <t>本报呼和浩特电 在日前召开的亚洲与太平洋法律协会商贸法国际研讨会上，来自马来西亚的亚洲与太平洋法律协会商贸法分会主席梁柏林建议说，中国企业到海外并购应做到“知己知彼”，尤其应在细节上多下功夫。　　    梁柏林认为，随着中国经济的发展和企业实力的不断增强，参</t>
  </si>
  <si>
    <t>KVB推出人民币对澳元新元离岸交易</t>
  </si>
  <si>
    <t>本报讯 大洋洲最大规模持牌华资外汇金融机构KVB昆仑国际23日宣布，将正式推出人民币对澳大利亚元、人民币对新西兰元(纽元)的外汇保证金交叉盘交易。专家表示，此举短期内不会对人民币汇率产生大的影响，但国外人民币衍生品频出凸显出国内人民币衍生产品品种的不足。</t>
  </si>
  <si>
    <t>美国中小银行减免ATM机跨行交易费</t>
  </si>
  <si>
    <t>为了吸引更多客户，美国一些中小银行近来在自动柜员机业务(ATM)上大做文章。这些银行不仅免除了客户在其他银行ATM机上取款的交易费用，而且纷纷加盟不收取额外交易费用的专业ATM网络，借助外力弥补自身网点较少的弱点。　　    与我国不同，美国的跨行交易费用通常包括两部</t>
  </si>
  <si>
    <t>印度可乐杀虫剂含量未超标</t>
  </si>
  <si>
    <t>本报新德里电 印度卫生部长拉姆多斯22日称，抽样检测结果表明，印度境内所售可乐等饮料的杀虫剂含量“在可允许的范围内”。　　    据印度亚洲通讯社报道，拉姆多斯当天在印度议会回答有关可乐等饮料杀虫剂含量问题时说：“科学和环境中心的报告是不确定的，报告没有提供不</t>
  </si>
  <si>
    <t>是否再加息  美联储高官说法不一</t>
  </si>
  <si>
    <t>本报华盛顿电 美国联邦储备委员会在8月初暂停加息之后，市场都在猜测美联储是否会继续加息，对此美联储两位高官22日给出了不同说法。　　    芝加哥联邦储备银行行长迈克尔·莫斯科明确表示，对美国经济来说，通货膨胀的危险依然高于经济增长减速的风险，因此仍需一些强化?</t>
  </si>
  <si>
    <t>英国全职雇员收入差距增大</t>
  </si>
  <si>
    <t>公司董事和企业主管去年的薪酬是公园服务员的16倍多，在受过高等教育的职业人士中教师和记者的收入相对较低。　　    本报伦敦电 据英国《独立报》报道，英国统计局最新公布的全职雇员薪酬数据显示，去年英国全职雇员之间的收入差距有所拉大。　　    位居英国职场收入排</t>
  </si>
  <si>
    <t>市中心建MALL：自讨苦吃还是独具慧眼</t>
  </si>
  <si>
    <t>超大型购物中心(Shopping Mall)发端于20世纪50年代的美国，现已成为欧美国家的主流零售业态，销售额已占据社会消费品总额的一半左右。但这种欧美成熟的业态进入中国以来，却一直面临着雷声大雨点小、只赚吆喝不赚钱的境遇。　　    然而，北京亦庄MALL等类似项目的停滞并没</t>
  </si>
  <si>
    <t>日“肯定列表”卡住我近40批次产品</t>
  </si>
  <si>
    <t>日本实施肯定列表制度至今两个多月，对我农产品出口产生了较大负面影响。商务部提供的最新数据表明，在6、7两个月中，日本共检出我近40批次不合格进口食品。　　    商务部对外贸易司司长鲁建华在接受《经济参考报》记者专访时表示，两个月的情况表明，肯定列表制度的实施?</t>
  </si>
  <si>
    <t>全球软件巨头争相开发手机游戏</t>
  </si>
  <si>
    <t>据业内人士预测，到2010年，手机游戏将为全球游戏行业带来180亿美元的巨额收入，其发展前景比彩铃和短信更加光明。为此，全球知名软件公司纷纷涉足手机游戏领域，而手机制造商们也在不断增强包括游戏、音乐在内的各种娱乐功能。　　    今年5月，在美国洛杉矶举行的电子娱?</t>
  </si>
  <si>
    <t>肯尼亚经济“向东看”觅商机</t>
  </si>
  <si>
    <t>本报内罗毕电 肯尼亚贸易和工业部长穆希萨·基图伊日前在一次公开讲话时说，肯尼亚政府正在寻找进入亚洲市场的方法。　　    据肯尼亚《旗帜报》21日报道，基图伊说：“欧洲和美国是我们的传统市场，但进入像中国这样的市场将有助于拓宽我们的贸易领域。”他表示，中国是一</t>
  </si>
  <si>
    <t>苏泊尔收购案三大悬念待解</t>
  </si>
  <si>
    <t>8月14日，苏泊尔(002032)与法国SEB集团旗下公司签署战略合作协议，SEB将通过协议转让、定向增发和部分要约收购三种方式获得苏泊尔控股权。然而，业内人士认为，在商务部和证监会对此协议正式批准之前，该收购案依然存在着三大悬念。　　悬念一：能否通过反垄断审查</t>
  </si>
  <si>
    <t>国际贷币基金组织专家：过早开放资本账户对发展中国家无益</t>
  </si>
  <si>
    <t>本报伦敦电：国际货币基金组织（IMF）专家日前完成的一项研究称，发展中国家在享受开放资本账户带来的好处之前，需先具备一些必要条件，否则风险将大于收益。    据《金融时报》报道，这项研究由IMF资深经济学家艾汉·柯塞、埃?</t>
  </si>
  <si>
    <t>日本开发出乙醇制氢新设备</t>
  </si>
  <si>
    <t>本报东京电 日本东京农工大学开发出一项利用乙醇生产氢的新设备，在氢发生装置的催化剂层上附着二氧化碳吸收剂。这种新技术可高效生产氢且不需要再安装吸收二氧化碳的专门装置，实现了氢的低成本制备。　　    据《日本经济新闻》报道，新开发的这种不锈钢设备主要适用于燃</t>
  </si>
  <si>
    <t>世界水资源管理观念亟待转变</t>
  </si>
  <si>
    <t>本报巴黎电 在“世界水周”到来之际，国际专家向全世界发出警告：面对迅速增长的全球人口，世界水资源管理观念必须发生彻底转变，才能避免在50年后出现全球严重缺水的局面。　　    国际水资源管理研究所所长弗兰克·赖伊斯贝尔曼近日对法国媒体表示，全球在水资源管理方面</t>
  </si>
  <si>
    <t>个人消费无起色  日本央行生疑虑</t>
  </si>
  <si>
    <t>本报东京电 据《日本经济新闻》网站21日报道，日本央行最近考虑修正今年春天其对日本个人消费状况的预测，并打算通过进一步分析，调整今后的货币金融政策。　　    日本央行曾在今春预测，日本经济复苏的主要动力可能从企业设备投资逐渐转向个人消费。然而，截至目前日本经</t>
  </si>
  <si>
    <t>“独家代理”条款显失公平应无效</t>
  </si>
  <si>
    <t>上海的一家房产经纪公司与市民华某签订的居间中介合同中，有独家代理的条款，但华某却通过另一家房产经纪公司卖出了房，中介公司以违约为由将华某告上法院。上海市卢湾区人民法院审理后则认为，房产中介公司设置的独家代理条款无效。　　    作为原告的房产经纪公司在法庭?</t>
  </si>
  <si>
    <t>美贸易逆差非人民币之过</t>
  </si>
  <si>
    <t>美国政府不断对中国施压，要求人民币升值。人民币升值真的能从根本上解决美国的贸易赤字问题吗？答案显然是否定的。 　　    首先，美国对华贸易出现巨额逆差的主要原因，并非是人民币币值偏低，而是其自身经济结构调整和国内储蓄率(包括政府、企业和私人的储蓄)偏低。连美</t>
  </si>
  <si>
    <t>中国政府采购信息难倒耶鲁知名学者</t>
  </si>
  <si>
    <t>正在研究中国政府采购制度的美国耶鲁大学法学院教授威妮弗雷德女士，被一个看似简单的问题难住了：在什么样的官方媒体可以了解中国政府采购货物、工程和服务的全面信息？　　    威妮弗雷德女士是美国知名的政府采购问题专家，去年，她受美国政府有关部门的邀请，对中国政?</t>
  </si>
  <si>
    <t>一家高新企业面对商机徒唤无奈</t>
  </si>
  <si>
    <t>面对近年来钢铁业迅速发展给钢材在线质量检测设备带来的巨大商机，鞍山美斯检测技术有限公司总经理卢明熙却有些发愁：自己虽然掌握了国内先进的超声波钢材探伤设备的制造技术，但由于资金短缺，企业一直做不大，一方面满足不了日益增长的市场需求，另一方面也难以打破国外产?</t>
  </si>
  <si>
    <t>家族企业竞争优势更胜一筹</t>
  </si>
  <si>
    <t>本报华盛顿电 美国《国际先驱论坛报》日前发表文章指出，目前许多投资分析人士和高校研究人员都十分关注家族企业，认为家族企业更有竞争优势。　　    按欧洲商业管理学院温德尔家族企业研究中心教授兰德尔·卡洛克的话说，职业化管理的公司主要是从金融资本的角度考虑问题</t>
  </si>
  <si>
    <t>沪上星级宾馆兴起“节能时尚”</t>
  </si>
  <si>
    <t>本报讯　近日来沪洽谈生意的美国人罗纳德，根据以往的出差经验，在行李中多带了一件厚厚的外套，不过他很快就发现，这件外套派不上用场。 　　    “前几年来上海，尽管也是夏天，但住在宾馆里感觉很冷，有一次还差点冻得感冒。这次来觉得舒服多了，根本用不着再穿一件外套</t>
  </si>
  <si>
    <t>东亚货币合作循序渐进</t>
  </si>
  <si>
    <t>2003年，诺贝尔经济学奖得主蒙代尔曾建议让一种被称作“亚元”的区域性货币在亚洲地区自由流通。尽管到现在，大家对其可行性仍争论不休，但越来越多的专家和官方人士指出，目前，以“清迈协议”为基础的多边合作安排已基本完成，如果要有进一步发展，东亚各国需调整各自的汇?</t>
  </si>
  <si>
    <t>“两西”:中俄区域合作新视野</t>
  </si>
  <si>
    <t>中国西北地区和俄罗斯西西伯利亚地区(简称中俄“两西”区域)自然资源丰富，发展潜力巨大，在两国经济发展中的地位十分重要。专家指出，中俄“两西”区域合作前景广阔，应大力开展，以实现双赢局面。　　凸显三大优势　　    中国西北地区包括新疆、陕西、甘肃、青海和宁?</t>
  </si>
  <si>
    <t>中俄边境最大的跨国经济项目投入运营</t>
  </si>
  <si>
    <t>本报讯 8月16日，在隆隆的礼炮声中，由中国世茂集团和俄罗斯滨海公司共同打造的中俄边境地区最大的经济项目绥芬河——波格拉尼奇内贸易综合体启动运营。　　    世茂集团董事长许荣茂说，“绥——波贸易综合体”的投入运营，将发挥对俄经贸、商展、旅游、物流、加工五大功?</t>
  </si>
  <si>
    <t>电子竞技进入“战国时代”</t>
  </si>
  <si>
    <t>作为信息产业和网络游戏的延伸，电子竞技经济近年来在我国获得蓬勃发展。北京、上海、湖南、辽宁等地陆续出现了专业的电子竞技俱乐部，美国最大的电子竞技平台GGL也已进驻中国市场。　　多元竞争主体入市　　    7月下旬开始，长沙市一些大型网吧及电子竞技俱乐部打出横?</t>
  </si>
  <si>
    <t>国际巨头采纳国产手机质量标准</t>
  </si>
  <si>
    <t>本报讯 近日，波导手机质量测试标准和供应商考核标准，被全球最大的运营商沃达丰和欧洲著名移动通信企业采纳。业内专家表示，由波导制定的这一标准能被国际巨头看中，说明这一标准已经达到国际一流水平，并接轨国际先进的企业管理模式。　　    手机属于科技含量很高的产品</t>
  </si>
  <si>
    <t>缺乏应急机制  英国机场管理局遭抨击</t>
  </si>
  <si>
    <t>本报伦敦电 据英国媒体报道，虽然英国机场管理局从15日开始放宽登机行李限制，但各大机场航班延误和取消现象仍在继续。英国各大航空公司纷纷批评机场管理局处置紧急情况不力，它们可能将提起集体诉讼，要求总额高达3亿英镑的赔偿。　　    根据英国机场管理局从15日开始实?</t>
  </si>
  <si>
    <t>中国女孩,当空乘划算吗？</t>
  </si>
  <si>
    <t>7月22日的上海，台风将至，天气有点闷。上海古北湾大酒店里，一群美丽年轻的女孩子惴惴不安地等待着结果。　　    “5号、10号、13号、16号、20号……没报到号的人请跟我出来一下。”几个女孩脸色煞白地跟着外航服务公司的卢女士走出了考场。剩下的女孩们长舒了一口气，因?</t>
  </si>
  <si>
    <t>“337调查”刺向中国企业软肋</t>
  </si>
  <si>
    <t>中国林产工业协会日前举行新闻发布会，公布美国国际贸易委员会(ITC)对Unilin等三家公司提起的木地板“337调查”的初裁结果：Unilin公司的779号专利无效。尽管终裁结果要到10月才能公布，但对于被“337调查”缠身的中国企业来说，这无疑为他们对抗“世界上最坚硬的贸易壁垒”?</t>
  </si>
  <si>
    <t>百年老店索斯比  “优质策略”打天下</t>
  </si>
  <si>
    <t>“中国艺术品在索斯比一直有很重的分量。”索斯比拍卖行欧洲及亚洲区副主席司徒河伟说。　　    作为此话佐证的是不久前的一场拍卖会：号称“世界第一”的伦敦索斯比拍卖行，在7月上旬举办了两场“中国瓷器工艺品”专场拍卖，其中“中国瓷器工艺品专场(一)”的成交额约合70</t>
  </si>
  <si>
    <t>欧盟双指令对我机电业冲击不可低估</t>
  </si>
  <si>
    <t>欧盟继去年对进口电子电气产品执行《废弃电气电子设备指令》WEEE指令后，今年7月1日又开始执行对进口产品执行《关于在电气电子设备中限制使用某些有害物质指令》ROHS指令。专家指出，欧盟双指令造成的“绿色冲击波”不仅将大大增加我国机电企业生产成本，还对上下游企业的技?</t>
  </si>
  <si>
    <t>封杀可口可乐和百事将阻印度引资</t>
  </si>
  <si>
    <t>本报华盛顿电 正当可口可乐公司和百事公司因产品质量遭质疑而在印度面临尴尬境遇的时候，美国政府和商界人士警告说，上述事件可能会打击外国投资进入印度的积极性。　　    印度科学和环境中心本月初发布一项测试结果说，可口可乐公司和百事公司在印度生产和销售的软饮料当</t>
  </si>
  <si>
    <t>外资在传统行业中的“非传统”并购</t>
  </si>
  <si>
    <t>凯雷收购徐工、高盛收购双汇，还在等待商务部的最终批复；德国舍弗勒收购洛轴、CVC收购G晨鸣(000488)，却已成明日黄花。　　    近一段时间以来，外资并购国有企业的消息频频闪现，引发了人们极大的关注，也引发了种种非议。外资并购国企利大还是弊大？本文无意参与这一众?</t>
  </si>
  <si>
    <t>中兴通讯亮相利比亚国际通讯展</t>
  </si>
  <si>
    <t>本报突尼斯电 第二届利比亚国际通讯展日前在利比亚首都的黎波里举行，中国中兴通讯公司以及爱立信、西门子、阿尔卡特等国际通讯巨头参加了此次展会。　　    展会期间，中兴通讯向客户演示了视频监控系统、GoTa集群系统、IP Network解决方案以及2G/3G终端。其中，GoTa系统?</t>
  </si>
  <si>
    <t>杭州“快速公交”引来怨声一片</t>
  </si>
  <si>
    <t>杭州市三个月前开通的“快速公交”，已成为市民们街谈巷议最热门的话题。据说，快速公交是一种被不少西方国家用以解决城市交通拥堵问题的经验。即在城市道路中专门隔离出专用道，供快速公交专用车实现无障碍行驶。然而，原本被政府部门寄以解决城市交通难痼疾希望的“法宝”?</t>
  </si>
  <si>
    <t>我国股市定价体系面临分割危机</t>
  </si>
  <si>
    <t>正当中国积极筹备股票指数期货交易时，新加坡交易所日前宣布将于9月5日抢先推出新华富时中国A50指数期货。这将成为世界上首只以中国A股市场为成分股的股指期货。中国期货业的专家认为，新加坡A股股指期货市场成功的可能性很大，对中国市场影响力不容小视。中国应该尽快开办股</t>
  </si>
  <si>
    <t>财政部门的具体行政行为不能仅仅局限于投诉内容</t>
  </si>
  <si>
    <t>2006年6月21日，某市财政局对一起政府采购投诉案件作出处理决定。其主要内容为：采购人某市环保局委托招标公司代理的应急检测设备中标价3，835，650元揭晓后，意大利产品在北京的代理商中标，落标供应商某东方仪器集团公司认为，招标公司在中标采购项目意大利产品的技术问题?</t>
  </si>
  <si>
    <t>俄罗斯成为大连第三大境外客源市场</t>
  </si>
  <si>
    <t>本报大连电 今年上半年俄罗斯到大连旅游者为10600人次，同比增长34.8%，俄罗斯已成为大连第三大境外客源市场。　　    近年来，俄罗斯人来中国旅游正在形成一种新的趋势，即由边境不断向我国的内地和沿海扩展，游客被不同类型的旅游目的地分流，大连、上海、广州、青岛、北</t>
  </si>
  <si>
    <t>法国：多环节共保食品安全</t>
  </si>
  <si>
    <t>由于近20年来连续不断的食品危机令消费者产生恐慌，法国当局采取了一些新措施，从管理、生产、加工、销售等各方面来保证食品安全。　　    在法国，保障食品安全的两个重点工作是打击舞弊行为和畜牧业监督，与之相应的两个新部门近几年也应运而生。其中，直接由法国农业部?</t>
  </si>
  <si>
    <t>英国：立法监管两手抓食品安全</t>
  </si>
  <si>
    <t>英国是较早重视食品安全并制定相关法律的国家之一，其体系完善，法律责任严格，监管职责明确，措施具体，形成了立法与监管齐下的管理体系。　　　    英国从1984年开始分别制定了《食品法》、《食品安全法》、《食品标准法》和《食品卫生法》等，同时还出台许多专门规定，?</t>
  </si>
  <si>
    <t>美国：监管得力  消费者吃得放心</t>
  </si>
  <si>
    <t>美国人很少为吃“犯嘀咕”，基本是“放心买、大胆吃”，这都得益于全面、系统的食品安全监管体系。　　    美国的食品安全监管体系遵循以下指导原则：只允许安全健康的食品上市；食品安全的监管决策必须有科学基础；政府承担执法责任；制造商、分销商、进口商和其他企业必?</t>
  </si>
  <si>
    <t>应对高油价  澳大利亚提倡“油改气”</t>
  </si>
  <si>
    <t>本报堪培拉电 在日益高涨的油价面前，澳大利亚众多车主改装自己的汽车，使之可使用液化石油气。政府也采取措施鼓励“油改气”。　　    澳大利亚目前的零售汽油价格已经超过1.4澳元/升(1澳元约合76美分)。随着国际原油价格不断上涨，人们预测汽油价格到年底可能突破1.8澳元</t>
  </si>
  <si>
    <t>中俄贸易正在告别“倒爷时代”</t>
  </si>
  <si>
    <t>进入新世纪以来，中俄两国贸易环境有了巨大改善，双边贸易正告别“肩挑手提”的传统方式，向国际贸易水平靠拢。　　    记者近日在满洲里调研时了解到，2005年，从满洲里口岸进出口的中俄两国货运量达1752万吨，占中国对俄贸易总量的64%。满洲里海关副关长张国强说：“满洲</t>
  </si>
  <si>
    <t>TCL拟在印度建厂规避贸易壁垒</t>
  </si>
  <si>
    <t>本报新德里电 TCL印度公司负责人9日在新德里对记者表示，公司计划在印度建立一个制造厂，其目的除了抢夺印度市场外，还希望通过从当地向其他国家出口产品以规避对华反倾销贸易壁垒。　　    TCL印度公司董事总经理刘洪齐在接受本报记者采访时说，印度不仅是一个重要市场，?</t>
  </si>
  <si>
    <t>决策层投票表决9：1  美联储暂停加息</t>
  </si>
  <si>
    <t>本报华盛顿电 美国联邦储备委员会当地时间8日宣布，将联邦基金利率即商业银行间隔夜拆借利率继续维持在5.25%的水平。这是过去两年多来美联储第一次在举行货币政策例会时没有采取加息行动。　　    美联储在会议结束后发表声明说，作出上述决定主要是因为美国经济近来增长放</t>
  </si>
  <si>
    <t>“花了上百万,啥也没学着”</t>
  </si>
  <si>
    <t>“不去不知道，去了吓一跳，花了上百万，啥也没学着。”近日，东北某省会城市市郊的一个村党支部书记老徐，向记者唠起赴韩国考察学习“新村运动”的感受。　　    据老徐介绍，今年3月27日到5月12日，他所在的市连续举办了六期村党组织书记培训班，每期培训班选出20名优秀?</t>
  </si>
  <si>
    <t>获得风险投资青睐的“三把钥匙”</t>
  </si>
  <si>
    <t>全美国最大的创业投资机构之一DCM中国合伙人、原新浪网共同创始人和首席运营官林欣禾6日对记者表示：要想自己的项目被风险投资商看上，创业者要有“三把钥匙”：高收益，有潜力的平台性产品或行业老大的项目以及多途径的联系通道。　　    此前，DCM在京宣布，该公司已完成</t>
  </si>
  <si>
    <t>专家建议：“四位一体”监管模式  应对限售股份挑战</t>
  </si>
  <si>
    <t>7日，深交所中小板首家限售股可以流通的传化股份公司的2565万股上市，收报7.88元，下跌了7.94%，远大于当日中小板指数1.58%的跌幅。这初步显示了股改后限售股份流通对市场的影响力，市场真正面临全流通环境的新挑战。　　    7日同时还有明珠、龙盛、凯诺等公司的限售股解?</t>
  </si>
  <si>
    <t>中石化在俄远东地区钻探油井</t>
  </si>
  <si>
    <t>本报莫斯科电 中国石油化工股份有限公司(中石化)7日开始利用中国“勘探-3”号海洋钻井平台在俄罗斯远东萨哈林三号油气开发项目区钻探油井。　　    据塔斯社报道，“勘探-3”号钻井平台位于鄂霍次克海，距萨哈林州奥哈市海岸50公里。该平台计划钻探一口3225米深的油井，以?</t>
  </si>
  <si>
    <t>经济信号频现  考验美联储利率决策力</t>
  </si>
  <si>
    <t>当地时间8月8日，美国联邦储备委员会在华盛顿举行2006年第五次货币政策会议，决定是否就此结束加息周期。在本次例会之前，美国公布的一系列经济数据发出了各有侧重的信号，造成市场分析人士对美联储的最终决定猜测不一。　　    自2004年6月以来，美联储已连续17次加息，联</t>
  </si>
  <si>
    <t>阿拉斯加油管漏油  停产消息推高油价</t>
  </si>
  <si>
    <t>本报讯 英国石油公司(BP)在美国当地时间6日宣布，由于位于阿拉斯加的普拉德霍湾输油管道出现事故，公司已开始停止在该地区油田的生产活动。　　    受此消息影响，国际油价大幅上涨。　　    据报道，英国石油公司发表声明称，4日的检查发现，普拉德霍湾油管在12个地点存</t>
  </si>
  <si>
    <t>委划定战略性非金属矿产范围</t>
  </si>
  <si>
    <t>本报加拉加斯电 委内瑞拉政府近日发表公报宣布，政府有权决定如何管理和开发用于军工行业、工业生产和人民生活的重要战略性非金属类矿产资源。　　    据委内瑞拉基础工业和矿产部副部长维拉·弗洛雷斯说，此次划定的委内瑞拉战略矿产资源主要包括煤炭、蛇纹岩、石墨、瓷土</t>
  </si>
  <si>
    <t>败走德国市场  沃尔玛模式海外又失灵</t>
  </si>
  <si>
    <t>美国《纽约时报》近日发表文章说，虽然付出了近10年的努力，沃尔玛还是不得不全面撤出德国市场。沃尔玛的问题不仅在德国，在韩国、日本等地也有相同情况。    这篇文章题为《沃尔玛发现它的模式并不适合所有文化》，其内容摘要?</t>
  </si>
  <si>
    <t>法国保持世界第一旅游大国地位</t>
  </si>
  <si>
    <t>本报巴黎电 据法国旅游局最新公布的数字，法国2005年共吸引7600万名外国游客，继续领先于西班牙和美国，保持了世界第一旅游目的国的地位。　　    法国旅游局在一份声明中表示，去年法国接待外国游客人数比前年增加1.2%，旅游收入增加3.5%，达340亿欧元。亚太和北美地区赴?</t>
  </si>
  <si>
    <t>股指期货,我们准备好了吗？</t>
  </si>
  <si>
    <t>新加坡交易所(SGX)近日发布消息，2006年9月5日上市新华富时中国A50股指期货的计划。因筹建中的中国金融期货交易所在今年第四季度才能推出沪深300指数期货，因此，SGX推出的A50指数期货将成为全球首只中国A股指数期货。业内人士指出，SGX此举将对中国金融期货交易所即将推出的</t>
  </si>
  <si>
    <t>整体档次提高  欧洲南美成为新市场</t>
  </si>
  <si>
    <t>日前，中国机电产品进出口商会汽车分会公布了2006年上半年我国汽车出口情况的统计报告，数据显示，我国汽车出口在结构和市场等方面出现了一些新情况和新趋势，值得关注。　　整体档次提高小轿车增速加快但存在风险　　    在我国汽车整车出口进入高速增长的第三年后，我?</t>
  </si>
  <si>
    <t>日本企业大做二氧化碳排放权生意</t>
  </si>
  <si>
    <t>本报东京电 由日本东京电力、三菱商事等8家公司出资的JCF财经公司和日本国际协力银行近日与泰国、马来西亚当地银行签署了合作备忘录。根据备忘录，日本有关公司将通过帮助东南亚地区削减废气排放、加强废气利用以及提高能源利用率，换取二氧化碳排放权。　　    除东南亚以</t>
  </si>
  <si>
    <t>俄远东输油管道工程惠及沿线经济</t>
  </si>
  <si>
    <t>本报泰舍特(俄罗斯)电 俄罗斯泰舍特区第一副区长基里琴科3日表示，在建的东西伯利亚—太平洋石油管道一期工程进展顺利，该项目将对沿线地区经济起到推动作用。　　    基里琴科在会见“中俄友谊之旅”大型跨境报道团中方成员时说，输油管道建设将为泰舍特新增1500个就业岗?</t>
  </si>
  <si>
    <t>7家外资银行聚集沈阳</t>
  </si>
  <si>
    <t>本报沈阳电 记者从沈阳市政府金融办获悉，日本北海道银行在沈阳开设代表处的申请，最近已获中国银监会批准；新加坡大华银行也已获中国银监会批准，正在沈阳筹建分行，使得聚集在沈阳的外资银行数增至7家。　　    “在振兴东北老工业基地的政策下，沈阳的发展被大家所期待?</t>
  </si>
  <si>
    <t>俄罗斯法院宣布启动尤科斯破产程序</t>
  </si>
  <si>
    <t>本报莫斯科电 莫斯科仲裁法院8月1日认定尤科斯石油公司破产，并宣布正式启动为期一年的破产程序。这意味着该公司相关资产将被拍卖，所得款项将用于向债权人偿还债务。　　    法院当天还任命爱德华·列布贡为尤科斯公司破产管理人，其主要任务是尽快拍卖资产。据列布贡透露</t>
  </si>
  <si>
    <t>温州鞋企打赢劳保鞋反倾销官司</t>
  </si>
  <si>
    <t>本报杭州电 当中国皮鞋在欧盟市场上的命运一波三折之际，由温州鞋企领衔应诉的欧盟劳保鞋反倾销调查却以中方的大获全胜落下了帷幕。由于起诉方欧盟鞋业联合会于7月21日撤诉，欧盟委员会最终终止了对该案件的调查。　　    2005年6月30日，欧盟委员会在欧盟官方公报上发布立</t>
  </si>
  <si>
    <t>温州鞋走出意大利“毒鞋”阴影</t>
  </si>
  <si>
    <t>本报杭州电（记者裘立华 和苗）随着今年年初以来的意大利“毒鞋”事件调查及欧盟开征临时反倾销税，浙江温州鞋出口阻力重重。但是经过多方共同努力，近期温州鞋出口至意大利的档次明显提高，平均单价上涨70%多。    据浙江检验?</t>
  </si>
  <si>
    <t>“美女胜地”来华打起经济牌</t>
  </si>
  <si>
    <t>8月1日晚7点，北京嘉里中心四层九龙厅的开放式鸡尾酒会人声鼎沸，身穿西服或晚礼服、手托鸡尾酒杯的人们形成了一个个包围圈。引人注目的是，每一个在圈中回答问题的焦点人物，都是说着流利英语却有着典型拉美相貌的人。这就是记者步入美国联邦领地波多黎各第一次正式组团访华</t>
  </si>
  <si>
    <t>并购题材将成股市“热门大戏”</t>
  </si>
  <si>
    <t>8月1日中国证监会正式发布《上市公司收购管理办法》（以下简称《办法》）。此间市场人士认为，《办法》的颁布实施将有利于规范上市公司收购行为，而近年来一直受到追捧的并购题材，有望成为资本市场持续的热点。　　    上海天相投资咨询有限公司策略分析师仇彦英认为，作?</t>
  </si>
  <si>
    <t>中国“友谊”海关保税库在俄开业</t>
  </si>
  <si>
    <t>本报莫斯科电 中国在俄罗斯投资建设的首个海关保税库——中国“友谊”海关保税库8月1日开始营业。　　    俄联邦海关署署长别利亚尼诺夫在开业典礼上致辞说，俄海关高度重视规范俄中贸易秩序问题。他希望中国“友谊”海关保税库的建立将有助于推动俄中贸易正规化。别利亚尼</t>
  </si>
  <si>
    <t>美国新财长重提“强势美元”</t>
  </si>
  <si>
    <t>本报华盛顿电 美国财政部长保尔森8月1日在哥伦比亚大学发表演讲时说，“强势美元”符合美国利益。　　    这是保尔森上月就任财长后首次发表公开演讲。保尔森强调，货币价值应由开放的竞争市场决定，并反映经济基本面。这种论调与其前任约翰·斯诺的一贯表态如出一辙。保尔</t>
  </si>
  <si>
    <t>中外家电连锁巨头展开并购大战</t>
  </si>
  <si>
    <t>7月25日那一晚，永乐落幕了。与此同时，中国家电连锁巨头大规模并购的序幕正悄然拉开。行业老大国美当晚表示合并永乐后，将等待或继续创造并购机会，以增强国际竞争力。这显然是为了应对日益深入中国市场的百思买。而百思买这个美国巨头在收购五星后也没闲着，迅速将并购触角</t>
  </si>
  <si>
    <t>“肯定列表”：中日贸易撒手锏？</t>
  </si>
  <si>
    <t>从今年5月日本正式实施《食品中残留农业化学品肯定列表制度》以来，我国对日农产品出口出现大幅下降。商务部对外贸易司负责人日前称，目前“肯定列表制度”对中日农产品贸易的影响已经显现，对此，中方表示强烈关注。　　    近年来，由于中日间农产品贸易摩擦频繁，导致我</t>
  </si>
  <si>
    <t>国际顶级拍卖频现中国藏家身影</t>
  </si>
  <si>
    <t>伦敦市中心的国王大街和新邦德大街可以说是地处英国的皇城根下，乘地铁离英国女王的白金汉宫只有一站远。这里也正是英国、乃至世界顶尖的拍卖行克里斯蒂、索斯比和宝龙的发家之地。　　    刚刚过去的中国艺术品伦敦夏季大拍卖，克里斯蒂和索斯比拍卖行的中国拍卖专场轮番?</t>
  </si>
  <si>
    <t>“七夕”百亿市场遭忽视</t>
  </si>
  <si>
    <t>我国传统节日中最具浪漫色彩的节日——“七夕”情人节已经过去，然而往常伴随着“2·14”情人节的浪漫气息及商业大战这次却并没有重现。记者在广西南宁、桂林、广州、深圳等地进行调查，发现半数以上的年轻人对“七夕”不了解，不关注，众多商家虽然意识到传统节日的深厚文化</t>
  </si>
  <si>
    <t>外贸不能光吃制造业一碗饭</t>
  </si>
  <si>
    <t>近年来，“中国制造”风靡世界，中国也因此被誉为“世界工厂”。然而建立在劳动力优势上的制造业也造成了诸多国际贸易摩擦，同时还面临能源原料短缺、环境恶化及“民工荒”等诸多压力。于是，以第三产业为主的服务外包市场渐渐走入了国人视野。从“世界工厂”到“世界办公室?</t>
  </si>
  <si>
    <t>全球再掀营养食品开发潮</t>
  </si>
  <si>
    <t>统计资料显示，全球目前约有1.71亿名Ⅱ型糖尿病患者，其中80%属于肥胖人群(Ⅱ型糖尿病往往是由肥胖引起的)。随着肥胖人口持续增加，全球糖尿病患者人数在今后25年内可能翻一番。　　    美国《商业周刊》的一篇文章说，在如此严峻的形势下，全球每一家大型商场或超市都准备</t>
  </si>
  <si>
    <t>我们需要什么样的社会保障</t>
  </si>
  <si>
    <t>我国究竟需要什么样的社会保障？社会保障是不是只有社会保险这样一条路可走？这是2001年7月我从美国访问研究归来，在我脑海中始终挥之不去的问题。　　    在美国访问研究期间，无论是同专家学者交流，还是到社会保障机构考察，我恨不得碰到美国人都在问同样的问题：美国的</t>
  </si>
  <si>
    <t>全球矿产市场垄断加剧  国家应鼓励企业走出去</t>
  </si>
  <si>
    <t>近年来，西方许多跨国公司之间加速并购并由此加强了对全球重要矿产资源的控制。一些资深专家和官员指出，面对当前国际资源市场的现状，我国应该采取积极措施，鼓励资源勘查开发企业走出去，参与国际资源市场的竞争，稳固国家资源发展战略。　　世界市场呈现“寡头垄断”局?</t>
  </si>
  <si>
    <t>印度将建首个竹子发电厂</t>
  </si>
  <si>
    <t>本报新德里电 印度东北部的米佐拉姆邦将建立一家用竹子发电的发电厂，这将是印度境内第一家以竹子为原料的发电厂。　　    《印度教徒报》7月29日报道说，发电厂定址于米佐拉姆邦的赛朗村，拟投资2850万卢比(约合63万美元)，由总部设在班加罗尔的印度科学研究所的科学家设?</t>
  </si>
  <si>
    <t>中国企业对外投资不会威胁外国企业</t>
  </si>
  <si>
    <t>本报济南电 商务部有关官员日前表示，中国现在还不是对外投资大国，通过投资抢占外国市场对某些国家或是某些企业造成威胁的情况是不存在的。　　    商务部对外经济合作司司长赵闯在威海举行的第二届东亚投资论坛上说，按照国际上判断一个国家吸引利用外资和对外投资的比例</t>
  </si>
  <si>
    <t>LS集团：9年中国攻略</t>
  </si>
  <si>
    <t>2006年7月21日，增资1000万美元扩建的LS空调系统(山东)在青岛城阳区工厂举行了竣工仪式，这是LS电缆集团2003年将LS空调系统独资化后的又一重大举措。　　第二座堡垒　　　　    据介绍，城阳区是1994年在青岛北部崛起的新兴工业基地，目前已有5500家外国企业和1300家韩国</t>
  </si>
  <si>
    <t>丹麦大力推广秸秆发电</t>
  </si>
  <si>
    <t>20世纪70年代第一次石油危机爆发后，一直依赖能源进口的丹麦着手推行能源多样化政策，制定适合本国国情的能源发展战略，积极开发生物能及风能、太阳能等清洁可再生能源。　　    生物能主要指的是秸秆发电。秸秆包括玉米秸秆、小麦秆、稻草、油料作物秸秆、豆麦作物秸秆、?</t>
  </si>
  <si>
    <t>中国农产品6月对日出口下降18%</t>
  </si>
  <si>
    <t>本报讯（记者文婧  实习生贾玉东）今年上半年，中国农产品和食品出口日本与去年同期相比大体持平，略有增长，但是受日本“肯定列表制度”影响，6月份中国对日出口农产品5.96亿美元，比去年同期下降18%。    这是国家质检总局副局长葛?</t>
  </si>
  <si>
    <t>丝绸之路霓裳飞舞  民族服饰展现魅力</t>
  </si>
  <si>
    <t>7月的边城乌鲁木齐，大街小巷处处充盈着时尚韵味，来自中国、法国、意大利和中亚各国的数百家知名服装品牌齐聚边城，闪亮登场，参展2006丝绸之路国际服装服饰节。一时间，霓裳飞舞、时尚延伸……中原文化、印度文化、伊斯兰文化和欧洲文化在这里交汇，多姿多彩的服装艺术精品</t>
  </si>
  <si>
    <t>北京：亚洲最大的网络应急体系</t>
  </si>
  <si>
    <t>2006年1月3日凌晨，大多数人还在梦中，“东三环京广桥发生路面塌陷，启动事故应急预案……”的消息已通过“无线政务电台”传给了北京市应急指挥系统坚守岗位的公务员，随后公共宣传应急方案启动，当天上午北京市数百万手机用户收到了“京广桥交通断行”的短信，广播、电视、?</t>
  </si>
  <si>
    <t>四个月一次车展  厂家太累了</t>
  </si>
  <si>
    <t>考考你：广州车展隔多长时间举办一次？如果回答一年，那就犯了“经验主义”的错误，因为去年底上届广州车展闭幕，到今年7月25日本届广州车展开幕，时隔才半年多。　　    今年广州车展之所以要在大热天提前举办，主要是因为北京国际汽车展览会“推后”，由往年的大热天改在</t>
  </si>
  <si>
    <t>波音预测：宽体货机将主宰航空货运市场</t>
  </si>
  <si>
    <t>本报讯 美国波音公司日前公布的预测显示，未来20年里，全球货机数量将增加近一倍，从1789架增至3563架；其中可搭载40吨以上货物的宽体货机市场份额将从目前的50%升至64%，成为全球航空货运市场的主宰。　　    考虑到2025年之前将有1209架货机退役，货机机队总共需要2983架</t>
  </si>
  <si>
    <t>美国称将推动恢复多哈回合谈判</t>
  </si>
  <si>
    <t>本报华盛顿电 美国贸易代表苏珊·施瓦布26日表示，美国政府将努力推动恢复多哈回合全球贸易谈判。　　    施瓦布当天在对新闻界发表讲话时说，目前多哈回合已经陷入严重困境，但谈判并没有死亡，美国不想放弃多哈回合，并将尽一切努力使谈判最终取得成功。施瓦布还说，为推</t>
  </si>
  <si>
    <t>SEC加强监管股票期权</t>
  </si>
  <si>
    <t>本报讯 据报道，美国证券交易委员会（SEC）26日在一次公开会议上投票决定，要求上市公司披露高管包括股票期权奖励在内的薪酬信息。观察人士认为，这是近10多年来美国监管当局在相关规定上作出的最重大修改。　　    按照美国证交会的新要求，对于何时给予高管股票期权奖励?</t>
  </si>
  <si>
    <t>俄罗斯推进油气出口多元化战略</t>
  </si>
  <si>
    <t>俄罗斯是世界最大天然气出口国和第二大石油出口国，其境内蕴藏的石油和天然气分别占世界总储量的13%和35%。以往，俄罗斯油气出口主要面向欧洲，近年来俄罗斯一方面投入巨资建设新的面向欧洲的油气管道，一方面借亚太地区油气需求猛增实施油气出口多元化战略，力图摆脱对欧洲?</t>
  </si>
  <si>
    <t>新兴市场国家企业加快“走出去”步伐</t>
  </si>
  <si>
    <t>中国各级政府都在鼓励企业“走出去”，在世界范围打造民族品牌，事实上其他新兴市场国家也或早或晚走上了鼓励民族工业国际化的道路。国外分析人士指出，中国、印度、巴西、俄罗斯、埃及等新兴市场国家的企业正不断加快“走出去”的步伐，同发达国家的企业争夺客户源。</t>
  </si>
  <si>
    <t>欧盟将对我碳钢紧固件进行反倾销调查</t>
  </si>
  <si>
    <t>本报讯 记者从中国机电产品进出口商会得知，欧盟“欧洲工业紧固件组织”拟于近期向欧委会递交申诉书，申请对原产于我国的碳钢紧固件产品进行反倾销调查。而欧委会很有可能接受申请，于9月份立案调查。　　    如果该案正式立案，将是继2005年欧盟对我不锈钢紧固件征收反倾?</t>
  </si>
  <si>
    <t>上半年韩国海外直接投资猛增</t>
  </si>
  <si>
    <t>本报首尔电　据韩国财经部26日发布的报告，由于韩国企业继续进行海外扩张，加之个人海外投资增加，韩国企业和个人的海外直接投资今年上半年同比猛增83%，达到71亿美元。　　报告显示，中国依然是韩国企业和个人青睐的投资目</t>
  </si>
  <si>
    <t>明信片收藏渐升温</t>
  </si>
  <si>
    <t>一直以来，明信片以其画面的绚丽多姿、功能的广泛多样、史料的公正客观而受到世人的关注，从今年已经举行的一些春季艺术品拍卖会的成交情况来看，明信片收藏正逐步升温。　　在中国嘉德春拍会上，1903年龙州寄往意大利的“?</t>
  </si>
  <si>
    <t>拉米正式建议全面中止多哈回合谈判</t>
  </si>
  <si>
    <t>本报日内瓦电 世界贸易组织总干事拉米24日正式建议全面中止已持续近5年的多哈回合全球贸易谈判，而且表示不为恢复谈判设定任何时间表。　　    世贸组织6个关键成员美国、欧盟、日本、澳大利亚、巴西和印度23日至24日在此间举行部长级会谈，但会谈以失败告终，各方未能打破</t>
  </si>
  <si>
    <t>时代淘汰韦尔奇  “商业圣经”遭质疑</t>
  </si>
  <si>
    <t>美国通用电气的前任CEO杰克·韦尔奇曾经是美国企业界公认的成功的管理大师，但是在今天，《财富》杂志的文章显示，他所倡导的管理法则逐渐变得不那么适用了，有人开始质疑，CEO之道，是否要换换新花样。　　    从通用退休五年以后，杰克·韦尔奇仍然是媒体关注的焦点。与?</t>
  </si>
  <si>
    <t>国际社会对非洲饥荒反应“太少太迟”</t>
  </si>
  <si>
    <t>本报内罗毕电 据总部设在英国的援助机构乐施会近日发表的一份报告，目前非洲食品危机发生的次数比上世纪80年代中期多了3倍，但国际社会对非洲饥荒的反应仍然“太少太迟”。　　    乐施会英国负责人芭芭拉·斯托金说，近半个世纪来，国际社会对非洲饥荒的援助延续了“太少?</t>
  </si>
  <si>
    <t>多哈回合贸易谈判被迫中止</t>
  </si>
  <si>
    <t>本报日内瓦电 世界贸易组织的6个关键成员美国、欧盟、日本、澳大利亚、巴西和印度24日结束为期两天的部长级会谈，因分歧严重难以弥合，它们决定中止已持续近五年之久的多哈回合全球贸易谈判。　　    美国贸易代表施瓦布在记者会上说，她对六方未能就关键的农业和非农产品?</t>
  </si>
  <si>
    <t>商业大鳄麦德龙在“固执”和“变通”中进京</t>
  </si>
  <si>
    <t>本报讯 全球商业集团排名第三的德国麦德龙集团日前宣布，将于本月28日正式登陆北京，这将是其在中国北方继青岛、西安和郑州等城市之后的第八家商场，同时也是麦德龙华北区的区域总部。　　    长期以来，麦德龙营销模式一直“特立独行”：采取现购自运经营模式，服务对象为</t>
  </si>
  <si>
    <t>“404”+“302”：“萨奥法”之两狠招</t>
  </si>
  <si>
    <t>7月15日，美国“萨班斯—奥克斯利法案”(以下简称“萨奥法”)正式施行。专家认为，中国在美上市企业应全力强化内控，同时企业高管也应注意遵守法案以免遭致较高的个人风险。　　    据了解，每家遵守“萨奥法”的美国大型企业第一年平均增加成本超过460万美元，大名鼎鼎的?</t>
  </si>
  <si>
    <t>法院应接纳政府采购民事案件</t>
  </si>
  <si>
    <t>2004年10月，某招标公司受采购人的委托，就某采购项目中的100辆负压急救车向社会公开招标。同年11月5日，原告某医疗器械公司向招标公司购买了招标文件，为投标进行了大量的准备工作，还派人前往芬兰设计监制样车。后来原告得知招标公司将他们的投标作为废标处理，于是起诉到?</t>
  </si>
  <si>
    <t>“猛药”苦口利于病</t>
  </si>
  <si>
    <t>尽管美国证券市场的“肌体”总体上仍属健康，但面对近几年来世通、安然等公司丑闻(可看成美国股市偶尔发生的“重感冒”)，“萨奥法”这一剂“猛药”，还是如期“口服”了下去。　　    这剂“猛药”，对于大多数本就“身强体壮”的美国公司来说，可能在经过一阵略感不适的?</t>
  </si>
  <si>
    <t>“萨奥法”抬高上市门槛  企业对美股市望而却步</t>
  </si>
  <si>
    <t>影响深远的美国《萨班斯-奥克斯利法》(以下简称“萨奥法”)，于7月15日起对中小型美国公司及所有海外公司全面正式生效。　　    这部旨在保证投资者利益、最大限度提高上市公司透明度的法案，极大地提高了公司的上市门槛，使很多公司对美国股市望而却步，纷纷转往其他证券?</t>
  </si>
  <si>
    <t>我国废旧轮胎回收利用率极低</t>
  </si>
  <si>
    <t>记者近日在北京化工大学赵素合教授《废轮胎利用的现状与发展》专题讲座上了解到，随着我国汽车保有量逐年增加，废旧轮胎平均每年以两位数快速产生，已成为新的固体废弃物污染源。2004年我国消耗橡胶420万吨，连续3年成为世界橡胶消耗大国(2002年起超过美国)，而橡胶消耗的近6</t>
  </si>
  <si>
    <t>市场猜测伯南克讲话暗示停止加息</t>
  </si>
  <si>
    <t>本报华盛顿电 美国联邦储备委员会主席本·伯南克19日表示，美联储对通货膨胀压力加大保持警惕，同时认为经济增速放慢将缓解通胀压力。　　    伯南克当天在向美国国会参议院银行委员会提交半年一度的经济报告时说，虽然美联储的基本预测是通货膨胀将温和上升，但依然存在通</t>
  </si>
  <si>
    <t>中国引进外资转向注重质量</t>
  </si>
  <si>
    <t>本报首尔电  韩国三星经济研究所最近发表的分析报告认为，中国吸引外商投资政策正在发生变化，引进外资由注重数量转变为注重质量。　　    这份题为《变化中的中国外国人投资政策》说，随着继续保持高储蓄率和经常项目收支盈余增加，中国的投资资金变得充裕起来。在这种情?</t>
  </si>
  <si>
    <t>日本快餐业拓展海外市场</t>
  </si>
  <si>
    <t>日本最大的章鱼烧连锁店“筑地银”(Gindaco)日前做出开拓美国市场的决定：2007年在加州洛杉矶开设第一家美国连锁店，2010年前在整个加州开设20家连锁店。市场分析人士指出，随着日本社会的老龄化，日本快餐店的国内生存空间越来越小，拓展海外新市场不失为一个可行之路。</t>
  </si>
  <si>
    <t>投资大湄公河次区域须越三道“坎”</t>
  </si>
  <si>
    <t>中国与柬埔寨、老挝、缅甸、越南、泰国开展的大湄公河次区域合作已经成为亚洲区域经济合作的典范，各国政府积极探索贸易投资便利化的“路线图”。　　    然而，记者在调查中发现，配套政策不够健全、无序竞争比较严重、市场环境有待改善等因素是目前制约我国企业投资大湄?</t>
  </si>
  <si>
    <t>俄罗斯：能源=Power=权力</t>
  </si>
  <si>
    <t>Power，既可译成能源，也能当作权力，从刚刚结束的八国峰会看，普京确实很好地诠释了这个词，一语双关地向世界提出了“能源=权力”这个高油价下的恒等式。　　能源议题匠心独运　　　　　    7月17日，八国峰会在圣彼得堡闭幕。对东道主俄罗斯来说，此次峰会是其贯彻能源</t>
  </si>
  <si>
    <t>机器人当上餐厅“服务员”</t>
  </si>
  <si>
    <t>本报香港电 香港一家新开张的餐厅日前出现了三名特殊的“服务员”，让顾客大开眼界。这些“服务员”不仅负责迎客、点菜，还会表演舞蹈，原来它们都是机器人。　　    “M107，配意大利面，谢谢！”在面积约160平方米的餐厅内，蓝色的机器人2号以广东话重复顾客点的菜式后，</t>
  </si>
  <si>
    <t>电子业遭遇新一轮环保冲击波</t>
  </si>
  <si>
    <t>7月1日欧盟环保令(RoHS指令)已经实施，业内相关人士预测，1/3的中小家电企业因成本高昂，可能放弃欧洲市场。　　    随着明年3月1日牵动电子业众多神经的《电子信息产品污染控制管理办法》(以下简称《管理办法》)的正式实施，已经被环保洗牌了一次的中国电子业还将经受更大</t>
  </si>
  <si>
    <t>美国报业出现“围城”现象</t>
  </si>
  <si>
    <t>美国报业巨头奈特里德公司最近易主，论坛报业公司大股东钱德勒家族日前也强烈要求卖掉部分业务或分拆公司。与此形成鲜明对比的是，一批雄心勃勃的亿万富翁却“知难而上”，向这些处于困境的美国报业公司伸出橄榄枝。　　    在收购奈特里德公司之后，麦克拉奇出版公司打算?</t>
  </si>
  <si>
    <t>日本开发出信用卡认证新技术</t>
  </si>
  <si>
    <t>本报东京电 日本电气公司18日宣布，新开发出的信用卡认证技术可通过两个解密密钥防止个人信息经由商店终端泄露。　　    用信用卡购物时，通常是通过商店终端将读取的信息传送到发行信用卡的公司以认证顾客信息。商店的终端解密密钥可被解开并读取存储在信用卡中的个人信息</t>
  </si>
  <si>
    <t>法国零售商涉足移动通信市场</t>
  </si>
  <si>
    <t>本报巴黎电 据法国《回声报》18日报道，家乐福集团已与法国第一大移动通信运营商奥兰治公司签订了移动虚拟网络运营协议，不久将推出以自己品牌命名的移动通信服务。　　    《回声报》说，家乐福将于“几个月内”在法国217家大型家乐福超市推出移动通信服务。报道指出，这?</t>
  </si>
  <si>
    <t>美元走强将减轻中国加息外部压力</t>
  </si>
  <si>
    <t>本报讯 亚洲开发银行驻中国副代表、首席经济学家汤敏接受《经济参考报》记者采访时表示，如果美元持续走强，将减轻中国加息的外部压力。他认为，中国目前的存款利息过低，应采取小步多次加息政策。　　    汤敏认为，中国现在的通货膨胀率不高，但并不意味未来的通胀率不高</t>
  </si>
  <si>
    <t>美元汇率将进入上升通道</t>
  </si>
  <si>
    <t>本报讯  近日，美元在全球外汇市场走强，分析人士普遍认为，中东局势恶化是助推美元汇价上涨的主要原因。世界期货发展研究中心高级分析师刘荣华在接受《经济参考报》记者采访时指出，美元汇价调整近期可能结束，预计未来一年半时间里，美元将升值15%。　　    刘荣华说，美</t>
  </si>
  <si>
    <t>瑞士全力打造世界金融教学中心</t>
  </si>
  <si>
    <t>继世界著名酒店业培训中心之后，瑞士正在利用自身的金融产业优势，准备打造出一个金融教学中心。　　    据英国《金融时报》报道，这个金融教学中心的计划是瑞士三年前提出的，其目的是创建一个世界级银行和金融教学中心的计划。第一阶段实施至今已超过12个月，目前这个中?</t>
  </si>
  <si>
    <t>荷兰合作银行欲参股多家农信社</t>
  </si>
  <si>
    <t>荷兰合作银行有关负责人日前在京表示，该行将通过参股农村合作银行来助力中国农信社的改革。　　    经过两年的长跑，荷兰合作银行日前终于与国际金融公司共同出资2.6亿元人民币，参股杭州联合农村合作银行(杭州联合银行)。荷兰合作银行占有杭州联合银行10%的股份，成为首?</t>
  </si>
  <si>
    <t>巨额外汇怎么花  经济学家“抛砖引玉”</t>
  </si>
  <si>
    <t>面对中国日益增长的高额外汇储备，经济学家史蒂芬·格雷另辟捷径，给自己设定了120亿美元的限额，尝试寻找若干个解决中国外汇储备的新方法。　　    据美国《商业周刊》报道，史蒂芬·格雷的设想中，首先排除了传统经济学家建议的诸如减少购买美国国债以规避美元贬值风险，</t>
  </si>
  <si>
    <t>世贸组织主要成员商讨打破谈判僵局</t>
  </si>
  <si>
    <t>世界贸易组织6个主要成员——美国、欧盟、日本、澳大利亚、巴西和印度的相关部长或高级谈判代表17日晚间在日内瓦总部举行紧急会谈，商讨如何拯救陷入危机的多哈回合多边贸易谈判。　　　    当天的会谈是在圣彼得堡八国集团首脑会议闭幕之后紧急召集的。在八国集团首脑会议</t>
  </si>
  <si>
    <t>进入欧美：中国平板电视尚无优势</t>
  </si>
  <si>
    <t>“美国是一个讲究实力的市场，但中国的产品一进去就打价格战。”CEA(美国消费电子协会)副总裁Jeff Joseph皱着眉，摇着头回答了记者关于中国彩电为何挤不进美国主流市场的问题。而中国彩电在欧洲也不“如意”。7月11日，TCL多媒体发布预警公告，称由于欧洲业务不理想，上半年?</t>
  </si>
  <si>
    <t>意大利三大举措吸引中国游客</t>
  </si>
  <si>
    <t>本报罗马电  主管旅游事务的意大利副总理鲁泰利日前宣布，意大利政府将重点采取三大举措吸引中国游客到意大利旅游。　　    鲁泰利在意大利文化遗产部举行的中意文化遗产保护合作项目新闻发布会上介绍了这三大举措：大力推动意中直航，为意中公民到对方国家旅游提供交通便?</t>
  </si>
  <si>
    <t>英国欲限制大型连锁超市扩张</t>
  </si>
  <si>
    <t>本报伦敦电  英国政府目前正在制订一系列政策，以限制大型连锁超市的不断扩张。　　    据悉，继拒绝连锁超市星期天延长营业时间之后，英国财政部又在制定限制大型连锁超市在市郊增开分店的措施。这对连锁超市来说无疑是个不小的打击，因为在大中城市布点完成之后，连锁超?</t>
  </si>
  <si>
    <t>我国杂交水稻种备受越南市场青睐</t>
  </si>
  <si>
    <t>本报南宁电　记者从广西检验检疫局获悉，今年上半年从广西口岸出口越南的杂交水稻种29批、1965吨，总值110.68万美元，经报检出口的杂交水稻种量在全国各省区中排在第一位。　　广西社科院东盟问题专家古小松博士说，越南优?</t>
  </si>
  <si>
    <t>美国公司股东向董事选举制度发难</t>
  </si>
  <si>
    <t>通用汽车、波音等30多家美国公司今年召开年度大会时，中小股东在例行投票时不再像以往一样与公司保持一致，而是逮住机会就向管理层发难，并且迫使股东大会通过了一些旨在改革董事选举方式的提案。　　    这些提案要求将公司董事选举由相对多数(plurality)改为多数(majorit</t>
  </si>
  <si>
    <t>波音空客航空展上难获大订单</t>
  </si>
  <si>
    <t>本报伦敦电 尽管空客和波音在2005年巴黎航空展上均收获颇丰，但业内人士分析，在17日开幕的英国法恩伯勒国际航空展(又译范堡罗航空展)上两巨头不会再创佳绩。　　    作为世界上最具影响力的国际航空展之一，法恩伯勒航空展无疑会为空客和波音赢得新订单。但业内人士说，飞</t>
  </si>
  <si>
    <t>欧洲大公司利润增长放缓</t>
  </si>
  <si>
    <t>本报布鲁塞尔电 据彭博新闻社报道，由于能源成本上升以及居民消费支出下降，欧洲大公司利润增长放缓。　　    比利时KBC银行证券基金部门负责人德克·蒂勒说：“(大公司)收入增速将会大幅放缓。创纪录的高油价使汽车、化工等工业企业成本开支增加，从而影响企业利润。”此?</t>
  </si>
  <si>
    <t>啤麦市场：“澳麦”占主导  “国麦”价难定</t>
  </si>
  <si>
    <t>本报讯 在进口啤麦总量持平并略显增长的情况下，业内人士预测，我国啤麦市场下半年仍将以进口澳大利亚啤麦为主，国产啤麦的价格增减将视国际汇率及海运费变化而定。　　    据中国作物学会大麦专业委员会的统计，目前，世界啤麦原料市场仍由澳大利亚、加拿大、欧盟等几大主</t>
  </si>
  <si>
    <t>北部湾：广西跨越发展的弹跳点</t>
  </si>
  <si>
    <t>在中国南海西北部，有一个半封闭海湾，湾顶(北面)是广西，东面为广东雷州半岛和海南，西面是越南，总面积近13万平方公里，这就是有最洁净港湾之美誉的北部湾。　　    临海远眺，放眼更加长远的对外开放和经济社会发展战略，广西将开放开发的战略重心定在了北部湾。</t>
  </si>
  <si>
    <t>网民骂人　网站有责</t>
  </si>
  <si>
    <t>孔家花园饭店起诉大众点评网名誉侵权一案在沪上餐饮业引发连锁反应。　　    不久前，虹口区法院做出一审判决：大众点评网站构成名誉侵权。 　　大众点评网点评餐馆吃官司　　    2003年4月，在美国生活了10年的张涛回国后，组建上海汉涛信息咨询公司，参照美国模式创?</t>
  </si>
  <si>
    <t>尴尬中医与寂寞国学</t>
  </si>
  <si>
    <t>客居他乡的中医目前有些尴尬。在俄罗斯，中医已沦为地下行业，从业者因得不到当地政府批准，只能偷偷行医。在美国，中医的独立诊断权得而复失，加州政府管理针灸行业的机构——针灸局也有被撤之虞。中医在大踏步走向世界的过程中，虽已取得广泛理解和支持，但一些怀疑、不解?</t>
  </si>
  <si>
    <t>小股东造反能否成功？</t>
  </si>
  <si>
    <t>以美国新桥投资集团公司(Newbridge Asia AIV Ⅲ，L.P.，以下简称新桥)为主导的非流通股股东在深发展(000001，SZ)股改中，出人意料的推出了“零对价”方案，方案一出即遭到专家和投资者的广泛质疑；有专业人士指出，“新桥实质是反对股改对价，其在挑战中国证券市场游戏规则的</t>
  </si>
  <si>
    <t>刘明康：银行业存在七大风险</t>
  </si>
  <si>
    <t>本报讯 银监会主席刘明康强调，当前银行业面临着七大风险。因此银行业金融机构要根据当前经济金融形势，进一步研究和预警所面临的风险，制定和部署有针对性的措施。　　    这是刘明康在7月14日中国银监会召集主要商业银行负责人召开的上半年经济金融形势通报会上说的一番?</t>
  </si>
  <si>
    <t>美国居民个人信息频频遭窃</t>
  </si>
  <si>
    <t>据美国媒体报道，过去18个月，大约8800万美国居民的个人信息失窃。　　一个多月前，美国退伍军人事务部的一名职员发现住所失窃，被盗走的一块电脑硬盘中储存着大量内部数据，其中包括2650万名退伍军人及部分家属的姓名、出?</t>
  </si>
  <si>
    <t>中日韩扩大旅游交流惠及东亚经济</t>
  </si>
  <si>
    <t>中日韩三国旅游部长日前在日本北海道签署了旨在加强三国旅游交流和合作的《北海道宣言》。在此期间，经济参考报记者对日本国土交通大臣兼观光立国大臣北侧一雄进行了专访。　　    记者：首届中日韩三国旅游部长会议对东亚区域的经济文化交流有什么积极影响？　　    北?</t>
  </si>
  <si>
    <t>德国“12把大提琴”遭遇尴尬</t>
  </si>
  <si>
    <t>小提琴“女神”穆特两周前在上海因听众不文明行为而罢演三分钟，让一场原本完美的音乐会变成了永远的遗憾。而被称为“德国最佳室内乐组合”的“12把大提琴”7月11日晚在上海音乐厅举办“弓弦之舞”音乐会时，又尴尬地遭遇了观众的种种不文明行为。　　    不知是否因为晚间</t>
  </si>
  <si>
    <t>香港已成全球最活跃认股权证市场</t>
  </si>
  <si>
    <t>本报香港电  据高盛(亚洲)有限责任公司的最新统计显示，今年前5个月，香港继续保持全球成交额最大的认股权证市场地位，总成交额达6180亿港元，较第二位的德国高出37%。　　    高盛近日表示，今年上半年，香港认股权证日均成交62亿港元，占大市总成交19%，恒生指数认股权证</t>
  </si>
  <si>
    <t>中日韩共同做大东亚旅游市场</t>
  </si>
  <si>
    <t>7月1日至10日，中国旅游代表团分别访问日本和韩国，期间举行了首届中日韩三国旅游部长会议。三方共同签署《北海道宣言》，并通过了“中日韩旅游交流”计划。三国旅游部长表示，今后将共同做大东亚旅游市场，力争到2010年将三国间旅游交流规模由2005年的1200万人次扩大到1700?</t>
  </si>
  <si>
    <t>中国鞋：艰难欧洲行</t>
  </si>
  <si>
    <t>凭借丰富而廉价的人力资源优势，中国鞋革产业在过去短短20余年的时间里迅速发展壮大。物美价廉的中国鞋在强力冲击着世界市场的同时，也引发了来自欧盟等传统鞋革市场的阻击。　　中国鞋面临欧盟劫难　　    欧盟是中国鞋类产品的第一大出口市场，2005年有12.5亿双中国鞋?</t>
  </si>
  <si>
    <t>欧盟鞋联主席：“中国鞋并不可怕”</t>
  </si>
  <si>
    <t>欧盟鞋业联合会主席卡尔沃最近在西班牙鞋业论坛上明确表示：“中国鞋并不可怕”，不支持欧盟对中国皮鞋实行反倾销。　　    6月15日，近100家欧盟最大的制鞋企业的老板聚集“西班牙鞋业论坛”，磋商欧盟鞋业发展与如何对中国皮鞋开展反倾销。欧盟鞋业联合会主席卡尔沃在论?</t>
  </si>
  <si>
    <t>西班牙华人鞋商声援中国鞋“抗欧”</t>
  </si>
  <si>
    <t>本报讯 自4月7日欧盟对中国皮鞋征收反倾销税以来，声援中国鞋业界抗议欧盟歧视行为的活动就没有停息过。　　    西班牙华人鞋业协会不久前专程赴温州，向温州市鞋革协会递交专函，表示对中国鞋业界的声援和对欧盟反倾销行为的抗议。《声援函》开篇就说，欧盟对中国皮鞋征收</t>
  </si>
  <si>
    <t>电子企业积极应对欧盟RoHS指令</t>
  </si>
  <si>
    <t>本报讯 随着7月1日欧盟RoHS指令正式生效，我国家电企业正以积极的态度应对这次“绿色挑战”。　　    据了解，TCL、长虹、海尔、康佳、美的等家电巨头均已采取了相应措施。其中，TCL制定了企业“绿色品质”标准，显示出TCL集团提高绿色竞争力的决心。此外，索尼、松下等大?</t>
  </si>
  <si>
    <t>亚洲经济势头良好 通货膨胀压力增大</t>
  </si>
  <si>
    <t>今年上半年亚洲经济保持较快增长，中国、印度和韩国等国家势头强劲，东南亚地区大多数国家也都稳步增长。　　    亚洲开发银行最新分析报告预计，今年亚洲地区经济增长率可达7.2%。世界银行最近发表的一份报告则认为，今年亚洲和太平洋地区经济增长率可能达到8.3%，略低于2</t>
  </si>
  <si>
    <t>中国赴韩游客今年有望超过90万人次</t>
  </si>
  <si>
    <t>本报首尔电 韩国观光公社预计，今年到韩国旅游的中国游客将达到90万至95万人次，创历史最高纪录。　　    在韩国开始接待中国游客的短短8年里，中国继日本之后成为韩国第二大旅游客源国。今年头3个月，中国赴韩旅游人次为23.25万多，比去年同期增加29.17%。　　    韩国?</t>
  </si>
  <si>
    <t>从德国世界杯看北京奥运</t>
  </si>
  <si>
    <t>北京时间7月10日凌晨，德国世界杯在柏林圆满落幕，比赛的成功举办得到了各方肯定，同时也对760天后开幕的北京奥运会的筹备组织工作带来一些启示和借鉴。　　    据了解，为了从德国世界杯的举办工作中汲取“营养”，世界杯开幕前，第29届奥运会组委会就派出了考察团飞赴德?</t>
  </si>
  <si>
    <t>球队是季军,组委会是冠军</t>
  </si>
  <si>
    <t>正如全世界无数球迷所期望的一样，德国世界杯在一片掌声中谢幕。连一贯苛刻的欧足联主席约翰松也说，本届世界杯是组织最好的一届，没人能比德国组委会干得更好。为了表彰德国世界杯组委会的卓越功绩和巨大贡献，国际足联送给每位组委会委员一个大力神杯的复制品，好像是在安?</t>
  </si>
  <si>
    <t>中国公司在美上市面临人事成本双重挑战</t>
  </si>
  <si>
    <t>两年前，美国电信巨头朗讯科技公司“闪电解雇”了其中国区总裁、首席运营官、首席营销官和首席财务官，就是因为其中国分公司发生了违反美国《反海外腐败法》的行为。现在，在美国上市中国公司的高管们可能不得不考虑又一部美国法律——《萨班斯-奥克斯利法》对执掌的公司乃至</t>
  </si>
  <si>
    <t>美国制造业境况还不算太糟</t>
  </si>
  <si>
    <t>通用汽车3.5万名员工日前接受了自愿离职方案，给这个连续亏损的汽车巨头每年省下10亿美元的成本开支。无独有偶，汽车配件制造商德尔福的1.26万名员工也同意了资方开出的自愿下岗条件。　　    美国核心制造行业大幅裁员，再加上一些大公司纷纷宣布关闭本土工厂，似乎显示美</t>
  </si>
  <si>
    <t>上海老洋房市场平稳回升</t>
  </si>
  <si>
    <t>本报讯 资源稀缺的上海老洋房市场受新政调控的影响较小。来自史丹福老洋房租售中心的信息，上海花园洋房、新式里弄和老式公寓二季度以来价格基本止跌，成交量稳步回升。　　    史丹福老洋房租售中心今年第二季度指数显示，根据市中心徐汇、卢湾、静安、长宁、虹口5个区调?</t>
  </si>
  <si>
    <t>中小户型成市场主流符合国际潮流</t>
  </si>
  <si>
    <t>“90平方米以下住房须占项目总面积七成以上”等一系列“中小户型新政策”，近来成为地产开发新的规则，不少开发商据此正绞尽脑汁调整规划设计。对于90平方米的套型面积是否顺应房地产发展趋势，应该如何设计，曾经在日本、英国、加拿大等国从事住宅研究17年、有着丰富设计经?</t>
  </si>
  <si>
    <t>俄罗斯投资“列车”驶向中国西部</t>
  </si>
  <si>
    <t>一直以来，俄罗斯与中国的经贸合作重点集中在东北及沿海地区，而近年来资源丰富的中国西部地区呈现出较强的合作潜力，这吸引了众多俄罗斯企业关注的目光。　　    来自四川省商务厅的数据显示，截至2005年底，俄罗斯在四川投资建立企业22家，合同利用外资1450万美元；四川?</t>
  </si>
  <si>
    <t>反垄断：国家利益优先</t>
  </si>
  <si>
    <t>上个世纪七八十年代，美国电报电话公司(AT&amp;T)垄断了美国的电信市场，它实行了包括提供长途服务、市话服务，以及通讯设备制造和研究开发在内的一体化经营。为了进一步加强这种垄断局面，美国电报电话公司自行设计了专门的技术标准，并保守网络标准信息，以排除其他制造企业的?</t>
  </si>
  <si>
    <t>美国内需强劲 经济可持续增长</t>
  </si>
  <si>
    <t>尽管油价居高不下带来一定负面影响，但今年上半年美国经济仍以比较强劲的态势增长，而且下半年增长前景依然看好。　　    据美国政府最新公布的报告，今年第一季度美国经济增速按年率计算高达5.6%，是2003年第三季度增长7.2%以来增速最快的一个季度。其中，经济增长的主要?</t>
  </si>
  <si>
    <t>在国外,奢侈品牌上网专卖</t>
  </si>
  <si>
    <t>六年前，英国人娜塔莉·马斯内刚刚开始在网上创业——她努力地为她的名为Net-a-Porter的时尚奢侈品网上专卖店筹措着资金。而经过稳步发展，现在，Net-a-Porter已经成了奢侈品世界中所有其它品牌追赶的对象。　　    Net-a-Porter今年第一季度的交易额增长了49%，平均每天有</t>
  </si>
  <si>
    <t>大前研一的“专业主义”</t>
  </si>
  <si>
    <t>书名：《专业主义》　　    作者：(日)大前研一　　    出版社：中信出版社　　    出版时间：2006年4月　　    作为亚洲地区惟一进入全球前十位国际级管理大师排行榜的学者，日本的大前研一曾经是“中国崩盘论”的提出者。可是在飞临中国第50次以后，他现在成了中国</t>
  </si>
  <si>
    <t>世界杯的经济学分析</t>
  </si>
  <si>
    <t>很少有人能够说清世界杯中究竟蕴涵着多少经济因素。尽管经济学是一门博大精深的学问，但人们给它的定义却是一门不精确的模糊学科。世界杯能否成为德国经济的强心剂？全球的生产效率因世界杯将下降多少？哪些行业将成为世界杯的赢家或输家？诸如此类的问题在经济学里绝无现成?</t>
  </si>
  <si>
    <t>赴美上市应考量法律风险</t>
  </si>
  <si>
    <t>“屋漏偏逢连夜雨”，刚刚渡过纳斯达克摘牌危机的UT斯达康又要遭受“行贿事件”的考验。　　    UT斯达康日前在披露第一季度业绩下滑的同时还承认，公司相关人员涉嫌违反美国《反海外腐败法》。去年底，美国驻蒙古国大使馆向美国司法部和美国证券交易委员会提交了相关指控?</t>
  </si>
  <si>
    <t>亚洲最大职业装生产基地组建</t>
  </si>
  <si>
    <t>本报讯 由41家轻纺企业重组而成的际华轻工集团有限公司6日在京正式成立。集团董事长刘三省介绍，公司拥有年产6000多万套件职业装、1.3亿双职业鞋的产能，是中国职业装的“航空母舰”，亚洲最大的职业装生产基地。　　    据悉，这41户企业分布在中国20多个省，去年实现销售</t>
  </si>
  <si>
    <t>中美纺织协议后第一案：美将对我提起聚酯短纤反倾销调查</t>
  </si>
  <si>
    <t>本报讯 记者6日从中国纺织品进出口商会获悉，美国即将对我国发起聚酯短纤反倾销调查，这将是中美自去年11月签订《关于纺织品和服装贸易的谅解备忘录》以来，两国在纺织品贸易问题上的第一案。　　    中国纺织品进出口商会副会长曹新宇表示，美国国际贸易委员会已于6月23日</t>
  </si>
  <si>
    <t>五年后欧盟对华农产品出口将超20亿欧元</t>
  </si>
  <si>
    <t>本报讯 欧盟官员近日预测，如果欧洲与中国的农业贸易能保持目前的趋势，五年后欧盟对华农产品出口额将超过20亿欧元，远期有望达到40亿欧元。　　    欧盟驻华代表处农业参赞思梦得在出席于北京举行的“可持续农业：全球性挑战”论坛时指出，五年后，中国的城市中产阶级人数</t>
  </si>
  <si>
    <t>丰田汽车高效率利用再生资源</t>
  </si>
  <si>
    <t>本报讯 近日，丰田汽车公司依据日本汽车回收再生法(《关于汽车使用后再生问题的相关法律》)公布了2005年度(2005年4月——2006年3月)丰田在ASR(Automobile Shredder Residue 汽车粉碎残渣)、气囊类、氟利昂类这3种特定零部件的资源回收再利用等方面的数据。　　    日本这一</t>
  </si>
  <si>
    <t>中印打开隔断40多年的边贸通道</t>
  </si>
  <si>
    <t>7月6日，中国和印度重新开放连接西藏日喀则地区亚东县与印度锡金段的乃堆拉山口，两国这条中断40多年的边贸通道得以恢复。　　    此前中印贸易大部分通过海运，而西藏的外贸绝大部分从天津港吞吐。亚东口岸是西藏距离出海口最近的口岸，拉萨经亚东到印度港口加尔各答约120</t>
  </si>
  <si>
    <t>通用汽车积极回应与日产雷诺结盟</t>
  </si>
  <si>
    <t>本报伦敦电 据《金融时报》5日报道，在法国雷诺和日本日产3日宣布愿意同美国通用汽车进行结盟谈判后，又有最新消息传出，通用汽车已组成一个高级别专项组研究加入日产-雷诺联盟的利弊。　　    报道说，通用汽车专项组由公司财务总监弗里茨·亨德森担纲。分析人士认为，通?</t>
  </si>
  <si>
    <t>欧洲鞋商欲以反倾销护身 只会损人不能利己</t>
  </si>
  <si>
    <t>本报广州电 在4月7日对我国部分鞋类产品实施临时反倾销后，欧盟将于10月初决定是否实施为期五年的反倾销终裁。　　    中国轻工工艺品进出口商会鞋类分会秘书长王颖日前在广州表示，由于欧盟内部意见分歧，反倾销终裁成立与否还是个未知数。但从国际市场趋势来看，少数欧洲</t>
  </si>
  <si>
    <t>英国老牌贵族学校新世纪“变身”</t>
  </si>
  <si>
    <t>英国著名贵族中学伊顿公学素以校方管理严格、学生品学兼优著称，但在一些毕业生眼中，僵化古板却成了学校形象的代名词。面对世人种种指责，校长开始大刀阔斧地改革，力求塑造伊顿人的新形象。　　学校如监狱？　　    年过半百的艺术家亚历克斯·阿克斯布里奇至今不愿回?</t>
  </si>
  <si>
    <t>黄健翔身陷“解说门”：要职业道德还是要个性</t>
  </si>
  <si>
    <t>“像男人一样战斗”的中央电视台体育解说员黄健翔“栽了”。　　    在解说世界杯足球赛1/8决赛意大利队对澳大利亚队比赛的最后几分钟，他“失声”、“失态”、“失礼”、“失常”(事后央视主持人张斌在代表黄向球迷道歉时语)的表现震惊了无数球迷。　　    对于意大利队</t>
  </si>
  <si>
    <t>去世240载 郎世宁身价40年间飙升千倍</t>
  </si>
  <si>
    <t>7月16日，是清代宫廷画师郎世宁逝世240年的祭日。这位生于意大利，客死中国，曾经受到清朝鼎盛时期的康熙、雍正、乾隆三代中国皇帝赏识的洋画家，近来再度引起中国民众的关注。　　    前不久，中央电视台热播电视连续剧《宫廷画师郎世宁》，沈阳故宫博物院也办起了“清代?</t>
  </si>
  <si>
    <t>日本非油炸方便面主攻减肥人群</t>
  </si>
  <si>
    <t>作为发明方便面的国度，日本的方便面销量很高，特别是非油炸方便面受到一些希望减少脂肪摄入群体的欢迎。　　    泡上热水、几分钟后就能食用的方便面诞生于48年前，发明者是日本日清食品公司创始人安藤百福。1958年8月25日，日清食品开始出售“chicken拉面”，并成功开始?</t>
  </si>
  <si>
    <t>日产和雷诺愿与通用汽车谈判结盟</t>
  </si>
  <si>
    <t>法国雷诺汽车公司和日本日产公司董事会3日分别宣布，同意与美国通用汽车公司展开结盟谈判。有分析指出，一旦三家公司成功结盟，全球汽车产业格局将发生改变，日产—雷诺—通用汽车联盟至少在北美、欧洲和中国三大汽车市场占据支配地位。　　    雷诺公司当天发表的声明说，</t>
  </si>
  <si>
    <t>“渝富模式”解开银企债务“死结”</t>
  </si>
  <si>
    <t>重庆渝富资产经营管理有限公司是我国首家地方性资产管理公司，它打包处置了２００多亿元不良国有资产，解开了银企债务“死结”，有效解决了国企改革成本不足的问题，并成为代表政府的战略投资者。２００５年底世界银行发布的《中国经济季报》认为，重庆“渝富模式”倘若成功?</t>
  </si>
  <si>
    <t>韩国：探索劳资政三方合作新模式</t>
  </si>
  <si>
    <t>为扩大再就业，韩国政府除了采取创造工作岗位等传统措施外，还通过劳资政三方合作方式成立了“劳资共同再就业支援中心”，在解决再就业问题上进行了有益尝试。　　    亚洲金融危机以后，韩国就业形势发生了新变化。由于大企业纷纷“瘦身”减员，劳动密集型产业“出走”海?</t>
  </si>
  <si>
    <t>日本：修改“商法”促失业者创业</t>
  </si>
  <si>
    <t>多年来，日本政府通过修改“商法”、改革税制、健全劳动力市场机制以及提高失业者劳动技能等措施促进再就业，取得较好效果。　　    日本有关机构修改了“商法”，允许设立只有1日元资本金的公司，以促进失业者创业谋生。修改后的“商法”规定，失业者如果想创办企业自谋出</t>
  </si>
  <si>
    <t>易宪容：外资炒作成房地产市场重大祸害</t>
  </si>
  <si>
    <t>“从我获得的数据来看，在国际货币基金组织187个成员中，有137个成员国对外资进入房地产市场有严格限制。中国作为一个发展中的社会主义国家，更有责任与义务来保证每一个居民的居住权，更要出台相关的法律与政策来打击外资对国内?</t>
  </si>
  <si>
    <t>汇率风险考验银行代客境外理财</t>
  </si>
  <si>
    <t>银监会日前批准工商银行、建设银行、中国银行、交通银行开办代客境外理财业务，汇丰银行和东亚银行的内地分行也获准开办代客境外理财业务。此举表明合格境内投资者(QDII)的三个主体之一商业银行已经启动。　　    分析人士称，随着年底我国金融市场全面开放的来临，具有海?</t>
  </si>
  <si>
    <t>美欧不让步 世贸组织高层谈判失败</t>
  </si>
  <si>
    <t>因未能就多哈回合谈判中的农业和非农产品市场准入问题达成协议，世贸组织高层谈判1日以失败告终。分析人士指出，发达经济体，特别是美国和欧盟拒绝在农业补贴和农产品进口关税方面作出让步，是造成此次高层谈判破裂的主要根源。　　    世贸组织总干事拉米曾多次表示，要打</t>
  </si>
  <si>
    <t>进口洋设备当心外商玩“猫腻”</t>
  </si>
  <si>
    <t>浙江检验检疫局日前在对一家纺织品生产合资企业的进口设备进行检验和鉴定时，发现其发票价为83万美元的设备，实际仅值26.56万美元，虚报了三倍，贬值率高达68%。　　　　    据悉，这批纺织面料染整设备是浙江省一家纺织品有限公司的合资外方意大利投资，外方无视中国法律?</t>
  </si>
  <si>
    <t>苏州工业园的新加坡味道</t>
  </si>
  <si>
    <t>1994年，当本报报道苏州工业园区启动的消息时，这里只是苏州金鸡湖畔的一片农村；12年间，这里发生了巨大的变化，苏州工业园区以“发展速度最快，整体水平最高”的表现在全国上千个开发区中脱颖而出。　　平均投资额为何长期高居全国第一　　    1994年2月26日，中国和新</t>
  </si>
  <si>
    <t>长兴岛：新加坡复制“东北版”苏州？</t>
  </si>
  <si>
    <t>两年前就连许多大连人都说不清楚位置的一个孤岛，如今却成了辽宁省和新加坡政府共同关注的焦点。　　    因为辽宁省决定，集全省之力加快沿海“五点一线”对外开放，其中长兴岛的开发是重中之重，并且，辽宁省有意借助新加坡的管理与开发经验，将长兴岛建设成为东北亚具有?</t>
  </si>
  <si>
    <t>多哈谈判陷僵局 印度代表退席抗议</t>
  </si>
  <si>
    <t>世界贸易组织总干事帕斯卡尔·拉米7月1日说，最近几天在日内瓦举行的多哈回合谈判仍未打破僵局。据悉，印度谈判代表在1日的谈判中退席抗议，并拒绝参加当天下午的谈判会议。　　    6月30日，拉米在由全体世贸组织成员参加的会议上表示，最近几天对于这轮多哈回合全球贸易?</t>
  </si>
  <si>
    <t>花旗银行在华推出外币投资新品</t>
  </si>
  <si>
    <t>本报上海电 花旗银行近日宣布在华推出新型外币投资产品“结构性投资账户”(SIA)。借助这个产品，中国投资者将有机会参与亚洲三大经济体中国、日本和韩国的经济增长。　　    花旗银行此番推出的这个产品，将与日经225指数(NKY)、韩国KOSPI指数200(KOSPI2)及新华富时中国25?</t>
  </si>
  <si>
    <t>中国计算机类产品对蒙古国出口大增</t>
  </si>
  <si>
    <t>本报讯 受蒙古国实施“电子蒙古计划”积极影响，今年以来中国计算机类产品对蒙古国出口激增。截止到5月底，经中蒙边境口岸二连浩特市出口的显示器、笔记本电脑及微机设备等总金额达116.55万美元，同比增长63倍，。　　    据二连浩特海关副关长高军介绍，蒙古国在乌兰巴托?</t>
  </si>
  <si>
    <t>进出藏交通：“天地之争”悄然上演</t>
  </si>
  <si>
    <t>一场“天地之争”在雪域高原悄然上演。有经济学家认为，市场“无形之手”正以前所未有的速度构建新的西藏交通格局。　　    长期以来航空一直是进出藏客运的主要途径。目前，北京至拉萨来回机票价高达5080元，这相当于东南亚一些旅游线路的价钱，进藏交通费用比出国旅游还?</t>
  </si>
  <si>
    <t>参与越南油气开发 中国企业大有可为</t>
  </si>
  <si>
    <t>与我国山水相连的越南，石油天然气开发潜力巨大，在两国签订北部湾的划界协议后，双方合作开发南海油气资源的议题就摆在两国企业家的议事日程之上。学者指出，越南是东南亚第三大石油出产国，参与开发该国油气资源将为我国能源企业开拓国际市场提供绝好商机。　　越南：亚?</t>
  </si>
  <si>
    <t>我国风电产业落后印度10年</t>
  </si>
  <si>
    <t>不久前，记者对风电产业发展现状与前景进行调研，专家和业界人士认为，目前我国风电产业的总体发展水平，不仅远远落后于丹麦和西班牙等欧洲国家，也比邻近的印度至少落后10年。我国应当借鉴印度等国的成功经验，促进风电产业快速发展。　　    印度非传统能源署建成覆盖全?</t>
  </si>
  <si>
    <t>中货航首次境外融资引进波音飞机</t>
  </si>
  <si>
    <t>本报上海电 中国货运航空有限公司与法国兴业银行和东方汇理银行29日在上海举行首架波音747-400型飞机融资合同签约仪式，这是中货航首次通过境外融资方式引进全货机。　　    根据协议，中货航分12年归还融资贷款后，飞机将归中货航所有。　　    中货航通过境外融资引进?</t>
  </si>
  <si>
    <t>越来越多的中国人出国旅游</t>
  </si>
  <si>
    <t>英国《经济学家》日前载文指出，越来越多的中国人选择到国外旅游度假，仅去年就有1000万中国大陆居民出国旅游，这一庞大的消费群体自然引起各国旅游、餐饮、宾馆、娱乐等相关行业的重视。　　    文章列举了中国人出国旅游的几大特点。　　    第一， 出国旅游一般时间较</t>
  </si>
  <si>
    <t>专家解读日本动漫业成功秘诀</t>
  </si>
  <si>
    <t>本报东京电 从《铁臂阿童木》到《机动战士高达》，从《蜡笔小新》到《东京教父》，日本的动画片和漫画书风靡全球，也形成了一个生机勃勃的巨大产业。　　    日本动漫界著名评论家、职业动漫编剧、NHK电视台动漫节目评论员冰川龙介27日在此间向驻日外国记者介绍了日本动漫?</t>
  </si>
  <si>
    <t>渤海治污陷入越治越污困局</t>
  </si>
  <si>
    <t>渤海素有我国“鱼仓”和“海洋公园”之美誉。然而，随着环渤海地区经济快速发展，昔日碧波万里、鸟飞鱼跃的渤海正逐渐变成一座巨大的“污水池”。    面对海洋环境专家“渤海可能变成‘死海’”的警告，国家四部局联合海军、环?</t>
  </si>
  <si>
    <t>移动电邮  中国市场难现欧美奇迹</t>
  </si>
  <si>
    <t>在移动通信领域最时髦的移动电邮（PUSHE－mail）业务上，国内两大运营商联通与移动再一次展开争夺。继4月联通推出红莓移动电邮业务后，近期，移动也将与加拿大RIM公司联手推出黑莓移动电邮服务。不过，业内人士认为，虽然移动电邮</t>
  </si>
  <si>
    <t>中国建筑业在波兰大有可为</t>
  </si>
  <si>
    <t>“中国建筑业进入波兰会受到欢迎，大有可为。”    波兰著名华人企业家俞建尔日前在华沙对记者说：“中国建筑业是世界名牌，具有世界一流的技术水平，这已是世界公认的事实，应该打出自己的品牌，到欧洲开拓市场。”</t>
  </si>
  <si>
    <t>欧洲公布各国医保状况排名</t>
  </si>
  <si>
    <t>本报布鲁塞尔电 欧洲医疗保健消费者协会26日公布最新调查报告，对欧盟25国和瑞士的医疗保健体系状况进行了排名。报告显示，在这些国家中，法国、荷兰和德国的医疗保健体系对消费者最有利。　　    根据这份题为《2006年欧洲医疗保健消费者指南》的报告，总体而言，上述3个?</t>
  </si>
  <si>
    <t>美国“能源独立”想法太天真</t>
  </si>
  <si>
    <t>本报纽约电 数家美国知名石油公司负责人27日在休斯敦召开的美国-阿拉伯经济论坛上表示，美国实现能源自给自足的想法过于天真，而且这种想法可能损害美国和阿拉伯国家的关系。　　    据报道，当天埃克森-美孚、雪佛龙、康菲、壳牌石油公司的高管在论坛发言时一致认为，一些</t>
  </si>
  <si>
    <t>经济压力使日本人不愿多要孩子</t>
  </si>
  <si>
    <t>本报东京电 日本国立社会保障和人口问题研究所27日公布的一项调查结果显示，主要由于经济压力大，大多数日本夫妇不愿意多要孩子。　　    根据该研究所对5932对日本夫妇的调查结果，在理想状态下，平均每对日本夫妇想要2.48个孩子，但这些接受调查的日本夫妇平均每对只计划</t>
  </si>
  <si>
    <t>“中国电谷”走红亚洲风能大会</t>
  </si>
  <si>
    <t>本报讯 28日在北京开幕的第三届亚洲风能大会与国际风能设备展览会上，由保定市主办的“中国电谷”推介会被来自国内外的参展商挤得水泄不通，河北省内的企业主动离开会场，给外地企业让位子。　　    “这是保定建设中国电谷战略首次在大范围公开亮相。”保定国家高新区管委</t>
  </si>
  <si>
    <t>从巴菲特慷慨解囊看美国富豪的财富观</t>
  </si>
  <si>
    <t>26日，世界第二大富豪、美国投资家沃伦·巴菲特在纽约公共图书馆签署捐款意向书，正式决定向5个慈善基金会捐出其财富的85%，约合375亿美元。这是美国乃至世界历史上最大一笔慈善捐款。　　    巴菲特准备将捐款中的绝大部分、约300亿美元捐给世界首富比尔·盖茨及其妻子建?</t>
  </si>
  <si>
    <t>英国将建自行车专用道</t>
  </si>
  <si>
    <t>本报伦敦专电 英国运输部26日宣布，政府将追加预算，用于实施旨在鼓励学生骑车上学的“绿色、安全、健康旅行”计划。　　    英国运输大臣道格拉斯·亚历山大当天表示，该计划包括今后3年中建设专用的全国学校自行车线路网络，以保证学生骑车上下学的安全。据悉，2005年以?</t>
  </si>
  <si>
    <t>多数发达国家打击商业行贿不力</t>
  </si>
  <si>
    <t>本报伦敦电 据国际反腐败组织“透明国际”公布的一项最新调查结果，在打击本国公司在国外进行商业行贿的问题上，多数工业化国家未能兑现承诺。　　    据英国《金融时报》27日报道，调查报告指出，2/3在经济合作与发展组织反行贿公约上签字的发达国家在执行这项公约上不是?</t>
  </si>
  <si>
    <t>全球通胀压力不断加大</t>
  </si>
  <si>
    <t>本报伦敦电 国际清算银行日前发出警告，全球利率在低得不正常的水平上保持的时间过长，世界经济面临的通货膨胀压力正在不断加大。　　    英国《金融时报》27日报道，国际清算银行在其年度报告中指出，由于全球经济面临的滞胀压力不断上升，各国央行在新的一年中将不会很轻</t>
  </si>
  <si>
    <t>上海：进口啤酒缺少“警示语”</t>
  </si>
  <si>
    <t>本报上海电 进口啤酒的价格不菲，但在产品标签上却频繁遗漏“切勿撞击，小心爆瓶”等警示语，违反了我国的相关标准要求。　　    日前，上海市消费者权益保护委员会对市场上销售的啤酒进行了比较试验，23件样本的产地涉及上海、浙江、广东、江苏等省市及荷兰、比利时等国家</t>
  </si>
  <si>
    <t>农产品对日出口面临新考验</t>
  </si>
  <si>
    <t>本报讯：今年5月29日起日本正式实施食品安全新法规《食品中农业化学品肯定列表制度》（以下简称“肯定列表制度”）。该制度对食品、农产品中农业化学品的残留物限量做出新法规，大幅提高了我国对其出口农产品、食品的门槛。</t>
  </si>
  <si>
    <t>比利时调查美监控全球金融交易行为</t>
  </si>
  <si>
    <t>本报布鲁塞尔电 比利时司法部26日说，副首相兼司法大臣洛蕾特·翁凯兰已下令，要求比利时有关主管部门对美国政府通过设在比利时的一个国际银行信息数据中心秘密监控全球金融交易信息一事进行调查，以判定这种做法是否符合比利时法律。　　　    《纽约时报》等美国媒体23日</t>
  </si>
  <si>
    <t>无铅指令生效在即 部分企业应对堪忧</t>
  </si>
  <si>
    <t>离7月1日欧盟RoHS指令正式实施只剩几天时间，大批企业马上就要面对欧盟市场的生死大考。　　    针对部分企业心存侥幸、应对无铅指令状况堪忧的情况，深圳检验检疫局日前为深圳企业支招，建议企业采用“无铅”原材料，改进生产工艺，化风险为机遇，扩大对欧盟出口。　　?</t>
  </si>
  <si>
    <t>印尼和新加坡将合作建立经济特区</t>
  </si>
  <si>
    <t>本报雅加达电 印度尼西亚和新加坡25日在印尼的巴淡岛签署了在印尼巴淡、宾坦和卡里摩岛共同建立经济特区的合作备忘录。　　    据此间媒体26日报道，这项备忘录是在印尼总统苏西洛和新加坡总理李显龙举行促进两国经济合作的双边会谈后签署的。　　    根据该协议，印尼和</t>
  </si>
  <si>
    <t>巴菲特将捐370亿美元慈善金</t>
  </si>
  <si>
    <t>本报纽约电 据美国《财富》杂志25日报道，沃伦·巴菲特准备将自己的大部分财富(总值约370亿美元)捐献给美国5家慈善基金会，其中比尔·盖茨及其妻子梅琳达建立的基金会将获得绝大部分捐款。　　    现年75岁的巴菲特是美国伯克希尔·哈撒韦公司的董事长兼首席执行官。据《财</t>
  </si>
  <si>
    <t>俄罗斯石油公司伦敦上市惹争议</t>
  </si>
  <si>
    <t>本报伦敦电 俄罗斯石油公司即将在伦敦证券交易所挂牌上市。对于市值预计高达700亿美元的这个“庞然大物”，英国方面既欢迎又怀有些许戒备。　　    英国媒体报道说，俄罗斯石油公司将成为伦敦证交所最有争议的上市公司。在国际油价持续高涨的背景下，一些投资者看好俄罗斯?</t>
  </si>
  <si>
    <t>台湾冠军瓷砖建西南生产基地</t>
  </si>
  <si>
    <t>本报讯　台湾冠军建材集团近日在成都宣布，将在成都经济技术开发区(龙泉驿区)投资6000万美元，采用全球最先进的环保生产流水线，建立冠军瓷砖西南生产基地，并全力开拓大陆的西南、西北中高端系列瓷砖市场。　　    冠军建材集团总经理陈正昇表示，冠军在大陆已投资了近十?</t>
  </si>
  <si>
    <t>福建出口金属硅包装不当遭退货</t>
  </si>
  <si>
    <t>本报讯 近日，福建龙岩某公司一批出口日本的金属硅因为包装问题遭到退货处理，系福建出口金属硅10多年以来首次。检验检疫局有关人员提醒相关企业要加强管理。　　    据了解，该批货物为特殊加工的高品级粉状金属硅，共20吨、价值1.8万美元，均系塑料编织袋包装，2月自厦门</t>
  </si>
  <si>
    <t>伊拉克石油日产量已达250万桶</t>
  </si>
  <si>
    <t>本报华盛顿电 伊拉克石油部长侯塞因·沙赫里斯塔尼25日在接受美国有线电视新闻网(CNN)采访时表示，目前伊拉克石油日产量已达到250万桶，为2003年美国发动对伊战争以来最高水平。　　    沙赫里斯塔尼预测，到今年年底，伊拉克石油日产量将达到260万桶至270万桶，2010年将增</t>
  </si>
  <si>
    <t>通胀压力大增 美联储再加息成定局</t>
  </si>
  <si>
    <t>美国联邦储备委员会货币政策决策机构——联邦公开市场委员会将于6月28日到29日举行例会，讨论近期美国货币政策。华尔街分析人士普遍预测，由于通胀压力大增，美联储将再次把联邦基金利率(即商业银行间隔夜拆借利率)上调25个基点，达到5.25%，而且此后还将有更多加息动作。?</t>
  </si>
  <si>
    <t>利率政策难以承载热钱之重</t>
  </si>
  <si>
    <t>央行货币政策委员会委员余永定23日表示，中国必须要执行紧缩性的货币政策。余永定认为，中国的货币政策有许多目标，这些目标之间可能会产生一些冲突，相互矛盾，顾此失彼。比如央行想加息的时候，如果考虑到汇率，就不一定能够加息。　　    瑞士信贷第一波士顿亚洲首席经?</t>
  </si>
  <si>
    <t>“麦时尚”让人人都能赶时髦</t>
  </si>
  <si>
    <t>时尚究竟是富人的虚荣游戏，还是全民的追逐浪潮，确实很难说清。　　    T台上，Chanel发布2006年春夏成衣，改良的巴拿马草帽，充满摇滚味道的紧身夹克，令人耳目一新的百慕大裤，让新老Chanel迷大呼过瘾；备受推崇的Phoebe推出了Chloé的春夏系列，兼具洋娃娃般甜美与复古</t>
  </si>
  <si>
    <t>世界上最昂贵油画蒙难记</t>
  </si>
  <si>
    <t>“这幅画是一生一次的收藏。”国际化妆品巨头劳德说。　　    近日，奥地利著名画家古斯塔夫·克利姆特的作品《阿黛尔·布洛赫·鲍尔的肖像》以1.35亿美元的成交价被国际化妆品巨头罗纳德·劳德收购，创下迄今世界上单幅油画的最高拍卖纪录。 　　    此前，毕加索的名画</t>
  </si>
  <si>
    <t>纪念币：真金白银典藏世界杯</t>
  </si>
  <si>
    <t>随着2006年世界杯战火燃遍德国，国内掀起了一浪高过一浪的购买“世界杯”热潮。足球文化已被浓缩于与世界杯相连的纪念产品之中：一件球衣、一双球鞋、一只足球，特别是有关世界杯的纪念币，身价随比赛进展而陡升。　　世界杯带动纪念币热销　　    2006世界杯足球赛6月9?</t>
  </si>
  <si>
    <t>中国金融体系不完善有三大表现</t>
  </si>
  <si>
    <t>曾担任过央行行长的天津市市长戴相龙24日晚在“中美金融研讨会”上发表演讲时说，中国金融改革效果显著，已初步形成适应市场体系的金融体制框架，但中国金融体系依然很不完善。　　    他说，中国在1993年做出金融体制改革的决定并提出了改革的目标。经过13年的改革，目前?</t>
  </si>
  <si>
    <t>医药产业应全面国产化</t>
  </si>
  <si>
    <t>北京大学中国经济研究中心李玲教授在题为“两会以后医疗体制改革的趋势”的讲座中提出，中国医药产业应仿效印度，实行全面国产化。　　    她指出，“十一五”规划中第一次提出“加大政府投入力度，认真解决群众看病难，看病贵的问题”，强调政府角色的作用，提出“强化政?</t>
  </si>
  <si>
    <t>黑龙江对俄投资外汇政策放宽</t>
  </si>
  <si>
    <t>本报哈尔滨电 日前，经国家外汇管理局黑龙江省分局批准，黑龙江省龙兴国际资源开发集团有限公司将980万美元的前期费用汇往俄罗斯参加项目投标，并成功获得俄罗斯联邦图瓦共和国克兹尔-塔什特克锌铅多金属矿资源的开采权。　　    据了解，自我国同意黑龙江省先期放宽对俄投</t>
  </si>
  <si>
    <t>WTO公布农业和非农产品市场准入协议草案</t>
  </si>
  <si>
    <t>本报日内瓦电 世界贸易组织(WTO)22日公布了多哈回合谈判中最为关键的问题——农业和非农产品市场准入问题的协议草案，并希望下周在日内瓦举行的世贸组织成员高层会议能以此为基础进一步谈判，以便达成一致。　　    世贸组织成员关于农业和非农产品市场准入问题的谈判包括?</t>
  </si>
  <si>
    <t>海尔牵手NBA打造全球化品牌</t>
  </si>
  <si>
    <t>本报讯 近日，美国职业篮球协会(NBA)与国际篮联(FIBA)“亚洲区篮球无疆界”活动在上海举行，作为NBA的全球性战略合伴，海尔集团赞助了一个重点社区活动——“NBA关怀行动社区传承计划”。　　    这是自今年4月份海尔启动牵手NBA冲击全球化品牌战略以来的第一项活动。　?</t>
  </si>
  <si>
    <t>中国产业升级为欧洲公司带来商机</t>
  </si>
  <si>
    <t>本报阿姆斯特丹电 伴随着经济迅速发展，中国诸多产业面临着新一轮技术升级，这为包括荷兰在内的许多欧洲公司和科研机构提供了巨大的机遇和挑战。　　    这是22日在荷兰首都阿姆斯特丹举行的“中荷商务论坛”上传出的信息。荷兰经济部官员皮特·沃斯多帕在论坛发言时表示，</t>
  </si>
  <si>
    <t>日本制定经济增长战略大纲</t>
  </si>
  <si>
    <t>本报东京电 据日本《产经新闻》报道，日本政府21日公布了其为中长期经济增长制定的《经济增长战略大纲》草案相关内容。草案划定了带动日本经济发展的20个领域的产业振兴政策，列出了以10年为单位的“进度表”。　　    这份大纲草案以经济产业省发布的“新经济增长战略”为</t>
  </si>
  <si>
    <t>专家呼吁：建立联合治疗网络体系</t>
  </si>
  <si>
    <t>6月24日是世界脑卒中日。近年来，脑血管病（即脑卒中）发病率在全球呈现不断上升趋势。在最近召开的天坛国际脑血管病会议上，各国专家和学者一致指出，脑血管病不仅需要全社会长期预防，而且医护人员要联合建立脑卒中治疗网络体系</t>
  </si>
  <si>
    <t>日本年轻人愿为工作牺牲约会</t>
  </si>
  <si>
    <t>本报讯 日本研究机构22日公布的报告称，越来越多的日本年轻人甘愿为工作而牺牲约会时间。　　    日本“社会经济生产性本部”对今年春季刚刚就业的年轻人进行调查后发现，80%的被调查者表示，他们愿意为加班而取消约会。这家调查机构指出，在1991年的类似调查中，只有62%的</t>
  </si>
  <si>
    <t>印度劳工成本上升逼退部分外资</t>
  </si>
  <si>
    <t>今年5月底，美国苹果公司遣散了在印度班加罗尔子公司的大多数员工，并且取消了在班加罗尔设立技术支持中心的计划。分析人士指出，苹果公司之所以从印度撤资，主要是为当地劳工成本上升所迫。　　    对从印度撤资一事，苹果公司发言人史蒂夫·道林只是轻描淡写地说，公司已</t>
  </si>
  <si>
    <t>英国科斯塔拟在中国开咖啡店</t>
  </si>
  <si>
    <t>本报伦敦电 提供休闲消费类产品和服务的英国惠特布雷德有限公司日前透露，旗下科斯塔咖啡店计划与中国的悦达集团合作，未来几年内在华开设300家连锁咖啡店。　　    根据计划，惠特布雷德先期将投入约370万美元资金。具有意大利风格的科斯塔咖啡店明年初将首先出现在上海。</t>
  </si>
  <si>
    <t>国内金融服务业成国际并购“香饽饽”</t>
  </si>
  <si>
    <t>本报上海电 中国金融服务业对外开放进程明显加快，这也吸引更多的境外投资机构的浓厚兴趣，并成为国际并购的“香饽饽”。　　    普华永道会计师事务所日前发布的一份调查报告称，虽然亚洲金融服务业的并购活动仍然受到监管政策及企业文化差异等问题的困扰，但由于预期市场</t>
  </si>
  <si>
    <t>国际机构力荐欧洲手机辐射标准</t>
  </si>
  <si>
    <t>“我们想告诉中国的消费者，凡是辐射值低于国际标准的手机都是安全的，尽管它们的辐射值有大有小。”　　    在中国公众热议手机辐射对健康的影响之际，移动通讯制造商论坛(MMF)秘书长麦可·密利根日前专程来到中国，就相关问题予以澄清。　　低于限值的手机都是安全的</t>
  </si>
  <si>
    <t>在美上市中国公司对《萨奥法》准备不足</t>
  </si>
  <si>
    <t>本报讯 今年7月15日开始，所有在美国上市的外国企业，必须执行《萨班斯-奥克斯利法》（简称《萨奥法》）。美国法律专家警告说，在美国上市的中国企业目前的准备情况并不令人乐观。　　    全球十大律师事务所之一——路伟国际律师事务所芝加哥分所的魏康馨律师说，执行《萨</t>
  </si>
  <si>
    <t>法国春天百货公司被出售</t>
  </si>
  <si>
    <t>本报巴黎电 法国皮诺—春天—雷都集团20日发表声明，以10.75亿欧元的价格将旗下春天百货公司出售给意大利富商毛里齐奥·博莱蒂。　　    声明指出，出售春天百货公司的原因是博莱蒂愿意大量投资，使之成为欧洲最大的百货公司之一。声明还援引博莱蒂的话说，春天百货公司将?</t>
  </si>
  <si>
    <t>3家航空公司上欧盟黑名单</t>
  </si>
  <si>
    <t>本报布鲁塞尔电 欧盟委员会20日公布了不安全航空公司“黑名单”的首次更新情况，又有3家航空公司的航班被完全禁止在欧盟成员国运营或穿越欧盟领空。　　    3家被加入“甲级黑名单”的公司分别是苏里南的“蓝翼航空”、吉尔吉斯斯坦的“天空之门国际航空”和“星捷航空”。</t>
  </si>
  <si>
    <t>高油价下石油消费比重将下降</t>
  </si>
  <si>
    <t>本报华盛顿电 据美国能源部能源情报署20日发表的预测报告，油价居高不下将抑制全球石油消费，未来20多年石油在全球能源消费中所占比重将下降。　　    报告预计，到2030年国际油价平均为每桶57美元。这一数字比该机构一年前所作预测高出35%。由于油价处于高位，届时石油在?</t>
  </si>
  <si>
    <t>日本决定共同开发下一代半导体技术</t>
  </si>
  <si>
    <t>日前，东芝、日本电气、富士通以及由日立制作所和三菱电机合资组成的瑞萨电子等日本主要半导体生产厂商，决定在今年年底之前共同研究开发45纳米以下的下一代大规模系统集成电路的设计规格，统一技术标准，以加强同美国、韩国等半导体生产厂商的竞争。　　    小型化、低耗?</t>
  </si>
  <si>
    <t>中美连锁组合打破家电零售潜规则</t>
  </si>
  <si>
    <t>美国最大的电器连锁商之一——百思买与江苏五星电器的中美连锁组合，将给中国的家电连锁模式带来巨大的冲击。　　    近年来，快速发展的中国家电连锁企业尽管拥有了数百家连锁店面，但拥有店面并不必然具有竞争优势，商业模式应该是中国连锁业取胜的关键，就像当初中国家?</t>
  </si>
  <si>
    <t>婴儿纸尿裤：小产品“贴”上大市场</t>
  </si>
  <si>
    <t>“中国的纸尿裤市场刚刚进入发展期，消费需求增长速度惊人。”世界著名生活用纸生产企业美国金佰利公司中国区总裁邵青锋近日在北京说，中国的纸尿裤市场每年保持了60%的高增长率，其中高档纸尿裤的增长率达到270%。　　我国婴儿纸尿裤的市场占有率不足10%　　    随着健?</t>
  </si>
  <si>
    <t>全球电信设备业加速整合</t>
  </si>
  <si>
    <t>芬兰诺基亚和德国西门子两家公司19日宣布合并电话设备业务，交易金额预计高达250亿欧元。分析人士称，此举可能迫使摩托罗拉和北电网络也加入这一并购大潮。　　    在电信设备领域，像诺基亚和西门子这样的业务合并并非首例，此前还有瑞典爱立信收购英国马可尼，阿尔卡特和</t>
  </si>
  <si>
    <t>欧盟新成员抱怨欧元区门槛过高</t>
  </si>
  <si>
    <t>本报华沙电 据波兰《选举报》19日披露，立陶宛明年初加入欧元区的申请因其通货膨胀率“超标”被拒绝后，部分在2004年加入欧盟的中东欧新成员日前起草了一份信函，抱怨加入欧元区的标准过于严格。　　    据报道，波兰、捷克、匈牙利、拉脱维亚和斯洛伐克等欧盟新成员国在这</t>
  </si>
  <si>
    <t>铁矿石谈判结束 “中国价格”未出现</t>
  </si>
  <si>
    <t>本报上海电 记者从权威渠道获悉，宝钢集团代表中国钢厂20日与铁矿石主要生产商必和必拓(BHP)公司达成价格协议，精粉矿和块矿价格比上个年度上涨19%。这一涨幅与此前为全球大多数钢铁生产商接受的“首发价格涨幅”一致。　　    宝钢与另外两家铁矿石巨头——澳大利亚力拓集</t>
  </si>
  <si>
    <t>诺华在美国召回儿童止咳贴片</t>
  </si>
  <si>
    <t>本报华盛顿电 瑞士诺华公司消费者保健品部19日宣布，在美国全国范围内召回商标为“Triaminic”的用于治疗儿童感冒咳嗽的贴片产品。  　　    据悉，美国一名儿童使用这种贴片后，误将其放入口中咀嚼，导致癫痫发作。虽然这名儿童当天就恢复正常，但此事仍使诺华消费者保健?</t>
  </si>
  <si>
    <t>日本商家看好博客广告</t>
  </si>
  <si>
    <t>博客的影响力正在获得消费品生产商的重视。在日本，博客广告正在成为营销的一股新势力。据最新一期《日经周报》报道，在日本，包括博客广告等形式在内的联属网络广告(affiliate ad)在2005财年估计已占网上所有广告的10%。　　    可口可乐(日本)公司今年1月营销其改良后的?</t>
  </si>
  <si>
    <t>特色旅游不应忽视</t>
  </si>
  <si>
    <t>随着韩国电视连续剧《大长今》的热播，不仅使得韩国影星李英爱受到空前的追捧，也使得韩国文化包括服饰、饮食等受到极高的评价，其剧中展现的韩国饮食尤其使人垂涎欲滴。于是在随之而来的赴韩国旅游热中，饮食成为了一个吸引游客的重要因素。受此启发，笔者以为旅游不应当忽?</t>
  </si>
  <si>
    <t>全球资本流动潜藏危机</t>
  </si>
  <si>
    <t>本报讯 美国《华盛顿邮报》近日发表《全球资本在流动》一文，认为近来全球股市下挫，折射出全球资本流动潜藏的危机。　　    文章说，如今投资资本越来越具有全球性。国际货币基金组织的报告显示，2004年，美国人的国外投资额达8560亿美元，外国人在美国投资1.44万亿美元；</t>
  </si>
  <si>
    <t>美国航空公司力主对私人飞机加税</t>
  </si>
  <si>
    <t>如今，越来越多的美国公司高层乘私人飞机旅行，不但影响了商业航班的正常运行，所付费用过低还招致各航空公司的不满。许多航空公司呼吁，对私人飞机加征税费。　　    私人飞机因其舒适性及便利性深受公司高层青睐。他们不必像其他乘客一样在机场排队检票、安检、登机，而?</t>
  </si>
  <si>
    <t>俄罗斯科技成果对接中国企业潜力巨大</t>
  </si>
  <si>
    <t>本报福州电 在第四届中国福建项目成果交易会上，俄罗斯专家项目成果成为一个亮点。以世界著名科学家、俄罗斯科学院院士沃伦科夫为代表的俄罗斯科学院西伯利亚分院的专家们带来了一批重要项目成果，涉及化学、通信电子、采矿、能源等领域，这些项目技术引起了不少企业的关注。</t>
  </si>
  <si>
    <t>石油三巨头为暴利辩护</t>
  </si>
  <si>
    <t>本报华盛顿电 国际三大石油公司总裁18日在美国NBC电视节目中表示，对石油企业来说，只有高额利润才能保证长期投资开发。　　    去年，埃克森-美孚、壳牌、康菲等全球大石油公司利润总额超过1000亿美元，招致消费者甚至美国国会的不满。18日，壳牌、雪佛龙和康菲公司的总裁</t>
  </si>
  <si>
    <t>法国国有企业的发展沿革与管理模式</t>
  </si>
  <si>
    <t>尽管位于亚欧大陆的两极，法国和中国在国家观、文化、传统乃至价值取向上，都有很多异曲同工之处。当前，在几乎全世界都在高举自由贸易大旗、推进市场化进程、探讨私有化细节的时候，回顾并考察法国国有企业的历史发展与现状，可能是个很有意思，并且也很有意义的话题。　?</t>
  </si>
  <si>
    <t>彭磷基：广州最早的“城市运营商”</t>
  </si>
  <si>
    <t>彭磷基，男，出生于香港，祖籍广东番禺，祈福集团董事长，毕业于香港英皇中学，于美国读建筑本科，在加拿大获建筑硕士学位，在中国各地从事房地产业30年。　　    主要业绩有香港锦绣花园、康乐园、回力球场，台湾“台北小城”，广州番禺祈福新村。曾经获得过中国房地产十?</t>
  </si>
  <si>
    <t>沃伦·本尼斯(Warren G.Bennis)</t>
  </si>
  <si>
    <t>沃伦·本尼斯(Warren G.Bennis)是美国当代杰出的组织理论、领导理论大师。他曾是四任美国总统的顾问团成员，并担任过多家《财富》500强企业的顾问。1993年及1996年两度被《华尔街日报》誉为“管理学十大发言人”，被《福布斯》杂志称为“领导学大师们的院长”，《金融时报》?</t>
  </si>
  <si>
    <t>世界首部手机电影长片完成</t>
  </si>
  <si>
    <t>随着摄像手机的普及，不但大众对手机摄像趋之若鹜，就连专业的电影导演也加入到了手机摄像的行列中。根据美联社日前的报道，一部长达93分钟的意大利纪录片于近日完成拍摄，号称世界首部由手机完成全部拍摄的电影长片。　　    报道透露，这部纪录片名为《新爱的集会》。与?</t>
  </si>
  <si>
    <t>印度经济已经起飞,但能飞多高？</t>
  </si>
  <si>
    <t>过去，印度一直是一个在经济上被忽视的大国；如今，发达国家的商业计划中都有着印度的身影。跨国企业争相到印度寻找机会，即便是季风到来前的酷暑季节，孟买、班加罗尔和金奈(原名马德拉斯)街头仍能见到步履匆匆的外国生意人。在经过一系列改革后，东方古国印度的经济终于起?</t>
  </si>
  <si>
    <t>法国商店周日营业禁令再起风波</t>
  </si>
  <si>
    <t>本报巴黎电 法国《费加罗报》经济版15日刊登了一份告示，抗议法院禁止商店周日营业。　　    名为“让我们工作”的协会在《费加罗报》刊登的这份告示声称，“在一个拥有250万失业人口、总理及其政府宣称将就业问题作为当务之急的国家，这份判决让人不可理解”。　　    ?</t>
  </si>
  <si>
    <t>美国71个城市房价过高</t>
  </si>
  <si>
    <t>本报华盛顿电 据美国调查机构提供的最新数字，今年第一季度，美国71个城市房价过高，面临价格调整风险。其中，房价最高城市大部分集中在加利福尼亚州和佛罗里达州。　　    美国国民城市银行公司和全球财经研究公司联合进行的调查显示，尽管近几个月来，美国全国房价涨幅持</t>
  </si>
  <si>
    <t>建行打包出售10亿元抵债资产</t>
  </si>
  <si>
    <t>本报讯 中国建设银行16日发布消息说，日前打包出售了账面价值9.6亿元的抵债资产，DAC资产管理有限公司和法国东方汇理银行以账面价值19%的价格赢得了交易。此次交易是中国抵债资产处置领域的一次创新——卖方第一次以不设立保留底价(最低销售价格)的公开竞价方式出售资产。?</t>
  </si>
  <si>
    <t>高能源价格可能导致美国通胀加剧</t>
  </si>
  <si>
    <t>本报华盛顿电 美国联邦储备委员会主席本·伯南克15日表示，高能源价格可能降低美国经济增长速度，同时导致通胀加剧，美联储要对通胀预期保持警惕。　　    伯南克当天在芝加哥经济俱乐部发表讲话说，能源和商品价格上涨可能是导致最近美国核心消费价格上升的部分原因。虽然</t>
  </si>
  <si>
    <t>温州鞋企勇于应对欧盟反倾销</t>
  </si>
  <si>
    <t>欧盟对中国鞋业反倾销影响日渐加深，而永不服输的温州人却愈挫愈奋，力图以多元化的市场战略化解反倾销的不利影响。　　反倾销不利影响逐渐加深　　    自4月7日起，欧盟对我国皮鞋征收为期6个月的临时“反倾销税”，温州一些以欧盟为主要出口市场的鞋企随后出现了出口订</t>
  </si>
  <si>
    <t>香港企业伺机进军西南物流市场</t>
  </si>
  <si>
    <t>广西、云南这两个地处中国——东盟自由贸易区前沿地带的中国西南省区，正前所未有地受到港人的高度关注。香港特别行政区行政长官曾荫权在出席日前于昆明召开的“第三届泛珠三角区域合作与发展论坛”之前，特地率领香港经贸考察团的多位物流业界精英“旋风访问”中国西南第一?</t>
  </si>
  <si>
    <t>男性体内有生育生物钟</t>
  </si>
  <si>
    <t>美国科学家的最新研究显示，男性体内具有生育生物钟，随着男性年龄增大，他们生育健康孩子的能力会逐渐衰退。　　    加州大学伯克利分校和劳伦斯-利弗莫尔国家实验所的科学家们共同完成了这一研究。研究侧重于不同年龄的男性精子中基因受损和突变的情况。参与研究的97名男</t>
  </si>
  <si>
    <t>广东服装对欧美出口首现负增长</t>
  </si>
  <si>
    <t>本报广州电 广州海关最新统计显示，今年5月份，广东服装对美国和欧盟的出口额分别为两亿和1.6亿美元，比去年同期分别下降21.8%和2.2%。　　    海关人士认为，招标价格的上升导致对美欧出口的持续下降。据悉，受年初国内市场人为炒作影响，对美欧出口数量招标价格过高，致?</t>
  </si>
  <si>
    <t>全球非处方药行业面临大整合</t>
  </si>
  <si>
    <t>6月6日是全球医药巨头美国辉瑞制药公司允许外界对其非处方药(OTC)业务竞标的截止日期。强生、拜耳、诺华等国际知名医药企业都积极竞标，英国葛兰素-史克公司更是报出了150亿美元高价。分析人士称，各大医药公司对非处方药的浓厚兴趣反映出行业大整合的时机已经成熟。</t>
  </si>
  <si>
    <t>加快建设3条欧亚洲际运输通道</t>
  </si>
  <si>
    <t>本报上海电 在15日举行的上海合作组织工商论坛上，中国交通部副部长冯正霖建议上合组织成员国进一步加大对公路基础设施的投入，加快建设贯通中国-中亚-欧洲的3条东西运输大通道。　　    冯正霖说，建立区域公路运输通道是全面发展区域经济合作的先决条件。中国目前已加大?</t>
  </si>
  <si>
    <t>利比亚油气区块招标年底前举行</t>
  </si>
  <si>
    <t>本报突尼斯电 利比亚国家石油公司负责人加尼姆日前宣布，将在年底前举行第三轮石油天然气区块招标。　　    加尼姆说，第三轮招标将沿用前两轮公开招标授予区块的办法，以提高透明度。　　    据悉，为体现公平竞争原则，利比亚政府2004年制定了新的石油法和产量分成办法</t>
  </si>
  <si>
    <t>美国经济增长显露放慢迹象</t>
  </si>
  <si>
    <t>本报华盛顿电 美联储14日发表的全国经济形势调查报告说，虽然美国经济在今年4月中旬至6月初继续扩张，但也出现一些增速放慢迹象。　　    这份报告是根据美联储所属12个联邦储备银行的调查结果编制的，所收集信息截至6月5日。报告说，在所有12个联邦储备区中，有4个地区经?</t>
  </si>
  <si>
    <t>手机辐射标准再度引发关注</t>
  </si>
  <si>
    <t>手机辐射标准的问题在中国已有多年历史，近日随着美国的一份报告而急剧升温，再次引发了人们的广泛关注。　　摩托罗拉“辐射门”受关注　　    近日，美国联邦通讯委员会发布的一份调查报告列出了手机辐射最强最弱各10款，在前10款辐射值最高的手机排行榜中，摩托罗拉占?</t>
  </si>
  <si>
    <t>全球股市暴跌害惨投资者</t>
  </si>
  <si>
    <t>多数股市分析师建议，鉴于目前状况，今后投资者应选择发展稳定、盈利率高以及地区多样性强的大公司股票。　　  13日，交易者在美国纽约证券交易所内忙碌。美国股市近期不断下跌，并引发全球股市大范围大幅度下挫。（新华社/路透） 　　    本报纽约电 据路透社13日报道，</t>
  </si>
  <si>
    <t>中国农产品企业再次告倒美国商务部</t>
  </si>
  <si>
    <t>本报讯 记者14日从中国食品土畜进出口商会(简称“食土商会”)得到最新消息，美国国际贸易法院刚刚做出判决，美国商务部在进口虾反倾销案(简称“虾反”)中，对来自中国的暖水虾采取了不公正的替代价格。根据判决结果，美国商务部应在90天内重新修正“虾反”案的结果。</t>
  </si>
  <si>
    <t>肯德基在美国遭消费者组织起诉</t>
  </si>
  <si>
    <t>本报讯　美国一个消费者权利组织13日起诉肯德基连锁店，认为这家著名快餐连锁店使用的烹调油反式脂肪含量过高。　　据报道，这个名为“公共利益科学中心”的消费者权利组织在诉状中要求，肯德基应该使用反式脂肪含量较低的?</t>
  </si>
  <si>
    <t>《欧盟宪法条约》能否“起死回生”</t>
  </si>
  <si>
    <t>欧盟首脑会议将于本月15日和16日在欧盟总部所在地布鲁塞尔召开，主要议题涉及《欧盟宪法条约》的未来命运。分析人士认为，要使《欧盟宪法条约》得到各成员国批准，依然面临较大困难。　　    自法国、荷兰去年先后在公投中否决《欧盟宪法条约》以来，欧盟至今尚未就下一步?</t>
  </si>
  <si>
    <t>美国多数家庭财务状况良好</t>
  </si>
  <si>
    <t>本报华盛顿电 美国联邦储备委员会主席本·伯南克13日表示，绝大多数美国家庭目前财务状况良好，但一些低收入家庭仍面临挑战。　　    据报道，伯南克当天在一个会议上发表讲话时说：“美国家庭总体上能较好地管理个人财务。平均而言，家庭债务负担处于可控制水平上，消费信</t>
  </si>
  <si>
    <t>电子化采购将成各国政府采购发展方向</t>
  </si>
  <si>
    <t>联合国国际贸易法委员会(简称贸法会)近日在美国纽约召开了政府采购工作组第九届会议。60个国家及相关国际组织的代表，一道讨论增订和修改《贸易法委员会货物、工程和服务采购示范法》(简称《示范法》)。　　    据中国代表团成员、中央财经大学教授徐焕东透露，本次会议讨?</t>
  </si>
  <si>
    <t>金价连跌：都是“世界杯”惹的祸？</t>
  </si>
  <si>
    <t>伴随着世界杯的一声哨响，国际金价也跌破了605美元/盎司。12日，国际现货黄金价格在亚洲市场报收于603.50美元/盎司，比6月9日纽约市场收盘价605.10美元下跌了1.60美元/盎司。　　    截止到13日，国际市场黄金价格已经连续跌了7天，我国许多在前一段时期高位入市的投资者大</t>
  </si>
  <si>
    <t>美国大企业股票回购资金创新高</t>
  </si>
  <si>
    <t>本报纽约电：据《华尔街日报》12日报道，今年以来，美国企业大量回购股票，以期在股市动荡时增加每股收益。    报道说，根据标准普尔公布的数据，今年第一季度，标准普尔500指数成分股公司用于股票回购的资金高达1000亿美元，较去年同?</t>
  </si>
  <si>
    <t>中资企业在外比较优势未完全体现</t>
  </si>
  <si>
    <t>本报讯 6月13日，世界银行集团发布一项针对中国企业对外直接投资的调查报告，该报告显示，除性价比和质量外，中国企业在中国市场拥有的所有其他比较优势均未能在国际市场上体现。　　    根据调查，目前33%至59%的企业认为其在国内市场的比较优势遍及品牌、人力资源、技术?</t>
  </si>
  <si>
    <t>美国股市陷入“阴雨期”</t>
  </si>
  <si>
    <t>美国华尔街最近可谓“阴雨连绵”，纽约股市三大股指12日延续上周跌势。其中，标准普尔500种股票指数收于年内最低点，而纳斯达克综合指数也已连续7个交易日下行。市场人士认为，由于能源价格居高不下、美国通货膨胀压力上升及经济增速未来有可能放缓等原因，美国股市近来遭遇?</t>
  </si>
  <si>
    <t>英国公司屡遭收购引发利弊之争</t>
  </si>
  <si>
    <t>航空港口、货运码头、银行、证券公司、手机公司……目前，似乎无论什么行业、什么规模的英国公司，都被外国企业列入了收购名单。　　    在一向高呼贸易自由的英国，出现了两种截然相反的声音：“变卖英国”，太平无事或者大难临头。　　    有报道说，英国第一大港口集?</t>
  </si>
  <si>
    <t>中国鞋企被欧盟套上倾销“小鞋”</t>
  </si>
  <si>
    <t>自6月2日起欧盟对我国皮鞋征收的临时反倾销税率从4.8%上升至9.7%，这使国内鞋业出口企业更加举步维艰，如何努力“扛住”将会变得越来越高的反倾销税，成为制鞋行业当前面对的最大难题。　　出口欧盟订单锐减　　    自今年4月7日开始，欧盟对中国产部分皮鞋征收临时性反?</t>
  </si>
  <si>
    <t>韩国三个“不”抑制房产投机</t>
  </si>
  <si>
    <t>近年来，韩国房价不断走高，出现了明显的泡沫化迹象。据统计，首都首尔的公寓住宅价格较3年前平均上涨24%，在高档住宅云集的首尔江南地区，房价比5年前高出121.8%。　　    去年8月31日，韩国推出《不动产综合对策》，从实现房地产市场透明化、抑制投机欲望和扩大供给三个?</t>
  </si>
  <si>
    <t>英国假货每年卖掉100亿英镑</t>
  </si>
  <si>
    <t>本报伦敦电 从香烟、香水到手袋、服装，各种名牌商品的仿造品在英国到处都是。据估计，英国每年出售的假冒商品价值高达100亿英镑。　　    英国《星期日泰晤士报》11日报道，如今英国假冒商品泛滥。一个代表世界200家名牌企业的反假冒商品组织说，在2004年英国国内查获的假</t>
  </si>
  <si>
    <t>飓风“阿尔贝托”触动油市神经</t>
  </si>
  <si>
    <t>美国国家飓风中心11日发表报告说，今年首个“有名有姓”的大西洋热带风暴“阿尔贝托”在当天形成，预计将于当地时间13日晨登陆美国佛罗里达州。　　    一些分析人士担心，这场飓风可能对美国墨西哥湾地区的石油作业造成负面影响，糟糕的天气状况将再次触动国际油市的脆弱?</t>
  </si>
  <si>
    <t>威廉·爱德华·戴明(W.Edwards.Deming)</t>
  </si>
  <si>
    <t>管理学之父彼得·德鲁克称他“对日本和美国都产生了难以估量的影响”；以他的名字命名的“品质奖”，至今仍是日本品质管理的最高荣誉；他对工业历史的影响让他人望尘莫及；由他提出的质量管理理论作为一种管理哲学，已经被企业界广泛采纳并应用于生产经营的各个环节。</t>
  </si>
  <si>
    <t>从不干涉被拍对象的马克·吕布</t>
  </si>
  <si>
    <t>当代油画家张晓刚、当代女性艺术家林天苗、新媒体独立艺术家王功新、中国先锋雕塑家展望以及法国摄影大师马克·吕布(Marc Riboud)，日前以其非凡的艺术才情和独立的创意思维，获得了2006年度“马爹利非凡艺术人物”殊荣。　　    在颁奖典礼前，记者采访了马克·吕布。和每</t>
  </si>
  <si>
    <t>家具企业品牌升级的六大支柱</t>
  </si>
  <si>
    <t>截至2005年年底，国内家具企业数量已多达五万家，生产总值达到了3400亿元，已经超过加拿大，成为仅次于美国的世界第二大家具生产国。根据中国家具业协会的最新数据预测，在未来10年内，中国家具行业将会至少保持两位数字以上的增长速度，这意味着家具行业步入了第二个高速发?</t>
  </si>
  <si>
    <t>G8财长峰会：高油价威胁全球经济</t>
  </si>
  <si>
    <t>为期两天的八国集团(G8)财长会议10日在俄罗斯第二大城市圣彼得堡结束。本届财长会议重点讨论了如何保证全球经济平稳发展，并以能源安全为重点，探讨油价高涨、通货膨胀、全球贸易、美元汇率等议题。　　高油价威胁经济　　来自美国、加拿大、日本、德国、英国、法国、意?</t>
  </si>
  <si>
    <t>设立金融控股公司的五大原则</t>
  </si>
  <si>
    <t>在金融业综合经营全球化趋势下，金融控股公司模式已被美国、日本等国家和我国台湾地区采用，我国学界与金融业界亦对这一模式的运用达成共识。建立金融控股公司是提高金融资源使用效率的重要途径，大势所趋。本文认为设立金融控股公司应遵循五大原则。　　第一， 具有明确的</t>
  </si>
  <si>
    <t>德国房地产价格 评估机构说了算</t>
  </si>
  <si>
    <t>德国实行土地私有制，但各级政府对土地的使用都有严格规划，哪些土地只能用作住宅区，哪些土地只能用作商业区，甚至建筑与空地的面积比等，开发商都必须遵循政府规划。但是，政府不规定房地产价格，开发商也不能说了算，德国的房地产价格取决于独立的房地产价格评估机构。?</t>
  </si>
  <si>
    <t>美证交会可能修改薪酬披露制度</t>
  </si>
  <si>
    <t>近几周来，多起在美国上市公司涉嫌操纵股票期权为高管牟利事件曝光，美国证券交易委员会等监管机构开始对此进行调查。有消息说，美国证交会打算再次修改今年1月份刚刚通过的高管薪酬披露提案。　　    所谓股票期权，是指买卖双方按约定价格在特定时间买进或卖出一定数量股</t>
  </si>
  <si>
    <t>各国央行加息 全球股市震荡</t>
  </si>
  <si>
    <t>本报伦敦电 在各国中央银行纷纷加息的刺激之下，全球股市与期货市场8日剧烈震荡，掀起抛售风潮。 　据英国媒体9日报道，在欧洲央行宣布将基准利率提高0.25个百分点后，韩国、印度、丹麦及南非央行随后跟进，纷纷宣布提高利率。有迹象表明，美国联邦储备委员会将在本月之内连?</t>
  </si>
  <si>
    <t>中日韩呼吁加强航空合作</t>
  </si>
  <si>
    <t>本报首尔电 来自中国、韩国和日本的政府官员和专家9日在韩国仁川呼吁，中日韩三国有必要加强地区航空合作，推动建立共同的航空市场。　　    在当天举行的首届东北亚航空自由化国际学术研讨会上，韩国外交通商部贸易谈判局局长金贤钟说，北美和欧洲已分别于上世纪70年代和9</t>
  </si>
  <si>
    <t>北京秀水街又被法国公司告上法院</t>
  </si>
  <si>
    <t>本报讯 北京秀水街再次被法国商人告上法院，北京市第二中级人民法院日前受理了法国拉科斯特衬衫股份公司诉北京市秀水豪森服装有限公司及部分商户侵权纠纷系列案件。　　    法国拉科斯特衬衫股份公司诉称，其“鳄鱼”商标在法国获得注册，核定使用商品为成衣、衬衫等。至今</t>
  </si>
  <si>
    <t>我国临空经济升温 将成新增长点</t>
  </si>
  <si>
    <t>20世纪80年代初，沿海地区利用低成本的海运物流优越性，成功地发展了临海型工业经济。如今，随着电子信息产业革命进程的加快，航空运输这种快速便捷的运输方式的作用日益显现，国内许多空港城市开始将目光投向机场，在其周边地区建设科技型临空经济区。　　    记者最近在?</t>
  </si>
  <si>
    <t>美联储主席还得当好“语言大师”</t>
  </si>
  <si>
    <t>本·伯南克1月31日接替艾伦·格林斯潘就任美国联邦储备委员会主席。4个多月过去了，伯南克在同市场沟通方面出了不少问题，招来一些不满和批评。有人形象地说，如果说格林斯潘是用晦涩的语言发出准确信号的话，伯南克则经常用明确的语言发出模糊的信号。　　    伯南克的起?</t>
  </si>
  <si>
    <t>高调促准入 低调谈摩擦</t>
  </si>
  <si>
    <t>本报讯 “外国资本进入中国市场，不仅有助于中国经济增长，还能为像你们这样的未来大学毕业生提供更好的就业机会。”　　    6月8日，在中国人民大学逸夫楼，面对台下数百张年轻的面孔，第一次在中国大学演讲的欧盟贸易委员曼德尔森，如此“拉拢”中国大学生，“高调”宣讲</t>
  </si>
  <si>
    <t>外资吸引力：欧洲上升中国略降</t>
  </si>
  <si>
    <t>世界投资大会日前在法国举行，安永国际会计师事务所7日向出席会议的各国企业界和政界人士公布了一项最新研究报告。报告说，近一年来欧洲投资环境大为改善，中国对外资吸引力有所下降，但中国仍是全球制造业最受欢迎的投资地。　　    据悉，安永的这份报告以自己的数据资料</t>
  </si>
  <si>
    <t>欧盟和欧佩克对高油价表示不安</t>
  </si>
  <si>
    <t>本报布鲁塞尔电 欧盟和欧佩克7日在布鲁塞尔举行第三次部长级能源对话。双方官员在会后的记者招待会上表示，目前的高油价将影响石油生产国和消费国的经济和社会发展。　　    欧佩克轮值主席、尼日利亚石油资源国务部长埃德蒙·道科鲁称，欧佩克成员国对目前的高油价并不感?</t>
  </si>
  <si>
    <t>国际油价应声下跌</t>
  </si>
  <si>
    <t>本报纽约电　由于美国石油库存增加，国际原油期货价格7日大幅下跌。　　美国能源部当天公布的每周油品库存报告显示，上周美国汽油库存增加100万桶，达2.103亿桶；美国原油商业库存增加110万桶，达3.466亿桶；其他油品库</t>
  </si>
  <si>
    <t>加息呼声依然高涨</t>
  </si>
  <si>
    <t>尽管央行行长周小川表示现在还谈不上是否会再次加息的问题，但在欧洲央行和美联储纷纷加息的背景下，坊间加息的消息依然流传，市场上加息的呼声依然高涨。支持加息的经济学家和分析师认为，当前利率水平明显偏低，从根本上导致投资过热，贷款过快增长，房地产市场投机过度。$</t>
  </si>
  <si>
    <t>新加坡“政府组屋”让低收入者有房住</t>
  </si>
  <si>
    <t>据统计，87%的低收入新加坡家庭拥有组屋，以三室一厅居多，使用面积在100平方米左右，但一个家庭只能拥有一套，如果要买新组屋，旧房就必须退掉。　　    新加坡是一个城市型国家，土地资源匮乏。但通过发展由政府投资兴建的“政府组屋”，不仅满足了居民基本住房需求，而?</t>
  </si>
  <si>
    <t>三大财长会议连轴开 热议油价汇率</t>
  </si>
  <si>
    <t>本周连续召开的三大财长会议成为全球共同关注的焦点事件。6日和7日，欧元区财长会议和欧盟财长会议先后在卢森堡举行，八国集团财长会议9日将在俄罗斯召开。　　    尽管三大财长会议讨论的内容有所不同，但主要关注的问题大多和油价、汇率相关——欧元区财长会议对欧元走强</t>
  </si>
  <si>
    <t>美国楼市今年继续降温</t>
  </si>
  <si>
    <t>本报华盛顿电 美国房地产经纪人协会6日预测说，今年美国房地产市场将继续降温，该协会还呼吁美联储停止加息。　　    美国房地产经纪人协会当天调低了对今年全美旧房销量的预期，预计今年将比去年下降6.8%，为660万套；新房销售量今年将比去年下降13.4%，为111万套。该协会</t>
  </si>
  <si>
    <t>船型混乱揽了三峡船闸“胃口”</t>
  </si>
  <si>
    <t>近日，三峡工程总公司枢纽管理部负责人向记者透露，由于过往船舶标准杂乱，目前三峡船闸空间的实际利用率只有70%左右，而远不及三峡船闸规模的德国莱茵河船闸利用率超过90%，货物实际通过总量比三峡船闸多六倍。　　    早在上个世纪80年代“葛洲坝时期”，船型标准化问题?</t>
  </si>
  <si>
    <t>SK电讯否认收购联通10%股份</t>
  </si>
  <si>
    <t>本报讯 6月6日，国外媒体爆出韩国最大的移动电话运营商SK电讯(SKT)计划出资约11亿美元购买中国联通10%的股份，但SK电讯(SKT)韩国发言人Chai Young Hoon否认了该传闻，称“SK电讯目前暂不会考虑这类投资计划”，而中国联通有关人士称目前没有可以披露的事实。　　    受到传</t>
  </si>
  <si>
    <t>世界杯对德国经济贡献有多大</t>
  </si>
  <si>
    <t>世界杯赛事究竟能给德国经济带来多少好处？德国国内众说纷纭。一些人预计这场足球盛会将推动德国经济增长，也有人认为，世界杯的经济效益不可高估。　　    去年年底，长期低迷的德国经济出现复苏迹象。德国权威研究机构GfK集团最新调查报告预测，受世界杯赛事影响，今年6?</t>
  </si>
  <si>
    <t>日本村上基金总裁被捕 东京股市大跌</t>
  </si>
  <si>
    <t>本报东京电 由于涉嫌与活力门公司进行内线交易收购日本电视台公司股票，东京地方检察院特别搜查部5日逮捕了日本村上投资基金总裁村上世彰，引发当日东京证券交易所股票行情剧烈波动。　　    据调查，村上世彰在2004年11月获悉活力门将收购日本电视台超过5%以上的股份。根?</t>
  </si>
  <si>
    <t>日本男性护肤品市场迅速扩大</t>
  </si>
  <si>
    <t>在日本，洗面奶、爽肤水、眼霜、乳液，这些基础护肤品已不再是女性专利。日本经济产业省数据显示，2005年日本男性护肤品销售比前一年增长了12%，达到145亿日元(1美元约合112日元)。　　    化妆品生产商资生堂的一项调查显示，70%的日本男性认为修饰外表相当重要。据最新一</t>
  </si>
  <si>
    <t>美国房价增势放缓</t>
  </si>
  <si>
    <t>本报纽约电 据美国联邦房屋企业监督办公室日前公布的报告，今年第一季度美国房价指数同比增幅达12.5%，但增长速度已开始下降。　　    报告还显示，与去年第四季度相比，一季度美国房价指数仅增长2%，为2004年一季度以来新低。　　    过去一年，美国房价上涨最快的是亚?</t>
  </si>
  <si>
    <t>世界杯与全球股市的“亲密关系”</t>
  </si>
  <si>
    <t>德国世界杯本周末就开踢了。　　    香港某报日前曾刊登过一篇文章，说的是在重要比赛中一支球队的胜负对球队所属国(地区)的股市影响很大。这在德国世界杯足球赛进入倒计时之刻，颇有敲警钟的意味。 　　    文章说，去年底3位学者发表了题为《体育情绪与股票回报》的论?</t>
  </si>
  <si>
    <t>美国出口增加 贸易逆差减小</t>
  </si>
  <si>
    <t>贸易逆差不断扩大最近几年一直是困扰美国经济的头等难题。现在有分析人士提出，国外需求增加和美元持续贬值可能让美国贸易赤字从今年下半年开始逐渐收窄。　　    美国《商业周刊》的文章指出，日本和欧洲的经济已从长期低迷中走出，由此带动的需求增加是美国出口激增的主?</t>
  </si>
  <si>
    <t>苏曼特拉·戈沙尔(Sumantra Ghoshal)</t>
  </si>
  <si>
    <t>苏曼特拉·戈沙尔(Sumantra Ghoshal)是国际知名的管理学权威之一。他是设立于英国的高级管理研究院(Advanced Institute of Management Research)成员，伦敦商学院策略和国际管理学教授，也是哈佛商学院监委会成员、印度商学院(Indian School of Business)第一任院长。</t>
  </si>
  <si>
    <t>亨利·保尔森：入主美国财政部的“华尔街之王”</t>
  </si>
  <si>
    <t>有关美国现任财政部长约翰·斯诺将辞职的传闻近一年多来一直闹得沸沸扬扬。5月30日，此事终于有了一个明确的结果。美国总统布什在白宫玫瑰园正式宣布，提名全球著名投资银行高盛公司董事长兼首席执行官亨利·保尔森出任财政部长，接替当天早些时候宣布辞职的约翰·斯诺。</t>
  </si>
  <si>
    <t>银行收费的国际惯例</t>
  </si>
  <si>
    <t>每一次的银行收费，似乎都有“国际惯例”在保驾护航，那么，国际上的银行，到底有着怎样的收费惯例?　　据了解，在很长的一段时间里，西方银行对设置存款账户是免费的。直到上个世纪60年代，随着银行业和金融业的发展，银行开</t>
  </si>
  <si>
    <t>手表从记时工具走向投资品种</t>
  </si>
  <si>
    <t>世界杯战火烽烟未起，庆祝世界杯开赛的限量版手表已经在全球面市。　　    国际著名球星欧文自1998年开始担任瑞士名表——天梭全球运动大使，适逢四年一度的世界杯，天梭再次推出了全新欧文PRC200限量珍藏版手表，全球限量发行4999块，中国地区限量1500块，每块手表标价360</t>
  </si>
  <si>
    <t>高额外汇储备与我国经济的结构性弊端</t>
  </si>
  <si>
    <t>今年2月，中国首次超越日本，成为全球外汇储备第一大国。3月，外汇储备又增长了200多亿美元，高达8751亿美元。按照目前趋势，今年外汇储备超过10000亿已是指日可待。高额的外汇储备引起了国内外的广泛关注，也引发了关于外汇的适度规模、外汇储备的资产管理、外汇储备的资产?</t>
  </si>
  <si>
    <t>香港海洋公园入选10大主题公园</t>
  </si>
  <si>
    <t>本报香港电 香港海洋公园2日表示，该公园被国际著名福布斯杂志网页(Forbes.com)选为全球10大最受欢迎主题公园之一。　　    据介绍，美国《福布斯》杂志按去年入场人次，列出全球10大主题乐园，将于明年庆祝30周年的香港海洋公园也榜上有名。其他上榜的包括美国、东京及巴?</t>
  </si>
  <si>
    <t>中国银行何以成功上市</t>
  </si>
  <si>
    <t>众所瞩目的中国银行香港上市，在港股近期反复震荡的情况下，仍取得巨大成功。中国银行上市首日逆市而升，以3.4港元收盘，比发行价上涨15.3%，成交额高达200.6亿港元。　　    中国银行此次上市，共募集资金754.27亿港元，打破2000年美国电讯业巨头AT&amp;T无线业务上市纪录，是</t>
  </si>
  <si>
    <t>俄美两名宇航员成功完成太空行走</t>
  </si>
  <si>
    <t>本报莫斯科电 在国际空间站工作的俄美两名宇航员2日成功完成了约6个半小时的太空行走，更换并回收了一些实验设备。　　    据俄地面飞行控制中心发布的消息，太空行走自莫斯科时间2日凌晨2时48分(北京时间6时48分)开始，到9时19分结束。原计划太空行走时间为5小时30分，然?</t>
  </si>
  <si>
    <t>美国网上售车渐成气候</t>
  </si>
  <si>
    <t>美国加利福尼亚州企业家斯科特·佩因特日前创建了汽车销售网站Zag，美国第一大汽车零售商AutoNation公司计划本月内推出网络营销方案。还有消息说，亚马孙网上销售公司也将进入汽车销售领域。　　    一些汽车行业分析师认为，上述事件预示着美国传统汽车零售业面临一场网络</t>
  </si>
  <si>
    <t>欧洲电信运营商下调手机漫游费</t>
  </si>
  <si>
    <t>本报布鲁塞尔电 数家欧洲电信运营商6月1日宣布下调手机跨境漫游费。　　    当天宣布降价的电信运营商包括德国T-Mobile公司、英国橙移动电话公司、意大利电信公司、瑞典特利亚-索内拉电信公司、挪威电信公司等。这些公司宣布，将为互相之间的跨境漫游收费设定平均批发价格?</t>
  </si>
  <si>
    <t>开拓越南建材市场正逢“黄金期”</t>
  </si>
  <si>
    <t>作为东盟“新秀”的越南，其经济正进入快速增长期，房建、公路、电站等基础设施建设项目不断上马，居民私人住宅建设也出现了新一轮的热潮，但因工业基础较差和研发水平较低等原因，越南建材市场的高端产品一直处于供不应求的状态。　　    广西社科院东盟问题专家古小松博?</t>
  </si>
  <si>
    <t>手术治疗近视：商业利益下的扭曲</t>
  </si>
  <si>
    <t>手术治疗近视技术的出现,给近视患者带来治疗的新选择。同时，准分子激光治疗近视手术这项技术进入中国市场20多年来，也一直争议不断。最近，国内眼科界的16位专家就目前准分子激光治疗近视手术存在的几大问题，上书卫生部，呼吁尽快出台相关法规，规范和遏制其中日益泛滥的商</t>
  </si>
  <si>
    <t>美国公司到中学撒网捞人才</t>
  </si>
  <si>
    <t>美国人才市场竞争日趋激烈，迫使许多美国公司不仅为优秀大学毕业生提供丰厚的签字费，而且将猎才行动伸向高中生。　　    据美国《商业周刊》报道，美国45所中学参与了一项名为“虚拟企业”的合作计划，邀请商业人士帮助学生创办并经营虚拟企业，同时在职业道德和工作技能?</t>
  </si>
  <si>
    <t>开发省油机型——波音领先空客紧追</t>
  </si>
  <si>
    <t>油价居高不下，省油型飞机自然更受全球各大航空公司欢迎。分析人士指出，从该角度考虑，波音公司似乎更有优势，空中客车还需奋起直追。　　    美国《商业周刊》撰文指出，在油价不断攀升的情况下，全球多家航空公司争相订购预计2008年投入运营的波音787，因为这种机型比传</t>
  </si>
  <si>
    <t>微软牵头挑战苹果iPod</t>
  </si>
  <si>
    <t>本报纽约电 微软5月31日宣布，公司将与东芝、胜利、日本电信电话-多科莫等公司联手，在日本市场推出与苹果iPod相抗衡的媒体播放器。　　    据悉，微软将负责相关软件研发工作，东芝和胜利负责制造硬件设备。多科莫公司将推出一款与微软软件兼容的手机，用户可以将电脑上的</t>
  </si>
  <si>
    <t>台资企业大陆上市：由平淡走向灿烂</t>
  </si>
  <si>
    <t>在江苏省江阴市举行的海峡两岸首次以上市公司之间合作与发展为主题的高峰论坛5月30日步入尾声。然而，对于100多家踊跃报名参加此次高峰论坛的台湾企业来说，这场两岸上市公司间“第一次亲密接触”的后续效应还相当深远。正如与会者所言，此次高峰论坛中，大陆方面通过多重口?</t>
  </si>
  <si>
    <t>朝鲜投资基金获准在英筹资</t>
  </si>
  <si>
    <t>本报伦敦电 据英国《金融时报》5月30日报道，朝鲜第一家专项投资基金“朝鲜开发与投资基金”已获英国金融管理局许可，将在英国市场募集资金。　　    该基金负责人表示，将把筹集到的资金优先投资于朝鲜矿产、金融和能源行业，因为这些行业能够快速有效地为朝鲜赚取外汇。$</t>
  </si>
  <si>
    <t>英国人制成橡胶板铺设两用路</t>
  </si>
  <si>
    <t>本报伦敦电 英国首条橡胶公路本周将开通，火车和汽车可以使用同一路面，而路面材料是利用废旧轮胎制成的橡胶镶嵌板。　　    据英国媒体5月30日报道，这条公路建在北安普敦郡科比附近的一条废弃铁路轨道上，全长只有400米，整条线路铺设橡胶镶嵌板，大约耗资20万英镑。公路</t>
  </si>
  <si>
    <t>财长换人 美国货币政策不会大变</t>
  </si>
  <si>
    <t>美国总统布什5月30日提名高盛公司董事长亨利·保尔森接替当天宣布辞职的约翰·斯诺担任财政部长。许多分析人士认为，保尔森在美国货币政策上的调子不会大变。　　    按照程序，这一提名还有待美国参议院批准，但外界预计保尔森获任问题不大。参议院财政委员会一名发言人说</t>
  </si>
  <si>
    <t>3G中国标准缘何受国际同行青睐</t>
  </si>
  <si>
    <t>近日，法国电信加入TD-SCDMA技术论坛的消息引起了海内外的广泛关注。这则消息之所以如此引人注目，是因为法国电信作为第一家国外运营商加入3G中国标准组织所传递出的强烈信号：3G中国标准开始受到海外运营商的青睐。　　    可以说，3G中国标准从出生之日到现在，一直是在?</t>
  </si>
  <si>
    <t>日本将加大海外油田投资</t>
  </si>
  <si>
    <t>本报东京电 日本经济产业省下属顾问团日前出台了《国家能源新战略》报告最终改订稿，提出日本应当加速海外油田投资，到2030年将海外油田独立开采原油占本国进口原油比例从目前的15%提高到40%。　　    在国际能源争夺愈演愈烈的情况下，《国家能源新战略》旨在通过增加日本</t>
  </si>
  <si>
    <t>韩国鼓励投资“特别石油开发基金”</t>
  </si>
  <si>
    <t>本报首尔电 韩国产业资源部30日宣布，政府计划对“特别石油开发基金”的投资者提供税收等方面的优惠，并建立风险担保制度。　　    将于今年下半年推出的“特别石油开发基金”是韩国政府提高本国油气自主开发的又一努力。去年，由韩国政府、学术界和石油专家组成的海外资源</t>
  </si>
  <si>
    <t>家乐福今年在华新开20家超市</t>
  </si>
  <si>
    <t>本报巴黎电（记者陈俊侠）据法国《回声报》29日报道，家乐福计划今年在全球新开100家大型超市，其中20家设在中国。      《回声报》援引家乐福监督委员会主席吕克·万德维尔德的话说，虽然家乐福在中国市场的销售额只占其全球总销售</t>
  </si>
  <si>
    <t>欧佩克将维持现有日产配额</t>
  </si>
  <si>
    <t>欧佩克将于6月1日在委内瑞拉首都加拉加斯举行部长级会议，主要讨论国际石油市场形势，并确定今年第三季度的产量政策。从各方表态来看，本次会议很可能决定维持目前日产配额不变。　　    阿联酋石油和矿产部长哈姆利5月29日表示，由于市场供应良好，欧佩克在6月1日的会议上</t>
  </si>
  <si>
    <t>保护传统文化老课题又成新热点</t>
  </si>
  <si>
    <t>据世界旅游组织预测，到2020年，中国将成为全球入境旅游第一大国，出境旅游第四大国。“十一五”期间，旅游业，特别是有民族传统文化特色的旅游业将大有可为。　　    随着旅游开发的日益深入，一系列新问题的出现应让国人警醒：中国传统的“端午节”被韩国成功申报世界非?</t>
  </si>
  <si>
    <t>台资企业大陆上市无障碍</t>
  </si>
  <si>
    <t>本报南京电 国务院台湾事务办公室副主任郑立中29日表示，开展两岸金融领域合作与交流，是推动两岸经济关系向深层次发展的重要内容。目前，台资企业在大陆A股上市已经完全没有政策障碍，大陆积极鼓励台资企业在大陆上市。　　    郑立中在江苏江阴举行的“海峡两岸上市公司?</t>
  </si>
  <si>
    <t>瑞士：休闲度假不可或缺</t>
  </si>
  <si>
    <t>“上帝是吝啬的，但对瑞士人除外。”所有到瑞士旅游的人都会不由自主地发出这种感慨。国土面积不过4.2万平方公里的瑞士拥有得天独厚的自然条件，是天然的旅游胜地。除了湖光山色的自然美景、冷暖适宜的气候外，还提供全方位的商业、休闲和娱乐设施，是旅游者心中的天堂，而身</t>
  </si>
  <si>
    <t>基金介入改变大宗商品投资策略</t>
  </si>
  <si>
    <t>最近几年，纽约商品交易所期铜交易量增加50%，原油期货交易量几乎翻番。英国《经济学家》撰文指出，大宗商品交易量大幅增加主要是受到共同基金的推动。　　    德意志银行的迈克尔·刘易斯表示，投资这一市场的基金已经从2002年的200亿美元增加到现在的900亿美元。这些基金</t>
  </si>
  <si>
    <t>美欧中产阶层不再迷恋中档市场</t>
  </si>
  <si>
    <t>全球范围的中产阶层出现了跨层次消费趋势——“升级消费”(Trading Up)和“降级消费”(Trading Down)，从而开始影响商家的经营策略。　　    英国《经济学家》日前撰文称，直到上世纪90年代，各收入阶层的购物选择还大都反映了其消费能力——金字塔尖的富豪阶层大多购买奢?</t>
  </si>
  <si>
    <t>“肯定列表”不能歧视中国产品</t>
  </si>
  <si>
    <t>本报讯 5月29日，日本正式开始实施“食品中农业化学品残留肯定列表制度”(以下简称“肯定列表制度”)，商务部新闻发言人崇泉在当天举行的新闻发布会上回答《经济参考报》记者提问时表示，“肯定列表制度”已不仅仅是一个技术标准的问题，它关系到贸易的公平性，我国呼吁日本?</t>
  </si>
  <si>
    <t>钨品出口三大风险不容忽视</t>
  </si>
  <si>
    <t>福州海关有关专家近日分析指出，目前我国钨品出口价格攀升虽有利于提升出口企业利润，但钨矿开采和钨品生产出口却存在三大风险。　　    一是钨原料价格协商机制遭破坏，贸易投机扰乱市场。随着一些无证生产企业加入钨矿的开采和钨冶炼企业的重复建设，原有的双边协商机制?</t>
  </si>
  <si>
    <t>零售巨头败走韩国凸显本土化管理缺失</t>
  </si>
  <si>
    <t>沃尔玛、家乐福败走韩国的例子说明，即便是在跨国公司迅速扩张的今天，把握全球化和本土化之间的平衡，依然是令人难以琢磨的问题。　　零售巨头败走韩国　　    5月22日，全球第一大零售商沃尔玛(Wal-Mart)宣布，将其在韩国的分公司股份以8.82亿美元的价格转让给韩国的新</t>
  </si>
  <si>
    <t>沿海劳动密集型产业转移 区域分工版图重构</t>
  </si>
  <si>
    <t>20世纪80年代，发达国家和地区因土地、劳动力成本上升，纷纷把纺织制衣、塑料玩具等劳动密集型制造业，转移到中国沿海地区。如今，这一产业转移图景在中国大陆内部地区之间再次出现。　　    今年以来，沿海劳动密集型产业向中西部规模性转移的序幕开始拉开。有关专家预测?</t>
  </si>
  <si>
    <t>雅虎、eBay结盟 中国电子商务呈微妙格局</t>
  </si>
  <si>
    <t>全球互联网大竞合时代自5月25日开始，这一天雅虎、eBay宣布，双方将建立为期数年的战略合作伙伴关系，旨在通过合作更好地为美国的用户、商家以及广告界提供服务，从而使双方共同受益。合作协议包括四个主要部分，内容涉及搜索和图片广告、在线支付、联合品牌工具条、“点击呼</t>
  </si>
  <si>
    <t>收藏葡萄酒回报率超越股市</t>
  </si>
  <si>
    <t>当众多国人热衷于收藏古董、珠宝黄金的时候，一些藏家的目光开始转向“液体收藏”葡萄酒。　　葡萄酒有“液体资产”之称　　    藏酒不仅具有品尝和收藏的乐趣，还能使财富增值。在国际上，葡萄酒被称之为“液体资产”，这是由其独特的收藏价值所决定的。　　    葡萄?</t>
  </si>
  <si>
    <t>Balenciaga 巴黎世家</t>
  </si>
  <si>
    <t>巴黎世家品牌的创立者克里斯托巴尔·巴伦西亚加(Cristobal Balenciaga)1895年出生在西班牙的一个渔村。他13岁那年父亲去世，家庭从此陷入贫困境地。母亲迫于生计，只好以裁缝为生，巴伦西亚加在母亲的影响下开始学习针线和剪裁，并逐渐对服装设计产生了浓厚兴趣。　　    ?</t>
  </si>
  <si>
    <t>孔翰宁&amp;刘积仁：从成功的学者到成功的商人</t>
  </si>
  <si>
    <t>5月22日下午两点，SAP董事会主席兼首席执行官孔翰宁和东软集团董事长兼首席执行官刘积仁出现在媒体面前，兴奋之情溢于言表——上午，这两家公司在中德两国总理的见证下签署了战略合作协议。　　    根据协议，双方将充分整合各自的优势与竞争力，在中国企业管理软件的研发?</t>
  </si>
  <si>
    <t>安然丑闻最大主角被判有罪</t>
  </si>
  <si>
    <t>“这一判决有助于为美国上市公司在历史上臭名昭著的一章画上句号。”　　    ——《萨班斯-奥克斯利法案》起草者之一、美国众议院财政委员会主席奥克斯利在25日审判结果公布之后如是说。　　美国休斯敦联邦地区法院陪审团经过5天讨论，于25日宣布安然公司前董事长肯尼斯?</t>
  </si>
  <si>
    <t>美参院通过移民改革法案</t>
  </si>
  <si>
    <t>本报华盛顿电 经过数月辩论，美国参议院最终于25日通过了美国20多年来改革力度最大的一项移民法案，使得数百万非法移民有机会最终成为美国公民。　　    法案主要包括两部分内容，一是使美国约1200万非法移民当中的一部分人获得合法身份，二是加强边境管理，防止非法入境。</t>
  </si>
  <si>
    <t>英国推出养老金改革方案</t>
  </si>
  <si>
    <t>英国劳动和社会保障部25日公布了关于养老金制度改革的白皮书。根据改革方案，到2050年英国发放的基本养老金将比现在增加一倍，但公众不仅要推迟几年才能享受到养老金，而且增加部分还主要是自己退休前多掏的钱。　　    这份即将提交议会的白皮书建议，退休年龄自2024年起?</t>
  </si>
  <si>
    <t>欧盟大使支招为诉讼“喊停”</t>
  </si>
  <si>
    <t>本报讯　盟驻华代表团大使赛日·安博25日表示，目前众多欧洲名牌正酝酿起诉中国零售商侵权，为避免即将到来的大量司法追究活动，欧盟提议与中国政府高层达成零售商品知识产权保护谅解备忘录为诉讼“喊停”。　　赛日·安博是?</t>
  </si>
  <si>
    <t>缓解经费压力 美国高校发债忙</t>
  </si>
  <si>
    <t>政府拨款、扩招外国留学生、颁发科研专利使用许可证、校企合作、举行募捐活动等一直是美国高等院校筹措资金的途径，许多高校还聘用一流管理人员经营巨额捐款并从中获利。最近几年，美国高校再次出现通过发行债券募集资金的趋势。　　    5月15日，康奈尔大学发行了总额2.5?</t>
  </si>
  <si>
    <t>欧盟将推广车载车祸自动报警系统</t>
  </si>
  <si>
    <t>本报柏林电 欧盟委员会日前决定，从2010年起，欧盟境内所有新车都将装载车祸自动报警系统，从而使车祸救助更加迅速。　　    据德国《商报》报道，这种自动报警系统能在汽车发生车祸、气囊弹出后立即自动拨打紧急电话，急救中心根据出事车内装载的卫星定位系统准确判断车祸</t>
  </si>
  <si>
    <t>德国将推动欧盟技术创新</t>
  </si>
  <si>
    <t>本报柏林电 德国总理默克尔24日在柏林说，德国在2007年上半年担任欧盟轮值主席国后，将把推动欧盟技术创新作为一项中心任务。　　    默克尔当晚在同“创新和增长咨询委员会”成员举行的第一次会议上说，担任欧盟轮值主席国给德国提供了改善欧盟框架的“绝佳机会”，德国将</t>
  </si>
  <si>
    <t>戴德梁行：中国房地产受外资追捧</t>
  </si>
  <si>
    <t>本报讯 根据国际知名物业机构戴德梁行最新发布的《亚太区投资物业市场报告》显示，资金流入亚洲各国房地产市场的趋势仍将持续，其中，中国最受投资者青睐，是2006年首选的投资地点。　　    报告中的统计显示，今年外资在中国大陆的主要物业投资交易总额为6.26亿美元，以写</t>
  </si>
  <si>
    <t>美国汽油价格今夏好烫手</t>
  </si>
  <si>
    <t>本月最后一个周末，美国人将迎来夏季驾车出行高峰期。与往年不同的是，美国人今年制定出行计划时不仅要考虑目的地和路线图，还要计划好汽油开支。美国能源部预测说，今夏美国汽油价格将维持高位。　　    据能源部公布的数据，美国普通汽油平均零售价本月22日为每加仑2.88?</t>
  </si>
  <si>
    <t>美国人去年花14亿美元玩电脑游戏</t>
  </si>
  <si>
    <t>本报洛杉矶电 美国一家市场研究机构24日发布的调查报告显示，2005年美国人在电脑游戏上的总花费高达14亿美元。　　    路透社援引市场研究机构NPD集团的统计数字说，在上述总开销中，美国人用于电脑游戏以及游戏网站的在线订购费就达3.44亿美元。其中，诸如“魔兽世界”等?</t>
  </si>
  <si>
    <t>江浙企业美国上市首选纳斯达克</t>
  </si>
  <si>
    <t>本报纽约电 美国纳斯达克股票市场24日宣布，已与中国江苏和浙江两省签订了协议，以后来自这两省的中国企业在美国上市将首选纳斯达克市场。　　    纳斯达克在声明中说，已经与江苏省经济贸易委员会和浙江省金融办分别签订了协议，以后这两个省的企业在美国上市，地方政府将</t>
  </si>
  <si>
    <t>上亿美元采购大单难掩国产手机困境</t>
  </si>
  <si>
    <t>日前在天津举行的“2006国际手机产业展览会”上，组委会有关人士透露，今年跨国买家亮出了上亿美元的采购大单。然而，尽管国产手机引起了海外买家的极大兴趣，但其竞争力的下降成为展会备受关注的话题。　　跨国买家云集中国　　    据了解，除来自德国电信、英国沃达丰?</t>
  </si>
  <si>
    <t>韩国家电演绎韩式“科技秀”</t>
  </si>
  <si>
    <t>本报讯 5月23日，在北京国际展览中心举行的北京国际科技产业博览会上演了一场国际顶尖技术的家电“科技秀”。　　    六万平方米的展厅内云集了诺基亚、LG电子、三星、松下、海尔、联想、长虹、TCL等众多国内外知名厂商。LG电子、三星等韩国企业凭借其全系列创新产品再度引</t>
  </si>
  <si>
    <t>欧盟成员国签在线电影章程</t>
  </si>
  <si>
    <t>本报戛纳电 在戛纳电影节与欧盟23日共同举办的第四届“欧洲日”活动中，欧盟各成员国文化部长与电信、互联网及音像制作等领域的大公司代表共同签署《欧洲在线电影章程》，规定了电影业和电信运营商签署商业协议之前的一些先决条件，进一步规范了欧洲在线电影市场。</t>
  </si>
  <si>
    <t>中国标准开始影响世界</t>
  </si>
  <si>
    <t>本报讯 日前，在意大利罗马召开的国际电工委员会(IEC)家用洗衣机分技术委员会大会(IEC/SC59D)上，作为亚洲企业惟一的IEC专家代表，不用洗衣粉洗衣机的开发者，海尔洗衣机总工程师吕佩师的参会，引起了世界家电业的极大关注。　　    “以前，世界标准制定都是由欧美等国家?</t>
  </si>
  <si>
    <t>世行批准对华新《国别伙伴战略》</t>
  </si>
  <si>
    <t>本报讯 世界银行执行董事会日前批准了世界银行集团对中国的新《国别伙伴战略》。该战略适用期为2006年到2010年，总体目标是帮助中国融入世界经济，减少贫困与不平等现象，应对资源短缺和环境挑战，加强金融部门，改善公共部门和市场制度。　　    世界银行行长保罗·沃尔福</t>
  </si>
  <si>
    <t>纽交所并购泛欧添胜算</t>
  </si>
  <si>
    <t>泛欧证券交易所年度股东大会23日否决了德国证交所提出的收购计划，意味着纽约证交所对泛欧的收购希望大增。　　    尽管德交所在股东大会召开前几个小时再度提出新方案，将报价抬高到110亿美元，超过纽交所前一日的102亿美元报价，但仍未获得泛欧股东足够的支持。</t>
  </si>
  <si>
    <t>意大利着力吸引“中国资本”</t>
  </si>
  <si>
    <t>本报罗马电 随着意中经贸往来日益频繁，意大利政府已把吸引中国投资作为经济推动因素之一，投资促进署将中国视为“欧盟之外最重要的资本来源地”。　　    自今年起，意大利投资促进署专门推出针对中国企业的“一站式”服务投资促进方案，不仅帮助中国企业了解意大利的商业</t>
  </si>
  <si>
    <t>荷兰官员为中国企业在欧投资出点子</t>
  </si>
  <si>
    <t>本报海牙电(记者刘黎　田帆)由西荷兰外商投资局等部门主办的中国企业形象展示会23日在荷兰海牙举行。　　    西荷兰外商投资局副局长艾德·范德菲尔在展会上表示，中国企业在荷兰乃至欧洲其他地区投资时经常出现市场调研不够、投资目标不明、不了解当地法规等情况，影响了?</t>
  </si>
  <si>
    <t>难题不少 期盼不小</t>
  </si>
  <si>
    <t>在近日召开的中欧政府采购研讨会上，商务部副部长于广洲透露，我国将于2007年12月底以前，启动加入《政府采购协定》(简称GPA)的谈判程序，并向世界贸易组织提交政府采购市场开放清单。据悉，这是自2001年我国承诺加入《政府采购协定》以来，我国政府首次在公开场合宣布启动谈</t>
  </si>
  <si>
    <t>沃尔玛家乐福因何双双退出韩国</t>
  </si>
  <si>
    <t>全球第一大零售商沃尔玛22日在韩国首都首尔宣布，其韩国分店将作价8.82亿美元转让给韩国新世界集团，从而正式退出韩国市场。一个月前，全球第二大零售商家乐福集团也将自己在韩国的所有分店转让给了当地企业。　　    两大跨国零售集团相继受挫韩国市场，这其中有什么启示?</t>
  </si>
  <si>
    <t>三大央行决策变得不可预测</t>
  </si>
  <si>
    <t>三大经济体央行的货币政策越来越难以预测了。　　    在美国，美联储本月10日再次作出将基准利率提高25个基点的决定，同市场预测如出一辙。然而，此后分析人士却无法对美联储的下一步动作进行判断。　　    在欧洲，欧洲央行去年12月和今年3月分别加息25个基点后，市场人</t>
  </si>
  <si>
    <t>委内瑞拉主张欧佩克减产</t>
  </si>
  <si>
    <t>本报加拉加斯电 委内瑞拉能源和石油部长拉米雷斯22日对媒体说，欧佩克应降低产量以应对目前可能影响油价的市场高库存状况。　　    拉米雷斯认为，针对目前市场的供应水平，欧佩克应该采取减产措施。他说，定于6月1日在加拉加斯举行的欧佩克部长级会议将讨论目前国际石油市</t>
  </si>
  <si>
    <t>全球新兴市场股市遭重挫</t>
  </si>
  <si>
    <t>本报伦敦电 据英国《金融时报》23日报道，由于投资者从风险较大的投资中脱身，转向安全系数较高的国债等，全球股市近日持续震荡，新兴市场更遭受1998年以来最为沉重的打击。　　    报道说，上周开始的这次抛售风潮遍及全球股市，标准普尔500指数首次降到今年1月份水平之下</t>
  </si>
  <si>
    <t>缺乏创新令我纺织大国地位不保</t>
  </si>
  <si>
    <t>中国曾经以廉价的劳动力成本吸引了众多境外企业的青睐和订单，但现在，这样的优势正在迅速消失。　　劳动成本优势正在丧失　　    一份报告说，在加拿大，工人的工资是13.59美元一天，美国是15.13美元，在瑞士是24.12美元。在亚洲，这样高昂的工资是不可想像的。低价竞争</t>
  </si>
  <si>
    <t>浙江：曾被拒的西兰花重“开”日本</t>
  </si>
  <si>
    <t>浙江省临海市上盘镇是全国最大的西兰花生产基地。2002年3月，当地出口的西兰花就因农残超标被日本拒之门外，许多菜农含泪毁菜。痛定思痛，上盘西兰花产业合作社要求社员统一购买农药，科学用药，确保统一安全。当时还曾有三名社员因为不按标准施药而被合作社除名。如今，曾经</t>
  </si>
  <si>
    <t>美国风险投资加入我动画产业链</t>
  </si>
  <si>
    <t>本报讯 日前，全球最主要的风险投资基金之一的美国红杉资本，首期投资750万美元，与湖南宏梦卡通传播有限公司联手，重点进行“虹猫蓝兔”系列动画节目延伸产品的开发、生产和经营。　　    湖南宏梦卡通传播有限公司是一家以信息技术为支撑，专业从事计算机动画软件研究、?</t>
  </si>
  <si>
    <t>网上婚恋市场潜力巨大</t>
  </si>
  <si>
    <t>本报讯 日前在北京举办的国际互联网交友论坛上，美日等国业内人士认为，中国网络婚恋还基本处于未开发阶段，未来的市场容量将远远超过欧洲。　　    据介绍，美国有相当一部分年轻人现在是通过网络结识，走进婚姻殿堂的，在欧洲，注册用户的年纪还会更大。2005年该产业为美</t>
  </si>
  <si>
    <t>辽宁：好东西卖不上好价钱</t>
  </si>
  <si>
    <t>日本“肯定列表”制度实施在即，可辽宁加工企业普遍存在加工技术和设备落后、科技含量较低的问题，好东西也卖不上好价钱。如日本喜欢食用豆，并且东北大豆不是转基因食品，在日本食用豆市场受到青睐，但辽宁出口主要为未加工的黄大豆，产品附加值较低。　　    目前，辽宁?</t>
  </si>
  <si>
    <t>宁夏：“原始”生产方式成了优势</t>
  </si>
  <si>
    <t>日本将于5月29日正式执行“肯定列表”制度。目前宁夏出口日本的农产品主要有枸杞、枸杞汁、速冻枸杞、荞麦、麻豌豆、辣椒粉等，总价值大约800万美元。其中枸杞产业是近年来宁夏重点发展的农业支柱产业，由于枸杞种植面积广，病虫害防治难度大等客观原因，日本“肯定列表”制?</t>
  </si>
  <si>
    <t>挺进“哈雷生活”</t>
  </si>
  <si>
    <t>“年轻时有辆哈雷，年老时有辆凯迪拉克，此生了无他愿”，在美国，这是个尽人皆知的说法。而就在上个月8号，美国顶级摩托车制造商——哈雷戴维森公司在中国内地的首家授权经销商在北京正式开业。　　    其实，谈及哈雷，人们不经意间就会冒出“哈雷文化”、“哈雷方式”这</t>
  </si>
  <si>
    <t>专家呼吁我国加快出台相关规定弥补盲点</t>
  </si>
  <si>
    <t>日前，欧盟委员会在一项新出台的指令中就要求，欧盟各成员国的旅游巴士和面包车的所有座位都必须安装安全带。 　　  据悉，欧盟实施这一措施的目的是为了让欧盟实现到2010年使道路交通死亡人数减少一半的目标。欧盟委员会称，未使用安全带是在欧盟范围内造成道路交通死亡中</t>
  </si>
  <si>
    <t>花旗入股广发行将成为“昨日之梦”</t>
  </si>
  <si>
    <t>“花旗银行要控股(广发行)，中国政府只能让其控制20%。从投资者的角度来说，最好占51%(的股份)，用最少的钱取得最大的权利；最坏的就是占49%(的股份)，那是花最多的钱让人家玩。所以关键是所有权的问题。花旗主要投资集中在香港、新加坡、韩国，因为这三个地方可以百分之百控</t>
  </si>
  <si>
    <t>融资租赁也应加强监管</t>
  </si>
  <si>
    <t>融资租赁发展现状　　  融资租赁虽然在上个世纪50年代才在美国出现，由于其适应了经济迅速发展的需要，其在世界范围内的发展非常迅速。　　  50年代末，融资租赁从美国被引进到北美，60年代传入西欧和亚洲，70年代又传入南美。在美国，融资租赁的业务量发展飞速，一直在?</t>
  </si>
  <si>
    <t>天利发掘毛里求斯商机</t>
  </si>
  <si>
    <t>本报讯 据天利纺纱(毛里求斯)有限公司董事长王安民介绍，公司在毛里求斯投资建设的三期项目得到当地政府支持，投资额将达到5500万美元。　　  天利纺纱(毛里求斯)有限公司是中国山西省天利实业集团在非洲岛国毛里求斯独资建立的棉纺纱企业。自2002年3月开始对毛里求斯投资?</t>
  </si>
  <si>
    <t>海尔拟在印度收购冰箱厂</t>
  </si>
  <si>
    <t>本报新德里电 据当地媒体报道，中国海尔全资子公司海尔印度公司计划在印度收购一家冰箱制造厂。　　  18日出版的印度《经济时报》援引一名海尔印度公司负责人的话说，“自从进入印度市场以来，海尔印度公司一直在寻找制造业的收购机会”。但是，目前还不能确定究竟哪一家公</t>
  </si>
  <si>
    <t>美国中小学禁售碳酸饮料</t>
  </si>
  <si>
    <t>美国数千万名中小学生将无法再在校内购买到碳酸饮料。根据日前公布的一份由美国反肥胖症社会组织和世界主要饮料销售商签订的协议，2010年前美国中小学校只对水、果汁和低脂牛奶在校内销售放行。　　  这项倡议由美国前总统比尔·克林顿的基金会和美国心脏学会组成的“为了?</t>
  </si>
  <si>
    <t>通胀阴霾笼罩华尔街 股市狂跌</t>
  </si>
  <si>
    <t>美国股市最近可谓黑云压城，这块黑云就是逐渐抬头的通货膨胀。　　  17日美国股市收盘时，道琼斯30种工业股票平均价格指数大幅下跌214.28点，跌幅达1.88%，收于11205.61点，以点数计算为3年来最大一次单日下跌。标准普尔500种股票指数下跌16.93点，收于1270.32点，为今年2?</t>
  </si>
  <si>
    <t>甘蔗原素降胆固醇功效遭质疑</t>
  </si>
  <si>
    <t>德国一项研究发现，保健药品的常见成分甘蔗原素并非如宣扬的那样有降低人体胆固醇水平的疗效，其作用与安慰剂没有分别。　　  德国科隆大学的研究人员在日前出版的《美国医学会杂志》上报告说，他们让143名胆固醇高的白人在12周中每天服用最高剂量为80毫克的甘蔗原素或安慰</t>
  </si>
  <si>
    <t>美国国债水平不足以引起恐慌</t>
  </si>
  <si>
    <t>本报华盛顿电 美国财政部长约翰·斯诺17日表示，尽管美国国债水平持续攀升，但与其他国家以及美国历史水平相比仍属于较低水平，没有理由为此感到恐慌。　　  斯诺当天在众议院金融服务委员会作证时说，美国政府应该继续采取措施，降低国债的绝对数额及占国内生产总值的比重</t>
  </si>
  <si>
    <t>民营油企转战巴基斯坦非易事</t>
  </si>
  <si>
    <t>在夹缝中生存的我国民营石油企业，似乎看到了一缕曙光：中国民营石油企业在4月底访问巴基斯坦期间，受到了巴政府的高度重视，双方还就我国民营石油企业在巴投资兴建年产能1000万吨炼油厂等一系列项目，草签了合作意向。　　  然而，分析人士认为，虽然上述合作项目值得庆贺</t>
  </si>
  <si>
    <t>委内瑞拉调高石油税率</t>
  </si>
  <si>
    <t>本报加拉加斯电 据委内瑞拉媒体报道，委内瑞拉国民议会16日通过了对《石油法》部分条款的修改，决定增设新税种并调高矿区使用费收取比例。　　  据悉，议会通过了增设石油开采税和石油出口税两个税种，并将委内瑞拉国家石油公司、合资石油公司和奥里诺科石油带4家重油开发?</t>
  </si>
  <si>
    <t>美国政府呼吁加强监管对冲基金</t>
  </si>
  <si>
    <t>本报华盛顿电 针对对冲基金扩张势头过猛的问题，美联储和美国财政部高官16日分别呼吁加强这一领域的管理，降低金融风险。　　  美联储主席伯南克16日说：“政府部门应当，也将尽力避免1998年金融危机时(对于对冲基金)疏于管理的情况再次发生。”　　  美国财政部副部长兰</t>
  </si>
  <si>
    <t>麦当劳“整容” 加盟店埋单</t>
  </si>
  <si>
    <t>麦当劳开始对全球3万家店面实施一项“改头换面”的计划——舒适的扶手椅、时尚的吊灯、Wi-Fi接口以及优质咖啡，都将成为麦当劳的店面特征。这是自上世纪80年代初增设儿童游乐区之后，麦当劳进行的第一次大调整。　　  据美国《商业周刊》报道，麦当劳原有的巨大红色屋顶将?</t>
  </si>
  <si>
    <t>国际体育拥抱中国：中国家电品牌获世界承认</t>
  </si>
  <si>
    <t>近年来，国际顶级体育赛事频频向中国企业抛出橄榄枝，中国企业特别是正在走向国际市场的中国家电企业，在很短的时间内成了国际体育赛场的新明星。　　  中国家电明星海尔，在不到一年的时间内不仅成为奥运会的白色家电赞助商，而且在美国家喻户晓的NBA比赛也使用海尔高清电</t>
  </si>
  <si>
    <t>“珍珠卖出土豆价”折射产业困局</t>
  </si>
  <si>
    <t>几乎每个到过海南天涯海角，或“亚洲第一滩”广西北海银滩的游客都能看到这么一幕：三五个手持着数十串珍珠项链的女贩子围住过往游客极力推销商品，她们最有代表性的“广告词”是——“很便宜的，一串珍珠只卖一斤土豆的价钱”。　　    2005年，我国珍珠产量达1500吨，占全?</t>
  </si>
  <si>
    <t>我国地区差距短时间内难以缩小</t>
  </si>
  <si>
    <t>本报讯 日前在国家发改委联合欧盟召开的第一届“中国—欧盟区域经济发展研讨会”上，专家表示，尽管我国地区差距扩大的速度趋缓，但我国地区差距短时间内难以缩小。　　    国务院发展研究中心区域和战略研究部研究员李善同表示，与上世纪90年代相比，2000年以来我国地区差距</t>
  </si>
  <si>
    <t>美国楼市完全市场化 猫腻难藏</t>
  </si>
  <si>
    <t>美国房地产市场规范、成熟，房地产业完全市场化。　　    为客观及时地反映房地产市场状况，美国政府部门和权威机构定期发布有关数据和指标，主要包括商务部公布的建筑开支、新房开工量和新房销售量，全国房地产经纪人协会公布的旧房销售量，美国联邦住房抵押贷款公司公布的?</t>
  </si>
  <si>
    <t>中国民企将在巴基斯坦建千万吨炼油厂</t>
  </si>
  <si>
    <t>据不久前从巴基斯坦访问归来的中国企业家介绍，中国和巴基斯坦已经就中国民营石油企业在巴建设千万吨级炼油厂等项目拟订了合作意向。　　    据了解，中国全国工商联代表团由全国工商联副主席胡德平率领，共有近60位民营能源企业代表参加，其中民营石油企业家近40位。该代表?</t>
  </si>
  <si>
    <t>欧盟：漫游费下调已成必然</t>
  </si>
  <si>
    <t>关于手机漫游费的争论在欧盟日趋激烈。欧盟委员会一位发言人日前证实，该委员会即将提交一份旨在降低欧盟境内手机漫游费的条例草案。这一消息在欧盟各国电信监管机构和电信运营商中产生了巨大反响。　　欧盟降价想法由来已久　　    早在2004年12月，欧盟委员会便联同成员国?</t>
  </si>
  <si>
    <t>全球铁矿石价格谈判再添“变数”</t>
  </si>
  <si>
    <t>一直僵持不下的全球铁矿石合同价格谈判16日出乎意料地“打开了一个缺口”。在欧洲钢铁业并不居于“谈判主力”的德国蒂森克虏伯公司与巴西淡水河谷公司率先宣布达成2006年度铁矿石合同价格协议，精粉矿价较上一年度上涨19%。　　    至记者发稿时止，一直居于“谈判主力地位”</t>
  </si>
  <si>
    <t>政府采购市场开放清单明年底前提交</t>
  </si>
  <si>
    <t>本报讯 我国加入《政府采购协定》(简称GPA)有了时间表。商务部副部长于广洲16日透露，尽管面临不少难题，但我国仍将在2007年12月底前，向世界贸易组织提交政府采购市场开放清单，启动加入《政府采购协定》的谈判程序。　　    在16日召开的中欧政府采购研讨会上，于广洲说，2</t>
  </si>
  <si>
    <t>日本：让用户选择资费标准</t>
  </si>
  <si>
    <t>多年来日本手机资费不断下降，以日本最大移动通信运营商多科莫公司为例，平均月租费已从1983年的1.7万日元下降到2005年4月的4500日元，每分钟标准通话费也从120日元下降到40日元。资费降低的最主要原因是竞争。　　　    在发展初期，日本就有多科莫、日本移动、磁卡、捷风、</t>
  </si>
  <si>
    <t>公共服务力争区域均等</t>
  </si>
  <si>
    <t>本报讯 由以往强调控制区域间经济总量的差距，转向强调缩小不同地区之间的公共服务和居民收入水平的差距，成为中国重塑区域政策框架的重要指导原则。　　    这是国家发展和改革委员会宏观经济研究院副院长王一鸣在15日开幕的“中国—欧盟区域经济发展研讨会”上所做的表述。</t>
  </si>
  <si>
    <t>英国力争人人都有一个体面的家</t>
  </si>
  <si>
    <t>经过几十年建设，英国居民基本解决了“住”的问题。如今，在房地产开发上，英国政府部门考虑的问题之一就是怎样调整不同收入阶层之间的房产结构。为此，政府决策者正在设法利用经济杠杆和立法方式引导楼市更加健康地发展下去。　　    一直以来，英国人对住房就有比较强的投?</t>
  </si>
  <si>
    <t>“农药残留”拉响中国茶业警报</t>
  </si>
  <si>
    <t>本报讯 日前从中国土畜产品进出口商会传出消息，自今年5月和8月起，中国茶叶出口的两个主要市场日本和欧盟将相继实施新的、更为严格的农药残留检测标准，对检测农药残留项目和残留量进行大幅度的增加和提高。此举将对中国茶叶出口造成严重影响，甚至面临在一段时期内失去这两</t>
  </si>
  <si>
    <t>中国廉价摩托车走俏墨西哥</t>
  </si>
  <si>
    <t>本报墨西哥城电 自2001年起，中国的摩托车在墨西哥的销量持续增长，到2005年已占据墨西哥摩托车市场70%的份额。　　    据墨西哥经济部近日公布的数据，2000年墨西哥对中国摩托车的进口额为389.5万美元，到2005年8月进口额已升至3865.2万美元。　　    产自中国的摩托车在墨?</t>
  </si>
  <si>
    <t>高油价“点燃”美国乙醇燃料投资热</t>
  </si>
  <si>
    <t>由于国际油价近期连创新高，美国政府准备通过立法手段促进乙醇等替代燃料的开发利用，一些美国公司闻风而动，纷纷加大了对这一领域的投资。不过，也有业内人士发出警告，乙醇的利润空间将会逐渐缩小，各种客观条件也会限制这种替代燃料在美国迅速推广开来。　　    今年1月31</t>
  </si>
  <si>
    <t>提高首付增税收 瑞士两招抑炒房</t>
  </si>
  <si>
    <t>瑞士房地产市场几起几落，但从未出现过炒房导致房价暴涨的情况，主要原因是政府通过提高买房首付以及税收等政策，形成了“买房少，租房多”的局面。　　    瑞士房价1990年至1992年上涨，1993年下降，1999年至2000年再次上涨，目前已经到达高点。房价上涨的原因是瑞士法郎对?</t>
  </si>
  <si>
    <t>精准营销 营销家族的新宠</t>
  </si>
  <si>
    <t>自从营销之父科特勒给营销下了一个精准的定义之后，营销名词不断更迭，从“关系营销”到“绿色营销”，从“一对一营销”到“直复营销”，从“大众营销”到“精准营销”，或许可以套用一句老话，“对于营销来说，永恒不变的就是它的变”。　　    是大众口味创造着营销理念，?</t>
  </si>
  <si>
    <t>珠三角台商面临产业转型升级压力</t>
  </si>
  <si>
    <t>广州市台资企业协会会长吴振昌拥有一家2万员工的大型鞋厂，他说：近年来珠三角的生产成本大大提高，单是提高最低工资标准一项每月就要多支出200万元，而水费、电费提高，以及各种社保费用不断增加，使企业成本大幅增长，利润率下降。今年欧盟对华鞋类产品反倾销，由于台资在?</t>
  </si>
  <si>
    <t>迈克尔·哈默(Michael Hammer)</t>
  </si>
  <si>
    <t>迈克尔·哈默(Michael Hammer)，美国著名的管理学家，出生于1948年，先后在麻省理工学院获得学士、硕士和博士学位。曾在IBM担任软件工程师，麻省理工学院计算机专业教授，以及Index Consulting集团的PRISM研究负责人。凭借其再造理论及对美国企业的贡献，《商业周刊》称誉哈?</t>
  </si>
  <si>
    <t>蒋晓松：博鳌是一个需要“用心去做”的梦想</t>
  </si>
  <si>
    <t>制作电视纪录片《小屋》在纽约国际电影节上获奖，开发房地产成功创造“博鳌水城”，从事社会活动成为亚洲区域性论坛的重要推动者。谈到自己文化人、实业家、社会活动家等众多身份时，蒋晓松却更愿意强调自己是名“建筑工人”，一位“搭台者”。　　    “我总是希望靠自己在?</t>
  </si>
  <si>
    <t>中国对日可打多张“经济牌”</t>
  </si>
  <si>
    <t>近来，中日政治关系依然在冰点徘徊。日方希望通过打“经济牌”获取政治利益的做法，也越来越明显。　　    针对当前中日政治、经贸关系的这一特点，商务部研究院金柏松研究员在接受本报记者采访时表示，日本的经济复苏与未来的进一步发展越来越依赖于“中国因素”，中国手中?</t>
  </si>
  <si>
    <t>美联储停止加息将增压人民币汇率</t>
  </si>
  <si>
    <t>美国当地时间5月10日，美联储再次将联邦基金利率提高25个基点至5%，这是其自2004年6月来连续第16次以0.25个百分点的相同幅度提息。然而在将利率推至5年来最高位的同时，美联储却首度做出了暗示加息步伐将止的表态。一时间，国际市场对于美元未来走势难以判断。　　    国务院</t>
  </si>
  <si>
    <t>日本化妆品消费复苏</t>
  </si>
  <si>
    <t>随着日本经济好转，日本市场的化妆品消费需求也开始增长。经济产业省数据显示，日本去年化妆品发货量达1.5万亿日元(约合132.7亿美元)，是近8年来的最高水平。　　    据最新一期《日经周报》报道，这一数字比前一年增长了5.9%，但仍比1997年的水平低约134亿日元。　　    在?</t>
  </si>
  <si>
    <t>阿里巴巴进军“企业对个人”业务</t>
  </si>
  <si>
    <t>本报讯 阿里巴巴集团近日宣布，依托亚洲最大的网上购物平台淘宝网，正式推出全新B2C(企业对个人)业务。　　    淘宝网总经理孙彤宇表示，淘宝B2C新模式迥异于以亚马逊为代表的传统B2C模式。　　    传统B2C模式的赢利模式在于压低生产商的价格，进而在采购价与销售价之间赚取</t>
  </si>
  <si>
    <t>电信产业：4000亿元商机如何把握</t>
  </si>
  <si>
    <t>美国微软公司7年前曾预测，中国未来有3000亿元的电子信息产业空间，并为此推出针对中国市场的“维纳斯计划”。近来，随着国家广电总局全面推广青岛市免费向市民提供机顶盒的做法，我国数字电视的推广正式上路，由此带来的可达4000亿元的电子信息产业空间开始破题。如何把握这</t>
  </si>
  <si>
    <t>欧盟提高政府采购公平度</t>
  </si>
  <si>
    <t>本报布鲁塞尔电 欧盟委员会11日针对政府采购通过一项指令，要求政府有关部门在宣布招标结果后不得立即与中标者签署合同，而要留出10天“间歇期”，使投标失败者有机会评估招标过程并决定是否提出申诉。　　    欧盟委员会表示，此举旨在鼓励欧盟成员国的公司跨国竞标政府采购</t>
  </si>
  <si>
    <t>沃尔玛天天低价“笑脸”失色</t>
  </si>
  <si>
    <t>“天天低价”一直是沃尔玛公司的金字招牌。40年来，低价战略帮助沃尔玛由美国阿肯色州本顿维尔的一家小杂货店成长为全球第一大零售商。时过境迁，沃尔玛近来被迫改变深入人心的“低价形象”，就连电视广告中代表低价的“笑脸”商标也被弃用了。　　    据最新一期美国《广告?</t>
  </si>
  <si>
    <t>韩元升值企业叫苦</t>
  </si>
  <si>
    <t>今年以来，韩元对美元汇率已大涨8%以上，韩国公司叫苦不迭。韩国产业银行12日出具的报告说，韩元大幅升值将重创韩国造船业和汽车业。韩国执政党开放国民党当天表示，将敦促货币当局成立外汇平准基金干预市场，抑制韩元升势。　　    今年1月3日，韩元兑美元比价为1008.9：1，</t>
  </si>
  <si>
    <t>跨国公司将在中印增设研发中心</t>
  </si>
  <si>
    <t>布兹-艾伦-汉密尔顿咨询公司和法国INSEAD商学院日前公布了一项针对全球186家大型跨国公司的联合调查结果，约77%的受访企业计划未来3年内在中国或印度设立新的研发中心。　　    调查中发现，许多跨国公司在中国设立研发中心的主要动机有两个，一是为了便于开发迎合中国市场需</t>
  </si>
  <si>
    <t>抗生素对健康“威胁链”延伸</t>
  </si>
  <si>
    <t>1929年英国细菌学家弗莱明发现青霉素，并在临床应用中取得惊人的效果，这标志着抗生素时代的到来，由此人类的平均寿命得以延长。可是由于抗生素的使用会导致耐药细菌的出现，短短几十年后，到20世纪末，过分依赖和滥用抗生素就使人类陷入可能“无药可救”的噩梦。为此，许多?</t>
  </si>
  <si>
    <t>安然丑闻主角重罪难逃</t>
  </si>
  <si>
    <t>美国休斯敦地方法庭对安然公司前任董事长肯尼斯·雷和前首席执行官杰弗瑞·斯基林的审讯进入高潮。在控辩双方证人相继出庭作证之后暂告休庭，15日开始终结辩论，随后进入陪审团审议阶段。从目前情况看，这两位安然公司前高管很可能将深陷囹圄。　　    肯尼斯·雷和杰弗瑞·?</t>
  </si>
  <si>
    <t>三大因素支撑美式足球联盟</t>
  </si>
  <si>
    <t>一年一度的美式足球联盟(NFL)大学“选秀”正紧锣密鼓地进行着。美式足球赛事受到美国人的追捧，靠的是成功的商业运作。　　    与美国职业篮球、职业棒球及职业冰球这3个联盟相比，美式足球联盟在经营上更为成功。在四大联盟中，美式足球联盟的年收入最高，约达60亿美元。该?</t>
  </si>
  <si>
    <t>世界葡萄酒：酿的仍比喝的多</t>
  </si>
  <si>
    <t>国际葡萄及葡萄酒组织提供的信息表明，国际葡萄酒业继续进行调整，市场竞争加剧，主要葡萄酒大国生产和消费放缓，新兴葡萄酒国家则有不俗表现。　　    2005年世界葡萄酒总产量约为282亿升，比2004年减少5.7%。欧盟25国的葡萄酒产量约为164亿升，下降12.3%。其中葡萄酒生产大</t>
  </si>
  <si>
    <t>商业银行代客境外理财蓄势待发</t>
  </si>
  <si>
    <t>2006年4月17日中国人民银行、中国银行业监督管理委员会、国家外汇管理局联合发布《商业银行开办代客境外理财业务管理暂行办法》距今已有20余日。在此期间，各商业银行、投资者、研究者纷纷蓄势待发，进入临战状态。　　银行进入暗战状态　　    中国人民银行南京分行一位</t>
  </si>
  <si>
    <t>德国世界杯影响金融交易</t>
  </si>
  <si>
    <t>本报伦敦电 欧洲一些银行家预计，全球金融市场在德国世界杯足球赛期间将变得相当冷清。　　    据英国《金融时报》9日报道，德国复兴信贷银行很可能在德国世界杯期间暂停发行债券。　　    德国金融资本市场公司的一位老板指出，大多数从事证券业务的人都会避免在德国世?</t>
  </si>
  <si>
    <t>华纳兄弟和BitTorrent化敌为友</t>
  </si>
  <si>
    <t>美国华纳兄弟影业公司9日宣布，已与文件共享服务提供商BitTorrent达成协议，通过后者的下载平台出售华纳兄弟的电影及电视节目。分析人士认为，这一“联姻”进一步奠定了好莱坞与文件共享服务提供商寻求双赢的合作模式。　　    根据协议，从今年夏天开始，200多部华纳兄弟?</t>
  </si>
  <si>
    <t>日本半导体业设备投资将创记录</t>
  </si>
  <si>
    <t>《日本经济新闻》日前汇总的数据显示，2006财务年度，日本半导体行业的计划设备投资总额将超过1万亿日元，达到了10140亿日元，创历史最高记录。其中东芝、索尼、富士通、松下电器等7家公司的半导体设备投资额占到了日本半导体生产设备投资总额的90%以上。　　    由于世界?</t>
  </si>
  <si>
    <t>海外对我国反规避调查激增</t>
  </si>
  <si>
    <t>《欧盟官方公报》不久前发布公告称，怀疑中国输欧香豆素存在经印度尼西亚和马来西亚转运的嫌疑，将对这一产品发起反规避调查。　　    很长一段时间以来，面对欧美发达国家设立的种种贸易壁垒，“走出去”在海外设厂，借助海外其它市场中转已经成为我国企业的重要应对方式?</t>
  </si>
  <si>
    <t>无锡企业境外投资步伐加快</t>
  </si>
  <si>
    <t>日前，美国商务部对由该国企业发起的对我国出口艺术画布反倾销案调查案做出终裁，我国最大的涉案企业和主要被控方——无锡凤凰画材有限公司被判征收77.90%的最低税率。在这被称为“后配额时代中国纺织品遭遇的反倾销第一案”的审理过程中，无锡凤凰画材有限公司已经在企业经?</t>
  </si>
  <si>
    <t>美国报业危机四伏</t>
  </si>
  <si>
    <t>美国报业协会8日公布的数据显示，去年10月至今年3月，美国报纸非周日版日发行量下降2.5%，周日版发行量下降3.1%。业内人士称，除发行量下降外，美国报业集团还面临广告收入减少、投资者要求更换管理层等诸多难题。　　    作为美国最畅销的报纸，甘尼特公司下属《今日美国?</t>
  </si>
  <si>
    <t>汽车“黑匣子”在日本显商机</t>
  </si>
  <si>
    <t>本报东京电 汽车“黑匣子”已在日本投入使用，引起汽车一族的浓厚兴趣。有关人士认为，作为车载电子产品最新成果，汽车“黑匣子”很可能继车载电视、车载导航仪之后掀起新一轮消费热潮。　　    汽车“黑匣子”脱胎于飞机“黑匣子”，不但能记录车辆发生事故的情况，还可记</t>
  </si>
  <si>
    <t>我国铁路世界第一忙</t>
  </si>
  <si>
    <t>本报讯 在中国交通运输协会和东北亚经济论坛日前召开的“中韩国际物流系统研讨会”上，铁道部经济规划研究院王惠臣介绍说，中国铁路用占世界6%的营业里程完成了占世界24%的换算周转量，换算密度为世界平均水平的4倍，是世界上最繁忙的铁路。　　    王惠臣说，2005年，中国</t>
  </si>
  <si>
    <t>欧盟扩大两年 新老成员双赢</t>
  </si>
  <si>
    <t>2004年5月，欧盟一口气吸收了10个经济发展水平相对落后的中东欧国家入盟，从而引发了15个老成员国民众的普遍担心和疑虑，甚至成为《欧盟宪法条约》在法国和荷兰被否决的重要原因之一。  　　    欧盟扩大对新老成员国究竟产生了什么样的经济效应？不妨在欧盟扩大两周年之际</t>
  </si>
  <si>
    <t>四道门槛绊得风电产业步履蹒跚</t>
  </si>
  <si>
    <t>我国风能蕴藏量巨大，开发起步较早。然而，记者在采访中了解到，受政策法规等四道门槛制约，我国风力发电规模小，发展慢，技术落后，甚至被印度等发展中国家远远甩在后面。　　装机总量126万千瓦不及印度一年增量　　    我国是风能大国。中国风能协会副理事长施鹏飞等专家介</t>
  </si>
  <si>
    <t>中国掀起第四次对外并购热潮</t>
  </si>
  <si>
    <t>本报讯 波士顿咨询公司最新发布的研究报告指出，中国正在全球掀起第四次海外并购热潮。　　    该报告对包括南非、印度、马来西亚、巴西、墨西哥、土耳其、俄罗斯和中国在内的13个快速发展经济体自2000年到2004年对发达国家的776项并购案进行了深入分析。　　    报告显示：?</t>
  </si>
  <si>
    <t>安哥拉寻求外资开发矿产</t>
  </si>
  <si>
    <t>本报罗安达电 安哥拉第一届矿业国际博览会日前在首都罗安达举行。主办方希望通过展示安哥拉丰富的矿产资源，招揽国际投资和贸易伙伴。　　    据统计，安哥拉目前已探明的矿产有150种，已开发的矿产却只有3种。安哥拉地质局技术部主任曼努埃尔·萨尔瓦多指出，由于资金、技术</t>
  </si>
  <si>
    <t>美国市场汽车促销优惠大幅减少</t>
  </si>
  <si>
    <t>本报纽约电 美林公司分析师日前提供的数据显示，4月份美国市场汽车制造商的促销优惠额降至平均每辆车2468美元，比3月份减少6.3%，比去年同期减少13%。　　    数据还显示，今年4月份美国市场轿车促销优惠额比一年前减少29%。由于众多厂家与通用汽车新推出的SUV系列展开竞争，</t>
  </si>
  <si>
    <t>抑通胀 美联储再次加息无悬念</t>
  </si>
  <si>
    <t>美国联邦储备委员会将于10日举行年内第三次货币政策会议。市场普遍认为，美联储再次加息毫无悬念，美国联邦基金利率将从目前的4.75%调高至5%。　　    尽管此前市场人士的分析和美联储部分官员的多次表态均显示，本轮加息进程已接近尾声，但最新公布的数据表明美国经济仍在强</t>
  </si>
  <si>
    <t>委将向外国石油公司开征新税</t>
  </si>
  <si>
    <t>本报加拉加斯电 委内瑞拉总统查韦斯7日宣布，委内瑞拉将采取措施增加来自石油行业的税收，其中包括对在委经营的外国石油公司开征新税种。　　    查韦斯当天通过广播电视节目发表讲话时表示，新税种将给政府带来10亿美元税收收入。　　    查韦斯说，委内瑞拉还计划对在奥里?</t>
  </si>
  <si>
    <t>印度企业的发展优势成因何在</t>
  </si>
  <si>
    <t>近来，中印比较成为国际国内的一个时髦话题，印度超越中国的声音时常出现，正反方各执各词，莫衷一是。　　    经济发展与国家实力，犹如体育竞技，所谓比较和较量，从来都是在实力相当的对手之间进行的。尽管印度的经济发展会在短时期内超过中国的预测尚没有得到大范围的认?</t>
  </si>
  <si>
    <t>日本：男子也爱美 消费新热点</t>
  </si>
  <si>
    <t>美容美体这类昔日女性专属项目如今在日本已开始得到男性青睐。拥有令人赏心悦目的外表和举止，已成为越来越多日本男性除事业之外的另一追求。东京一家以步态指导为主打课程的形体训练中心应运而生，日本各行各业的男人们不惜花费重金，也要在该项目课程指导下“重塑自我”。?</t>
  </si>
  <si>
    <t>查尔斯·汉迪(Charles Handy)</t>
  </si>
  <si>
    <t>“不同的管理文化对于组织的健康发展有用而必要，但各种管理方法的选择不是随意的。”查尔斯·汉迪语。　　    查尔斯·汉迪是当代英国最负盛名的管理大师。他不仅具有严谨的逻辑思维能力，同时还具有非凡的想像力，这使他成为新秩序的预言家。他提出了各种管理思想，描述组?</t>
  </si>
  <si>
    <t>印度效仿中国制造业出现复苏迹象</t>
  </si>
  <si>
    <t>当全球制造业者在寻找新的扩张场所时，一直不太为人们所关注的印度工厂开始出现复苏的迹象。这一结果对于印度广大的贫困人口和那些在全球范围内寻求资源的从汽车到胸衣的制造商来说，其影响将是深远的。　　    印度商务部最近发布的报告显示，印度的总出口中的绝大部分是制?</t>
  </si>
  <si>
    <t>华南mall：“硬件奇迹”能否创造“效益奇迹”</t>
  </si>
  <si>
    <t>号称面积世界最大的华南mall(面积超大、功能综合、新一代的购物公园)，近日被美国《新闻周刊》评为“新的世界七大奇迹”之一。在连锁店、超市、购物城之后，mall在中国是否能够再造奇迹，在零售行业引起了激烈的争论。　　    目前，全国各地有10多个mall在破土动工。轰轰烈?</t>
  </si>
  <si>
    <t>日本银行信托投资产品销售火爆</t>
  </si>
  <si>
    <t>本报东京电 国际信用评级权威机构标准普尔日前公布的报告显示，日本银行在销售信托投资产品方面的表现令人吃惊，截至去年底日本银行信托投资产品的国内市场份额达38%。　　    标准普尔认为，日本银行的销售方式、品牌影响力以及庞大的顾客群体有利于出售信托投资产品。日本?</t>
  </si>
  <si>
    <t>全球生物科技行业迎来整合期</t>
  </si>
  <si>
    <t>美国凯龙公司股东大会日前批准了瑞士诺华制药公司对其发出的54亿美元收购要约，这是生物科技公司被传统医药企业吞并的又一案例。　　    华尔街投行雷曼兄弟公司就此指出，未来几年全球生物科技行业必然发生一场大变动，现有的1500多家生物科技公司将在并购大潮中减少一半。?</t>
  </si>
  <si>
    <t>传媒巨头抢购游戏公司</t>
  </si>
  <si>
    <t>美国维亚康姆公司24日宣布，将斥资1.2亿美元收购网络游戏开发商Xfire。一些观察家就此指出，全球传媒巨头已开始对游戏公司发起攻势，要么直接收购要么加强合作，希望从中挖到新的“金矿”。　　    据报道，时代华纳去年宣布向手机游戏公司Glu Mobile注入巨额资金。伦敦手机?</t>
  </si>
  <si>
    <t>开拓越南市场 粤企收获颇丰</t>
  </si>
  <si>
    <t>广东进出口总额居全国首位，去年以来，这个省与越南的经贸关系发展迅速，双方合作的利益空间日益扩大。有关专家建议，越南应该成为我国企业高度重视的一个重要市场。　　经贸往来日益密切　　    越南是一个以农业为主、工业快速发展的东南亚国家，拥有丰富的农作物及矿产资?</t>
  </si>
  <si>
    <t>海藻成分被确认能提升肠道解毒功效</t>
  </si>
  <si>
    <t>日本长濑产业公司在最近召开的日本药学会会议上公布，实验证实海藻中的海藻多酚能提升肠道的解毒功效，可用于开发预防大肠癌的食品。据《日经产业新闻》24日报道，来自长濑产业、京都府立医科大学和明治药科大学等机构的专家让实验鼠服用海藻多酚后，分析它们的排泄物。他们?</t>
  </si>
  <si>
    <t>执行成本过高 萨-奥法案遭质疑</t>
  </si>
  <si>
    <t>美国法院对安然公司两名前高管的审判目前进入关键阶段。法庭之外，另一场“审判”也相当吸引眼球：安然财务丑闻后颁布的《萨班斯-奥克斯利法案》(以下简称萨-奥法案)遭到越来越多的质疑，要求改革这一法案的呼声越来越高。　　    萨-奥法案颁布伊始就因执行成本过高而遭到美</t>
  </si>
  <si>
    <t>用激素疗法克服恐惧症</t>
  </si>
  <si>
    <t>瑞士科学家目前正在尝试用激素疗法帮助人们克服恐惧症，他们希望有朝一日，人们只需吞下一些药片就可以在巨大的压力和引起恐惧的局面下应付自如。　　    人在遇到压力或害怕的时候体内会自然分泌皮质醇，这种激素有助于克服因害怕而引起的一系列反应。科学家选择了40名对社?</t>
  </si>
  <si>
    <t>政府多方酝酿政策力促企业出国投资</t>
  </si>
  <si>
    <t>本报讯 27日于北京举行的“中国企业‘走出去’国际论坛”上传出消息：商务部、财政部、国家外汇管理局等多家部委，正在酝酿多项实质性政策，以推动我国企业更好“走出去”，实施跨国并购，开展跨国投资与经营。　　    据了解，该论坛由中国商务部和联合国贸发会议共同主办，</t>
  </si>
  <si>
    <t>法航再次提高燃油附加税</t>
  </si>
  <si>
    <t>本报巴黎电 法国航空公司26日宣布，因国际原油价格上涨，公司远程机票燃油附加税自本月28日起提高7欧元，由原来的44欧元提高到51欧元。　　    公司表示，提高燃油附加税并非永久性措施，如果国际油价持续30天回落到每桶60美元以下，附加税新提高的部分将被取消。据悉，这是?</t>
  </si>
  <si>
    <t>欧盟可在WTO农业谈判上让步</t>
  </si>
  <si>
    <t>本报布鲁塞尔电（记者刘黎）欧盟贸易委员曼德尔森26日在布鲁塞尔表示，只要参与世贸组织（WTO）多哈回合谈判的其他成员作出新的让步，欧盟也可以在农业问题上有所让步。    曼德尔森当天在欧盟委员会每周例会结束后说，他欢迎美国贸易代表波特</t>
  </si>
  <si>
    <t>法国：定期议价 税收补贴</t>
  </si>
  <si>
    <t>鉴于油价波动对出租车行业造成影响，同时为协调出租车司机、运营商和消费者之间的利益，法国政府每年都与出租车司机工会以及运营商协会的代表就运营价格进行协商。此外，政府还通过税收手段补助“的哥”。　　调价由三方协商　　    法国财政部是决定出租车运营价格是否需要?</t>
  </si>
  <si>
    <t>印度放宽外资限制引来零售巨头</t>
  </si>
  <si>
    <t>印度政府日前颁布了一系列旨在吸引外资的改革措施，其中一条是允许外国直接投资在印度单一品牌产品零售领域的控股比例达到51%。这对一直觊觎印度市场的全球零售业巨头们来说无疑是个好消息，美国沃尔玛、法国家乐福、德国麦德龙都在跃跃欲试。　　    印度零售业在整体经济中</t>
  </si>
  <si>
    <t>我对日贸易增幅出现较大下滑</t>
  </si>
  <si>
    <t>本报讯 商务部26日发布的《中国对外贸易形势报告（2006年春季）》（以下简称“报告”）显示，去年全年我国对日贸易增幅同比出现较大程度下滑，今年一季度增幅依然保持低位。专家认为，中日贸易增长仍处正常范围。　　    报告表明，2005年，中日贸易额1844.1亿美元，仅增长9.</t>
  </si>
  <si>
    <t>微软将进一步加大在华投入</t>
  </si>
  <si>
    <t>本报讯 美国微软公司首席技术官4月26日在与媒体见面会上说，中国国家发展改革委与微软公司日前共同签署了关于继续加强软件产业合作谅解备忘录(二期)。　　    根据该备忘录，国家发展改革委将支持微软公司在未来5年中加大向中国软件企业的投资，加强在华技术合作、人才培养、</t>
  </si>
  <si>
    <t>WEB 2.0 看上去很美</t>
  </si>
  <si>
    <t>WEB 2.0这一概念目前正成为新财富的代名词。以博客、RSS等具有原创、互动性质的WEB 2.0的应运而生，使大批网民更爱互联网。　　    随着美国加州圣莫尼卡县的一个完全由网民提供内容的“我的空间”网站被5.8亿美元巨资收购，国内百家标榜WEB 2.0的新公司如雨后春笋般冒出来。</t>
  </si>
  <si>
    <t>我稀有金属不能只为他人做“嫁衣”</t>
  </si>
  <si>
    <t>日本经济产业省日前决定修改国家资源战略，大幅扩大稀有金属储备范围。该消息经媒体披露后引起国内业界广泛关注。有关专家指出，稀有金属作为关系经济安全和国防安全的重要战略物资，日美都在大量储备，而且其储备的稀有金属相当一部分是从我国进口，而我国对部分稀有金属的?</t>
  </si>
  <si>
    <t>俄罗斯反洗钱成果显著</t>
  </si>
  <si>
    <t>本报莫斯科电 上世纪90年代，由于反洗钱法律不健全，俄罗斯国内洗钱活动猖獗，2000年还被列入了打击洗钱活动不力国家的“黑名单”。2001年以来，俄罗斯采取了一系列加强金融监管的措施，使洗钱活动猖獗的情况在很大程度上得到遏制。　　    随着打击洗钱活动力度的加强，俄罗</t>
  </si>
  <si>
    <t>德国三管齐下反洗钱</t>
  </si>
  <si>
    <t>本报柏林电 德国通过制定严格的法律、加强金融监管以及国际合作来预防和打击洗钱活动。　　    早在1993年10月，德国就制定了《侦查重大犯罪所得收入法》。2003年12月德国又对该法律进行重新修订。2002年8月，德国又制定了《加强反洗钱和反恐怖主义融资法》。　　    金融情?</t>
  </si>
  <si>
    <t>法国反洗钱重视举报</t>
  </si>
  <si>
    <t>本报巴黎电 法国由于金融服务业发达，成了各路黑钱的觊觎之地，所以法国对此采取了严厉的打击措施。　　    法国当局在上一世纪90年代出台了《反毒品洗钱法》，成立财政部下属的“打击地下金融情报与行动中心”，要求个人或者机构发现有来自毒品贩卖和有组织犯罪活动的资金，</t>
  </si>
  <si>
    <t>美国药物安全监督体系遭批评</t>
  </si>
  <si>
    <t>本报华盛顿电 美国国会下属的政府问责局24日发表调查报告，批评美国食品和药物管理局缺少能及时有效应对上市药物安全问题的体系，并认为新成立的药物安全监督委员会是“官僚主义的产物”。　　    政府问责局在报告中说：“关于上市药物安全问题的决策和管理监督，药管局缺乏</t>
  </si>
  <si>
    <t>美ITC认可原告制造的受“冲击”假象</t>
  </si>
  <si>
    <t>本报讯 美国国际贸易委员会(ITC)24日发布公告称，原产于中国的活性炭在美国国内以倾销价格销售，在特定期限内给美国国内产业造成了实质性损害。根据美国国际贸易委员会的投票结果，美国商务部将继续对原产于中国的活性炭进行反倾销调查，并将在2006年8月16日前对原产于中国的</t>
  </si>
  <si>
    <t>亚洲七家移动通信运营商结盟</t>
  </si>
  <si>
    <t>本报新加坡电 亚洲7家移动通信运营商日前宣布，他们在国际漫游业务和公司移动服务方面已结成联盟，将为各自用户在成员运营商的网络内漫游时提供通畅、方便、简易的增值服务。　　    新加坡星和电信网站24日发布的一份联合声明说，这个组织初步定名为“亚太移动联盟”，除了?</t>
  </si>
  <si>
    <t>外资旅行社欲切珠三角旅游“蛋糕”</t>
  </si>
  <si>
    <t>3月29日，总部设在苏黎世的瑞士旅业集团(KUONI)宣布在广州的办事机构正式成立，其以“胜景”为品牌的旅行社也将成为广东旅游市场上第一家的外资旅行社。此后不久，法国著名的CLUB MED旅游集团也在广州宣布，将在5月份在广州设立办事机构，专门负责与国内旅行社联系各项业务。</t>
  </si>
  <si>
    <t>投资非洲正其时</t>
  </si>
  <si>
    <t>随着非洲地区经济的日益好转和中非合作关系的不断发展，非洲正在成为越来越多中国人新的淘金之地。　　中非合作空间广阔　　    中非民间商会组织的商务投资考察团近日对东非三国(肯尼亚、乌干达和坦桑尼亚)考察之后发现，这里有大量的投资机会，中非在很多领域都存在着广阔?</t>
  </si>
  <si>
    <t>网络互动营销 收益风险并存</t>
  </si>
  <si>
    <t>互联网进入互动时代后，所谓的互动营销应运而生。在这种新的市场营销方式下，消费者通过互联网主动参与企业的宣传活动，企业则借助消费者的真实体验吸引眼球。但对企业来说，互动营销是一把收益与风险并存的“双刃剑”。　　    通用汽车公司今年仅在北美市场的营销预算就高?</t>
  </si>
  <si>
    <t>大庆油田尝试“技术换资源”</t>
  </si>
  <si>
    <t>这是记者日前在大庆采访时听到的一个故事：地处蒙古国的一座原属某发达国家石油公司的油田，以4000万美元价格转让给中国石油大庆油田有限责任公司。大庆油田公司仅用半年时间就收回全部投资，目前开始进入全面赢利期。　　    大庆人凭借什么“法宝”把别人食之无味的“鸡肋?</t>
  </si>
  <si>
    <t>国际油价将从高位回落</t>
  </si>
  <si>
    <t>本报多哈电 纽约市场原油期货价格上周多次刷新历史最高纪录，但欧佩克新任轮值主席、尼日利亚石油资源国务部长道科鲁23日预言，原油价格将从高位回落，并将稳定在每桶60美元左右。　　    道科鲁当天出席在卡塔尔首都多哈举行的第十届国际能源论坛时表示，解决高油价问题的关</t>
  </si>
  <si>
    <t>女性成为全球经济增长强劲动力</t>
  </si>
  <si>
    <t>本报伦敦电 英国《经济学家》杂志日前撰文称，世界各国女性就业率不断提高，作为消费者、管理者和投资者的价值也日益凸显，已经成为全球经济增长的强劲动力。　　    文章指出，1950年美国只有1/3的适龄妇女从事有薪工作，现在这一比例已经提高到2/3，妇女几乎占到美国劳动人</t>
  </si>
  <si>
    <t>印度要搞东气西输 宝鸡石油钢管中标</t>
  </si>
  <si>
    <t>本报讯 一艘满载中国石油宝鸡石油钢管有限责任公司产品的货船，将于近日从连云港启程开往印度孟买港。这是宝鸡石油钢管公司与印度瑞莱斯工业公司签订东气西输天然气管线供货合同后，首批钢管交货。　　    据了解，今年1月，在印度瑞莱斯工业公司举行的印度东气西输天然气管?</t>
  </si>
  <si>
    <t>出境游要注意什么</t>
  </si>
  <si>
    <t>一年最属春日好，正是旅游好时节。外出旅游，特别是出境游从4月已开始升温，这其中欧洲多国游则是热点。辽宁鞍山市中国国际旅行社出境部谢经理提醒游客，出境游应注意以下事项。　　着装：不要穿戴假冒名牌　　    前往欧洲的游客要注意着装，切勿携带、穿戴假名牌。</t>
  </si>
  <si>
    <t>冰雪运动 中国都市的下一个时尚</t>
  </si>
  <si>
    <t>越来越多的人迷上了冰雪运动。冬天就不必说了，很多人打着“飞的”去哈尔滨滑雪已经成为一景，而现在上海、北京等地已建起10多个滑雪场，杭州也在建设亚洲最大的室内滑雪场。　　    “滑雪去！”已经成为情侣相伴、朋友相聚的好去处。　　    近年，放假期间的滑雪涌动着“?</t>
  </si>
  <si>
    <t>家乐福割爱“冠军” 生鲜超市难“保鲜”</t>
  </si>
  <si>
    <t>登陆中国不到两年、家乐福旗下的欧洲最大生鲜食品超市——法国冠军超市近日却宣布将于今年6月底前退出中国。这意味着家乐福将退出生鲜市场的竞争，同时也意味着其中国战略首度出现失利。　　    虽然冠军超市进入中国市场时就比较谨慎，第一家门店选址花费了两年的时间，但是</t>
  </si>
  <si>
    <t>职业教育正成为珠三角经济发展“软资本”</t>
  </si>
  <si>
    <t>现在的情势对珠三角的许多老板来说越来越感到陌生：当自己面对珠三角日益高企的生产要素成本正准备“北伐”、“西进”时，却发现跨国巨头不知是吃了哪门子药，像发了疯似的扎堆“落地”珠三角：丰田来了、本田来了、日产来了、东芝来了、德国巴斯夫来了……　　    就连飞机?</t>
  </si>
  <si>
    <t>“朗读”一段超乎寻常的爱情</t>
  </si>
  <si>
    <t>这是一部典型的德国作品。《朗读者》，正如它铅灰色的封面和烫银字的标题，严肃的主题，庄重的叙事风格，容不得半点猥亵与轻浮的联想。与十几年来中国文坛流行的“痞气”大不一样。　　    十年前译林出版社就曾引进过这部小说，当时是一个巴掌大的小册子，叫做《生死朗读》?</t>
  </si>
  <si>
    <t>电影海报收藏升温 老题材更受青睐</t>
  </si>
  <si>
    <t>今年，一张1927年的《大都会》电影海报在美国拍出了69万美元的天价，从而打破了1997年一张1932年版《木乃伊》创下的45.35万美元的世界记录。　　    近20年来，电影海报成为了海外拍卖市场的宠儿，每年世界著名两大拍卖行——苏富比和佳士得都会推出各个时期的经典海报，创造</t>
  </si>
  <si>
    <t>欧盟反倾销可能性增大 国内家具企业严阵以待</t>
  </si>
  <si>
    <t>反倾销的大棒可能再次挥向中国家具企业。记者从有关渠道获悉，在首次反倾销申诉被驳回后，德国、意大利等欧盟国家的家具制造商将重新向欧盟委员会提交申诉，欧盟对此立案的可能性较大。　　    分析人士表示，一旦欧盟实行反倾销，将进一步挤压国内家具企业的出口空间，很多?</t>
  </si>
  <si>
    <t>中国与海合会经贸合作优势互补</t>
  </si>
  <si>
    <t>海湾阿拉伯国家合作委员会(海合会)秘书处官员近日透露，中国与海合会对于建立自由贸易区均有很强的愿望并已召开3轮6次会议，尽管尚存一些技术性问题，但今年年底有望达成最终协议。　　    海合会成立于1981年，成员国包括阿联酋、阿曼、沙特阿拉伯等6个国家，拥有极其丰富的</t>
  </si>
  <si>
    <t>LV打假诉讼屡战屡胜</t>
  </si>
  <si>
    <t>4月20日，上海市第二中级人民法院对一起侵犯商标专用权的案件作出一审判决。法院认定上海联家超市有限公司经营的家乐福超市武宁店贱价销售假冒路易威登(LOUIS VUITTON、LV)品牌女式皮包，因而侵犯了原告路易威登马利蒂(法国)公司</t>
  </si>
  <si>
    <t>印度放宽外国直接投资限制</t>
  </si>
  <si>
    <t>本报新德里电 印度商业和工业部日前发布《外国直接投资政策》白皮书，进一步对外资放宽限制，除零售(不含单一品牌零售业)、核能、博彩等个别行业外，其余均向外国直接投资开放。　　    根据白皮书相关内容，机场建设、烟草、非新闻电视、危险化工、金银煤矿开采、非银行金融</t>
  </si>
  <si>
    <t>把柴油机作为汽车自主创新突破口</t>
  </si>
  <si>
    <t>“过去五年，中国内燃机行业发展迅速；未来五年，中国内燃机特别是柴油发动机将更多担负起国内汽车自主创新的重任。”　　    4月21日正在北京举行的第七届中国国际内燃机及零部件展览会上，美国西南研究院发动机与排放污染研究所的黄益群博士做出上述表示。　　    西南研究</t>
  </si>
  <si>
    <t>各国对禽流感危害认识不足</t>
  </si>
  <si>
    <t>本报伦敦电 据英国媒体20日报道，国际货币基金组织日前公布的《世界经济展望》报告指出，世界各国并没有充分认识到禽流感对经济可能造成的严重危害。　　    报告在评估禽流感对世界经济的潜在危害时警告说，禽流感暴发会对疫情国经济造成重大损失。如果禽流感在人际传播，则</t>
  </si>
  <si>
    <t>成人监督制度“造福”美国购物中心</t>
  </si>
  <si>
    <t>自2004年开始，美国许多购物中心推行成人监督制度，规定下午5点以后无成人陪同的17岁以下青少年不得入内。两年过去了，这些购物中心的经营状况不仅没像部分人士预测的那样一落千丈，反而有所起色。　　    以密歇根州迪尔伯恩市郊的费尔雷恩城市购物中心为例。2004年6月起，?</t>
  </si>
  <si>
    <t>独立意识渐强 美国女性流行单干</t>
  </si>
  <si>
    <t>如今，在女性职场依然存在“玻璃天花板”的情况下，越来越多的美国女性开始创办自己的事业，并且许多人选择单干。　　    美国女性企业研究中心(CWBR)最近的一项调查显示，在1997年至2004年间，女性成立的零雇员企业数量增加18%，增速是所有零雇员企业的两倍。增长较快的是那</t>
  </si>
  <si>
    <t>“绿色标签”助推美国环保</t>
  </si>
  <si>
    <t>尽管布什政府迟迟不在《京都议定书》上签字，美国企业和居民的环保意识却一点也不差。他们希望使用风能、太阳能等清洁能源，但较高的价格让普通居民难以承受，而企业的需求量又因清洁能源产量不高而无法得到满足。为了解决这一矛盾，美国能源中介公司最近推出了“绿色标签”?</t>
  </si>
  <si>
    <t>欧盟温室气体排放许可配额“升值”</t>
  </si>
  <si>
    <t>本报伦敦电 欧盟发放的温室气体排放许可配额交易价格近日暴涨，排放每吨温室气体的许可配额价格突破30欧元，创历史最高纪录。　　    据英国《金融时报》19日报道，欧盟对本地区内能源消耗密集型行业实行排放配额制，凡是超过配额的企业只能向其他企业购买配额。欧盟希望这种</t>
  </si>
  <si>
    <t>到国外种橡胶 我国迈出第一步</t>
  </si>
  <si>
    <t>我国最大的天然橡胶生产企业——海南天然橡胶集团股份有限公司（以下简称海南天然橡胶集团公司）最近与柬埔寨王国穗港发展投资有限公司签订正式租地种植橡胶合同，自此，我国橡胶企业迈出了到国外种植橡胶的第一步。　　    根据协议，海南天然橡胶集团公司取得了在柬埔寨626</t>
  </si>
  <si>
    <t>巨额双赤字对美经济有潜在威胁</t>
  </si>
  <si>
    <t>本报华盛顿电 美国联邦储备委员会主席伯南克认为，美国持续存在的巨额贸易和预算赤字对美国经济具有潜在威胁。　　    据美国媒体19日报道，伯南克在对国会众议员布拉德·舍曼提出的这方面的问题给予的书面答复中说，尽管巨额贸易逆差不一定会导致美元汇率急剧下滑，而且即使</t>
  </si>
  <si>
    <t>中亚客车市场潜力巨大</t>
  </si>
  <si>
    <t>近年来，中亚国家经济增长迅速，很多国家公交车、中型客车、长途客车进入更新换代期，对客车的需求逐年扩大，市场潜力巨大。中国客车企业应抓住机遇，采取积极的市场开拓战略，大力开发中亚客车市场。　　市场前景相当不错　　    阿拉木图为哈萨克斯坦最大城市，也是哈乃至?</t>
  </si>
  <si>
    <t>日本平板电视决战大屏幕</t>
  </si>
  <si>
    <t>投资猛增竞争激化　　最近，日本家电巨头索尼公司宣布与韩国三星电子公司各出资50%，投入20亿美元在韩国建设一座生产第8代液晶显示面板的新工厂。如果加上厂房等土建项目的建设费用，投资总额将达到25亿美元以上。索尼公司期望通过该项目的投产，同目前世界上最大的液晶电视?</t>
  </si>
  <si>
    <t>信用卡手续费过高 欧盟喊打</t>
  </si>
  <si>
    <t>信用卡手续费的高低及合理与否，向来是个有争议的话题。4月12日，欧盟委员会发表了一份欧洲信用卡行业的初步调查报告，认为欧洲信用卡发行商之间缺乏跨国竞争，行业门槛过高，导致消费者被迫支付过高的手续费。　　    欧盟负责竞争事务的委员内莉·克勒斯就此敦促银行和信用</t>
  </si>
  <si>
    <t>全球经济增长面临四大难题</t>
  </si>
  <si>
    <t>本报华盛顿电 国际货币基金组织19日在华盛顿发表的《世界经济展望》报告指出，居于高位且不稳定的石油价格是全球经济增长面临的四个主要问题之一。　　    其他三个主要问题分别是金融市场条件紧缩、全球失衡扩大以及禽流感流行。　　    报告说，2005年世界原油消费量略低于</t>
  </si>
  <si>
    <t>美国公司收购 英国员工增收</t>
  </si>
  <si>
    <t>本报伦敦电 据两位学者在英国皇家经济学会年会上发表的研究报告，英国公司被美国跨国公司收购后，员工薪水通常会明显增加。　　    英国诺丁汉大学两位学者对1980年至1994年间被美国公司收购的英国企业进行调查后发现，在被美国公司收购两年之后，英国雇员的薪金水平普遍提高</t>
  </si>
  <si>
    <t>德国邮政继续抢占亚洲市场</t>
  </si>
  <si>
    <t>本报柏林电 德国邮政股份公司总裁克劳斯·祖温克尔日前表示，德国邮政将继续抢占亚洲市场，力争亚洲业务保持两位数增长。　　    祖温克尔在接受德国《商报》采访时说，德国邮政股份公司不排除继续收购小公司的可能性。他表示，公司旗下的敦豪快递将增加在华投资，并打算加强</t>
  </si>
  <si>
    <t>纽交所加入伦敦证交所竞购战</t>
  </si>
  <si>
    <t>本报伦敦电 据英国《金融时报》19日报道，纽约证交所正在就股份转让一事向伦敦证交所大股东征求意见。这意味着前者已经加入竞购大战。　　    另有媒体15日援引知情者提供的消息说，纽约证交所可能正在就战略合作事宜与伦敦证交所董事会进行谈判。分析人士认为，如果纽约证交</t>
  </si>
  <si>
    <t>鞋业反倾销宜打“联合维权”牌</t>
  </si>
  <si>
    <t>本报讯 今年2月23日欧盟正式宣布对中国产皮鞋征收反倾销税，目前反倾销的后果已经初见端倪，由于外商担心欧盟对我国出口鞋类的反倾销转移，出口鞋类订单数量减少。记者日前在“中国鞋都”——晋江调研时了解到，截至3月24日，泉州国检局辖区(以晋江为主)出口欧盟的皮面鞋产品</t>
  </si>
  <si>
    <t>美国破产法瑕不掩瑜</t>
  </si>
  <si>
    <t>美国第一大汽车零件制造商德尔福去年10月申请破产保护，与其有着密切联系的通用汽车公司也受到拖累。美国专业人士一边猜测通用汽车是否也会申请破产保护，一边开始思索制度因素对公司是否作出申请破产保护决定的影响。  　　    通过与日本对比，一些美国经济学家提出，尽管?</t>
  </si>
  <si>
    <t>美国公司创始人任CEO业绩更优</t>
  </si>
  <si>
    <t>美国多项研究结果显示，与外聘人士执掌的公司相比，由创始人担任首席执行官(CEO)的美国企业表现更出色一些。　　    美国俄亥俄州立大学金融学教授拉季格·法伦布朗齐对1993年至2002年期间美国2300家大公司进行了研究，其中由创始人担任首席执行官的公司占11%，其股票表现平?</t>
  </si>
  <si>
    <t>韩国拟对我瓷砖征反倾销税</t>
  </si>
  <si>
    <t>本报首尔电 韩国产业资源部下属的韩国贸易委员会18日宣布，韩国将对从中国进口的瓷砖征收为期五年的反倾销税。　　    据韩国联合通讯社报道，如果反倾销措施被财政经济部采纳，韩国将把从13家中国瓷砖厂商进口瓷砖的关税由2.76%提高到29.41%。一般原则上，韩国财政经济部会?</t>
  </si>
  <si>
    <t>对冲基金热炒伦敦证交所股价</t>
  </si>
  <si>
    <t>本报伦敦电 据英国《金融时报》18日报道，在美国纳斯达克股票市场公司以每股11.75英镑的价格购得伦敦证交所14.99%的股份之后，D.E.SHAW等几家对冲基金都在增持伦敦证交所股份。　　    其中，D.E.SHAW已将自己在伦敦证交所的持股比例从3.36%提高到3.73%。另外一家名叫HALCYON</t>
  </si>
  <si>
    <t>国际原油收盘价首次越过70美元</t>
  </si>
  <si>
    <t>受伊朗核危机及美国汽油库存下降等因素影响，17日纽约轻质原油期货价格和北海布伦特原油期货价格双双收于70美元之上，再创历史最高水平。　　    当日，纽约商品交易所5月份交货的轻质原油期货价格每桶上涨1.08美元，收于70.40美元，为纽约商交所该种原油期货的最高收盘价。?</t>
  </si>
  <si>
    <t>有机农业更是一种生活方式</t>
  </si>
  <si>
    <t>“无论什么地方在考虑推广有机农业，我都感到由衷高兴。尤其是人口众多的中国也对有机农业感兴趣，我更感到欣慰。有机农业不仅仅是商业，更是生活方式。”以色列有机农业之父马里夫·利维日前在接受经济参考报记者专访时说。　　    地处以色列北部平原的塞德-埃利亚胡基布兹</t>
  </si>
  <si>
    <t>中国石油钻机俏销国际高端市场</t>
  </si>
  <si>
    <t>本报讯 大约150年前，世界上第一口石油钻井——德雷克油井出现在美国；大约100年前，陕西延长打出中国的第一口油井使用的是产自美国的钻机。然而今天，人们却在美国石油勘探商使用的钻机上发现“Made in China”字样。　　    这家把中国钻机销到美国等发达国家的中国企业，?</t>
  </si>
  <si>
    <t>科技撑起日本农业</t>
  </si>
  <si>
    <t>日本人均可耕地面积少，农村劳动力不足，科技在农业领域起着“压倒性”作用，日中农业农民交流协会副会长梶井功在接受经济参考报记者采访时这样认为。　　    梶井功介绍说，品质改良、防治病虫害、土地改良等水稻种植技术在日本已基本普及，目前日本正在试验“水田-旱地轮作</t>
  </si>
  <si>
    <t>古董收藏热升温</t>
  </si>
  <si>
    <t>近日闭幕的中国锦州古玩节上，除西藏和新疆外，至少有五六万来自国内所有省、市、自治区的古董收藏者挤爆了偌大一个锦州古玩城。　　    在辽宁省锦州市这样一个中国东北渤海湾畔只能算是区域文化中心的古城，短短两天的古玩节吸引了包括台湾、香港在内的全国收藏者、爱好者?</t>
  </si>
  <si>
    <t>泰国小城：传统与工业文明交相辉映</t>
  </si>
  <si>
    <t>傣族新年佳节，因节日期间有隆重的泼水活动，而被世人称为“泼水节”，让人向往。阳光火辣辣的4月，应泰国北部素有“马车城”之称的南邦市市政府邀请，记者有幸在这个宁静优美的小城度过了难忘的2006傣历新年。小城的泼水活动，传统文化与工业文明交相辉映。　　    泰国全民</t>
  </si>
  <si>
    <t>荷兰科技农业创奇迹</t>
  </si>
  <si>
    <t>荷兰是位列美国和法国之后的世界第三大农产品出口国。荷兰的面积和人口均相当于我国重庆市的一半，而且直接从事农业的人口仅占总人口的2%。　　    荷兰瓦赫宁恩大学在农业基础研究和前瞻性研究方面具有世界领先水平。供职于该校的农业教授鲁迪·拉宾日说：“荷兰的农业奇迹?</t>
  </si>
  <si>
    <t>日韩经验：汽车自主创新要双管齐下</t>
  </si>
  <si>
    <t>近年来，我国汽车工业飞速发展，2005年全国汽车产量突破600万辆大关。但是，代表汽车工业水平的乘用车生产还是以组装外国品牌的产品为多数。在经济全球化的今天，如何才能培育出具有自主知识产权的汽车品牌成为当前中国汽车工业发展亟待解决的问题。业内专家指出，日本和韩国</t>
  </si>
  <si>
    <t>大公司能摆脱大企业病的梦魇吗？</t>
  </si>
  <si>
    <t>1923年5月，艾尔弗雷德·P·斯隆先生收到了一份厚重的生日礼物——杜兰特先生把通用汽车总裁的接力棒交给了他。当时，通用面临着最强大的竞争对手——福特公司的巨大压力，刚刚成型的美国汽车市场完全被这个底特律巨人所把持。通用汽车精打细算、苦心经营，也只挣得12%左右的</t>
  </si>
  <si>
    <t>数字内容产业定位还应提升</t>
  </si>
  <si>
    <t>数字内容产业也称内容产业、信息内容产业、创意产业。最早正式提出“内容产业”概念的是在1995年西方七国信息会议,1996年欧盟《信息社会2000计划》进一步明确其内涵,包括制造、开发、包装和销售信息产品及其服务的行业。我国“十一五”规划纲要明确提出,鼓励数字内容产业发展</t>
  </si>
  <si>
    <t>对外汇储备第一的冷思考</t>
  </si>
  <si>
    <t>截至2006年2月底,我国外汇储备规模为8537亿美元,已经超过日本,雄居世界榜首。      外汇储备是不是越多越好呢？不少专家指出：我们在正面看待外汇储备大量增长带来益处的同时,也要正视其带来的问题和风险。      其一,如果美元出现危机,中国多年积蓄的外汇财富将付之东流。对</t>
  </si>
  <si>
    <t>富士相机遭我国消费者质疑</t>
  </si>
  <si>
    <t>一本毫不起眼的产品用户手册连日来在济南引发众多消费者质疑。      针对日本富士数码相机用户手册中包含的“本协议应由日本法律管辖和解释”等条款,济南消费者提出强烈质疑：相机在中国销售为何受日本法律管辖？这一条款到底是富士胶片(中国)有限公司(以下简称“富士(中国)?</t>
  </si>
  <si>
    <t>日本加大对沙特石油项目投资</t>
  </si>
  <si>
    <t>本报开罗电 据沙特《阿拉伯新闻报》报道,为稳定海外最大的原油供应市场,日本近年来加大对沙特的投资力度,投资重点集中在石油和石化领域。      据沙特官方透露,今年3月下旬日本住友化学公司与沙特阿美石油公司签署了一项炼油和石化综合项目合同。根据合同,住友将投资98亿美元</t>
  </si>
  <si>
    <t>印度5年内需吸引外资5500亿美元</t>
  </si>
  <si>
    <t>本报新德里电 据印度《商业标准》报道,印度财政部下属的投资委员会日前表示,为实现经济起飞,今后5年内印度需要吸引5500亿美元的外国投资。      印度投资委员会已将公路、能源、民航、纺织服装、房地产、建筑、旅游和食品加工业作为优先发展领域。该委员会指出,仅公路一项在2</t>
  </si>
  <si>
    <t>“绿色壁垒”折射中国鞋业标准缺失</t>
  </si>
  <si>
    <t>本报福州电 欧盟近来屡屡以环保名义对我国鞋类出口举起贸易制裁“大棒”,意大利、西班牙对中国鞋类产品展开的“有毒调查”,再度筑高技术壁垒。“绿色壁垒”在为中国鞋业出口制造人为障碍的同时,也从另一方面催高了中国鞋企“内功”标准。      然而记者近日从设在福建省晋江?</t>
  </si>
  <si>
    <t>美国加息进程接近尾声</t>
  </si>
  <si>
    <t>本报华盛顿电 美国联邦储备委员会官员13日暗示,美联储加息进程已接近尾声。      美联储官员苏珊·比斯当天称：“我们比几个月前更加接近中性利率。”暗示美联储即将停止加息。      美联储官员马克·奥尔森也持同样观点,认为目前利率水平已接近中性利率点。但奥尔森同时表示</t>
  </si>
  <si>
    <t>人民币升值对拉美影响甚微</t>
  </si>
  <si>
    <t>本报墨西哥城电 美洲开发银行首席经济学家毛里西奥·梅斯基塔·莫雷拉近日在巴西圣保罗举行的世界经济论坛(拉美区域论坛)上说,人民币升值对拉美地区几乎没有影响。      莫雷拉指出,如果人民币对美元升值20%,美国从中国的进口将会减少22%。在此情况下,美国从拉美国家的进口量</t>
  </si>
  <si>
    <t>今年纺织品出口仍会平稳增长</t>
  </si>
  <si>
    <t>商务部2006年度输欧、输美纺织品出口许可数量第二次招标初步结果日前出炉。随着商务部同期公布的2006年度第一次业绩分配方案,我国众多纺织企业已基本确定了自己今年出口欧美的许可量。  二次招标价格不降反升      根据2005年签署的中欧、中美纺织品协议,2008年前我国相关纺?</t>
  </si>
  <si>
    <t>胆固醇高可能诱发前列腺癌</t>
  </si>
  <si>
    <t>最近一期《肿瘤病学年鉴》发表的一家意大利研究机构的报告称,胆固醇高也可能诱发前列腺癌。这是研究人员首次将胆固醇和前列腺癌联系起来。      意大利流行病学家弗兰切斯卡·布拉维和同事们研究了来自意大利四个不同地区的近3000名男性的健康档案。这些人的年龄均在75岁以下</t>
  </si>
  <si>
    <t>风险投资盯上绿色技术行业</t>
  </si>
  <si>
    <t>极具传奇色彩的美国风险投资家约翰·多尔以敏锐的洞察力,在Google、亚马孙等成为家喻户晓的企业之前就对其大笔投资,从而积聚了巨额财富。如今,多尔又将目光转向了被称为“绿色技术”的新兴行业。      绿色技术(Greentech)即清洁技术,涵盖了水净化、空气净化、纳米技术、替代</t>
  </si>
  <si>
    <t>符合世贸规则 并非针对瑞士</t>
  </si>
  <si>
    <t>本报讯 中国财政部官员13日称,中国将高档手表纳入消费税征收范围体现了政府对高档消费品的税收调节,目的在于引导消费并帮助缩小贫富差距,“中国消费税的调整符合世贸规则”。      瑞士主要手表生产商斯沃琪公司上周呼吁瑞士政府向中国施压,促其放弃对高档手表征收高额消费税</t>
  </si>
  <si>
    <t>胡萝卜素可让肺部保持“年轻”</t>
  </si>
  <si>
    <t>法国科学家的一项新研究显示,如果人血液中β-胡萝卜素水平较高,其肺部功能会随着年龄增长而保持“年轻”状态。研究还发现,β-胡萝卜素和维生素E也许可以为吸烟者的肺部提供一些保护。      法国卫生和医学研究所的阿梅勒·盖纳戈等人在新一期《胸腔》双月刊上报告说,他们测量</t>
  </si>
  <si>
    <t>新一轮并购潮呈现两大新看点</t>
  </si>
  <si>
    <t>今年第一季度全球并购日均交易额高达100亿美元,创下2001年网络泡沫破裂后的最高纪录,而且欧洲并购交易额远远高出美国。分析人士指出,除每笔交易额都相当巨大之外,本轮并购潮还因目标公司经营状况改善而独具特色。      从3月开始,大宗并购消息频频传来：美国电话电报公司以65</t>
  </si>
  <si>
    <t>欧佩克油价首破63美元</t>
  </si>
  <si>
    <t>本报维也纳电 石油输出国组织(欧佩克)秘书处12日宣布,该组织11种市场监督原油一揽子平均价11日涨至每桶63.61美元,比前一个交易日高出近1美元。这是欧佩克油价首次突破每桶63美元。      一些欧佩克成员国高级官员和市场人士认为,最近国际原油市场“高烧”难退的主因是美国不?</t>
  </si>
  <si>
    <t>日企疯狂抢注我“四大名著”商标</t>
  </si>
  <si>
    <t>本报杭州电 尽管尚面临着许多不确定的因素,但是中国企业已经决心用法律手段来阻击日本企业疯狂抢注中国“四大名著”商标的行为。      在经历长达两个多月的沉寂后,浙江省电视艺术家协会动漫专业委员会在4月2日联合杭州比因美特卡通影视有限公司、浙江中南集团卡通影视有限公</t>
  </si>
  <si>
    <t>更多美国购车者变为租车族</t>
  </si>
  <si>
    <t>在利率逐渐上升等多种因素推动下,汽车租赁服务在美国日渐红火,这也成为消费者、汽车制造商和销售商的“三赢”选择。      随着利率不断上升,购车贷款负担日益加重,美国潜在购车者纷纷转为租车一族。据Edmunds.com网站报道,2006年3月,美国新车租赁率达到19.8%,大大高于美国新?</t>
  </si>
  <si>
    <t>一份推广柴油汽车研究报告引起关注</t>
  </si>
  <si>
    <t>本报讯 在4月11日中国发展研究基金会举办的“建设节约型社会与交通节能”国际柴油发展论坛上,国务院发展研究中心产业部的一份呼吁中国加大推广柴油汽车的研究报告一发表,就立即引起中外汽车制造、油品企业及相关研究机构等的普遍关注。12日上午,博世集团及德国汽车工业协会(V</t>
  </si>
  <si>
    <t>俄希望近期结束加入WTO双边谈判</t>
  </si>
  <si>
    <t>本报莫斯科电 俄罗斯经济发展和贸易部贸易谈判局局长梅德韦德科夫11日表示,俄罗斯希望在未来两个月内结束全部有关俄加入世界贸易组织(WTO)的双边谈判。      梅德韦德科夫指出,目前尚未与俄罗斯结束有关俄加入世贸组织问题双边谈判的世贸组织成员尚有美国、哥伦比亚和澳大利?</t>
  </si>
  <si>
    <t>Google欲揽新浪入怀有由头</t>
  </si>
  <si>
    <t>当人们的视线被TOM收购新浪的传闻吸引时,真正的主角Google也许在偷笑。近日有外电报道,Google现金储备已达100亿美元,有望部分或完全收购新浪来扩大亚洲业务。      其实,包括百度在内的一些国内互联网公司都对Google收购新浪感到紧张,更有业内人士说,TOM成为收购传言中的主角</t>
  </si>
  <si>
    <t>民航能源利用率亟待提高</t>
  </si>
  <si>
    <t>本报讯 到2010年,我国民航发展对航油的需求总量预计将达到1500万吨至1700万吨。面对国际航油价格上涨,中国民航亟须借鉴航空发达国家丰富的航空节能经验,提高民航的能源利用效率。      这是从中国民用航空总局与美国联邦航空局11日在京共同举办的“中美航空节能研讨会”上传?</t>
  </si>
  <si>
    <t>生物燃料产业热透拉美</t>
  </si>
  <si>
    <t>国际油价居高不下,给整个拉美地区带来了一股生物燃料开发热潮。生物燃料提炼加工业也成为很多拉美国家大力扶植的战略产业。      生物燃料在拉美又被称作“绿色金子”,在国际能源市场上已成抢手货,其市场前景更被一致看好。拉美国家纷纷利用当地盛产的油料作物、甘蔗及动物脂</t>
  </si>
  <si>
    <t>日本“肯定列表”将影响中国食品出口</t>
  </si>
  <si>
    <t>本报昆明电 日本将于5月29日开始执行一项加强食品中农业化学品残留管理的“肯定列表制度”。日本是中国食品、农产品出口的第一大市场,更加苛刻的出口要求对中国食品出口带来一定影响。      云南省商务厅外贸处副处长张迪介绍,日本“肯定列表制度”要求,食品中农业化学品含量</t>
  </si>
  <si>
    <t>全球商品价格尚未见顶</t>
  </si>
  <si>
    <t>本报伦敦电 英国《金融时报》10日刊文指出,虽然国际市场商品价格已连续5年走高,但不少投资者、生产者和行业分析家认为,全球商品价格尚未见顶,仍有进一步上涨空间。      《金融时报》文章说,在全球经济增长、供不应求和基金增仓等因素刺激下,上周国际市场铜、锌、橙汁和糖的?</t>
  </si>
  <si>
    <t>欧洲乡村游带给我们的启示</t>
  </si>
  <si>
    <t>随着建设新农村目标的提出,国家旅游局将今年全国旅游活动的主题确定为中国乡村游。近年来“乡村游”在掀起热潮的同时,也突显了不少制约其发展的瓶颈问题。而至今已兴盛了近百年的欧洲乡村游也许倒能为我们带来一些启示。      欧洲乡村旅游起源于19世纪,至今长盛不衰。据了解</t>
  </si>
  <si>
    <t>欧美教育机构争抢印度留学生</t>
  </si>
  <si>
    <t>近些年来,印度经济快速发展,居民收入大幅提高,为当地许多渴望留学深造的年轻人提供了良好机遇。美国、英国、澳大利亚等发达国家的教育机构从中看到巨大商机,纷纷前往印度招生。      据报道,英国牛津大学把印度当作一个尚未开发的人才资源宝藏。上个月,牛津大学校长彭定康访?</t>
  </si>
  <si>
    <t>美国清洁能源公司乐于赴欧上市</t>
  </si>
  <si>
    <t>今年2月底,美国清洁能源公司Clean Air Power在伦敦证交所下属的另类投资市场(AIM)上市,之后还把总部从美国加利福尼亚搬到了英国牛津。      像Clean Air Power一样,很多进入清洁能源领域的美国公司处于起步阶段,迫切需要上市融资,但美国资本市场的大门却不能轻易扣开。正如Cl</t>
  </si>
  <si>
    <t>法国用新机制取代“首次雇佣合同”</t>
  </si>
  <si>
    <t>本报巴黎电 法国政府10日决定用“帮助困难青年就业机制”取代颇受争议的“首次雇佣合同”,以解决数月来新劳工法引发的抗议浪潮。      根据日前颁布的“机会均等法”第八条,员工人数20人以上的企业可以与不满26岁的青年签订“首次雇佣合同”,其后两年内不用说明理由就可将其?</t>
  </si>
  <si>
    <t>欧盟鞋税沉重打击英德鞋商</t>
  </si>
  <si>
    <t>本报伦敦电 据英国《金融时报》10日报道,由于欧盟决定对中国和越南产皮鞋分别征收为期半年的临时性反倾销关税,英国和德国的两家最大鞋类零售商对此叫苦不迭。      英国最大的鞋类连锁店其乐公司表示,该公司60%的鞋品从中国和越南进口,欧盟征税举措将导致该公司成本增加1500?</t>
  </si>
  <si>
    <t>EA：开始更富挑战性的游戏设计</t>
  </si>
  <si>
    <t>今年以来,全球的视频游戏生产商——电子艺界(EA)频频传出降价、裁员等改革举措。美国《商业周刊》近日撰文称,为从根本上摆脱近来的惨淡经营困境,EA将推出更富挑战性的游戏设计方案,鼓励内部创新。      长期以来,EA的成功模式一直为业内褒扬：与知名职业运动联盟和电影公司签</t>
  </si>
  <si>
    <t>企业声誉靠利益相关者维护</t>
  </si>
  <si>
    <t>欧典地板被曝“作假”,高露洁牙膏的“美白风波”,这些消费者耳熟能详的名牌企业近来身陷信誉危机之中。而去年的肯德基“苏丹红”事件以及前几年发生的冠生园“陈馅月饼”丑闻等,更是曾对企业的声誉产生了巨大的负面影响,其销售和市场形象被大打折扣,甚至威胁到了企业的生存。</t>
  </si>
  <si>
    <t>乔治·阿玛尼：我是不会闭幕的</t>
  </si>
  <si>
    <t>作为20世纪最具影响力的时装设计师之一,乔治·阿玛尼(Giorgio Armani)的回顾展于4月2日在上海美术馆开幕。此次回顾展既是亚洲巡回展的最后一站,也是阿玛尼服装回顾展的闭幕展。“虽然说是回顾展的闭幕展,但我是不会闭幕的。”72岁高龄的乔治·阿玛尼说。  高级定制成衣秀</t>
  </si>
  <si>
    <t>中国企业试水跨国排污权交易</t>
  </si>
  <si>
    <t>这是一笔听起来有点匪夷所思的买卖：日本JMD公司不仅无偿提供资金和技术,帮助浙江巨化股份有限公司改造治污设备,减少二氧化碳排放,而且还花数亿元巨资向巨化公司购买减少的二氧化碳排放量。      近日,迄今为止,国际上最大一笔跨国二氧化碳排放权交易在浙江尘埃落定,交易金额</t>
  </si>
  <si>
    <t>汽车模具业洗牌引发技术竞争</t>
  </si>
  <si>
    <t>今年1月,上汽与美国最大的汽车外覆盖件制造商Sekely公司合资成立上海赛科利汽车模具技术应用有限公司,总投资额达9200万美元；2月,宁波车灯电器有限公司与美国艾勒模具有限公司也签订合作意向书,准备建设一座占地达150亩的汽车模具基地。来自中国模具工业协会的资料也显示,从2</t>
  </si>
  <si>
    <t>中美经贸博弈“尖锋时刻”</t>
  </si>
  <si>
    <t>4月11日,17届中美商贸联委会将在华盛顿举行。而在4月中下旬,中国国家主席胡锦涛将正式访美,与美国总统布什就包括经贸在内的多个重要问题进行会谈。      这两场重要活动的举行,正值中美经贸关系处于“多事之春”。在包括美对华贸易逆差、人民币汇率、产权保护和市场准入四大?</t>
  </si>
  <si>
    <t>中国零售业进入外资并购时代</t>
  </si>
  <si>
    <t>有关台资零售企业好又多的“公开标售”传闻,在2006年春节前风生水起,竞购方主角是沃尔玛、家乐福等国际集团。      3月7日,英国《金融时报》顶着好又多的辟谣,再次报道了《中外超市争相竞购好又多,售价将逾10亿美元》的消息。      最近,零售业界又传出消息称,美国最大的电子</t>
  </si>
  <si>
    <t>消费资本化理论：经济发展观的一场重大革命</t>
  </si>
  <si>
    <t>3月23日,经济学家陈瑜教授凝聚多年经济理论和实践的研究成果——《消费者也能成为“资本家”——消费资本化理论与应用》理论研讨会在京举行。      消费资本化理论突破了古典经济学和新古典经济学的局限,也突破了现代西方经济学家代表人物哈耶克理论的局限,是通货和消费紧缩?</t>
  </si>
  <si>
    <t>美国公司“爆料者”境遇好转</t>
  </si>
  <si>
    <t>得益于美国公众和社团组织的大力支持和声援,再加上法律保护措施日渐加强,美国公司丑闻“爆料者”的境遇大为改善,举报途径也更加方便。      过去,把本公司丑闻公之于众或向监管机构检举,意味着这名“爆料者”不得不面对失业威胁和生活完全被打乱的巨大压力。尽管在好莱坞影片</t>
  </si>
  <si>
    <t>空客“巨无霸”等待市场考验</t>
  </si>
  <si>
    <t>欧洲空中客车公司日前宣布,世界最大双层客机空客A380成功完成乘客紧急疏散测试,从而为今年年底按时交付使用铺平道路。但市场分析人士认为,等待A380的是来自航空市场的真正考验。      采用高密度客舱布局的A380机型可载客850多人,采用三级客舱布局的A380机型也可载客555人,最</t>
  </si>
  <si>
    <t>日本如何经营管理巨额外汇储备</t>
  </si>
  <si>
    <t>编者按：日本作为多年来的全球第一大外汇储备国,对巨额外汇储备的利弊如何看待？经济运行中的实际影响如何？今后的动向如何？这都是我们想要了解的问题。从实际情况来看,巨额外汇储备不仅没有给日本经济造成负面影响,反而带来了较好的投资回报,保证了资产增值。尽管其经验在?</t>
  </si>
  <si>
    <t>希腊打算大种块菌</t>
  </si>
  <si>
    <t>据当地媒体报道,希腊政府正在全国种植区特别是该国北部的农业区推广块菌种植。      报道说,块菌是一种采用现代化种植技术的绿色食品,生产成本低,而经济效益奇好无比。希腊北方的科扎尼(Kozani)省政府率先行动,从意大利进口220株块菌幼苗,准备在本省大力推广种植。该省政府还</t>
  </si>
  <si>
    <t>瑞士钟表商仍看重中国市场</t>
  </si>
  <si>
    <t>本报日内瓦电 中国从4月1日起对高档手表等奢侈品征收高达20%的消费税。对此,瑞士主要钟表商反应较为平静,认为中国市场对其重要性不会因此削弱。      瑞士斯沃琪集团公关部经理贝亚特丽斯·霍瓦尔德表示,中国新的税收政策会减少斯沃琪高档表的在华销量,但公司会增加中档表的?</t>
  </si>
  <si>
    <t>对冲基金与分析公司涉嫌操纵股价</t>
  </si>
  <si>
    <t>加拿大拜维尔药品公司日前将美国对冲基金SAC资本管理公司和梯度分析调查公司一并告上法庭,指控二者合谋操纵股价,要求被告至少支付46亿美元赔偿金。      拜维尔公司在这起诉讼案中提供的证据是,梯度分析调查公司曾应SAC资本管理公司的要求,在2003年6月发布了一份针对拜维尔的</t>
  </si>
  <si>
    <t>全国各地金饰品全面涨价</t>
  </si>
  <si>
    <t>本报上海电 由于美元走软、油价上扬,国际金价继续向600美元/盎司进军。截至记者发稿时,亚洲市场的金价已达到596.50美元/盎司。      受此影响,国内金价再攀新高。6日,上海黄金交易所现货交易品种全面上涨,Au99.95金每克收于152.41元,上涨2.03元,共成交3256公斤；Au99.99金每?</t>
  </si>
  <si>
    <t>广东与东盟外贸发展驶入快车道</t>
  </si>
  <si>
    <t>今年1月份,广东对东盟出口增幅高于进口37.9个百分点,贸易逆差比去年同期有所减少。业内人士指出,广东企业应充分利用与东盟国家的区位优势和《货物贸易协议》实施后的降税良机拓展对东盟出口贸易。      自我国与东盟构建自由贸易区以来,全国各地掀起了与东盟对接的热潮。2006</t>
  </si>
  <si>
    <t>我国农业用水率仅为发达国家一半</t>
  </si>
  <si>
    <t>本报讯 由于多年来采取传统的大水漫灌方式,目前我国农业用水的有效利用率仅为40%左右,远低于欧洲等发达国家70%至80%的水平。      据专家介绍,当前我国农业用水短缺与严重浪费并存的现象突出表现在四个方面：一是农业用水供给严重不足；二是农业水资源时空分布严重不均；三是</t>
  </si>
  <si>
    <t>国际港口业务成为并购新热点</t>
  </si>
  <si>
    <t>3月中旬,美国“港口风波”以阿联酋迪拜世界港口公司宣布退出而告终。之后不久又传出另一则消息,高盛公司有意并购英国最大港口运营商英吉利港口公司。一些业内人士称,港口业务正在成为全球并购领域的新热点。      美国《商业周刊》的一篇文章解释了港口业务逐渐“走红”的原?</t>
  </si>
  <si>
    <t>中国彩电业应抱团破“壁垒”</t>
  </si>
  <si>
    <t>从统计数字来看,欧洲是全球三大彩电消费市场之一,这对生产能力强大的中国彩电企业来说,无疑充满了诱惑,但4月1日欧盟对我国7家大型彩电制造企业征收44.6%的反倾销税,又给中国彩电企业当头一棒。虽然此次欧盟的反倾销裁决主要针对CRT彩电,并不涉及其它彩电种类,但欧盟在4年内两</t>
  </si>
  <si>
    <t>温州打火机再赴欧盟要说法</t>
  </si>
  <si>
    <t>本报温州电 温州打火机行业组织代表日前随同商务部官员一行,赶赴欧盟总部布鲁塞尔,就欧盟限制中国打火机出口的CR法规相关问题展开最后的会谈。      代表团成员之一、温州烟具行业协会会长周大虎表示,此行的目的是把握最后的申诉机会,为国内打火机企业在欧盟市场上的命运放手</t>
  </si>
  <si>
    <t>全球国债收益率一路上扬</t>
  </si>
  <si>
    <t>本报伦敦电 据英国《金融时报》3日报道,因市场普遍预期全球利率将进一步上升,目前出现的国债抛售风潮将持续更长时间,国债收益率还有上升空间。      报道说,受市场预期利率走高影响,上周全球一些主要政府债券价格大幅下跌,收益率一路上扬。美国财政部10年期国债价格创下5个月</t>
  </si>
  <si>
    <t>产能相对过剩,汽车出口力度加大</t>
  </si>
  <si>
    <t>随着国内汽车市场的竞争日益激烈和国际知名汽车品牌不断进入,我国自主品牌的汽车在市场份额和利润空间都面临着越来越严峻的挑战。部分自主品牌的汽车开始把目光投向了国际市场,向汽车工业较弱的中东等地区发展,出口力度显然加大,一些针对性强的汽车产品比如皮卡车等在海外开?</t>
  </si>
  <si>
    <t>《财富》美国500强新榜出炉</t>
  </si>
  <si>
    <t>美国《财富》杂志3日公布2006年美国500家大公司排行榜,因油价飙升而大发“横财”的埃克森-美孚公司取代沃尔玛占据榜首之位,其他石油巨头的排名也大幅上升。      《财富》美国500强排名主要依据各公司上一年营业收入。今年上榜公司营业总收入和利润总额均创历史最高纪录,2005</t>
  </si>
  <si>
    <t>特高压输电建设需要特别关注</t>
  </si>
  <si>
    <t>三月的北京春风荡漾,在中俄两国元首的见证下,中国“俄罗斯年”启幕了。中俄双方随后签署了15个合作文件,其中于3月21日由中国国家电网公司总经理刘振亚与俄罗斯统一电力系统股份公司董事长丘拜斯签署的《关于全面开展从俄罗斯向中国供电可行性研究的协议》颇为引人注目。</t>
  </si>
  <si>
    <t>体育营销：胜负全靠实力加谋划</t>
  </si>
  <si>
    <t>随着我国经济的快速发展,体育市场的巨大潜力得到了国际国内企业的关注,众多企业纷纷“掘金”体育营销。在体育赛事获得充足资金来源的同时,企业实际上也有可能是这场以小博大的游戏的赢家。  企业热衷联姻体育      尽管中国足球只能无奈地充当今年德国世界杯的看客,但近来各?</t>
  </si>
  <si>
    <t>英国呼吁欧盟开放能源市场</t>
  </si>
  <si>
    <t>本报伦敦电 与欧盟能源市场相关的50多起诉讼将于4月4日提交法庭。有消息称,英国本周将再次呼吁欧盟开放能源市场。      英国财政大臣戈登·布朗上周抱怨说,欧盟一些国家保护本国能源市场的做法使英国每年在能源方面多花100亿英镑。这些“冤枉钱”不但对能源消耗企业是一笔巨?</t>
  </si>
  <si>
    <t>高油价与供求无关</t>
  </si>
  <si>
    <t>本报科威特电 科威特能源大臣法赫德2日对科威特国家通讯社发表谈话说,目前油价上涨再一次表明高油价与供求因素无关,完全是地缘政治、气候和心理等因素造成的。      在回答什么是石油输出国组织期待的“公正”油价时,法赫德说,无法用一个具体数字来表明所谓的公正油价,因为目</t>
  </si>
  <si>
    <t>华尔街大投行争相赴印“掘金”</t>
  </si>
  <si>
    <t>印度经济前景光明、股市向好,吸引华尔街投资银行纷纷前来“掘金”。不过,也有分析人士指出,考虑到市场容量有限等多方因素,印度未必是这些投行的新“金矿”。      据报道,近来各大投行都在加强印度当地业务。2005年12月,美林公司出资5亿美元买断印度合伙公司所持DSP美林公司5</t>
  </si>
  <si>
    <t>委内瑞拉石油政策有变</t>
  </si>
  <si>
    <t>本报加拉加斯电 委内瑞拉国家石油公司和在委投资的外国石油公司3月31日签署协议,将双方在委石油开采合作方式从合同开采变成合资经营。      根据2001年的《石油法》,委内瑞拉议会3月30日一致通过石油合资企业合同范本,正式批准1990年到1997年委内瑞拉政府和22家外国石油公司?</t>
  </si>
  <si>
    <t>俄罗斯油气产量小幅增长</t>
  </si>
  <si>
    <t>本报莫斯科电 俄罗斯能源工业总调度局3日公布的数据显示,今年第一季度俄石油和凝析油开采量为1.165亿吨,比去年同期增长2%。      据统计,第一季度卢克石油公司生产石油2191万吨,位居俄罗斯各石油公司之首,排在第二至第五位的依次为俄罗斯石油公司、秋明-英国公司、苏尔古特石</t>
  </si>
  <si>
    <t>管理大师:亨利·明茨伯格(Henry Mintzberg)</t>
  </si>
  <si>
    <t>在国际管理学界,加拿大管理学家亨利·明茨伯格(Henry Mintzberg)是经理管理学派的主要代表人物,他所打造的国际实践管理硕士项目(简称IMPM)已经在许多国家初具规模；但同时他又是一个“叛逆者”：他对一些传统管理思想,如战略规划流程、MBA课程等进行不遗余力的抨击,他甚至质?</t>
  </si>
  <si>
    <t>美国“空中外卖”正在兴起</t>
  </si>
  <si>
    <t>长时间乘坐飞机,吃上一顿丰盛的饭菜,当然是一件令人高兴的事。如今,在美国,乘客们多了一种选择,一些饭店推出了“空中外卖”。      由于油价不断上涨以及竞争日趋激烈,许多美国航空公司为了削减开支,餐饮服务一落千丈,有的干脆关闭了飞机上的厨房。      即便还有部分航空公?</t>
  </si>
  <si>
    <t>中唱总公司质疑美国苹果公司侵权</t>
  </si>
  <si>
    <t>3月31日,中国唱片总公司公开表示,质疑美国苹果(Apple)公司侵权。2005年底,由中唱总公司出版的歌手刘嘉亮的原创歌曲《你到底爱谁》,在未经中唱总公司授权的情况下,登上美国Apple(苹果)公司的iTunes音乐排行榜前十位,并被其用户大量下载。       当日,记者联系了苹果电脑国际有</t>
  </si>
  <si>
    <t>贸易摩擦接踵而至 外贸政策将现转折性调整</t>
  </si>
  <si>
    <t>继3月23日欧委会正式批准了对中国和越南产皮鞋反倾销案的初裁方案一周之后,3月30日欧盟、美国常驻WTO代表团大使分别致函中国驻WTO代表团孙振宇大使,就中国汽车产业发展政策等措施在WTO提起争端解决机制下的磋商请求。时隔一天,欧盟发表公报称,将对中国7家彩电企业恢复征收44.</t>
  </si>
  <si>
    <t>双龙S-100偃旗息鼓另有隐情</t>
  </si>
  <si>
    <t>上汽吞下双龙后,会在哪里产“蛋”曾经是一个不解的谜。现在,早先炒的沸沸扬扬的S-100项目(即上海汽车和双龙汽车在中国成立合资工厂)终于有了下文。据韩国媒体报道,“双龙公司董事会3月28日宣布：由于中国政府目前对汽车业实施新的调控政策,公司取消了与上汽在中国合作建厂的?</t>
  </si>
  <si>
    <t>四城市竞争空客飞机总装线</t>
  </si>
  <si>
    <t>一条一个月可以造出4架空中客车的总装线,同时也是空中客车公司在欧洲之外建立的第一条飞机总装线,不久后就将落户中国。目前,天津、上海、西安和珠海都在争取成为这条总装线的新家,而这条总装线也是中国这20几年来第一条民用大飞机总装线。  选址进入倒计时      空中客车公司</t>
  </si>
  <si>
    <t>欧美联手将中国“告”上WTO</t>
  </si>
  <si>
    <t>日内瓦时间3月30日下午,欧盟、美国常驻世贸组织(WTO)代表团大使分别致函中国驻世贸组织代表团孙振宇大使,就中国汽车产业发展政策等措施在WTO提起争端解决机制下的磋商请求。此举表明,欧美已将中方“告”上了世贸组织。而这也是欧美首次联手将中国“告”上世贸组织。      按?</t>
  </si>
  <si>
    <t>贸易环境标准有损穷国出口</t>
  </si>
  <si>
    <t>本报日内瓦电 联合国贸易和发展会议3月31日发表的《2006年贸易与环境报告》说,国际贸易中对各种商品规定的环境、卫生和安全标准,导致贫困国家产品越来越难出口到北美、欧洲和亚洲发达地区等有利可图的市场。      不过,贸发会议报告认为,如果贫困国家采取积极主动应对的战略,</t>
  </si>
  <si>
    <t>英国与国际税收趋势背道而驰</t>
  </si>
  <si>
    <t>本报伦敦电 经济合作与发展组织公布的数据表明,过去10年来,英国与大多数发达国家的税收发展趋势背道而驰,发达国家普遍降低针对个人收入的各种税收,而英国却一直提高这类税收的标准。      据英国《金融时报》30日报道,根据经合组织公布的统计数字,2001年以来,英国政府对个人?</t>
  </si>
  <si>
    <t>一季度全球敌意收购达2340亿美元</t>
  </si>
  <si>
    <t>本报伦敦电 英国《金融时报》3月31日报道,收购价格的走低使敌意收购成为全球今年第一季度主要趋势。      根据国际著名市场调查公司DEALOGIC初步统计数字表明,今年头三个月敌意收购为38宗,总金额高达2340亿美元,创下自1999年第四季度以来敌意收购金额最高纪录。这些敌意收购?</t>
  </si>
  <si>
    <t>鞋企筹款300万迎战欧盟反倾销</t>
  </si>
  <si>
    <t>本报广州电 欧盟对中国产皮鞋征收临时性反倾销税迫在眉睫,而半年后这一临时性征税措施很可能变成为期五年的长期反倾销税。“中国鞋企不会坐以待毙,我们已联合15家大型出口企业筹款300万元来迎战欧盟的反倾销官司,”番禺创信鞋业董事长吴振昌31日在接受新华社记者采访时透露。</t>
  </si>
  <si>
    <t>欧盟听证会微软喊冤难获同情</t>
  </si>
  <si>
    <t>欧盟委员会3月30日举行闭门听证会,旨在确定美国微软公司是否严格执行欧盟2004年作出的反垄断裁决。尽管微软提供了大量证据,但欧盟方面坚持认为,它在开放源代码方面尚未达到相关要求。      一些相关人士断言,此次听证会对双方并无太大意义,最终结果也早已预知,那就是微软难逃</t>
  </si>
  <si>
    <t>国外模具巨头掀起投资中国热</t>
  </si>
  <si>
    <t>国际模具巨头芬兰贝尔罗斯公司投资建设的深圳模具制造厂不久前正式投入使用,该厂完全按照欧美标准建造,首期投入6000万元人民币,主要为电信、保健、电子和汽车等行业提供高端模具产品,同时具备测试及验证能力。      日前在浙江黄岩举办的中国模具基地产业升级论坛上,有关专家</t>
  </si>
  <si>
    <t>基因技术成抗击传染病新手段</t>
  </si>
  <si>
    <t>本报讯 H5N1高致病性禽流感、SARS、艾滋病等烈性传染病已经成为全球公共卫生的重大威胁,严重危害人类的健康。中美传染病防控科学家指出,基因技术正成为新世纪抗击传染病的新手段。      3月29日,中美新兴科技对话——“基因革命：抗击传染病的新手段”研讨会在北京召开,中美?</t>
  </si>
  <si>
    <t>欧洲卫星制造业将重新洗牌</t>
  </si>
  <si>
    <t>本报巴黎电 据法国《论坛报》、《回声报》等经济大报29日报道,法国阿尔卡特公司、欧洲航空防务和航天公司目前都有意将下属卫星制造企业并入法国重要军工企业泰勒斯公司,以换取后者部分股份。如果合并成功,泰勒斯公司将进一步巩固在欧洲卫星制造市场的优势地位。      阿尔卡?</t>
  </si>
  <si>
    <t>今年中国经济增长将放缓为8%</t>
  </si>
  <si>
    <t>本报讯 根据联合国亚洲及太平洋经济社会委员会30日发布的《2006年亚洲及太平洋经济社会概览》,预测2006年中国国内生产总值的增长率将略放缓为8%。      这一调查报告认为,中国经济近年来的强劲增长得益于迅速增长的净出口额和国内投资,以及日益增长的国内消费。      亚太经?</t>
  </si>
  <si>
    <t>商务部全面反驳欧盟不公正“鞋反”</t>
  </si>
  <si>
    <t>2006年3月23日,欧委会正式批准了皮鞋反倾销案的初裁方案,拟从4月7日起对中国皮鞋征收临时反倾销税。29日,中国商务部新闻发言人崇泉就此发表谈话,全面阐述中方立场和关点。      崇泉说,中方要求欧方公平对待中国的应诉企业,重新对本案进行全面合理的分析与评估,做出符合WTO规</t>
  </si>
  <si>
    <t>全球电信设备制造业并购升温</t>
  </si>
  <si>
    <t>美国朗讯科技公司和法国阿尔卡特公司日前证实,双方正就合并事宜进行谈判,有可能组成市值高达330多亿美元的电信“航母”。市场人士认为,朗讯与阿尔卡特谋求合并预示全球电信设备制造业可能出现新一轮并购热潮。      有分析指出,电信设备制造商加快并购步伐有两大迫不得已的原</t>
  </si>
  <si>
    <t>美国信息技术竞争力全球第一</t>
  </si>
  <si>
    <t>本报日内瓦电 世界经济论坛发布的最新全球信息技术竞争力排行榜显示,美国在2004年度跌至第五位后,2005年度从新加坡手中重新夺回榜首之位。      据《金融时报》28日报道,世界经济论坛对全球115个经济体进行调查后公布了这份《2005年度全球信息技术报告》,美国排名第一,新加坡</t>
  </si>
  <si>
    <t>中国家电流通安全不容忽视</t>
  </si>
  <si>
    <t>中国家电流通业成了全球投资的热点。随着美国资金的鱼贯而入,家电零售业就像是放进了鲶鱼的养鱼池,整个池子水花四溅。      最近,美国基金公司华平投资1.5亿美元注入国美电器,摩根士丹利5000万美元加盟中国第三大电器连锁商永乐电器；除此之外,美国最大的消费电子连锁零售商?</t>
  </si>
  <si>
    <t>全面看待国企盈亏</t>
  </si>
  <si>
    <t>应该如何看待国企盈亏？一方面是2005年我国国有及国有控股工业企业实现利润6447亿元,比上年同期增长17.4%,实现利润额达到历史新高。另一方面则是工业亏损企业亏损额达到历史第二高峰。       25日本报刊登的《国企亏损达到历史第二高峰》一文,就是为了在谈及去年国有企业实现</t>
  </si>
  <si>
    <t>沃尔玛对国外供货商加强突检</t>
  </si>
  <si>
    <t>本报纽约电 全球最大零售商沃尔玛公司对国外供货商加大了突击检查力度,以确保他们所提供的产品符合相关劳工和环境标准。      沃尔玛从众多国外工厂购买大量的衣服、玩具、鞋类等产品。沃尔玛国际公司业务主管贝丝·凯克表示,公司预计今年对国外供货商的突击检查比例将上升到</t>
  </si>
  <si>
    <t>美国楼市的七大潜在威胁</t>
  </si>
  <si>
    <t>日前公布的调查数据显示,尽管美国长期住房贷款利率有所下降,但上周房贷申请数量却降至今年以来的最低水平。此外,美国房贷申请活动指数现已降至今年以来最低水平565点。      行业人士指出,房贷申请数量下降、房屋销量走低等迹象表明,多年持续高温并为经济增长作出很大贡献的?</t>
  </si>
  <si>
    <t>阿玛尼品牌产品拓展中国市场</t>
  </si>
  <si>
    <t>本报罗马电 意大利阿玛尼集团高层人士27日在米兰表示,公司准备继续拓宽在中国市场的销售渠道,力争今年阿玛尼品牌产品在华销售额比去年增加40%,达到1.13亿欧元。      公司方面表示,到今年年底,阿玛尼在中国开设的单一品牌专卖店将达40家,非专卖零售网点将达35家。除扩大销售?</t>
  </si>
  <si>
    <t>中航油另择新路再度起航</t>
  </si>
  <si>
    <t>中国航油(China Aviation Oil)巨亏事件终于接近了尾声。3月28日,记者从中航油新加坡公司(下称中航油)获悉,28日是该公司的“重组完成日”,新董事会已经开始接手管理中航油。      按照既定计划,29日上午9点,中航油的股票将在新加坡证券交易所重新上市。  死而后生：中航油全新</t>
  </si>
  <si>
    <t>活性炭出口企业陷入内忧外患</t>
  </si>
  <si>
    <t>今年初,美国caigon公司和norit公司向美国国际贸易委员会(ITC)提出对中国输美活性炭反倾销调查申请。经中国五矿化工进出口商会组织的积极抗辩,美国原告公司于2月20日撤回了对我反倾销案的调查申请。但国内业内人士分析,此次事件暴露出我国活性炭行业长期以来无序竞争、低价销?</t>
  </si>
  <si>
    <t>赴朝投资：越来越有吸引力</t>
  </si>
  <si>
    <t>种种迹象表明,中朝两国的经贸合作正进入一个新的历史时期。朝鲜欢迎中国企业赴朝投资的意愿十分明显,赴朝投资商机日益扩大,朝鲜有望成为我国对外投资的新选地。      2005年朝鲜经济发展呈现出诸多有利于外资进入的特点。首先,困扰朝鲜多年的粮食问题得到了缓解。黑龙江省社?</t>
  </si>
  <si>
    <t>中朝可在六大领域深化经贸合作</t>
  </si>
  <si>
    <t>本报讯 黑龙江省社会科学院东北亚所孙永副研究员等朝鲜问题专家认为,目前有利于我国和朝鲜进行经贸合作的领域约有六个方面,我国企业可着手加快投资步伐。      资源与能源合作。朝鲜有丰富的森林资源,煤、铁、石墨、金、银和铅等矿产储量可观。朝鲜政府已允许外来资本进入资?</t>
  </si>
  <si>
    <t>专家认为应提升中朝经贸层次</t>
  </si>
  <si>
    <t>本报讯 为进一步提升中朝贸易的规模和层次,国内一些朝鲜问题专家认为,从目前情况出发,应探讨以下几种做法：      促进优势互补,以多种形式扩大边境贸易。中朝边贸有着较强的经济互补性和互利性,针对目前朝鲜物资和外汇短缺等状况,扩大在朝投资领域。中朝之间的经济合作由于朝</t>
  </si>
  <si>
    <t>人民币对美元汇率连创新高</t>
  </si>
  <si>
    <t>欧盟计划取消手机国外漫游费</t>
  </si>
  <si>
    <t>本报伦敦电 据英国《金融时报》28日报道,欧盟将通过立法取消手机国外漫游费。      报道说,欧盟负责电信事务的委员雷丁将对这一立法建议做出说明,要求手机运营商对用户在本国以外拨打手机按国内标准收费。不过,雷丁提出的建议只有在欧盟议会及各成员国批准后方能成为正式法令</t>
  </si>
  <si>
    <t>金融城大“红包”贴补英国财政</t>
  </si>
  <si>
    <t>英国财政大臣戈登·布朗22日向议会提交了新的财政预算报告,其中提出要把伦敦金融城打造成全球金融中心。        这个只有5平方英里左右的伦敦金融城对英国经济贡献越来越大,是布朗提出上述建议的主要原因。此间观察家指出,近年来,金融城高收入阶层给出的“红包”着实贴补了一</t>
  </si>
  <si>
    <t>俄外汇管理政策作出重大调整</t>
  </si>
  <si>
    <t>本报莫斯科电 俄罗斯中央银行27日作出两项决定：一是取消出口商强制性外汇销售规定,二是将外汇业务准备金降低一半。俄业内人士对此普遍持积极看法,认为这是俄经济和金融局势继续向好的反映,也是为完全放开外汇调节而放出的“试探气球”。      根据俄罗斯法律,俄出口商在获得</t>
  </si>
  <si>
    <t>两位美国参议员来华留下了什么</t>
  </si>
  <si>
    <t>上周末，美国民主党参议员舒默和共和党参议员格雷厄姆结束了他们的访华之行。　　    正如此前有关人士分析的那样，现在很难确定舒默和格雷厄姆的中国之行是否能达成建设性的成果。但这一行动本身似乎还是传达了一些积极的信号：美国国会议员们正试图亲身了解中国，而不是像?</t>
  </si>
  <si>
    <t>蒙古国富矿成“烫手山芋”</t>
  </si>
  <si>
    <t>蒙古国议会将在下个月审议政府提交的《矿产资源法》修订案，其结果很可能决定蒙古国已探明储量第一大矿奥云陶勒盖铜金矿的股权及优惠政策问题。　　    奥云陶勒盖铜金矿目前处于勘探未开发阶段，位于蒙古国南戈壁省，距首都乌兰巴托直线距离650公里。根据最新勘探结果，该矿</t>
  </si>
  <si>
    <t>美联储再次加息几成定局</t>
  </si>
  <si>
    <t>美国当地时间3月28日，美联储将举行新任主席伯南克上任以来的首次货币政策会议。华尔街分析人士普遍预测，美联储将继续维持25个基点的加息步调，将联邦基金利率升至4.75%。鉴于上周公布的数据显示美国经济走势放缓，有分析人士认为，此次利率上调很可能是本轮加息周期的“绝?</t>
  </si>
  <si>
    <t>俄罗斯物价上涨过快</t>
  </si>
  <si>
    <t>本报莫斯科电 俄罗斯民意基金会所作的一项调查表明，71%的受访者表示最近3个月不得不减少开支。专家认为，这种状况缘于俄罗斯近来通货膨胀加剧。　　    调查显示，60%的俄罗斯人认为最近1年工资有所增加，但也有超过1/3的人认为生活水平下降了。近一半受访者认为物质生活没?</t>
  </si>
  <si>
    <t>美国楼市存在“非理性繁荣”</t>
  </si>
  <si>
    <t>本报纽约电 美国耶鲁大学经济学家罗伯特·席勒日前在美国广播公司电视新闻节目“夜线”中称，美国房地产市场出现泡沫破灭迹象。 　　    美国商务部24日公布的数据为这种观点提供了一些证据。数据显示，2月份全美新屋销量下滑10.5%，为近9年来最大单月降幅。席勒认为，在目前</t>
  </si>
  <si>
    <t>日本制造商看好经营前景</t>
  </si>
  <si>
    <t>本报东京电 日本内阁府和财务省27日联合公布的调查结果显示，由于日本经济增长加快，今年第一季度大部分日本制造商看好未来经营前景。　　    最近，日本内阁府和财务省对资产总额至少达到10亿日元（约合850万美元）的日本公司进行了调查，结果显示，对经营前景持乐观态度的?</t>
  </si>
  <si>
    <t>放宽外汇管制 印度要给卢比全面松绑</t>
  </si>
  <si>
    <t>近年来，随着经济的强劲增长和外汇储备的逐年递增，印度放宽外汇管制的时机也显得日趋成熟。在经过15年的准备和观望后，印度开始考虑取消卢比的所有剩余资本控制措施，放宽外汇管制，以实现外汇自由兑换。　　给卢比以自由身　　    本月18日，印度总理辛格在印度金融中心孟?</t>
  </si>
  <si>
    <t>融资租赁监管需要加强</t>
  </si>
  <si>
    <t>融资租赁虽然在上个世纪50年代才在美国出现，由于其适应了经济迅速发展的需要，其在世界范围内的发展是非常的迅速。50年代末，融资租赁从美国被引进到北美，60年代传入西欧和亚洲，70年代又传入南美。在美国，融资租赁的业务量发展飞速，一直在世界融资租赁市场占据龙头老大?</t>
  </si>
  <si>
    <t>“商业周刊50强”新榜苹果登顶</t>
  </si>
  <si>
    <t>美国《商业周刊》日前公布2006年度“商业周刊50强”（BusinessWeek 50)榜单，风头正劲的苹果电脑公司（简称“苹果”）荣登榜首。　　    “商业周刊50强”的评选对象是标准普尔500指数的相关企业。根据企业最近12个月内和最近3年内的产品销量、纯利增幅、长期利润预期、股票?</t>
  </si>
  <si>
    <t>欧洲贸易保护主义抬头</t>
  </si>
  <si>
    <t>在面对来自欧盟内成员国和中国的一片强烈反对声中，欧盟委员会还是于23日批准了对中国皮鞋征收临时反倾销税的决定。对此，中国轻工工艺品进出口商会称，这是一个“离奇”的决定。　　    除了鞋之外，欧盟还在酝酿对来自中国的其他多种产品征收反倾销税。多种迹象表明，欧洲?</t>
  </si>
  <si>
    <t>英国能源公司可能实行私有化</t>
  </si>
  <si>
    <t>本报伦敦电 英国《金融时报》23日报道，英国财政大臣布朗在2006至2007年度财政预算报告中表示，政府将对一些国有公司实行私有化，首当其冲的便是英国能源公司。　　    报道援引布朗的话说，在审议英国能源需求后，政府将决定英国能源公司的私有化问题。英国首相布莱尔将支持</t>
  </si>
  <si>
    <t>英国监管机构接纳对冲基金</t>
  </si>
  <si>
    <t>本报伦敦电 英国媒体24日报道，英国金融管理局首次宣布制订相关计划，用来保护中小投资者投资对冲基金，意味着英国监管机构开始承认这个曾被称作“金融鲨鱼”的特殊行业。　　    金融管理局中小投资部主任丹·沃特斯表示，基金和监管部门都在不断发展，对冲基金是金融市场的</t>
  </si>
  <si>
    <t>粮农组织强调继续严控疯牛病</t>
  </si>
  <si>
    <t>本报罗马电 总部设在罗马的联合国粮农组织23日发表公报说，尽管最近3年全球范围内疯牛病病例呈连续下降趋势，但各国仍需采取严格的科学监控手段，才能彻底控制疯牛病在全球蔓延。　　    粮农组织报告显示，过去3年，全球发现的疯牛病病例正在以年均约50%的速度递减，这无疑?</t>
  </si>
  <si>
    <t>“中国的扶贫开发成就显著”</t>
  </si>
  <si>
    <t>在不久前闭幕的“两会”上，中国政府决定将更多资金投向农村地区，加快新农村建设步伐。围绕中国农村建设和扶贫开发等问题，本报记者对联合国世界粮食计划署执行干事詹姆斯·莫里斯进行了专访。　　    记者：请您谈谈对中国农业发展尤其是扶贫开发的印象。　　    莫里斯：?</t>
  </si>
  <si>
    <t>立普妥 可改善冠心病患者肾功能</t>
  </si>
  <si>
    <t>本报讯 美国新公布的一项研究结果显示，同时患有冠心病和高血脂的患者，服用降脂药物立普妥可改善其肾功能。　　    研究人员在最近结束的美国心脏病学院第55次年会上报告说，他们是对近8000名患者进行分析后得出上述结果的。分析还发现，服用80毫克最大剂量立普妥的患者，肾</t>
  </si>
  <si>
    <t>应对全球化 欧盟峰会热议改革</t>
  </si>
  <si>
    <t>从23日开始，欧盟举行为期两天的春季首脑会议。与会25国首脑主要讨论欧盟委员会提出的一系列经济改革措施。欧盟委员会主席巴罗佐在会前力促各国领导人将改革承诺化为切实行动，因为“欧洲经济已出现好转迹象，我们绝不能错过这个机会”。　　    本次会议的主要议题包括促进?</t>
  </si>
  <si>
    <t>意大利出版商看好中国书市</t>
  </si>
  <si>
    <t>本报罗马电 意大利知名出版企业德阿戈斯蒂尼集团董事长皮埃罗·博洛利日前表示，中国图书市场发展潜力巨大，希望能够有更多机会和中国出版社合作，将意大利图书引进中国市场。　　    博洛利说，德阿戈斯蒂尼出版集团将从中国人口密集的大城市入手。他认为，随着经济的发展，</t>
  </si>
  <si>
    <t>东南亚国家削减燃料补贴</t>
  </si>
  <si>
    <t>本报讯 英国《经济学家》日前的文章称，一些东南亚国家自去年开始大幅削减燃料补贴，从现在的结果看，对经济发展有益无害。　　    印度尼西亚长期实行燃料补贴政策，国内燃油价格远低于国际价格。去年9月底，印尼政府宣布减少燃料补贴，国内燃油价格随即大涨，涨幅达127%，?</t>
  </si>
  <si>
    <t>中国企业进军俄罗斯要“闯三关”</t>
  </si>
  <si>
    <t>近年来，越来越多的中俄企业进入对方市场，并取得了良好业绩。有关专家日前表示，对于中国企业来说，开拓俄罗斯市场还需要突破贸易纠纷、“灰色清关”等瓶颈制约，并实施规范经营和名牌战略。　　    中国国际商会调解中心调解员、俄罗斯联邦工商会国际商事仲裁院外籍仲裁员?</t>
  </si>
  <si>
    <t>印度私营快递业质疑邮政改革</t>
  </si>
  <si>
    <t>去年，日本政府为推动邮政民营化，不惜解散国会、提前举行大选。英国邮政也在今年1月打破350年的垄断局面，允许邮政领域公开竞争。与此形成鲜明对照的是，印度政府却打算将邮政业务的大部分重新收归国有，自然遭到国内外私营快递公司的强烈反对。　　    英国《经济学家》?</t>
  </si>
  <si>
    <t>53国已承认中国完全市场经济地位</t>
  </si>
  <si>
    <t>本报讯 记者22日从商务部获悉，3月21日，赞比亚副总统姆瓦佩接见了商务部副部长魏建国和全国人大农业与农村委员会副主任委员万宝瑞率领的中国政府经贸代表团，他代表赞比亚政府正式宣布支持中国完全市场经济地位。至此，赞比亚成为承认中国完全市场经济地位的第53个国家。?</t>
  </si>
  <si>
    <t>伊拉克保险公司推广“恐怖险”</t>
  </si>
  <si>
    <t>本报巴格达电 针对当前伊拉克的治安状况，伊拉克保险公司努力推广一种名为“恐怖险”的新险种，将战争武器和汽车炸弹、暗杀、恐怖袭击等危险涵盖在承保范围之内。　　    按相关规定，不同职业的投保者需支付的“恐怖险”保费不一。通常情况下，教师、普通商人等职业相对安</t>
  </si>
  <si>
    <t>法国重点发展“非食品类农业”</t>
  </si>
  <si>
    <t>本报巴黎电 法国全国农产品种植者联合会21日开始举行第60届大会。据大会透露的消息，“非食品类农业”将成为法国农业的主体。　　    法国是欧洲第一大农业国，但在欧盟决定改革其共同农业政策之后，法国农业逐渐进入转型期。为此，法国全国农产品种植者联合会将在本次大会</t>
  </si>
  <si>
    <t>俄罗斯机电市场在向我企业招手</t>
  </si>
  <si>
    <t>本报哈尔滨电 业内人士分析，随着经济持续高速发展，居民收入不断增加，依赖进口机电产品的俄罗斯吸纳国外产品的潜力巨大。　　    近年来，俄罗斯经济保持了良好的发展势头，年均增长率在7%左右，大大超过了许多发达国家和经济转型国家。持续增长的经济形势使居民实际收入</t>
  </si>
  <si>
    <t>全球传统媒体巨头开掘网络财源</t>
  </si>
  <si>
    <t>美国大学篮球联赛上周拉开帷幕。与往年不同的是，本赛季球迷可以通过网络免费观看现场直播。英国《经济学家》撰文称，推出此项服务的美国哥伦比亚广播公司是在进行一次有益的尝试，而其他传统媒体巨头也相继涉足网络领域，试图通过这种新的传播渠道挖掘财源。　　    尽管?</t>
  </si>
  <si>
    <t>中国银价突破2900元大关</t>
  </si>
  <si>
    <t>本报上海电 恰如市场广泛预期，美国证券交易委员会当地时间21日同意修改规则，准许白银上市交易基金（ETF）上市。受此影响，国际银价再次创22年新高，中国市场现货白银也突破2900元大关，为中国白银市场开放以来的最高价格。　　    22日，上海华通铂银交易市场现货白银价?</t>
  </si>
  <si>
    <t>禽流感重创欧盟鸡肉市场</t>
  </si>
  <si>
    <t>本报布鲁塞尔电 欧盟委员会日前发布的统计数字显示，今年以来，由于禽流感疫情在欧洲蔓延，欧盟鸡肉市场遭到重创，鸡肉价格平均下跌了10%。　　    欧盟鸡肉市场的平均价格目前仅为每公斤1.32欧元。受欧洲消费者大举转购其他肉类产品影响，欧盟各国鸡肉销量大幅下降。意大?</t>
  </si>
  <si>
    <t>国内糖价不应跟着国际糖价走</t>
  </si>
  <si>
    <t>“不敢保证国际糖价不会走低。在美国期货市场里，如果原糖的国际价格下降到8至10美分/磅，国内糖价不能跟着走；反之，过高也不行。国内糖价应该和国际糖价相比较而不是跟着走。”　　    这是国家发改委经济贸易司副司长马占平近日在广西南宁举行的首届“中国糖业企业发展?</t>
  </si>
  <si>
    <t>京沪高铁：1300亿元“蛋糕”怎么切？</t>
  </si>
  <si>
    <t>时速300公里，堪称中国陆路交通中最快的速度；1300亿元的造价，仅次于三峡工程的投资规模。这两个因素叠加在京沪高速铁路项目上，使它一经定案便有了明确的时间表，立即成为各路商家关注的焦点。　　    “修建京沪高速铁路，并非像某些舆论渲染的那样，要么是法国TGV、要么?</t>
  </si>
  <si>
    <t>用友软件全面打造亚洲领先管理软件企业</t>
  </si>
  <si>
    <t>据权威研究机构赛迪顾问(CCID)前不久发布的调查数据，亚洲第二、中国最大的ERP（企业管理软件）供应商用友软件，以近1/4的市场份额在中国ERP市场中保持第一，同时全面超越国际竞争对手，比挤入中国前10大的两家国外ERP供应商收入的总和还要高出3.4个百分点。　　    用友企业</t>
  </si>
  <si>
    <t>中俄经贸亟须优化结构</t>
  </si>
  <si>
    <t>本报哈尔滨电 经过10多年的发展，中俄经贸合作已达到一定规模，并进入快速发展的新时期。3月21日至22日，俄罗斯联邦总统普京对中国进行国事访问，并出席“俄罗斯年”开幕式和中俄经济工商界高峰论坛开幕式。有关专家分析认为，在中国“俄罗斯年”等活动推动下，中俄经贸额将?</t>
  </si>
  <si>
    <t>创新发展模式 超越固有的建设理念</t>
  </si>
  <si>
    <t>中国第一座露井联采的资源节约型煤炭生产基地。　　    中国第一座自行设计、建设、管理的现代化煤矿。　　    中国第一个自行设计、建设、管理的亚洲最大全重介动力煤选煤厂。　　    中国第一次在浅埋深、硬顶板、硬煤层条件下成功应用综采放顶煤工艺……　　    这就是日?</t>
  </si>
  <si>
    <t>俄中原油管道支线前景进一步明朗</t>
  </si>
  <si>
    <t>本报讯（记者齐中熙）中国石油天然气集团公司21日分别与俄罗斯天然气工业股份公司、俄罗斯石油公司和俄罗斯管道运输公司签署了三个合作文件。    值得注意的是，中国石油集团与俄罗斯管道运输公司签署了关于开展到中国原油管道支线的会谈纪要?</t>
  </si>
  <si>
    <t>美国公司频演股东“逼宫”大戏</t>
  </si>
  <si>
    <t>近年来，美国公司的股东频频上演“逼宫”事件，与管理层展开控制权之争。华尔街资深律师马丁·利普顿认为，美国公司已从管理层权力至上的时代走向股东权倾朝野的时代，这对美国经济来说是一场灾难，因为公司管理层在做决策时可能迫于股东压力而只考虑短期利益。　　    有“?</t>
  </si>
  <si>
    <t>美国学子追捧欧洲MBA学位</t>
  </si>
  <si>
    <t>美国《商业周刊》日前撰文称，长期以来美国的工商管理硕士（MBA）教育具有很高权威性，但现在越来越多的美国人开始选择到欧洲攻读MBA学位。　　    文章介绍说，尽管申请到欧洲商学院攻读MBA学位的美国学生占全部申请人数的比例还不到2%，但近几年报考人数不断上升。2000年只</t>
  </si>
  <si>
    <t>戴尔“四大战略”变成绊脚石</t>
  </si>
  <si>
    <t>美国《商业周刊》日前撰文称，尽管戴尔公司目前仍是全球个人电脑市场的老大，但曾是公司“助跑器”的四大战略如今却成为阻碍其发展的绊脚石。　　    文章指出，尽管2005年第四季度公司利润飙升52%，销售额增长13%，但戴尔电脑销量增幅却低于近3年来18%的行业平均增长率。此?</t>
  </si>
  <si>
    <t>日本银行相继提高存款利率</t>
  </si>
  <si>
    <t>本报东京电 日本中央银行宣布解除超宽松的金融政策之后，三井住友银行、瑞穗银行、三菱东京联合银行等日本主要金融机构近日相继宣布提高定期存款利率。　　    三菱东京银行和瑞穗银行分别自20日和22日起将一年期定期存款年利率从0.03%提高到0.06%，二年期存款年利率从0.04%?</t>
  </si>
  <si>
    <t>越南将成外商科技投资新热点</t>
  </si>
  <si>
    <t>全球头号芯片制造商英特尔日前宣布，将投资3亿美元在越南兴建一家芯片生产与测试工厂。美国《商业周刊》撰文称，这一举动将产生巨大联动效应，预示着越南将成为科技投资新热点。   　　    作为迄今为止美国在越南的最大一笔单项投资（石油产业除外），英特尔的这家工厂将?</t>
  </si>
  <si>
    <t>飓风重创澳大利亚香蕉种植业</t>
  </si>
  <si>
    <t>本报堪培拉电 据澳大利亚媒体报道，澳主要香蕉种植地昆士兰州东北部海岸地区20日遭到飓风“拉里”袭击，30人受轻伤。香蕉种植业也遭到重创，损失预计将达数亿澳元。　　    澳媒体和当地居民形容这场飓风是有史以来袭击昆士兰州规模最大的飓风，飓风最高时速达每小时290公?</t>
  </si>
  <si>
    <t>韩国进口中国钢材增加一成</t>
  </si>
  <si>
    <t>本报首尔电 韩国钢铁协会20日公布的统计数字显示，今年2月份韩国从中国进口钢材53.25万吨，比去年同期增加10.2%。　　    韩国自2002年起不断增加从中国进口钢材的数量，去年2月份的进口量比前年同期猛增了406.6%。其后，韩国从中国进口钢材的同比增长率逐渐下降，今年1月?</t>
  </si>
  <si>
    <t>10家中国公司今年在韩上市</t>
  </si>
  <si>
    <t>本报首尔电 韩国金融监督委员会20日宣布，预计今年将有10家中国公司在韩国首尔股票交易所挂牌上市。　　    据韩通社报道，金融监督委员会一位不愿透露姓名的官员说，这些中国公司正在履行相关上市程序，预计年内将有10家中国企业在韩国上市。　　    近年来，韩国政府一</t>
  </si>
  <si>
    <t>中国商家亮相开罗商品交易会</t>
  </si>
  <si>
    <t>本报开罗电 为期10天的第39届开罗国际商品交易会19日在开罗国际展览中心拉开帷幕，来自中国的40多个商家集中亮相，希望通过交易会进一步宣传企业产品和发掘新的商机。　　    据中国驻埃及大使馆经商处崔明谟参赞介绍，这次一共有42个中国商家参展，中国商家搭设的摊位有59</t>
  </si>
  <si>
    <t>钢铁大王米塔尔：欲吞全世界钢铁业</t>
  </si>
  <si>
    <t>在3月10日揭晓的《福布斯》2006年度全球富豪榜中，印度钢铁大王拉克希米·米塔尔名列第五，排在盖茨、巴菲特、卡洛斯·斯利姆· 赫鲁、英格瓦·坎普拉德四人之后。和去年相比，他的名次下降了两名。而在2005年的《福布斯》富豪榜中，米塔尔可谓是一个表现抢眼的人物，因为他?</t>
  </si>
  <si>
    <t>日本经济：十年调整重现活力的“魔方”</t>
  </si>
  <si>
    <t>内需主导：自律性良性复苏　　    经过了长达10多年的艰难调整，日本整体经济已逐步恢复了活力，很有可能进入一个相对稳定的发展时期。其具体表现为：主要企业的债务过大、设备过剩、人员过多的“三过”问题已经基本消除，主要企业盈利能力大幅增强；内需和出口同步增长，基?</t>
  </si>
  <si>
    <t>管理大师:约翰·科特（John P. Kotter）</t>
  </si>
  <si>
    <t>由于在领导学领域中的理论贡献非凡，他被《商业周刊》评为“20世纪对世界经济最有影响的50位大师”之一；2001年10月出版的《商业周刊》，在对504位企业领导人的问卷调查中，他被评选为“领导大师第一人”（Number 1 Leadership Guru）；他发表于《哈佛商业评论》上的《领导者</t>
  </si>
  <si>
    <t>美国国债问题恶化 人均负债3万美元</t>
  </si>
  <si>
    <t>本月16日，美国参议院赶在春季休会之前以52票对48票的微弱优势通过法案，将美国国债法定限额提高7810亿美元，从现在的8.184万亿美元提高到近9万亿美元。国会的这一雪中送炭之举使美国政府得以暂时摆脱无钱可花的尴尬局面，也使布什总统和斯诺财长可以长舒一口气。　　财长救?</t>
  </si>
  <si>
    <t>当今中国十大最具创意的建筑典范</t>
  </si>
  <si>
    <t>当全球观众把目光投向2008年北京奥运会时，向最高成就发起冲击的并非只有那些顶级运动员，现实情况是，新一代的创新建筑正在中国兴起。　　    其中，北京和上海仍然是中国最受关注的地方。活跃在这里的建筑师和建筑机构都是明星中的明星，荷兰的雷姆·库哈斯（Rem Koolhaas?</t>
  </si>
  <si>
    <t>美国兴起婚前培训学习如何“经营婚姻”</t>
  </si>
  <si>
    <t>越来越多的美国新人深知，美满幸福的婚姻需要夫妻双方用心经营。于是，他们在婚前便开始了“做功课”，其内容就是如何“经营婚姻”。　　    《华盛顿邮报》日前报道说，在美国，一种婚前情感培训悄然兴起，虽然价格不菲，却不乏追求幸福的“善男信女”慷慨解囊。　　    31?</t>
  </si>
  <si>
    <t>运用好“金融软实力”避免人民币博弈性升值</t>
  </si>
  <si>
    <t>由社科院金融所主办的《金融论坛》上，中国证券业协会秘书长聂庆平以“当前资本市场改革的若干问题”为主题的演讲中，在谈到证券市场国际化的战略问题时，援引了日本泡沫经济和东南亚金融危机的案例，认为中国证券市场在国际化进程中，</t>
  </si>
  <si>
    <t>政府在平衡外企利益与工人福利上应有作为</t>
  </si>
  <si>
    <t>长期以来，中国引人注目的低成本和高生产率始终是吸引外资和左右全球制造业投资决策的重要因素。但近两年，越来越多的跨国企业为了保证廉价的优秀劳动力，纷纷走进东南亚国家。    给工人以较高工资与福利，符合人之道德对企业?</t>
  </si>
  <si>
    <t>世界滑雪大鳄“滑入”中国塞北</t>
  </si>
  <si>
    <t>本报讯（记者朱羽）张家口崇礼县政府和塞北旅游滑雪实业有限公司日前与意大利CHINA INVEST SPA公司在京签约三方将共同在崇礼县喜鹊梁地区开发建设中国最大的、达到国际水准具有欧洲风格的塞北旅游滑雪度假区。    意大利CHINA INVEST</t>
  </si>
  <si>
    <t>手机短信在美国得到“迟来的爱”</t>
  </si>
  <si>
    <t>据英国《经济学家》报道，在美国一度遭受冷遇的短信业务近年来逐渐获得手机用户青睐，而《美国偶像》之类的真人秀电视节目功不可没。    手机短信自诞生以来就在亚欧地区迅猛发展，而在引领科技时尚的美国却迟迟没有普及开来。据统计?</t>
  </si>
  <si>
    <t>欧盟对中越皮鞋征反倾销税似成定局</t>
  </si>
  <si>
    <t>本报布鲁塞尔电（记者田帆）欧盟委员会16日宣布，由各成员国代表组成的欧盟133委员会（“反倾销委员会”）已经同意对中国和越南的皮鞋征收临时性反倾销税，而欧盟委员会有望在下周就此问题作出最终决定。    欧盟委员会在一份声明中承</t>
  </si>
  <si>
    <t>印度软件业腾飞  关键看政策</t>
  </si>
  <si>
    <t>最新公布的印度财政年度报告显示，在截至2006年2月28日的一个财年中，印度软件和服务出口增长29%，总金额高达220亿美元。软件业不但给印度带来了巨大效益，还大大提高了印度的国际声望。    印度软件业的崛起在创新思路上有以下几点启示?</t>
  </si>
  <si>
    <t>印度软件企业出击中国市场</t>
  </si>
  <si>
    <t>最新一期美国《商业周刊》撰文称，尽管印度一度视中国为竞争对手，但现在中国已成为印度软件企业的“温床”。    文章以印度萨特亚姆电脑服务公司作为例证。这家公司最近和微软合作设立了一家以开发中国软件服务市场为目标的企业。萨特亚</t>
  </si>
  <si>
    <t>美国经济继续稳定增长</t>
  </si>
  <si>
    <t>本报华盛顿电（记者王振华）美国联邦储备委员会15日公布的定期经济调查报告认为，近来美国经济继续稳定增长。    美联储对所属12个联邦储备区经济状况进行调查后作出报告说，近两个月美国各地区经济活动状况良好，个人消费开支继续上升，旅游?</t>
  </si>
  <si>
    <t>Nasdaq总裁与LSE股东面谈并购价格</t>
  </si>
  <si>
    <t>本报伦敦电（记者马建国）据消息灵通人士透露，美国纳斯达克股票市场公司（Nasdaq）总裁罗伯特·格雷费尔德－行抵达伦敦，并于当地时间16日和伦敦证券交易所（LSE）大股东直接见面，商谈并购伦敦证交所相关事宜。    分析人士指出，此次谈判的</t>
  </si>
  <si>
    <t>江苏：蚕蛹提炼α－亚麻酸</t>
  </si>
  <si>
    <t>本报讯　过去只能作饲料的蚕蛹，如今能提炼出有“植物脑黄金”之称的α－亚麻酸。海安江苏茧丝绸集团由国家农业综合开发专项资金资助的蚕蛹精炼油项目近日正式投产，首批500公斤蛹油α－亚麻酸出口韩国。　　    江苏茧丝绸集团与国内20多家科研院所合作，自主研发蚕蛹精炼</t>
  </si>
  <si>
    <t>听证会公信力遭遇消费者质疑</t>
  </si>
  <si>
    <t>消费者如何获知企业的真实经营状况？听证会的结果究竟谁说了算？听证会的代表能否社会公开招聘？在15日中消协举办的关于“听证制度怎样更公正、更合理”的网上辩论中，网友提出了上述疑问。　　    中国消费者协会和甘肃省消费者协会有关人士指出，目前，就有关供暖、供水?</t>
  </si>
  <si>
    <t>北京现代即将建第二工厂</t>
  </si>
  <si>
    <t>本报讯 在3月15日举行的“2006中国汽车论坛”上，北京现代汽车董事长徐和谊透露，北京现代第二工厂的建设即将开始，设计产能为30万辆，预计将在2008年年底建设完成。他同时表示，北京现代目前正在与韩国现代积极地协商，引进混合动力车型。　　    徐和谊表示，在今后五年?</t>
  </si>
  <si>
    <t>京沪高铁：种种悬念待破解</t>
  </si>
  <si>
    <t>备受关注的京沪高速铁路终于立项，随着轮轨技术浮出水面，悬而未决的技术方案之争也已尘埃落定。　　    京沪高铁之所以成为焦点，大概基于以下原因，首先是高铁在国内是新鲜事。我国的近邻日本、韩国都拥有高铁，台湾地区也有高雄到台北的尚未正式投入运营的高铁试验线。?</t>
  </si>
  <si>
    <t>全球商务飞机市场逐渐回暖</t>
  </si>
  <si>
    <t>本报雅温得电 据最新一期《青年非洲》杂志报道，全球商务飞机市场在经历了2003年的低谷之后正逐渐回暖，2006年全球商务飞机需求总量预计将增长7%左右。　　    该杂志援引德国航空产品制造商霍尼维尔公司的数据指出，由于商务人士财富总量和出行需求的增加，世界商务飞机的</t>
  </si>
  <si>
    <t>欧盟并购热潮遭遇“寒流”</t>
  </si>
  <si>
    <t>据英国《经济学家》报道，2004年以来欧盟内部并购活动持续升温，但最近一些成员国对此“大泼冷水”，欧盟委员会准备对此加强监管。　　    2004年，欧盟各成员国之间的公司并购活动逐渐增多，年底令人惊喜的利润数字进一步搅热并购市场。2005年末，欧盟成员国的跨国并购交?</t>
  </si>
  <si>
    <t>IMF谨慎评估禽流感负面影响</t>
  </si>
  <si>
    <t>本报华盛顿电 国际货币基金组织（IMF)13日发表报告称，禽流感大规模流行将对世界经济和金融体系造成比较严重的影响，但这种影响是暂时性的。　　    该组织还认为，大规模禽流感流行还可能导致许多国家对进出口实行限制，从而造成全球贸易和运输混乱，同时还可能导致临时性</t>
  </si>
  <si>
    <t>世界知识产权会议狮城开幕</t>
  </si>
  <si>
    <t>本报新加坡电 世界知识产权组织外交会议13日在新加坡开幕。　　    本次会议为期三周，旨在通过新修订的《商标法条约》。新条约被认为将会为商标保护提供更有效的法律保障。　　    世界知识产权组织总干事卡米勒·伊德里斯强调，商标是一种强有力的象征，它能够影响消费</t>
  </si>
  <si>
    <t>外国车商在美扩张“造福”当地</t>
  </si>
  <si>
    <t>韩国第二大汽车制造商起亚公司13日宣布将在美国佐治亚州建厂，受到当地团体广泛欢迎。在佐治亚州纺织业规模缩减、大批工人失业的窘境下，起亚新厂及围绕新厂的零部件供应厂带来的5500个就业机会被当地人视为“救命稻草”。　　    美国《商业周刊》撰文称，尽管外国公司的?</t>
  </si>
  <si>
    <t>柯美“善后”大念“拖”字经</t>
  </si>
  <si>
    <t>时间同样是下午，地点同样是在北京新侨饭店，柯尼卡美能达12日再次召开与中国加盟店店主的“交流会”。　　不同的是，日方与会人士中，除了一直负责处理“善后”事宜的裴元虎（日籍，原柯美影像北京事务所负责人、上海柯美影像公司总经理，现柯美日本总部环保事务专员）和?</t>
  </si>
  <si>
    <t>欧洲教育落后于亚洲</t>
  </si>
  <si>
    <t>本报讯 经济合作与发展组织（OECD）13日公布的一项研究报告显示，欧洲在教育领域落后于亚洲，法国、德国在知识与技能的开发方面失去了国际领先地位。　　牵头进行该项研究的安德烈亚·施莱克尔指出，欧洲与提供低薪低技能工人的国家展开竞争的时代已经结束，中国、印度等亚</t>
  </si>
  <si>
    <t>俄罗斯电信市场酿变局</t>
  </si>
  <si>
    <t>本报莫斯科电 随着俄罗斯电信市场的发展以及加入世界贸易组织进程的继续，俄电信市场正酝酿重大变革。俄电信市场的“大动作”也引人关注。　　首先，远程通信市场垄断有待进一步打破。去年俄罗斯开始发放国内和国际长途运营许可证。这意味着从法律上打破了长途通信业务的长</t>
  </si>
  <si>
    <t>伊朗欲以“石油欧元”撼动美元霸权</t>
  </si>
  <si>
    <t>近一段时期以来,久拖不决的伊朗核问题闹得沸沸扬扬,占据了各大媒体不少的版面。　　    而日前有关伊朗将于3月20日宣布成立伊朗石油交易所,并将以欧元作为石油定价和交易货币单位的报道更是引发了人们的广泛关注。 　　伊朗石油交易所要挂牌　　    近来，有多家媒体报</t>
  </si>
  <si>
    <t>管理大师:菲利普·科特勒（Philip Kotler）</t>
  </si>
  <si>
    <t>“对市场营销最简短的解释是，发现还没有被满足的需求并满足它。”当年，菲利普·科特勒（Philip Kotler）用一句话启动了商业变革，因为他教会了商家如何在产量过剩的情况下得以生存。当绝大部分商品处于供大于求的状态时，他自己的著作却永远供不应求。　　    被誉为“现</t>
  </si>
  <si>
    <t>贵州狠招遏制交通腐败</t>
  </si>
  <si>
    <t>“交通巨贪”贵州省交通厅原厅长卢万里2002年案发后，贵州交通建设的强劲势头遭受重创。　　    交通部和贵州省委、省政府对此高度重视，及时找准交通行业干部管理、投资体制、运作机制等方面滋生腐败的深层次原因，大刀阔斧地整改，靠教育、制度、监督和创新机制铲除滋生?</t>
  </si>
  <si>
    <t>人民币大幅波动利差是主要因素</t>
  </si>
  <si>
    <t>3月10日，人民币汇率依旧持续了贬值的状态。人民币对美元收于8.0505，较上一交易日收盘价8.0490，贬值15个基点。自从3月3日人民币汇率中间价报出8.0380后，人民币汇率开始一路下跌。按照10日中间价计算，5个交易日内人民币汇率已跌去112个基点。　　    自去年7月汇改以来?</t>
  </si>
  <si>
    <t>争霸金融中心 京沪优惠政策比肩出台</t>
  </si>
  <si>
    <t>记者近日从北京金融街服务中心获悉，包括高盛、摩根大通、加拿大皇家银行和瑞士银行等多家外资金融巨头即将入驻北京金融街。这是《关于促进首都金融产业发展的意见实施细则》出台以来，首批被吸引到金融街来的国际知名金融机构。　　    近年来，随着北京促进金融发展一系?</t>
  </si>
  <si>
    <t>积极推进海峡西岸经济区建设</t>
  </si>
  <si>
    <t>“将‘海峡西岸’写入中央文件，有利于福建更快发展，有利于促进全国区域经济布局完善，有利于促进祖国统一。”全国人大代表、福建省委书记卢展工说。　　    连日来，福建代表团多次举行会议，审议温家宝总理所作的政府工作报告和“十一五”规划纲要草案。代表们对“海峡?</t>
  </si>
  <si>
    <t>外资拟进入中国石油商业储备</t>
  </si>
  <si>
    <t>本报讯 国家发展和改革委员会与韩国SK集团日前联合在京召开了“原油商业储备研讨会”，讨论韩国企业与我国合作，在我国建设石油商业储备油库。此前沙特阿拉伯也与我国商谈在华南建设大型油库事宜，种种迹象表明外资正在雄心勃勃进入我国石油储备领域。　　    中国的石油专</t>
  </si>
  <si>
    <t>德国支持中小企业投资中印</t>
  </si>
  <si>
    <t>本报柏林电 德国经济和技术部长格洛斯9日表示，德国政府支持中小企业到中国和印度投资。　　    格洛斯在柏林召开的“中国、印度和全球推动力——德国经济新挑战”研讨会上说，德国中小企业投资的重点一直在欧洲，但现在中国和印度经济发展迅速，应认识到这两个国家的重要?</t>
  </si>
  <si>
    <t>工行选定首次公开发行投资银行</t>
  </si>
  <si>
    <t>本报讯 中国工商银行已选定首次公开发行（IPO）投资银行，确定由美林集团、中国国际金融有限公司投行团、瑞士信贷集团、德意志银行与工商东亚金融控股有限公司共同协助工商银行完成上市相关工作。　　    工商银行新闻发言人10日作上述表示时说，工商银行选定IPO投资银行工</t>
  </si>
  <si>
    <t>日本消费金融公司日子不好过了</t>
  </si>
  <si>
    <t>过去数十年，日本消费金融公司利用法律中的“灰色地带”大肆获利。英国《经济学家》等媒体日前透露，日本金融监管机构已准备加强监管力度，今后消费金融公司的盈利能力将大大减弱。　　    日本现行法律存在着对消费金融公司非常有利的“灰色地带”。其中一条法律规定，贷?</t>
  </si>
  <si>
    <t>英国农场向环保农业转型</t>
  </si>
  <si>
    <t>从2005年1月开始，英国在欧盟成员国中率先实行以保护环境、促进生物多样性发展为宗旨的农业政策。这项政策鼓励农场主发展环保型农业，使农村更多的农田变为树林和草地。　　    但这一政策在实施中也遇到了问题：政府要求农场发展环保型农业，不鼓励过度的农牧发展，但很多</t>
  </si>
  <si>
    <t>上海生物药企：用创新激发能量</t>
  </si>
  <si>
    <t>人类正迎来一个新的经济时代——生物经济时代。面临新的机遇和挑战，上海以具有自主知识产权的生物技术新药研发为标志，领跑中国生物医药产业自主创新进程。　　首个拥有全球知识产权新药　　    一个在美国被迫中断的生物医药项目“重组人5型腺病毒注射液”（简称H101）</t>
  </si>
  <si>
    <t>欧盟威胁起诉我汽车零部件进口</t>
  </si>
  <si>
    <t>今年3月底，我国汽车零部件进口管理新机制实施将满一年。一年来，由于缺乏可操作性，新机制不仅没有得到有效执行，且引发争议，激起了欧盟的不满，威胁要向世界贸易组织起诉中国，引起业内关注。　　新机制执行效果差　　    去年4月1日，我国汽车零部件进口开始实施新机</t>
  </si>
  <si>
    <t>俄罗斯加速大陆架油气资源开发</t>
  </si>
  <si>
    <t>本报莫斯科电 俄罗斯自然资源部日前将2020年前大陆架油气资源开发战略提交联邦政府审议，标志着大陆架将成为俄油气资源开发的“新战场”。　　    根据这一战略，到2010年俄罗斯沿海大陆架石油和天然气开采量将分别达到每年1000万吨和300亿立方米，到2020年将分别增加到950</t>
  </si>
  <si>
    <t>布什继续支持美国港口并购案</t>
  </si>
  <si>
    <t>本报华盛顿电　(记者王振华)　美国白宫发言人麦克莱伦8日表示，布什总统继续支持阿联酋迪拜港口世界公司并购英国半岛－东方航运公司在美6大港口的码头经营业务。　　麦克莱伦在陪同布什去新奥尔良访问途中对记者说，布什总统对这一并购?</t>
  </si>
  <si>
    <t>日本央行解除超宽松金融政策</t>
  </si>
  <si>
    <t>本报东京电 日本中央银行——日本银行在9日举行的政策委员会金融决策会议上决定，解除已经持续了5年之久的超宽松金融政策，但短期资金市场的无担保银行间隔夜拆借利率仍基本维持在零利率的水平。　　    日本银行行长福井俊彦在政策委员会会议之后发表的《关于变更金融市场</t>
  </si>
  <si>
    <t>用友全面打造亚洲领先管理软件企业</t>
  </si>
  <si>
    <t>权威研究机构赛迪顾问(CCID)2006年2月发布新的调查数据，亚洲第二、中国ERP(企业管理软件)供应商用友软件，以近1/4的市场份额在中国ERP市场中保持领先，全面超越国际竞争对手，比挤入中国前10大的两家国外ERP供应商的收入总和还要高出3.4个百分点。之前的国际权威研究机构报?</t>
  </si>
  <si>
    <t>燃料之变带来法国农村新气象</t>
  </si>
  <si>
    <t>来到法国，一个个整洁优美的村庄令人印象深刻。推广使用新型燃料以治理炊烟污染，是法国农村保持整洁秀丽的重要原因。　　    有关资料显示，几十年前，法国农村消耗的能源主要通过燃烧薪柴、煤炭、动物粪便和生活垃圾等产生。这种简单的燃烧方法不仅产生的能量有限，资源?</t>
  </si>
  <si>
    <t>天津滨海新区将成我国北方经济发展引擎</t>
  </si>
  <si>
    <t>国家已决定给予位于渤海湾的天津滨海新区在税收、金融创新等方面以特殊政策扶持，希望以此加快滨海新区建设从而带动整个北方经济的发展。专家认为，有这些优惠政策的扶助，滨海新区将在更宽松、更开放的环境中进入发展的快车道，成为中国北方经济发展的引擎。　　    2006?</t>
  </si>
  <si>
    <t>比利时农村女性工作生活两不误</t>
  </si>
  <si>
    <t>身穿马甲，脚登雨靴，干起农活风风火火——这是刚刚获得比利时瓦隆大区杰出女农民称号的克里斯蒂亚娜在电视专题节目里的形象。当记者来到克里斯蒂亚娜女士的家时，她身着一件浅蓝色开身毛衣，清雅的淡妆将她对美好生活的追求不着痕迹地写在脸上。　　    走进家中，摆在窗?</t>
  </si>
  <si>
    <t>俄远东输油管道项目通过生态鉴定</t>
  </si>
  <si>
    <t>本报莫斯科电 俄罗斯联邦生态、技术和原子能监督局6日通过了远东输油管道一期工程项目国家生态鉴定。俄官方人士认为，这标志着远东输油管道项目可以步入实施阶段。　　    俄罗斯石油管道运输公司副总裁格里戈里耶夫发表讲话说，远东输油管道通过国家生态鉴定是一个标志性?</t>
  </si>
  <si>
    <t>矢量变频技术破解空调高耗能</t>
  </si>
  <si>
    <t>本报讯 继去年底海信成为中国首个大功率直流变频空调达到欧洲双A级标准（制冷A级、制热A级）的品牌，打破了日本品牌垄断欧洲大功率直流变频空调市场的格局后，今年海信变频空调已全面技术升级为矢量变频，并将其自主研发的矢量变频技术的尖端成果——国际领先的直流180度正弦</t>
  </si>
  <si>
    <t>回归农业：马来西亚打造支柱产业</t>
  </si>
  <si>
    <t>最近，“回归农业”成为马来西亚媒体使用率较高的词汇，原因是马来西亚政府希望把农业打造成继制造业和服务业之后的第三大支柱产业，为国民经济可持续发展注入新活力。　　    自20世纪70年代以来，马来西亚政府大力推行出口导向型经济，逐步改变了原先以农业为主的产业结?</t>
  </si>
  <si>
    <t>外资药房首次登陆重庆</t>
  </si>
  <si>
    <t>本报重庆电：全球第一大医药零售特许经营品牌──美国美信医药国际连锁（以下简称“美信”），日前在重庆市石桥铺开出其首家门店，这也是首家登陆重庆的外资药房。    据称，与传统药房相比，美信所提供的专业医学信息服务，是外资药?</t>
  </si>
  <si>
    <t>温州鞋企酝酿抱团抗辩欧盟制裁</t>
  </si>
  <si>
    <t>本报杭州电 欧盟的反倾销逼得浙江省众多的鞋企无路可退。据浙江温州市鞋革行业协会介绍，面对即将到来的提高关税的制裁，温州鞋企继去年的数次赴欧洲各国游说之后，近期将再次抱团进行无损害抗辩。　　    在此之前，欧盟前所未有地拒绝给予全部13家被抽查的中国鞋类企业以</t>
  </si>
  <si>
    <t>跨国公司对俄消费市场趋之若鹜</t>
  </si>
  <si>
    <t>近年来，俄罗斯居民消费开支显著增加，很多高端产品需求都在扩大，巨大的消费潜能引来全球大批跨国公司拓展市场。　　    据美国《商业周刊》报道，去年外国品牌汽车在俄罗斯的销量达到60万辆，比2004年增长57%，是2001年的7倍。手机用户则从2000年的300万增至目前的8000万</t>
  </si>
  <si>
    <t>收购科技企业：私人股权公司屡败屡战</t>
  </si>
  <si>
    <t>欧美私人股权公司近来再次大举收购高科技企业。尽管曾经两次受挫，但这些机构追求高风险高回报的投资热情却未受到丝毫影响。　　    据英国《经济学家》报道，今年1月，有5家欧美资产管理公司加盟的一个大财团斥资153亿美元收购丹麦TDC电话公司。而这只是“冰山一角”，过?</t>
  </si>
  <si>
    <t>专家提出和谐社会量化指标</t>
  </si>
  <si>
    <t>本报讯 恩格尔系数平均在0.20以下；基尼系数保持在0.35±0.03；人文发展指数（HDI）保持在0.90以上；二元结构系数保持在1.5左右；生产集约化弹性系数保持在“零增长”的水平。中科院与世界银行共同研究提出了中国要基本达到社会主义和谐社会的具体衡量指标。　　    这是全</t>
  </si>
  <si>
    <t>印度付费电视市场快速增长</t>
  </si>
  <si>
    <t>本报伦敦电 据亚洲传媒伙伴公司的调查报告，亚洲付费电视收入到2015年预计增加一倍，达到450亿美元，印度将成为与日本并驾齐驱的亚洲付费电视大国。　　    印度目前是亚洲第二大付费电视国，去年付费电视收入约为36亿美元。印度付费电视市场潜力巨大，预计付费电视收入到2</t>
  </si>
  <si>
    <t>中航油（新加坡）非执行董事被罚</t>
  </si>
  <si>
    <t>本报讯 记者从中航油集团公司了解到，新加坡地区法庭3月2日对中国航油（新加坡）股份有限公司3名非执行董事做出罚款决定。　　    2月21日，中国航油（新加坡）股份有限公司前财务部主任林中山被新加坡地区法庭判处2年监禁。法官在新加坡地区法庭上说，去年12月被中航油新?</t>
  </si>
  <si>
    <t>普京呼吁建立全球能源安全体系</t>
  </si>
  <si>
    <t>本报莫斯科电 俄罗斯总统普京日前撰文说，俄罗斯希望将建立全球能源安全体系列为八国集团的战略任务之一。　　    普京在文章中说，能源如今已成为全球经济发展和社会进步的重要推动力。在担任八国集团轮值主席国期间，俄罗斯将致力于制订解决能源问题的基本原则和面向未来</t>
  </si>
  <si>
    <t>禽流感重创全球禽类产品贸易</t>
  </si>
  <si>
    <t>本报罗马电 联合国粮农组织2月28日指出，最近在欧洲、中东以及非洲地区不断蔓延的禽流感疫情已对消费者心理产生影响，造成禽类产品价格下滑，全球禽类产品进出口贸易受到严重打击。　　    粮农组织在新闻公报中指出，由于消费者对禽流感产生恐惧心理，欧洲、中东及非洲地?</t>
  </si>
  <si>
    <t>美国公司外包顾虑渐消</t>
  </si>
  <si>
    <t>提前出版的3月6日一期美国《新闻周刊》撰文称，美国公司对外包的认识更加“成熟”，已逐渐打消了把各种业务外包至印度的顾虑。　　    文章称，过去一些美国公司甚至不愿把企业标识贴在其所在印度机构的办公室门上，而如今态度完全转变，每次把某项业务外包至印度都要大肆?</t>
  </si>
  <si>
    <t>麦当劳将关闭25家英国分店</t>
  </si>
  <si>
    <t>本报讯 麦当劳日前宣布，今年第一季度将在英国关闭25家快餐店，估计这项举措将耗资4000万美元。　　    麦当劳表示，受英国劳工成本较高等因素影响，2005年麦当劳在欧洲店铺的利润率从上年的15.6%降至14.9%。麦当劳同时宣布，2006年在英国至少将50家由公司直接管理的快餐店</t>
  </si>
  <si>
    <t>印度新财年经济增长目标10%</t>
  </si>
  <si>
    <t>本报新德里电 印度议会2月28日通过2006至2007财政年度预算。新财年预算总额为1250亿美元，同时确定经济增长目标为10%。　　    印度财政部长奇丹巴拉姆在向议会提交预算时说，随着投资增长，印度将会成为全球纺织、汽车、钢铁、金属和石化产品的制造中心。他同时强调，政府</t>
  </si>
  <si>
    <t>我国国际专利申请跃居世界第十</t>
  </si>
  <si>
    <t>本报讯 总部位于瑞士日内瓦的联合国世界知识产权组织近日公布了2005年国际专利申请统计，来自中国的国际专利申请数量超过了加拿大、意大利、澳大利亚，跃居第10位。　　    但国家知识产权局专家提醒，与发达国家相比，我国仍存在较大差距。来自中国的2452件申请只占总量的</t>
  </si>
  <si>
    <t>去年24家中资企业在新加坡上市</t>
  </si>
  <si>
    <t>本报新加坡电 中国驻新加坡大使馆经商处公使衔参赞李志群日前表示，去年共有24家中资或中资背景企业在新加坡交易所上市，当年企业首次公开募股融资额约6.6亿新元（约合4.97亿美元）。　　    截至2005年底，已有90家中资或中资背景企业在新加坡交易所上市，总市值约160亿新</t>
  </si>
  <si>
    <t>外资大量流入印度证券市场</t>
  </si>
  <si>
    <t>本报新德里电 印度议会27日发布的2005至2006财年经济调查报告称，外资继续大量流入印度证券市场。　　    报告说，2005年共有104亿美元外国机构投资者资金流入印度证券市场，未来的资金流入取决于证券市场设施的完善、信息披露机制的健全、交易技术的提高以及新金融衍生产?</t>
  </si>
  <si>
    <t>欧洲能源市场掀起并购风潮</t>
  </si>
  <si>
    <t>短短一周之内，欧洲能源领域就传出两大并购新闻。英国《经济学家》撰文称，并购风潮再起表明欧洲能源市场一体化进程加快，最终结果可能是4至5家巨头垄断这一市场。　　    法国两家大型能源企业——法国燃气公司和苏伊士公司2月27日公布了涉及金额高达700亿欧元的快速合并?</t>
  </si>
  <si>
    <t>美国政府医疗资助“惯坏”大公司</t>
  </si>
  <si>
    <t>华尔街投行瑞士信贷第一波士顿的最新研究结果显示，美国大公司对政府医疗资助的依赖性越来越大。有分析认为，此举可能“惯坏”一些有实力的大公司，促使其把企业支出转嫁给政府。　　    依照美国国会早先通过的“联邦医疗保健福利计划”，政府从2006年起对美国公司退休员?</t>
  </si>
  <si>
    <t>八类汽车最省油品牌来自日本</t>
  </si>
  <si>
    <t>本报华盛顿电 美国消费者联合会2月27日公布的报告说，日本车在油耗方面大大优于美国车。在全部12类汽车里，有8类车中最省油的品牌来自日本。　　    报告说，同一类的不同品牌汽车油耗差别很大，油耗支出一年可相差2000美元。　　    报告显示，微型车中丰田普锐斯油耗最</t>
  </si>
  <si>
    <t>韩国进口中国钢材持续减少</t>
  </si>
  <si>
    <t>本报首尔电 韩国钢铁协会2月28日公布的统计数字显示，今年1月韩国从中国进口钢材数量比去年同期下降12.9%，已经连续第五个月减少。　　    今年1月，韩国从中国进口钢材53.11万吨，比去年1月减少7.85万吨。　　    自2002年起，韩国从中国进口钢材明显增加，去年2月还创?</t>
  </si>
  <si>
    <t>美国公司会计监管机构被控违宪</t>
  </si>
  <si>
    <t>美国独立检察官肯尼思·斯塔尔2月初把美国上市公司会计监管委员会（PCAOB）推上被告席。斯塔尔本次代表自由企业基金和BW会计公司出庭，指控根据《萨班斯－奥克斯利法案》成立的PCAOB违反美国宪法。　　    有报道称，原告一方主要从两方面指控PCAOB违宪。首先，PCAOB享有的</t>
  </si>
  <si>
    <t>全球飞机订单将明显减少</t>
  </si>
  <si>
    <t>本报纽约电 全球两大商业飞机制造商欧洲空中客车和美国波音公司警告说，今年全球新飞机销量可能比2005年下降一半以上。　　    据报道，2006年刚过去两个月，这两家公司的高级销售管理人员就排除了重现去年辉煌的可能性，今年两家公司获得的总订单预计降至850架至900架。主</t>
  </si>
  <si>
    <t>阿拉伯国家将扩大天然气出口</t>
  </si>
  <si>
    <t>本报突尼斯电 国际能源专家预计阿拉伯国家天然气出口成倍增加，到2010年，年出口量将达到2200亿立方米。　　    过去，阿拉伯国家对出口天然气重视程度不如石油。随着世界天然气需求量激增和价格上涨，这些国家希望充分利用其丰富的天然气资源，扩大出口，增加收入。</t>
  </si>
  <si>
    <t>俄罗斯将提高石油出口税</t>
  </si>
  <si>
    <t>本报莫斯科电 俄罗斯财政部海关税收处副处长萨科维奇26日表示，从今年4月1日起将提高石油出口税，税额可能会超过每吨186美元。　　    萨科维奇说，俄罗斯石油出口税此前最高水平为每吨179.6美元，持续时间从去年12月1日至今年1月31日。今年1月1日至2月26日，俄罗斯乌拉尔?</t>
  </si>
  <si>
    <t>“港口风波”凸显美国观念冲突</t>
  </si>
  <si>
    <t>阿联酋迪拜港口世界公司26日表示，愿意再给美国政府45天审查时间，用来决定公司能否接管美国6座港口的运营业务。这起“港口风波”已在美国闹得沸沸扬扬，凸显出美国在经济发展和国家安全上的观念冲突日益升级。　　    美国人在上述两方面的观念冲突由来已久。“9·11”恐?</t>
  </si>
  <si>
    <t>加里·哈默尔（Gary Harmel)</t>
  </si>
  <si>
    <t>他曾被《经济学人》誉为“世界一流的策略大师”；《财富》杂志称他为“当今商界战略管理的领路人”；在2001年美国《商业周刊》“全球管理大师”的评选中，他位列第四，可谓声名显赫。战略意图(Strategic Intent)、核心竞争力(Core</t>
  </si>
  <si>
    <t>中国“鞋案”：史无前例的反倾销官司</t>
  </si>
  <si>
    <t>“鞋”无疑是今年欧盟与中国双边贸易中最热门的一个词汇。　　    2月23日，欧盟贸易委员曼德尔森表示，已有充分的理由相信来自中国的鞋以低价倾销到欧盟，因而欧盟委员会建议从4月起对中国产的鞋类产品征收惩罚性关税，而关税额度则从4月份的4%在六个月内上升到19.4%。?</t>
  </si>
  <si>
    <t>银行理财产品流行“挂钩”</t>
  </si>
  <si>
    <t>国际原油、美国国债、道琼斯股指、黄金、水资源、三峡工程……近来无论是人民币理财产品还是外汇理财不是纷纷指向境外市场，就是与各种指标、指数、商品挂钩。　　    面对银行纷纷挂钩后“制造”出的理财产品的新鲜出笼，面对全新的产品设计和风险，都让投资者在买与不买?</t>
  </si>
  <si>
    <t>白宫发表“卡特里娜”飓风调查报告</t>
  </si>
  <si>
    <t>本报华盛顿电 美国白宫23日发表调查报告，认为缺乏计划、组织和领导不力以及灾难应急反应管理人员经验不足等是导致联邦政府在去年“卡特里娜”飓风期间救援失误的主要原因。　　    报告称“卡特里娜”飓风是美国历史上首次造成损失接近1000亿美元的灾难。这次灾难暴露出联</t>
  </si>
  <si>
    <t>美国私人学生贷款盛行带来隐忧</t>
  </si>
  <si>
    <t>美国总统布什最近签署《赤字削减法案》，其中一项是将联邦学生贷款项目削减127亿美元。在家庭收入增长赶不上高等教育费用增幅的情况下，贷款求学已成趋势。金融机构和学生贷款公司看到了商机，纷纷推出私人学生贷款（PSL）项目，即没有政府补贴和担保的贷款。　　    10年?</t>
  </si>
  <si>
    <t>金融资讯市场规模达百亿英镑</t>
  </si>
  <si>
    <t>本报伦敦电 据国际金融专业杂志《内部市场数据信息》估计，目前全球金融资讯市场总价值为100亿英镑，其中彭博新闻社占44%的份额，路透集团瓜分了37%，汤姆森金融证券数据公司占有8%，形成金融资讯市场三足鼎立、两足坐大的局面。　　    英国《卫报》23日报道说，彭博、路?</t>
  </si>
  <si>
    <t>巴黎机场私有化将启动</t>
  </si>
  <si>
    <t>本报巴黎电 据法国《费加罗报》23日报道，法国政府将于今年6月份启动巴黎机场的私有化进程，巴黎机场的股票可望于7月14日法国国庆节前正式上市。　　    据法国政府估算，巴黎两大主要机场——戴高乐机场和奥利机场的市值约为30亿欧元。法国政府计划在不影响对两大机场绝对</t>
  </si>
  <si>
    <t>美国家庭实际收入下降</t>
  </si>
  <si>
    <t>本报华盛顿电 美联储23日发表的《消费者财务调查》显示，如果考虑通货膨胀因素，2001年到2004年美国人均实际收入是下降的，家庭净资产的增长也是过去10来最乏力的。　　    《消费者财务调查》每3年发布一次，对美国家庭财务收支状况进行全面考察和评估。 　　    报告指</t>
  </si>
  <si>
    <t>我国紧急封堵美赞臣“问题奶粉”</t>
  </si>
  <si>
    <t>本报讯 尽管美赞臣中国公司有关人士24日一再对外表示，此次发现问题的奶粉并不涉及中国市场，但国家质检总局当日仍在北京发布了紧急封堵公告。公告称，自即日起禁止进口批号为BMJ19的美赞臣GENTLEASE牌婴幼儿人工配方奶粉。　　    国家质检总局权威人士表示，美国食品药品</t>
  </si>
  <si>
    <t>国际体育大赛严打“伏击营销”</t>
  </si>
  <si>
    <t>如火如荼的都灵冬奥会不仅是运动员角力的赛场，也是赞助商与其他商家对决的“战场”。赞助商在过去4年里对都灵冬奥会投入10多亿美元的赞助费用，但对整个大赛没有分文贡献的一些商家却通过“伏击营销”策略大作广告。据英国《经济学家》报道，针对这种打擦边球的营销策略，一</t>
  </si>
  <si>
    <t>华尔街大投行外包核心业务</t>
  </si>
  <si>
    <t>德勤国际会计师事务所日前发布报告称，离岸外包正从IT领域蔓延到投资银行领域，大投行正不断将投资研究分析等核心业务外包到国外，下一步还将把“处理交易”（deal-making）业务外包出去。　　    报告指出，尽管国际金融机构已将技术支持和后台服务业务外包到中国和印度等</t>
  </si>
  <si>
    <t>五粮液：百年金牌不倒</t>
  </si>
  <si>
    <t>自1915年代表中国产品首获“巴拿马万国博览会”金奖以来，五粮液酒在世界各地的博览会上屡获大奖。1995年“第十三届巴拿马国际食品博览会”上，五粮液再获金奖，铸造了“八十年金牌不倒”的辉煌业绩，并被第五十届世界统计大会评为“中国酒业大王”。在2002年6月巴拿马“第20</t>
  </si>
  <si>
    <t>德国内阁通过年度预算案</t>
  </si>
  <si>
    <t>本报柏林电 德国政府22日召开内阁会议，通过了2006年政府预算案和国家财政整顿计划。　　    德国财政部长佩尔·施泰因布吕克在当天内阁会议上提交的本年度预算案涉及的总金额为2617亿欧元。施泰因布吕克说，新预算案不仅将刺激德国经济发展，也将有助于稳定国家财政。</t>
  </si>
  <si>
    <t>法荷获准对家禽接种禽流感疫苗</t>
  </si>
  <si>
    <t>本报布鲁塞尔电 欧盟成员法国、荷兰22日获准对部分家禽接种H5N1型禽流感病毒疫苗。　　    欧盟委员会在当天的新闻公报中说，法国朗德省、大西洋岸卢瓦尔省和旺代省的90万只鸭和鹅将从即日起开始接种疫苗，4月1日前完成。荷兰的300万只宠物鸟和500万只自由放养的蛋鸡可在其</t>
  </si>
  <si>
    <t>跨国公司布下手机外观专利雷区</t>
  </si>
  <si>
    <t>继去年初诺基亚在中国引爆手机外观专利地雷之后，前不久，韩国三星也开始向仿冒手机挥起专利大棒。业内人士认为，面对外资手机品牌遍布的专利雷区，国内手机企业要引起极大的关注。　　手机外观设计日显重要　　    市场专家断言，手机未来将是一个作品时代。手机销售只?</t>
  </si>
  <si>
    <t>《财富》推出全美最受尊敬公司新榜</t>
  </si>
  <si>
    <t>美国《财富》日前推出2006年度全美最受尊敬公司榜单，通用电气、联邦快递和美国西南航空公司名列前三位，而去年位居榜首的戴尔公司则下降至第八位。《财富》在推介文章中称，“与时俱进”是这些企业共同的特点，也是这个榜单排名的特点。　　    通用电气尽管不是全美最大?</t>
  </si>
  <si>
    <t>国产手机何不血拼3G</t>
  </si>
  <si>
    <t>最近有消息说，深圳宇龙通信公司与美国高通达成合作协议，将在全球范围内使用高通公司的CDMA专利组合。可以说，在3G即将上马之际，宇龙率先取得了终端市场化的首发权。　　    应该说，这是国产手机在3G领域获得的一个利好消息，标志着3G进程得到进一步加速，更创造了宇龙?</t>
  </si>
  <si>
    <t>美国经济稳步增长</t>
  </si>
  <si>
    <t>本报华盛顿电 美国联邦储备委员会21日公布了上月底举行的货币政策会议记录。记录显示，美联储决策者认为美国经济正稳步增长，而未来利率走向将由经济发展实际情况来决定。　　    美联储决策者说，尽管最近的经济数据有失平衡，但美国经济仍然处于稳步增长之中。美联储曾预</t>
  </si>
  <si>
    <t>广告市场进入低速增长期</t>
  </si>
  <si>
    <t>本报讯 央视市场研究公司日前发布最新中国广告市场研究报告指出，2005年中国广告花费总额是最近三年来增幅最小的一年，中国广告市场进入低速增长期。　　    央视市场研究公司副总裁田涛表示，中国广告花费已居全球第三，与英、德并列，仅次于美国和日本，2005年中国广告花</t>
  </si>
  <si>
    <t>南来北往者无人不烦西客站</t>
  </si>
  <si>
    <t>一年一度的铁路春运接近尾声，无论是出行者还是铁路交通部门，都可以喘口气了。对于亚洲第一大站、目前我国规模最大的人口集散地和交通枢纽——北京西客站而言，按理说更应该一改春运期间的交通混乱、拥挤、无序，如释重负了。因为从每年元月中旬开始，北京西客站前的道路就?</t>
  </si>
  <si>
    <t>私人股权公司三大优势揽贤才</t>
  </si>
  <si>
    <t>据最新一期美国《商业周刊》报道，许多曾在美国商界叱咤风云的公司主管如今纷纷“落户”私人股权公司，看中的是丰厚薪金和自由发挥的空间。　　    以通用电气前首席执行官韦尔奇为例，这位足以在美国业界青史永垂的人物退休后并未赋闲在家，而是选择到克莱顿－杜比利埃－?</t>
  </si>
  <si>
    <t>“欧洲工人流动年”正式启动</t>
  </si>
  <si>
    <t>本报布鲁塞尔电 欧盟20日开通了一个提供工作信息的新网站，标志着“欧洲工人流动年”活动正式启动。　　    新开通的网站提供有28个欧洲国家的100万个工作空缺信息。　　    欧盟委员会负责就业、社会事务和机会平等的委员弗拉迪米尔·什皮德拉在为启动“欧洲工人流动年?</t>
  </si>
  <si>
    <t>俄今年石油开采仅可微增</t>
  </si>
  <si>
    <t>本报莫斯科电 俄罗斯经济发展和贸易部长格尔曼·格列夫日前向总统汇报工作时说，2006年俄罗斯石油开采量最多增长2%。　　    格列夫认为，今年1月中旬持续多日的严寒天气对矿产资源的开采、特别是石油开采造成了严重影响。可能到5月份，俄石油开采情况才能稳定下来。</t>
  </si>
  <si>
    <t>我国企业初裁抗辩获胜</t>
  </si>
  <si>
    <t>本报银川电 记者20日从中国五矿化工进出口商会获悉，由于美国Calgon公司撤回了对我国出口美国的活性炭反倾销案的调查申请，加之另一家原告Norit公司由于不具有美国活性炭生产行业代表性，按照美国反倾销法的有关规定，此案调查应全部终止，目前中国五矿化工进出口商会正在等?</t>
  </si>
  <si>
    <t>华尔街期待强势美股再获支撑</t>
  </si>
  <si>
    <t>美联储于当地时间21日下午2时公布1月31日的货币政策会议记录。对美国消费支出和房地产市场意义重大的沃尔玛、家得宝两大公司将在近期公布去年第四季度财报，其他知名公司财报也会相继“出炉”。华尔街对此给予高度关注，希望从中发掘出延续美股升势的利好素材。　　    上?</t>
  </si>
  <si>
    <t>欧盟通讯费用仍偏高</t>
  </si>
  <si>
    <t>本报布鲁塞尔电 欧盟委员会20日发表报告说，欧盟近8年来进行的电信行业改革已取得成效，但仍存在通讯费用偏高等问题。　　    欧盟委员会负责信息社会和媒体事务的委员雷丁认为，欧盟委员会的这份报告总体上是积极的。随着新参与者进入电信市场，欧盟传统固定电话业务收费?</t>
  </si>
  <si>
    <t>美国企业并购融资出新招</t>
  </si>
  <si>
    <t>日前，竞购美国医疗设备制造商盖丹特之战以强生公司出局告终。分析人士认为，这次竞购大战耐人寻味，获胜的波士顿科学公司为竞购采取的融资方式颇有新意。    获得雅培制药公司（AL）贷款的波士顿科学公司以每股80美元的报价胜?</t>
  </si>
  <si>
    <t>节能环保车助推日本汽车业</t>
  </si>
  <si>
    <t>本报东京 去年，通用、福特等世界著名汽车制造商的销量出现了一定幅度的下跌。但丰田、日产、本田等日本主要汽车厂商仍蓬勃发展，这主要得益于节能环保车的旺销。　　    据日本汽车行业最近公布的数据，丰田、日产、本田、铃木等主要汽车生产商2005年在全球的生产和销售数</t>
  </si>
  <si>
    <t>微软在中国由本土化到国际化</t>
  </si>
  <si>
    <t>改革开放，使集多种优势于一身的上海受到了越来越多的跨国公司的瞩目和青睐。以微软为例，微软大中华区全球技术支持中心落户上海，微软亚洲工程院也在上海设立分院。此外，微软还在上海建立了三家合资公司——微创软件有限公司、上海交通大学软件教育科技服务有限责任公司以?</t>
  </si>
  <si>
    <t>中国珠宝业狗年免不了混战</t>
  </si>
  <si>
    <t>就像光怪陆离的珠宝一样，珠宝业的“分分合合”让人眼花缭乱。自从去年11月全球最大的国际钻石加工贸易公司比利时“欧陆之星”抢滩中国后，目前已有30多家本土品牌加盟商“易帜”。安徽合肥一位业内人士告诉笔者：“加盟商‘反水?</t>
  </si>
  <si>
    <t>欧盟可能向中国鞋发难</t>
  </si>
  <si>
    <t>本报伦敦电 据英国媒体20日报道，欧盟可能向中国和越南出口到欧盟国家的鞋类产品征收高额关税，理由是上述国家出口到欧盟国家的鞋类产品有“倾销”之嫌。　　    《金融时报》报道说，经过9个月的调查取证，欧盟贸易专员曼德尔森表示，已有“充分数据”证明，中国和越南出?</t>
  </si>
  <si>
    <t>张艺谋用《秦始皇》“颠覆”西方歌剧</t>
  </si>
  <si>
    <t>张艺谋似乎与秦始皇有着不解之缘：演绎《古今大战秦俑情》中情定三生的勇士，执导《英雄》横扫北美票房……而今，他将应美国大都会歌剧院的邀请，执导该剧院委托华人音乐家谭盾创作的原创歌剧《秦始皇》。　　    美国纽约当地时间2月13日下午，大都会歌剧院向全世界宣布：</t>
  </si>
  <si>
    <t>人民币走势取决于中美利率剪刀差</t>
  </si>
  <si>
    <t>人民币兑美元汇率到底会升高多少？市场上充满中外金融机构和专家的各种分析和猜测，花旗银行的分析师提出过20%的观点，国内专家有7%的言论。11日，中国人民银行行长助理易纲3%的利差论，以及15日美联储新任主席伯南克在参议院银行委员会作证的发言，使得市场对于人民币汇率的</t>
  </si>
  <si>
    <t>品牌史话：COACH</t>
  </si>
  <si>
    <t>1941年在纽约曼哈顿，6位皮件工匠靠精致的手艺，在位于一间阁楼的家庭式作坊里生产出了高质量皮件，COACH品牌从此诞生。这个品牌也是美国受市场欢迎时间最久和最成功的皮革品牌之一。　　    据说，COACH创始人刘·弗兰克福最初是从一双传统的棒球手套中获得的制作灵感。他</t>
  </si>
  <si>
    <t>面对WTO挑战我国“三农”如何突围</t>
  </si>
  <si>
    <t>在中国经济50人论坛上，中国体制改革研究会副秘书长温铁军指出，在加入世贸组织谈判中，关于农业的一些条款将对中国的农村、农民、农业造成较大影响，应对这样的挑战，需要调整生产结构，转变增长方式，向有利于稳定粮食生产的长期政策方向努力。　　    他说，按照WTO的一</t>
  </si>
  <si>
    <t>阿赛洛反击米塔尔“恶意”收购</t>
  </si>
  <si>
    <t>阿赛洛钢铁集团16日决定增加分红以对抗米塔尔的收购计划。同日，法国财政部针对这起“恶意”收购案表态，将允许法国公司以“毒丸计划”作为反收购措施。 　　    1月27日，全球最大钢铁生产商米塔尔宣布，出价230亿美元收购主要竞争对手——排名第二的阿赛洛。1月29日，阿?</t>
  </si>
  <si>
    <t>伯南克：中国的美元储备不会影响美国经济</t>
  </si>
  <si>
    <t>本报华盛顿电 美国联邦储备委员会主席本·伯南克16日在参议院银行委员会作证时说，增加新的贸易壁垒不利于美国经济发展。　　    伯南克是在一名参议员指责中国操纵人民币汇率、要求对中国输美产品征收惩罚性高关税时作出上述表示的。伯南克说，增加贸易壁垒会破坏我们从自</t>
  </si>
  <si>
    <t>国际油价止跌回升</t>
  </si>
  <si>
    <t>本报纽约电 市场对伊朗局势忧虑加重以及委内瑞拉官员建议石油输出国组织（欧佩克）减产，共同刺激交易商加紧买进，导致国际油价16日止跌回升，重上每桶58美元关口。　　    纽约商品交易所3月份交货的轻质原油期货价格上涨81美分，收于每桶58.46美元。伦敦国际石油交易所4?</t>
  </si>
  <si>
    <t>韩国将在华建技术合作中心</t>
  </si>
  <si>
    <t>本报首尔电 据韩通社报道，韩国政府17日宣布将在中国建立一所技术合作中心，以促进两国双边技术合作。　　    该中心名为韩国全球创新网络——中国技术合作中心，将建于山东省青岛市，是已有韩国在华研究机构的延伸。韩国产业资源部表示，这所中心将成为覆盖中国北京、上海</t>
  </si>
  <si>
    <t>可口可乐PK百事可乐：一忧一喜</t>
  </si>
  <si>
    <t>近日，可口可乐公司和百事可乐公司先后发布最新季报，季报表明，品牌老大“可口可乐”和后起之秀“百事可乐”在业绩上面临的是一喜一忧的局面。　　    总部设在美国亚特兰大的可口可乐公司7日公布，去年第四季度非碳酸饮料销售增长强劲，但由于出现一次性缴税，公司当季利</t>
  </si>
  <si>
    <t>百年哈啤：让国人第一次尝到啤酒的味道</t>
  </si>
  <si>
    <t>从1900年到2006年，哈尔滨啤酒已历经100余年。作为中国最早的啤酒企业，哈啤逐步从小作坊发展成中国啤酒巨头。2004年被世界啤酒巨头美国安海斯－布希公司（AB公司）收购后，地方品牌跃上世界行业巨头的平台。　　    1900年，俄罗斯商人乌卢布列夫斯基在哈尔滨开办了乌卢布</t>
  </si>
  <si>
    <t>美报告新意少 中国不必多虑</t>
  </si>
  <si>
    <t>本报讯 “这次的美中贸易政策评估报告中很多提法只是过去几年来美国对美中贸易做法的延续，不会引发激烈的举措，中国不必为此多虑。”针对美国贸易代表波特曼于美国时间14日在华盛顿公布的美中贸易政策评估报告中就调整和加强美国对华贸易提出的建议，一些中美贸易专家16日接</t>
  </si>
  <si>
    <t>网络购物拉动全球快递业</t>
  </si>
  <si>
    <t>据最新一期英国《经济学家》报道，在网络购物迅速增长的拉动下，全球快递业出现前所未有的繁荣景象。　　    文章称，越来越多的消费者和企业青睐交易迅速、手续简单的网络购物方式。根据美国联邦快递的财务报告，2005年12月，公司业务空前繁忙，包裹处理量高达每日900万个</t>
  </si>
  <si>
    <t>反思国内食品安全问题的契机</t>
  </si>
  <si>
    <t>近日，世界最大的快餐集团麦当劳承认，依照去年12月启用的新方法来测试，其所售炸薯条中反式脂肪含量比以前公布的数据增加了1/3。美国食品与药物管理局称，反式脂肪可增加人体“不良胆固醇”，增加患心脏病的风险。　　    麦当劳（中国）有限公司2月10日发表声明称，麦当?</t>
  </si>
  <si>
    <t>世界炼油能力增速跟不上需求</t>
  </si>
  <si>
    <t>本报伦敦电 英国能源研究机构伍德－麦肯兹公司14日发表的研究报告预计，到2015年世界日炼油能力将比目前增加800万桶，但这对于全球日益增长的石油需求来说还远远不够。　　    伍德－麦肯兹公司的数据显示，到今年1月底，全球已宣布将新建的炼油厂达66座，将扩建的炼油厂为</t>
  </si>
  <si>
    <t>美MBA就业形势看好</t>
  </si>
  <si>
    <t>距离2006年毕业典礼还有4个月的时间，很多即将走出校门的美国MBA学员还没选定未来的归宿。专业调查机构的数据显示，今年美国就业市场对MBA毕业生的需求将达到2001年网络泡沫破裂以来最高点，而这些准毕业生们也不再将目光锁定在华尔街大投行和管理咨询机构上，开始更多地关注</t>
  </si>
  <si>
    <t>韩将调查涉嫌控制价格企业集团</t>
  </si>
  <si>
    <t>本报首尔电 据韩通社16日报道，韩国反垄断监管机构——公正交易委员会当天宣布，将对涉嫌强迫供应商削减产品价格的大企业集团进行调查。　　    韩国公正交易委员会主席康哲奎（音译）当天说：“把降价压力全部转嫁给供应商的做法不公平，将严重损害中小企业利益。”</t>
  </si>
  <si>
    <t>棉花牛市：还得看美国棉花“颜色”</t>
  </si>
  <si>
    <t>“复兴之路曲折蜿蜒，柳暗花明机遇待现”。郑州商品交易所棉花期货专家周林对2005/2006年度的棉价运行看法是：棉花涨势已了然，牛市铁蹄不畏艰。若问高点何时现，美棉走势是关键。　　    周林认为，USDA在近期的全球棉花供需预测报告中，预测2005/2006年度全球棉花产量为2</t>
  </si>
  <si>
    <t>美国纤维乙醇燃料开发紧锣密鼓</t>
  </si>
  <si>
    <t>近年来国际油价屡创新高，各国对替代能源开发更加重视。乙醇燃料被视为最有可能替代汽油的可再生能源之一，美国总统布什在最近一次演讲中极力宣扬乙醇燃料的优点，鼓励利用锯末、草类和废弃枝叶等农业废物提取纤维乙醇燃料的技术研发，希望在6年内纤维乙醇实现商业化。</t>
  </si>
  <si>
    <t>国际油价跌破60美元大关</t>
  </si>
  <si>
    <t>本报纽约电 因市场预期美国石油库存数据将持续改善，供求紧张有望继续缓解，国际油价连续第5个交易日下挫。14日，纽约和伦敦油价双双跌破每桶60美元大关，其他成品油价格也大幅下跌。　　    纽约商品交易所3月份交货的轻质原油期货价格下跌1.67美元，收于每桶59.57美元，?</t>
  </si>
  <si>
    <t>欧美航空公司被疑操纵价格</t>
  </si>
  <si>
    <t>本报布鲁塞尔电 欧盟委员会和美国司法部14日对欧美一些主要航空公司进行了突击检查，以调查这些公司在货运业务方面是否联合操纵价格。　　    欧盟委员会拒绝透露受检对象的名称。不过，北欧航空公司透露他们“榜上有名”。英国航空公司、法国航空公司等透露他们也被问及价</t>
  </si>
  <si>
    <t>闲置粮仓成中小企业创业“暖巢”</t>
  </si>
  <si>
    <t>曾经闲置的空粮仓，如今成了浙江省海盐县众多中小企业创业的“暖巢”。　　    海盐钱江机械配件厂就是这样一家栖身于空粮仓里的企业，厂长钱伊平告诉记者：“幸亏及时租到了一座空粮库做厂房，虽然创业才一年多，产品已出口到欧美、中东等地的八个国家了。”　　    这?</t>
  </si>
  <si>
    <t>油气大发现 非洲重构能源版图</t>
  </si>
  <si>
    <t>过去，非洲的石油和天然气开发主要集中在地中海沿岸的阿尔及利亚、利比亚、埃及以及几内亚湾的新兴产油国尼日利亚、安哥拉、加蓬和刚果（布）。　　    近10年来，撒哈拉沙漠以南非洲产油大国数量翻了一番。赤道几内亚、乍得、苏丹，甚至圣多美、普林西比和毛里塔尼亚的产?</t>
  </si>
  <si>
    <t>对冲基金争抢私人股权公司地盘</t>
  </si>
  <si>
    <t>最新一期英国《经济学家》杂志撰文指出，对冲基金与私人股权公司之间的界线日渐模糊，双方在投资领域的冲突愈发激烈。　　    过去，两者可以说是泾渭分明。对冲基金主要在流动性较高的资本市场“狩猎”，进退自如，无需与投资者建立长期联系；而私人股权公司的强项在于公?</t>
  </si>
  <si>
    <t>让“当代毕昇”精神化作创新动力</t>
  </si>
  <si>
    <t>本报讯　2月13日中午时分，王选逝世的消息在各大网站公布，社会各界纷纷含悲悼念。新华网悼念王选的留言中有网民写道：“向这位为传播和光大中华文化做出伟大贡献的科学家志哀。他的名字将和中华文明一样千古流芳”，“让‘当代毕昇</t>
  </si>
  <si>
    <t>中行“开平案犯”：寻求美国保护不灵了</t>
  </si>
  <si>
    <t>按照计划，美国内华达州联邦地方法院将在今年2月27日正式对中国银行“开平案”嫌疑犯许超凡、许国俊案开庭审判。但在2月10日于美国召开的听证会上，美国联邦地区法院法官劳伦斯·莱维特宣布，将对许超凡、许国俊及其亲属的审判推迟到3月27日。　　    二许在2月10日的听证?</t>
  </si>
  <si>
    <t>12位明日之星闪耀美国商界</t>
  </si>
  <si>
    <t>最新一期美国《财富》杂志评出了12位商界明日之星。尽管CEO的光环尚未罩在他们头上，但在不远的将来他们是最有可能掌舵这些商界巨舰的“潜力股”。　　戴维·卡尔霍恩　　（通用电气公司副董事长）　　    在CEO猎头的物色名单上, 戴维·卡尔霍恩独占鳌头。48岁的卡尔?</t>
  </si>
  <si>
    <t>G8财长：世界经济将“坚固”增长  高油价禽流感成隐忧</t>
  </si>
  <si>
    <t>八国集团（G8）的财长们于当地时间11日结束在莫斯科举行的会议，他们发表公报说，世界经济在2006年将继续保持“坚固”的增长步伐。 　　    G8财长会议为时两天，参加会议的各国代表来自美国、日本、德国、英国、法国、意大利、加拿大和俄罗斯。　　世界经济坚固增长</t>
  </si>
  <si>
    <t>元宵节会不会被情人节“淹没”</t>
  </si>
  <si>
    <t>世界上文化是相通的。每年的2月中上旬春天来临之际，我国的元宵节总会和西方的情人节不期而遇。尽管元宵节最早起源于“敬神送年”的风俗，但在我国历代文人墨客诗词歌赋中，却不乏描写元宵之夜情人幽会的情境。因此，在许多人看来，我国的元宵节与西方的情人节有着异曲同工之</t>
  </si>
  <si>
    <t>世行建议中国大型国企向政府分红</t>
  </si>
  <si>
    <t>本报讯 世界银行10日发布报告，建议中国大型国有企业向政府支付红利。报告认为，国企过度留存利润会使得再投资效率低下，可能导致顺周期投资，使经济更易出现大起大落。国企向政府分红也有利于改善教育和医疗等关键性资源的配置。　　    2005年上半年，中央企业获得了2900</t>
  </si>
  <si>
    <t>单一欧洲支付区计划阻力重重</t>
  </si>
  <si>
    <t>59家银行近日参与了一项计划，力争在2008年之前实现欧洲跨境直接借记。英国《经济学家》就此撰文指出，对于建立单一欧洲支付区（SEPA）来说，这样的努力仅仅意味着向前迈出了一小步。　　    欧元诞生7年之后，如今欧元区各国之间仍保持不兼容的转账体系。据欧洲央行估算，</t>
  </si>
  <si>
    <t>巴菲特中意的啤酒“味道”如何</t>
  </si>
  <si>
    <t>通常情况下，股神沃伦·巴菲特购买的股票都会让其他投资者垂涎。不过，巴菲特点石成金的能力在2005年受到了怀疑，他和一些颇具“慧眼”的投资者购买了美国啤酒商安海斯·布希（Anheuser-Busch）的股份，但其市场表现却远逊于标普500指数。　　    从巴菲特2004年末斥资购买</t>
  </si>
  <si>
    <t>未来我们靠什么竞争</t>
  </si>
  <si>
    <t>在解决中欧纺织品“压港”问题中扮演“关键先生”的瑞典工商和贸易大臣托马斯·厄斯特罗斯认为：“中国最重要的是要尽快提高工人的工作条件和生活状况，否则，欧洲和美国的政府就会因此而实行贸易保护主义。因为很多西方人会觉得中国是靠低工资和超工时来进行不公平竞争的。?</t>
  </si>
  <si>
    <t>韩资对参与东北振兴兴趣很浓</t>
  </si>
  <si>
    <t>东北老工业基地振兴战略为东北地区提供了难得的历史性发展机遇，也为外国企业创造了无限商机。　　    记者通过调查了解到，作为中国最大的贸易伙伴与最大的投资国之一，韩国具有参与东北老工业基地改造的潜力与条件，韩国企业的资金和技术优势将对东北老工业基地改造产生?</t>
  </si>
  <si>
    <t>年年都该是食品安全年</t>
  </si>
  <si>
    <t>做为质检系统的“食品安全年”，2005年层出不穷的食品安全事件牵动着人们脆弱的神经：苏丹红、碘超标、回炉奶、甲醛门、黑作坊、孔雀绿、丙毒……食品企业大到投资数百亿的跨国公司纷纷触雷，将2005年定为“中国食品安全年”似乎一点也不为过。　　    民以食为天，食以安?</t>
  </si>
  <si>
    <t>NHN坚守本土 Google韩国受挫</t>
  </si>
  <si>
    <t>美国《商业周刊》日前刊登的一篇文章称，全球搜索引擎巨头Google在韩国遭遇强劲对手，在股价升幅等方面输给了市值和规模都远逊于己的韩国本土公司NHN。　　    Google在2005年着实风光，股价攀升了103%，高达415美元，但这一升幅在韩国竞争对手NHN公司面前却相形见绌。NHN?</t>
  </si>
  <si>
    <t>天津口岸家具出口下滑</t>
  </si>
  <si>
    <t>本报天津电 据海关统计，2005年天津口岸出口家具及其零件（简称家具）价值6.4亿美元，比上年增长16.5%，比2004年的增幅下滑了11.2个百分点。其中，对美国出口家具4.1亿美元，增长7.7%，比2004年的增幅下滑了13.8个百分点，占同期天津口岸出口家具总值的64%。 　　    分析2</t>
  </si>
  <si>
    <t>全球经济不再单靠美国拉动</t>
  </si>
  <si>
    <t>在美国前总统克林顿任期内担任财长的拉里·萨默斯曾以“全球经济腾飞只有单一引擎”来形容美国内需对全球经济增长的重要性。英国《经济学家》杂志日前撰文指出，全球经济增长只靠一国拉动的情况正在发生改变，美国经济增速放缓将不会阻挡其它国家和地区的经济增长步伐。　?</t>
  </si>
  <si>
    <t>美计划开采东墨西哥湾油气</t>
  </si>
  <si>
    <t>本报华盛顿电 美国政府不顾佛罗里达州政府强烈反对，8日表示计划租借东墨西哥湾一大片区域进行石油和天然气开采。　　    这项美国内政部租借草案将包括一块名为“Lease181”区域的2/3，租借期为2007至2012年，而距佛罗里达海岸160公里范围水域内仍禁止开采油气资源。美国?</t>
  </si>
  <si>
    <t>中航油将组成新董事会</t>
  </si>
  <si>
    <t>本报新加坡电 中国航油（新加坡）股份有限公司（简称中航油）将组成新的董事会，并将于3月3日召开股权重组大会和特别股东大会，从而为公司今年3月底之前正式恢复股票交易创造条件。　　    中国航空油料集团公司总经理荚长斌8日接受采访时表示，中航油新的董事会将由以林日</t>
  </si>
  <si>
    <t>近六万个岗位等不到几个农民工</t>
  </si>
  <si>
    <t>春节刚过，我国沿海地区劳动密集型企业用工全线告急，在福州市刚刚举行的一场招聘会上，近六万个农民工岗位乏人问津，而去年从青海批量输往泉州的400多位农民工到目前为止稳定率不足三分之一，沿海企业招工难、留工难现象日益凸显。沿海企业招工难、留工难难在何处？　　近</t>
  </si>
  <si>
    <t>我出口企业应戴好“质量安全”帽</t>
  </si>
  <si>
    <t>今年5月，我国农产品最大出口市场日本将实施“肯定列表”食品安全法规，大幅度提高农产品进口检测标准。有关专家指出，这一新制度很可能成为又一“壁垒”，将我国农产品出口企业置于窘境，有关企业应加强自检自控，破解这一绿色壁垒。　　“肯定列表”抬高农产品进口门槛</t>
  </si>
  <si>
    <t>鞋类企业结盟应对欧盟反倾销</t>
  </si>
  <si>
    <t>在欧盟前所未有的一次拒绝给予全部13家被抽查的中国鞋类企业以市场经济地位后，8家中国皮面鞋生产企业8日在广州发起成立“欧盟对华鞋产品反倾销应对联盟”，从而结束了此前7个月中国企业“单打独斗”式的应诉局面，以针对近10年来欧盟对中国最大一宗反倾销案进行集体抗辩。</t>
  </si>
  <si>
    <t>从当“伙计”到与洋教头同台竞技</t>
  </si>
  <si>
    <t>近日，哈尔滨电机厂有限责任公司（简称哈电）研制的构皮滩水轮机转轮模型成果日前在瑞士洛桑的独立试验台完成了试验，模型最高效率达到95.17%，加权平均效率为93.25%，达到世界领先水平，填补了国内空白。　　    多年来，哈电坚持自主创新，尤其在水电设备制造方面，取得?</t>
  </si>
  <si>
    <t>日本三巨头联合开发大规模集成电路</t>
  </si>
  <si>
    <t>本报讯 索尼、东芝和NEC电子日前宣布，三方将联合开发基于45纳米工艺的新一代LSI（大规模集成电路）系统处理技术，协议有效期到2007年9月份。 　　    随着数码消费、手机和通信领域应用的不断发展，对复杂的大规模集成电路系统技术提出了更高的要求，例如，更快的数据处理</t>
  </si>
  <si>
    <t>沃达丰两大战略遭质疑</t>
  </si>
  <si>
    <t>据英国《经济学家》日前报道，全球最大移动运营商沃达丰追求的扩张战略和单一业务战略遭到投资者和市场分析人士质疑。　　    自2004年以来，沃达丰的股价涨幅不仅低于伦敦股市《金融时报》100种股票平均价格指数，而且远远落后于其他规模相对较小的移动运营商。因此，一些</t>
  </si>
  <si>
    <t>3G中国标准有点高烧</t>
  </si>
  <si>
    <t>政府和运营商强力而持久的支持，加上本身所具有的技术特点及其商业运营优势，在国际标准组织获得认同之后，3G中国标准TD-SCDMA的热浪正在涌来。　　    正如美国著名经济观察家T·勒维斯所指出的那样：“在这个时代，谁掌握着标准，谁就掌握了挖掘阿里巴巴宝藏的咒符”。所</t>
  </si>
  <si>
    <t>外国公司竞相打入利比亚油气市场</t>
  </si>
  <si>
    <t>本报突尼斯电 新年伊始，美国3家石油公司总裁先后造访利比亚，显示了随着国际社会取消对利比亚的经济制裁，外国石油公司分割利比亚油气市场这块大蛋糕的竞争加剧。　　    西方国家青睐利比亚能源市场原因有三：　　    首先，伊拉克战后没有像西方国家战前预料的那样全?</t>
  </si>
  <si>
    <t>2005年法国香槟酒售出3亿多瓶</t>
  </si>
  <si>
    <t>本报巴黎电 法国香槟酒行业协会日前宣布，2005年法国香槟酒销量喜人，共卖出3.075亿瓶，比2004年增长2%。其中，亚洲市场进口增势强劲，中国进口量比前年增长了25%　　    数据显示，法国香槟酒国内销售占总销量的58%，而出口份额正在增加。法国香槟酒行业协会发言人罗森特?</t>
  </si>
  <si>
    <t>全球对冲基金吸引力大打折扣</t>
  </si>
  <si>
    <t>美国《商业周刊》日前援引调查机构的数据说，2005年第三季度全球对冲基金的资金净流入比一年前下降44%。尽管最后一个季度的数据尚未公布，但一些观察家预测，机构投资者和富有人群对这种激进的投资方式逐渐失去兴趣，对冲基金的“蓄水池”将会越来越小。　　    盈利能力下</t>
  </si>
  <si>
    <t>澳新银行加大力度进军亚洲</t>
  </si>
  <si>
    <t>本报悉尼电 澳大利亚和新西兰银行集团2月6日宣布，为加大进军亚洲的力度，集团计划向亚洲市场输出人才和技术。　　    澳新银行集团亚洲负责人鲍勃·埃德加在接受澳大利亚媒体采访时说，作为澳大利亚第三大银行，澳新银行希望更多地参与到亚洲的“后投资阶段”中去。他表示</t>
  </si>
  <si>
    <t>加拿大72名矿工靠什么幸免于难</t>
  </si>
  <si>
    <t>加拿大萨斯喀彻温省一家钾盐矿的72名矿工，在因该矿发生火灾而被困井下一天多后于1月30日全部获救。这个圆满结局实在让人深感欣慰和庆幸。而从事故发生后的营救过程看，这起事故能有这样一个喜剧的结尾绝非偶然。　　    首先，被困矿工和营救人员在安全生产和紧急事态处理</t>
  </si>
  <si>
    <t>日本四大电子厂商业绩分化</t>
  </si>
  <si>
    <t>本报东京电 日本四大电子厂商日前发表2005年4月至12月的联合结算报告，东芝和富士通实现盈利，先锋和三洋电机则告亏损。　　    结算报告显示，东芝和富士通分别凭借占有优势的闪存和光传输系统业务实现了利润大幅增长，先锋集团和三洋电机则分别因等离子显示器和半导体业?</t>
  </si>
  <si>
    <t>俄罗斯公司再掀上市热潮</t>
  </si>
  <si>
    <t>俄罗斯电信运营商Comstar UTS上月底宣布,将在莫斯科和伦敦通过首次公开募股（IPO）募集资金9.5亿至12亿美元。英国《经济学家》杂志日前发表文章称，俄罗斯公司将在今年迎来第二轮上市热潮。　　    美国《商业周刊》曾撰文指出，2004年以前俄罗斯公司在上市募股方面都颇为?</t>
  </si>
  <si>
    <t>印度将出让55个油区开发权</t>
  </si>
  <si>
    <t>本报新德里电 据印度亚洲通讯社报道，印度将进行第五轮油区招投标活动，在2月14日出让55个油区开发权，覆盖勘探总面积30万平方公里。这也是印度单个规模最大的油区招投标活动。　　    自1999年实行新勘探执照政策以来，印度已经举行了四轮招投标活动，共出让了90个油区的?</t>
  </si>
  <si>
    <t>俄暂不调整对保天然气出口价格</t>
  </si>
  <si>
    <t>本报索非亚电 保加利亚经济和能源部长鲁门·奥夫恰罗夫日前向媒体透露，保俄天然气谈判结果圆满，俄方承诺在2010年前暂不调整对保出口天然气价格及管道过境费。　　    据保加利亚《劳动报》报道，奥夫恰罗夫是在与俄工业和能源部长赫里斯坚科长达两个小时的不间断谈判后作</t>
  </si>
  <si>
    <t>上市公司造假花样翻新 投资者需睁大眼睛</t>
  </si>
  <si>
    <t>2005年，我国上市公司会计造假现象依然严重，且形式花样翻新。从关联交易到大股东占用资金，从虚报固定资产投资到少提折旧，西方资本市场常见的假账手段几乎全部被“移植”，还产生了不少“有中国特色”的假账技巧。　　关联方交易　　    关联方是指在财务和经营决策中,</t>
  </si>
  <si>
    <t>曹兴诚：台湾IT枭雄折戟“政治大棒”</t>
  </si>
  <si>
    <t>1月9日，台湾联华电子（简称联电）董事会接受了董事长曹兴诚的辞呈。此举比曹兴诚高调预告的辞职时间早了3个月。几小时后，曹兴诚因涉嫌违法投资大陆而遭正式起诉。　　    自去年2月台湾检调机构对联电进行大规模搜查至今，所谓“非法投资大陆”的“和舰案”已扰攘经年，?</t>
  </si>
  <si>
    <t>上汽入主双龙 公布首个战略规划</t>
  </si>
  <si>
    <t>上汽股份双龙汽车于中国农历新年前夕在韩国发布了中长期战略规划。根据规划，到2010年双龙汽车计划实现产销34万辆，计划五年内累计投资2兆5千亿韩元（约为25亿美元）用于公司研发、销售、提升产能等方面，使上汽双龙成为“具有世界级的专业RV汽车制造商。”　　中长期销售?</t>
  </si>
  <si>
    <t>中国GDP调增并不意味着实力增大</t>
  </si>
  <si>
    <t>中国社科院经济所“宏观经济增长与稳定课题组”关于“十一五”中国经济周期波动的讨论（之三）　　    2005年12月20日，国家统计局正式公告，经过经济普查，2004年中国经济总量调整增加2.3万亿元！中国GDP蛋糕膨胀16.8%后轻松改写了世界经济体排名榜，中国再次超越意大利，</t>
  </si>
  <si>
    <t>5亿净资产为何能卖58亿</t>
  </si>
  <si>
    <t>引起全球投资者广泛关注的福建雪津啤酒有限公司国有股转让问题，终于在23日尘埃落定。全球第一大啤酒巨头比利时英博啤酒集团以最高的报价竞走了雪津39.48%的国有股权。雪津啤酒有关负责人近日接受采访时透露，未来两年内，雪津的其他股东也将以同等条件、同等价格将剩余的60.</t>
  </si>
  <si>
    <t>索尼三星共建第八代液晶板</t>
  </si>
  <si>
    <t>本报东京电 日本索尼公司与韩国三星电子公司将就2007年投资约3000亿日元（115日元约合1美元）共建第二家液晶显示板工厂展开磋商。新厂将拥有“第八代”液晶板生产线。　　    据《日本经济新闻》报道，索尼和三星曾于2004年4月各出资1000亿日元，在韩国忠清南道成立液晶显?</t>
  </si>
  <si>
    <t>我国劳动力价格仍具优势</t>
  </si>
  <si>
    <t>有经济学者认为，我国与西方发达国家相比并不具备太多的劳动力价格优势，因为虽然我们的劳动力价格便宜，但我们的劳动生产率同样也仅仅是发达国家的几十分之一，所以，西方的资本之所以到中国来投资，其实并不是因为中国的劳动力便宜，而是因为中国具有庞大的国内消费市场。$</t>
  </si>
  <si>
    <t>美联储年内首次例会再议加息</t>
  </si>
  <si>
    <t>1月31日，美国联邦储备委员会将举行2006年首次货币政策会议。华尔街分析人士普遍认为，美国短期利率将会再次稳步调升。除此之外，吸引全球金融界目光的还有执掌美联储18年半的格林斯潘光荣卸任，本·伯克南将走马上任，成为新一任美联储主席。　　    从2004年6月底至今，?</t>
  </si>
  <si>
    <t>美国银发族：活到老干到老</t>
  </si>
  <si>
    <t>上个世纪60年代，披头士乐队曾在他们的一首歌里唱道：“当我64岁的时候，你还需要我吗？”对那个时代年轻的他们来说，遥远的60岁是那么脆弱，那么孤独无助。一转眼，40年过去了，当年听着披头士迈进社会的欧美年轻人迎来了属于自己的60岁。　　    他们曾是世界上最幸福的?</t>
  </si>
  <si>
    <t>雅戈尔：牵头组建全球最大的服装联盟</t>
  </si>
  <si>
    <t>面对全球新保护主义阴影和纺织品后配额时代的挑战，中国雅戈尔集团公司、日本伊藤忠商社与意大利玛佐多（Marzotto）公司等三家国际著名的纺织服装企业，2005年年末在港城宁波签署协议书，三方将在技术、资金、人力培训和营销渠道等方面开展全方位合作，强强联手组建全球最大?</t>
  </si>
  <si>
    <t>周小川：社保不健全是高储蓄率主因</t>
  </si>
  <si>
    <t>本报达沃斯（瑞士）电 中国人民银行行长周小川26日在世界经济论坛年会上表示，中国应该加快养老、医疗保障和教育体系改革，以便将过高的居民储蓄率降下来。　　    周小川在论坛年会举办的题为“中国走向世界”的专题讨论会上说，谈到出口和海外投资的问题，就不能不谈居民</t>
  </si>
  <si>
    <t>印度为零售等行业外资松绑</t>
  </si>
  <si>
    <t>本报新德里电 印度政府日前批准允许外国直接投资在单一品牌产品的零售业的投资达到51%。　　    25日出版的印度媒体引用印度商业和工业部长卡迈勒·纳特的话说，这是在过去的15年中第一次对外国直接投资政策做出全面的回顾，消除了对外资的一些限制。　　    这一决定意?</t>
  </si>
  <si>
    <t>欧美报业靠赠品抑制发行下滑</t>
  </si>
  <si>
    <t>本报讯 互联网信息及时、面广量大的特性吸引了越来越多的人从网上获取信息。受此影响，全球多数国家和地区的报纸发行量纷纷下滑，许多报社不得不使出免费赠品等非常手段招徕读者。　　    据英国《经济学家》报道，2005年英国报纸发行量下降了3%，比2004年的下滑幅度高出一</t>
  </si>
  <si>
    <t>乌俄天然气运输合资企业仍“待产”</t>
  </si>
  <si>
    <t>本报基辅电 乌克兰总理叶哈努罗夫25日说，乌克兰和俄罗斯仍在讨论有关成立天然气运输合资企业的协议，由于在企业运作方式问题上尚存分歧，双方未就签署协议作好准备。　　    叶哈努罗夫是在当日召开的内阁扩大会议上宣布这一消息的。　　    乌燃料和能源部长普拉奇科夫</t>
  </si>
  <si>
    <t>欧盟批准阿迪达斯收购锐步</t>
  </si>
  <si>
    <t>本报布鲁塞尔电 欧盟委员会24日批准欧洲最大的体育用品公司德国阿迪达斯集团以31亿欧元收购美国锐步公司。　　    欧盟委员会认为，锐步和阿迪达斯都是世界上知名的运动休闲鞋类、服装和器械生产商，合并后将形成这一领域的一个新巨人。而且由于这两个品牌面向的对象和定价</t>
  </si>
  <si>
    <t>中印将成今年经济增长最快国家</t>
  </si>
  <si>
    <t>本报讯 联合国25日于北京发布的一份报告预测，2006年世界经济将延续2005年温和增长的趋势，保持略高于3%的中等增长速度，中国和印度仍将是经济增长最快的国家。　　    这份名为“2006年世界经济形势与展望”的年度报告认为，2006年美国经济仍是世界经济增长的主要动力，但</t>
  </si>
  <si>
    <t>千亿美元顺差不过是“过路财神”</t>
  </si>
  <si>
    <t>本报讯 快速增长的中国外贸顺差让很多国家艳羡不已，但国家统计局局长李德水对这些数字却有另外的理解，他在25日说，千亿美元顺差不过就是个“过路财神”。　　    在25日国家统计局举行的记者会上，李德水认为，这不过是世界经济一体化和国际产业分工的必然结果。“我们不</t>
  </si>
  <si>
    <t>全球出境游人数创新高</t>
  </si>
  <si>
    <t>本报内罗毕电 根据世界旅游组织最新公布的报告，尽管天灾人祸频频发生，去年全球出境游人数仍然比前年增长了5.5%，首次超过8亿。其中，非洲地区吸引游客人数同比增幅最大，达10%以上。　　    这份报告说，尽管受到恐怖袭击和自然灾害等负面因素的影响，去年全球旅游业的增</t>
  </si>
  <si>
    <t>美国政府采购体制的借鉴意义</t>
  </si>
  <si>
    <t>美国政府采购在政策运用、执行管理、采购方式以及队伍建设等方面都有一些值得借鉴的经验，主要有以下几点启示：　　    美国各级政府的政府采购高度集中。高度集中的管理体制是政府采购的客观要求，对于强化预算支出管理、降低政府运行成本、规范采购行为和资金的分配及使?</t>
  </si>
  <si>
    <t>旅游零售：中国免税业发展方向</t>
  </si>
  <si>
    <t>本报昆明电 在世界范围内，免税业朝旅游零售业转型，已经成为一股潮流和趋势。专家认为，在很大程度上，旅游零售业是中国未来免税业的发展方向。　　    据国际研究机构统计，欧洲取消免税业后，仅仅用4年的时间就完成了免税业向旅游零售业的转型。旅游零售业对免税业的影?</t>
  </si>
  <si>
    <t>中国外汇储备一季度将超日本</t>
  </si>
  <si>
    <t>本报讯 24日，高盛最新一份研究报告预测：中国外汇储备将在2006年第一季度超过日本，成为全球最大外汇储备国；预计在12个月的时间里，人民币汇率将升至1美元兑7.34元。　　    高盛中国区首席经济学家梁红在报告中表示,今年一开始,国际上与中国有关的资产价格持续上涨,一个</t>
  </si>
  <si>
    <t>外国家族银行首次进入中国</t>
  </si>
  <si>
    <t>本报上海电 作为欧洲爱德蒙得洛希尔家族银行集团的法国子公司，爱德蒙得洛希尔银行近日在上海设立代表处。据悉，这是经中国银监会批准并进入中国金融市场的首家外国家族私人银行。　　    爱德蒙得洛希尔集团主要经营私人银行和资产管理业务，其经营资产达800亿美元，业务?</t>
  </si>
  <si>
    <t>沿海地区涌现“集群品牌”</t>
  </si>
  <si>
    <t>驱车沿海地区，如今公路两边的户外广告牌上，出现了大量类似“嵊州领带”、“大沥铝材”、“晋江鞋业”这样将地名和当地特色产业名称融为一体的品牌广告。近些年来，沿海一些省市在推动产业集群发展升级中，出现了塑造“集群品牌”的新动向。最近在浙江嵊州举办的全国“集群?</t>
  </si>
  <si>
    <t>北极资源之争愈演愈烈</t>
  </si>
  <si>
    <t>本报东京电 据日本《产经新闻》日前报道，目前北极资源之争愈演愈烈。北冰洋周边的俄罗斯、加拿大、美国、丹麦和挪威等国都对沉睡在北极冰川下面的丰富资源垂涎不已。而全球变暖导致北极冰盖面积迅速缩小，也在一定程度上加速了各国对北极周边地区的窥视。　　    1961年《</t>
  </si>
  <si>
    <t>开发“藏在身边的能源”</t>
  </si>
  <si>
    <t>本报讯 如何在低成本的前提下应对严寒，改善冬季城市居民的生活环境？在近日举行的世界冬季城市市长会议上，开发“藏在身边的能源”，打造“节约型冬天”，正成为来自北半球各国城市专家与市长们热议的话题。　　    “对于北方城市来说，过冬时并不是没有资源。”日本北海</t>
  </si>
  <si>
    <t>俄成立专门公司落实远东输油管道项目</t>
  </si>
  <si>
    <t>本报莫斯科电 俄罗斯石油运输公司23日发表声明说，该公司已成立子公司来专门负责落实远东输油管道项目。　　    这份声明称，这一名为“远东输油管道项目管理中心”的子公司在俄罗斯伊尔库茨克州的安加尔斯克市注册，曾担任过俄石油运输公司建设和战略发展局局长的阿纳托利</t>
  </si>
  <si>
    <t>美国再次兴起风力发电热</t>
  </si>
  <si>
    <t>本报华盛顿电 据美国媒体日前报道，随着风力发电场在纽约、得克萨斯和加利福尼亚等地不断涌现，美国再次出现了风力发电热。一份新的报告显示，随着今年发电量将猛增40%以上，美国可能成为世界上最大的风力发电市场。　　    美国《基督教科学箴言报》报道说，在美国得克萨?</t>
  </si>
  <si>
    <t>德国公司大举并购北美企业</t>
  </si>
  <si>
    <t>英国《经济学家》日前刊登的一篇文章称，最近一年来北美企业再次成为德国大公司的并购对象。不过，在新一轮并购大潮中，这些发出收购要约的德国公司要比以往更加精明和谨慎。　　    据报道，德国化工业巨头巴斯夫（BASF）对美国催化剂制造商恩格哈德发出了收购要约。蒂森?</t>
  </si>
  <si>
    <t>亚行催生货币单位 中日暗战金融市场主导权</t>
  </si>
  <si>
    <t>1月14日，韩国朝鲜日报一则消息再次将“亚元”概念推到人们眼前，该报道称，中国、韩国和日本等亚洲国家共同使用单一货币的构想正渐渐浮出水面。亚行（ADB）最快将于3月对外公布亚洲共同货币“亚元（ACU）”。　　    在数次“亚元”诞生说的炒作中，这次似乎离终点最近。$</t>
  </si>
  <si>
    <t>美国奢侈品消费群正在扩大</t>
  </si>
  <si>
    <t>来自美国的一项零售消费报告显示，去年美国人在奢侈品上的消费额增加了3.8%，而今年的增长势头将会更加明显。这是因为除了高收入者一贯青睐奢侈的生活方式外，中等收入者也更加倾向于购买高档商品。　　    调查显示，二战后出生的美国婴儿潮一代的第一批人今年将进入60岁?</t>
  </si>
  <si>
    <t>“低级错误”频现 东京证交所面临技术困局</t>
  </si>
  <si>
    <t>1月18日下午2时40分，东京证券交易所突然宣布，由于抛盘数量接近交易系统的处理极限，为防止系统崩溃，不得不提前20分钟停止当日交易。　　    此前，2005年12月8日，日本四大金融集团之一的瑞穗金融集团下属瑞穗证券公司因错误操作造成公司损失约300亿日元（120日元约合1?</t>
  </si>
  <si>
    <t>人民币升值：中国经济的可承受力有多大？</t>
  </si>
  <si>
    <t>对人民币重估的争论始于2001年。2001年8月，英国“金融时报”刊登了一篇题为《中国的廉价货币》的文章，关于人民重估的新一轮争论由此而引发并持续至今。一些日本官员也在各种场合呼吁人民币升值。例如，“金融时报” 在2002年刊登的《全球性通货再膨胀正当其时》，称中国向?</t>
  </si>
  <si>
    <t>罗伯特·伊格尔:让迪斯尼重温盛世年华</t>
  </si>
  <si>
    <t>每年岁末年初，国外大媒体都会给全球大企业和企业家进行综合排名。仔细查看各种榜单，我们不难发现，几乎每家媒体的排名中都会提及迪斯尼公司和新任首席执行官罗伯特·伊格尔，而且不少媒体还浓墨重彩地对二者加以褒扬。　　    2005年12月19日出版的美国《商业周刊》杂志?</t>
  </si>
  <si>
    <t>我国海水综合利用面临巨大机遇</t>
  </si>
  <si>
    <t>我国有10个省人均水资源量低于500立方米，为重度缺水，特别是一些沿海城市严重受制于淡水资源缺乏，大规模利用海水对于沿海地区未来发展将产生深远的影响。　　    专家认为，未来20年内，国际市场在海水淡化方面有近700亿美元的商机，需求潜力巨大，我国应从宏观制度、市?</t>
  </si>
  <si>
    <t>浦洛迪：追求有盈利的速度</t>
  </si>
  <si>
    <t>2005年12月，欧洲最大的电子公司荷兰皇家飞利浦公司高级副总裁、消费电子部全球首席执行官浦洛迪先生风尘仆仆来到上海，马不停蹄地走访客户、了解中国市场进展，并抽空接受媒体采访。　　    浦洛迪在上海说，中国在飞利浦的全球市场占有重要地位，最近三年，飞利浦在中国?</t>
  </si>
  <si>
    <t>多位华尔街著名人士继续唱衰美元</t>
  </si>
  <si>
    <t>最新一期英国《经济学家》载文称，包括“股神”沃伦·巴菲特在内的多位华尔街著名人士2005年唱衰美元，结果却是美元对欧元和日元汇率的全年涨幅都在10%以上。尽管如此，这些金融大师依然对美元前景持悲观态度，认定美元在2006年将会下跌。　　    美国同其他经济体的息差优</t>
  </si>
  <si>
    <t>全球热销药品数量将持续增加</t>
  </si>
  <si>
    <t>本报讯 据最新一期美国《财富》杂志报道，市场研究机构IMS预测2006年全球医药市场药品销量增幅将从去年的7%增至9%，热销药品的数量在未来几年内将持续增加。　　    《财富》杂志还列举了2006年可能畅销的5种药品。　　    辉瑞公司的胰岛素干粉吸入剂Exubera和抗癌药物S</t>
  </si>
  <si>
    <t>透支未来 中国彩电业重陷泥沼</t>
  </si>
  <si>
    <t>由美国消费电子协会(CEA)主办的2006国际消费电子展（CES）已于近日在美国拉斯维加斯落下帷幕，来自110个国家的超过15万参观者目睹了2500多个参展商展示的数千种新产品和新技术。在跨国品牌争奇斗艳的同时，国产品牌在此次展会上的表现却难以让人满意。　　中国军团失色2006</t>
  </si>
  <si>
    <t>活力门丑闻引发东京股市“大地震”</t>
  </si>
  <si>
    <t>日本东京地方检察院16日晚以涉嫌编造和散布虚假信息、违反《证券交易法》为由，搜查了日本三大门户网站之一的活力门网站总部、公司总裁堀江贵文的住所及相关子公司。这一事件在东京股市引发了一场“大地震”，日经股指在17日、18日两天时间暴跌了900多点。　　    18日，东</t>
  </si>
  <si>
    <t>金融巨头淘金发展中国家信用卡市场</t>
  </si>
  <si>
    <t>据英国《经济学家》报道，由于发达国家信用卡业务增长放缓，国际金融巨擘将眼光瞄向了发展中国家信用卡市场。　　    美国通用电气公司在全球发行了6800万张信用卡，其中约40%的持卡人在发展中国家。在过去10年中，花旗、渣打等银行在印度发行了1400万张信用卡，每年以25%?</t>
  </si>
  <si>
    <t>中国彩电业：走向全球彩电赛场边缘</t>
  </si>
  <si>
    <t>全球彩电产业竞争的速度已像飞一样，日本造、韩国造成为主角，而中国造却在一步一步走向边缘。　　    中国彩电7000多万台的产能，利润率徘徊在2%以内，而对外出口的依存度却迅速提高，在2005年度已经逼近50%。从整个行业的收益看，中国彩电业实际上是在销售材料，而不是在</t>
  </si>
  <si>
    <t>今年全球原油需求增长2.2%</t>
  </si>
  <si>
    <t>本报巴黎电 国际能源机构17日发表的报告预测，2006年全球原油日均需求量将达8510万桶，比2005年增加180万桶，增幅为2.2%。　　    报告说，支持上述预测的关键因素是美国的原油需求增长预计比原先的预测更强劲，以及中国的需求增速预计将高于去年。去年12月份，美国的原油?</t>
  </si>
  <si>
    <t>老龄产业：4000亿的大“蛋糕”</t>
  </si>
  <si>
    <t>在前不久的西方感恩节期间，日本京瓷株式会社推出了一款方便老人使用的手机。这款手机没有液晶屏，仅有最基本的通话功能，另外待机时间非常持久，老人不必经常给它充电。真正的是为老人着想。目前在世界发达国家，专门针对老人需求提供产品和服务已经普遍形成了庞大的产业。?</t>
  </si>
  <si>
    <t>电磁炉巨头谋动PA计划 剑指“蓝海”</t>
  </si>
  <si>
    <t>300多个品牌在市场嘶杀，激烈程度可想而知。但在残酷现实面前，也不乏市场机会，国家统计局数据表明，未来五年内电磁炉在国内将有7000万至8000万台的市场潜力，然而困扰行业多年的电磁炉“炒菜”问题成为把“潜力”转化为“现实”的最大阻力。台湾正夫人率先打破了这一瓶颈，</t>
  </si>
  <si>
    <t>跨国公司滥用知识产权危及我行业安全</t>
  </si>
  <si>
    <t>随着美国、日本在一些传统制造领域的优势渐失，知识产权争端已成为他们收复市场的一种主要非贸易手段。有关专家认为，在日趋频繁的知识产权争议中，一些跨国公司存在着超出知识产权正当行使界限的滥用现象，对我国一些行业的生存和发展带来了巨大的挑战。　　    据国家软?</t>
  </si>
  <si>
    <t>华尔街等待利好财报拉高股指</t>
  </si>
  <si>
    <t>华尔街自上周起再次进入上市公司季度财报发布期，尽管美国铝业公司没有打响“头一炮”，但并未影响多数分析师的好心情。根据路透社的推测，2005年第四季度标准普尔500指数成分股公司的平均利润率将在14%左右。　　    作为道琼斯工业指数成分股，美国铝业公司披露了一份盈?</t>
  </si>
  <si>
    <t>失地使农民成为“新贫困阶层”</t>
  </si>
  <si>
    <t>失地农民成为“三无”人员　　本报记者:范春生 郭奔胜　　　　种地无田 上班无岗 低保无份　　    在辽东山区与朝鲜接壤的宽甸满族自治县有一个比较奇特的景象：在县城繁华地带竟矗立着一个三层楼的村支部和村委会，即宽甸镇城厢村党支部和村委会。顺着村委会?</t>
  </si>
  <si>
    <t>8189亿美元 巨额外汇储备怎么用</t>
  </si>
  <si>
    <t>根据中国人民银行15日最新统计显示，到2005年12月末，国家外汇储备余额已达8189亿美元，全年外汇储备增加2089亿美元。外汇储备居世界首位的日本到2005年12月底仍在8400亿美元以上，不过两者之间差距已在几百美元之内，显而易见中国对于世界经济的重要性日益加重，上周国际金?</t>
  </si>
  <si>
    <t>中国富人：或沉浸红尘 或远离尘嚣</t>
  </si>
  <si>
    <t>据说，犹太人有一条做生意的金科玉律——盯住有钱人的口袋。因为有钱人其实是对商品价格最不敏感的人，他们更多在乎的是一些与实用性无关的因素，这也就是为什么做富豪的生意会赚取更为丰厚利润的原因。　　    来自英国的胡润此前的主要工作就是盯住中国的富人，并为他们?</t>
  </si>
  <si>
    <t>中欧“鞋战”难升级</t>
  </si>
  <si>
    <t>数日前，中国商务部副部长、国际贸易谈判代表高虎城率团飞赴欧盟，就欧盟对中国鞋反倾销一事进行交涉。　　    根据国内外的报道，高虎城此行会晤了欧盟贸易委员曼德尔森以及欧盟贸易总司官员等。会后曼德尔森向媒体表示，对于是否对中国鞋采取反倾销措施，“我将在对各种?</t>
  </si>
  <si>
    <t>中国蓝星收购法国安迪苏集团</t>
  </si>
  <si>
    <t>本报讯 中国化工集团旗下的中国蓝星（集团）总公司近日以4亿欧元（约合40亿元人民币）的价格实现对法国安迪苏集团的全资收购，并将于1月17日在比利时正式签署对安迪苏集团的交割协议。　　    “这是我国基础化工行业第一例海外并购，也是中国企业收购法国企业迄今为止最大</t>
  </si>
  <si>
    <t>加工贸易转型升级亟待“对症下药”</t>
  </si>
  <si>
    <t>28年前，广东省珠海香洲毛纺厂签订第一份来料加工协议，从而揭开了我国波澜壮阔的加工贸易大发展的序幕；28年后，开展加工贸易的区域早已从珠江三角洲地区扩大到长江三角洲、环渤海湾和西部内陆地区，进出口额超过6000亿美元。　　    国际产业结构不断向高级化发展，促进?</t>
  </si>
  <si>
    <t>2006年在美投资赚钱全攻略</t>
  </si>
  <si>
    <t>美国《商业周刊》日前发表专题文章，分析研究2006年在对冲基金、房地产以及艺术品等众多领域获得收益的机会，并给投资者提出了一些建议。　　攻略一：建立你自己的对冲基金　　    通过采取对冲基金常用的避险策略投资于不同的共同基金，你自己也能以较低成本建立对冲基?</t>
  </si>
  <si>
    <t>台湾华航获扬子江快运25%股份</t>
  </si>
  <si>
    <t>本报讯 2006年1月12日将成为中国航空货运业值得纪念的一天。在这一天举行的“扬子江快运航空有限公司股权转让启印仪式”上，台湾中华航空公司（以下简称“华航”）正式宣布持有扬子江快运航空有限公司（以下简称“扬子江快运”）25%的股权，从而成为首家进入大陆航空货运领域</t>
  </si>
  <si>
    <t>美国新药物面世量持续下滑</t>
  </si>
  <si>
    <t>美国食品药物管理局最新公布的数据显示，尽管2005年美国医药公司投入研发的资金总量达历史最高水平，但获批生产的药品数量却延续了上年的下降趋势。据了解，在过去10年中仅有1年的获批药品数量低于2005年。　　    根据有关数据，2005年美国医药行业研发支出高达380多亿美?</t>
  </si>
  <si>
    <t>海尔手机力闯印度市场“百道关”</t>
  </si>
  <si>
    <t>本报讯 日前，从海尔传来消息，海尔手机在印度市场力压诸多国际通信巨头，已先后赢得印度A运营商总计超过200万台的大订单。有关专家对此指出，以海尔为首的中国手机厂商正在加速海外扩张步伐，用实力改写着国产手机的生存状态。　　    印度市场目前被业界认为是世界手机市</t>
  </si>
  <si>
    <t>美证交会拟调整高管收入披露制度</t>
  </si>
  <si>
    <t>美国证券交易委员会将在下周公布一份“重量级”提案，要求在美国上市的各大公司更加透明、充分地披露高级管理人员收入状况。这是自1992年以来美国金融监管部门在披露高管收入环节上首次做出重大调整。　　    这份提案下调了上市公司所需披露管理层收入的最低标准，由现行?</t>
  </si>
  <si>
    <t>今年美国经济有望平稳增长</t>
  </si>
  <si>
    <t>本报讯 全美商业经济协会日前公布的预测报告指出，2006年美国经济将会遭遇消费支出下降和房产市场降温，但经济增速仍可维持在3%以上。　　    这份报告说，2006年美国经济增速将从对上一年预测的3.6%回落至3.3%；消费支出增幅大约为2.9%，而2005年的预测数字高达3.5%。此外</t>
  </si>
  <si>
    <t>热门新技术闪耀国际消费电子展</t>
  </si>
  <si>
    <t>本报讯 1月5日至8日，2006年国际消费电子展(CES）在美国拉斯维加斯举行。来自世界各地的2500多家消费电子类相关企业在为期4天的展会上向观众介绍了各自的最新产品与服务。作为消费电子业的未来发展方向，与个人电脑及因特网相结合的家庭娱乐功能成为各大软、硬件厂商在本次展</t>
  </si>
  <si>
    <t>高度集中的美国政府采购体制</t>
  </si>
  <si>
    <t>为进一步学习和借鉴西方国家政府采购的经验和做法，推动我国政府采购制度改革的深入发展，2005年10月10日至30日，由国管局牵头，财政部、中组部、人事部、国家发展改革委以及北京市政府采购中心等12个单位共同组成的中央国家机关政府采购培训团，对美国联邦政府、州政府和县?</t>
  </si>
  <si>
    <t>中国出版业：拿什么拯救你？</t>
  </si>
  <si>
    <t>“未来某一天，作家将比护士还多。”美国一位著名出版人在上个世纪发出惊人的论断。美国一项调查显示，有82%的人都有出书的愿望，因为写书最容易出名，而新技术的发展使出版一本书的成本已经降到最低，所以几乎人人都能写一本书出版，当个“作家”，快快出名。　　    在中</t>
  </si>
  <si>
    <t>德国房地产基金冻结事件有蔓延之虞</t>
  </si>
  <si>
    <t>本报讯 最新一期英国《经济学家》撰文指出，德意志银行宣布冻结房地产基金使低迷的德国房地产市场“雪上加霜”，处理不当将导致恐慌性赎回风波。　　    在网络泡沫破灭之后，投资者对房地产基金的投资兴趣陡增，目前房地产基金已经成为继股票和债券之后的德国第三大投资方</t>
  </si>
  <si>
    <t>生物能源开启新能源时代之门</t>
  </si>
  <si>
    <t>“农田作物有可能逐渐取代石油成为获得从燃料到塑料的物质来源，‘黑金’也许会被‘绿金’所取代。”《今日美国》里的一篇文章这样说。　　　　传统的加工工业是以化石资源为原料和能源进行的，面对化石资源日益枯竭的窘境，世界正孕育着一场用生物可再生资源代替化石资源?</t>
  </si>
  <si>
    <t>长城润滑油挺进东南亚市场</t>
  </si>
  <si>
    <t>本报讯 中国石化润滑油产品的市场推介会日前在菲律宾首都马尼拉展开。业内人士称，这标志中国石化润滑油业务国际化战略正式启动。　　    中国石化润滑油公司副总经理李亮耀说，中国石化位列世界五百强企业第31位，在亚洲排名第11位，而作为中国石化惟一的润滑油品牌，“长</t>
  </si>
  <si>
    <t>中日博弈“政冷经冷”底线</t>
  </si>
  <si>
    <t>进入新年，北京的天气依然寒冷。　　    中日双边关系则寒意更浓：被视为日本下一任首相有力竞争者的官房长官安倍晋三7日表示，若将来成为首相也“考虑继续前往靖国神社参拜”；而在4日，日本现任首相小泉在新年记者招待会上，攻击因他参拜靖国神社而拒绝与之对话的中韩领?</t>
  </si>
  <si>
    <t>越南汽车市场潜力巨大  我企业立足要跨六道坎</t>
  </si>
  <si>
    <t>按照越南的发展规划，2005至2010年间越南全国汽车总量每年增长速度为16%，2011至2020年间其年增长速度为8%。据此计算，到2010年，越南全国汽车拥有量将达120万辆，到2020年将达262万辆。因此，汽车行业专家普遍认为，从2006年起，越南每年的汽车销量应在10万辆以上。　　越</t>
  </si>
  <si>
    <t>化妆品追捧纳米技术 强渗透性危害有待验证</t>
  </si>
  <si>
    <t>在巴黎市郊一间略显杂乱的实验室中，物理化学家卢戈恩正在通过一架扫描隧道显微镜聚精会神地观察人体细胞。这个望远镜的功能是如此强大，以致于他能够看清每一个原子，甚至可以用一个远程遥控探针拨弄它们。卢戈恩说：“我们现在已经可以进入每一个细胞组织，且观察到它的细?</t>
  </si>
  <si>
    <t>日本方案巧取豪夺 中日东海问题磋商前路漫漫</t>
  </si>
  <si>
    <t>1月9日，中日两国将在北京就东海石油天然气开采问题举行司局长非正式工作接触。　　    但是，日本外务省官员于1月6日否认了日中两国已经就共同开发东海石油天然气资源问题达成协议，表示中国在第二轮磋商中提出的共同开发建议遭到了日本方面的拒绝，日中两国之间的分歧依?</t>
  </si>
  <si>
    <t>透过走势看书业卖点</t>
  </si>
  <si>
    <t>如果某一天你有钱有闲，还想读一本书的话，你是会选择去一家个性鲜明的独立书店，还是一个图书超级大卖场？这是美国浪漫轻喜剧电影《电子情书》中的经典台词。梅格瑞恩的儿童书店在经营上最终不敌汤姆汉克斯的“FOX”图书超市，在圣诞节到来时关门了。 　　    今天这样的?</t>
  </si>
  <si>
    <t>巴特勒家族与十七世纪中国瓷</t>
  </si>
  <si>
    <t>十七世纪景德镇瓷器曾被视为“被遗忘的陶瓷”，它们身处乱世，出身寒微，从未引起人们的兴趣，直到英国人哈彻打捞起整船的十七、十八世纪瓷器，两次拍卖逾5千万美元，震动世界。　　    2005年12月3日，“十七世纪景德镇瓷器展”在上海博物馆举行。展品年代从明代天启一直?</t>
  </si>
  <si>
    <t>标准普尔选出我海外上市股票25强</t>
  </si>
  <si>
    <t>本报纽约电 标准普尔亚太证券研究部门5日公布了2005年中国精选股票组合，共有25只股票入选，它们被认为在各自行业中有出众表现。　　    在25只股票中，14家是在香港或纽约上市的中国内地公司，10家是香港公司，1家是台湾公司。　　    14家内地公司分别是：中国蒙牛乳业</t>
  </si>
  <si>
    <t>美欧今年将各加息两次</t>
  </si>
  <si>
    <t>本报讯 路透社日前对36位债券分析师的调查结果显示，美联储和欧洲央行在2006年将各加息两次，美联储很可能就此结束加息周期，欧洲央行则会避免利率回升过快从而妨碍欧元区经济复苏。　　    2004年6月至今，美联储已连续13次以25个基点的相同幅度提高短期利率，目前联邦基?</t>
  </si>
  <si>
    <t>中国富翁美国造</t>
  </si>
  <si>
    <t>2005年，一群凭借无形资产崛起的年轻人频频亮相各种财富榜单，其中不乏IT精英、商界新秀，还有体育明星。透视一个个财富神话，人们不难发现，这些年轻的中国富翁都与美国有着关联。对于一个时代来讲，这绝不是偶然现象。　　纳斯达克开始“搜索中国”　　    2005年11月3</t>
  </si>
  <si>
    <t>2005:华尔街眼中的美国公司</t>
  </si>
  <si>
    <t>2005年最后一个交易日（12月30日），纽约股市是在一片叹息声中度过的。不少华尔街分析师表示，对于很多行业来说，这是令人失望却又无可奈何的一年。但愿2006年是个好年景，至少不要像2005年那样——只有能源板块“独占鳌头”。　　    从2005全年来看，纽约股市道－琼斯工?</t>
  </si>
  <si>
    <t>全球国际收支失衡将影响中国</t>
  </si>
  <si>
    <t>本报讯 中国社科院1月5日发布的世界经济黄皮书《2005-2006：世界经济形势分析与预测》指出，全球国际收支失衡将对中国经济发展产生重大影响。　　    世界经济黄皮书表示，全球国际收支失衡将对中国经济产生影响的主要原因是，美国贸易逆差的调整一定伴随着贸易逆差的缩小?</t>
  </si>
  <si>
    <t>亚洲汽车在美攻城掠地</t>
  </si>
  <si>
    <t>德国大众4日宣布，公司力争今年大众汽车在美销量增加10%。而一份刚刚出炉的调查报告则称，亚洲汽车将在包括美国在内的全球市场获得更多份额。由此看来，2006年各国汽车厂商还将混战一团，美国汽车巨头的本土市场份额可能进一步流失。　　    大众首席执行官沃尔夫冈·伯恩?</t>
  </si>
  <si>
    <t>2005年华尔街“五大英明决策”</t>
  </si>
  <si>
    <t>美国财经网站“thestreet.com”日前评出2005年度“华尔街五大英明决策”。西南贝尔、摩托罗拉、迪斯尼、摩根斯坦利以及埃克森－美孚五家公司榜上有名。　　西南贝尔主动更名　　    thestreet.com刊登的一篇文章说，2005年华尔街中最英明的重大决策当属西南贝尔通讯公司?</t>
  </si>
  <si>
    <t>联想 国际化在全球舞台经受考验</t>
  </si>
  <si>
    <t>早在2005年11月的北京还是暖冬之时，意大利北部城市都灵已经大雪纷飞。而此刻，即将在这个意大利北方城市举行的2006冬季奥运会已进入倒计时。为了这一天的到来，联想冬奥会项目组的30多名工程师已在都市灵默默工作了2年时光。　　    “奥运会历来是全球瞩目的焦点。全球一</t>
  </si>
  <si>
    <t>银行间即期外汇市场引入询价交易</t>
  </si>
  <si>
    <t>本报讯 中国人民银行3日发布公告，决定自1月4日起在银行间即期外汇市场上引入询价交易方式（简称OTC方式），同时保留撮合方式。银行间外汇市场交易主体既可选择以集中授信、集中竞价的方式交易，也可选择以双边授信、双边清算的方式进行询价交易。同时在银行间外汇市场引入做</t>
  </si>
  <si>
    <t>“碳金”本位的合理性与可行性探讨</t>
  </si>
  <si>
    <t>黄金本位”既不能废除，又不能独自承担重建国际货币金融体系的重任金本位制是以黄金为本位货币的货币制度。英国早在1861年通过金本位法案，欧洲其他的资本主义国家也在19世纪后期相继实行金本位的货币制度。然而，随着生产力的发展，经济规模的扩大，对?</t>
  </si>
  <si>
    <t>三大错误观念引发“中国产品威胁论”</t>
  </si>
  <si>
    <t>继“技术壁垒”“反倾销”“道德壁垒”之后，“质量壁垒”成为今年以来世界多个国家抵制中国产品的又一新手段。近一段时间，更是出现了贬低中国产品的思潮。中国生产的儿童玩具、大白兔奶糖、牙膏乃至轮胎，其质量相继遭到世界上许多国家的抨击、怀疑和指责。温州?</t>
  </si>
  <si>
    <t>转包生产带给民机工业“革命性”影响</t>
  </si>
  <si>
    <t>自1979年我国第一次将美国麦道飞机公司DC－9主起落架舱门转包项目引入国内以来，我国民机工业转包生产已历时28年。这期间，转包生产为我国民机工业注入了新的活力，带来了“革命性”影响。    这28年期间，国际上大多数著名?</t>
  </si>
  <si>
    <t>中国外贸：阵痛中走向开放的“而立之年”</t>
  </si>
  <si>
    <t>美国商务部不久前对原产于中国的新充气工程机械轮胎作出反补贴初步损害裁决。自去年11月美国打破对非市场经济国家不适用《反补贴法》惯例，对中国铜版纸发起首宗反倾销、反补贴合并调查以来，已对中国发起8宗“两反”合并调查。中国已成?</t>
  </si>
  <si>
    <t>次贷危机重创日本股市</t>
  </si>
  <si>
    <t>2007年，日本股市的走势以美国次贷危机爆发为分水岭，前后几乎走出了一个倒“V”字曲线。这一年，日本股市终结了自2002年以来的增长趋势，成为全球少有的一个全年呈负增长的市场。　　今年上半年，日经225股指大部分时间保持?</t>
  </si>
  <si>
    <t>今年美国圣诞节有点儿冷</t>
  </si>
  <si>
    <t>当地时间25日晚6时，美国弗吉尼亚州阿灵顿县的避难所门前又排起一条长队，已在此等候了1个多小时的无家可归者终于领到“救济粮票”，他们不仅晚饭有了着落，当晚也不用在寒风中露宿街头。    这群人中包括一年多以前因一场重病而失去住</t>
  </si>
  <si>
    <t>巴西股市备受投资者追捧</t>
  </si>
  <si>
    <t>作为拉丁美洲最重要的经济体，巴西今年经济运行平稳，圣保罗股市备受投资者追捧，总体涨幅居世界前列。一些国际知名投资专家预测，巴西股市仍有充足上涨空间。　　从今年年初开始，圣保罗博维斯帕股指连创历史新高。今年6月1?</t>
  </si>
  <si>
    <t>美国股市在动荡中尽显“牛”气</t>
  </si>
  <si>
    <t>今年美国股市在道琼斯指数连破13000点、14000点整数关口的过程中尽显“牛”气，但也数次遭遇道指单个交易日暴跌数百点的重创。    从年初至12月21日，纽约股市三大股指均实现不同幅度的上涨，其中纳斯达克指数涨幅最大，累计?</t>
  </si>
  <si>
    <t>“震荡”成为英国股市关键词</t>
  </si>
  <si>
    <t>英国伦敦股市2007年行情经历了与欧美其他主要证券市场类似的“一波三折”，有英国股市晴雨表之称的《金融时报》100指数今年走势可谓震荡不已。展望2008年，机构多看好大盘蓝筹股。    1月2日今年首个交易日，《金融时报》100指数?</t>
  </si>
  <si>
    <t>私募股权投资给中国带来了什么</t>
  </si>
  <si>
    <t>私募股权投资(PE)，在资本市场被称作有钱人多余的资金与聪明人多余的智慧的结合。这种投资于非上市股权，或者上市公司非公开交易股权的一种投资方式正越来越热，逐渐成为“资本市场新贵”。2006年，有40只针对中国内地的亚洲基金成功募集，当年底，共有129家中国企</t>
  </si>
  <si>
    <t>温州民企走出国门开发资源</t>
  </si>
  <si>
    <t>跨过鸭绿江开钼矿、下“南洋”挖铬矿、赴非洲和俄罗斯参与开发森林资源，浙江温州一批民营企业率先走出国门开发利用境外资源。占领国际资源“制高点”记者从温州市外经贸局了解到，今年上半年，温州市境外投资和国外经济合作营业额，分别完成全年目标的54.6.</t>
  </si>
  <si>
    <t>东航新航“婚约”添变数</t>
  </si>
  <si>
    <t>三个月前，中国国际航空公司(601111)发表公告称，“目前或未来的三个月内将不会推进”收购东方航空公司(600115)的计划。12月25日是三个月期限到期的日子。市场人士密切关注国航是否将利用自己是东航流通股第一大股东的地位，否决东航引进新加坡航空公司作为战略投资者的计划?</t>
  </si>
  <si>
    <t>沙特拟建9000亿美元主权财富基金</t>
  </si>
  <si>
    <t>本报开罗电 据海湾新闻网站最新报道，沙特阿拉伯政府计划建立一个主权财富基金，其规模可能超过9000亿美元。该基金将因此成为全球最大基金。报道说，该基金将由沙特的公共投资基金管理机构牵头创立。新基金将成为中东和亚洲其他政府拥有的投资基金的有力竞争对手。</t>
  </si>
  <si>
    <t>俄罗斯消费者认可中国玩具</t>
  </si>
  <si>
    <t>圣诞前夕，莫斯科迎来了一年一度的岁末购物高潮。记者日前在走访俄罗斯最大的玩具及礼品连锁店“儿童世界”等多家商场时发现，中国制造的玩具已成为俄罗斯市场的绝对主流，并赢得了消费者的充分认可。冬天的莫斯科街头寒气袭人，走进位于红场附近的“儿童世界”卢?</t>
  </si>
  <si>
    <t>日本中小企业展望指数大降</t>
  </si>
  <si>
    <t>本报东京电 据《日本经济新闻》网站最新消息，日本中小企业金融公库综合研究所日前发表的研究报告显示，由于预期原材料和燃料价格居高不下将危及企业经营状况，2008年日本中小企业展望指数出现大幅下降。据报道，该展望指数编制的依据，是预期经营状况改善的企业比</t>
  </si>
  <si>
    <t>越南吸引外资额创20年来新高</t>
  </si>
  <si>
    <t>本报河内电 据《越南经济时报》24日报道，越南今年吸引外来直接投资(FDI)额约达203亿美元，大大高于130亿美元的计划目标，创革新开放20年来的最高纪录。报道援引越南计划和投资部外来投资局公布的数字说，今年越南全国共向1406个外资项目颁发了投资许可证，同比增?</t>
  </si>
  <si>
    <t>“中国制造”主导美国圣诞购物旺季</t>
  </si>
  <si>
    <t>在经历了今年一系列产品质量风波后，美国普通消费者是如何看待“中国制造”的呢？在圣诞节购物旺季中，记者通过采访发现，美国消费者仍在大量购买产自中国的玩具，而“中国制造”也同往年一样，继续成为美国圣诞节购物旺季中的主角。记者日前来到纽约曼哈顿岛一家?</t>
  </si>
  <si>
    <t>巴西农牧业贸易顺差将攀新高</t>
  </si>
  <si>
    <t>本报墨西哥城电 根据此间媒体援引的巴西全国农业联合会最新预测数据，今年巴西农牧业产品进出口贸易顺差将达到创纪录的500亿美元，比2006年增长17%。根据巴西全国农业联合会的分析报告，今年巴西农牧业产品的出口额和进口额预计分别为585亿美元和85亿美元。今年以?</t>
  </si>
  <si>
    <t>美国华商打造侨资“沃尔玛”</t>
  </si>
  <si>
    <t>在连接美国首都华盛顿和纽约的95号国道旁，一座面积数十万平方米的亚洲商城正在建设中。该项目总裁、华裔商人王杰森认为，该商城将成为美国第一个亚洲商品批发市场。他说，未来商业竞争主要是终端的竞争，亚洲商城借助中国中小企业产品出</t>
  </si>
  <si>
    <t>应对卢比升值  印度纺织业求变</t>
  </si>
  <si>
    <t>近年来，“外包业务”的兴起让印度信息技术(IT)产业举世瞩目。不过，如果从解决就业的角度看，纺织这一传统行业似乎比信息技术行业更为重要。印度1.5万家大大小小的纺织与服装公司保卫着8800万人的“饭碗”，而印度本土的高科技公司才提供了区区200万个就业岗位，可以说纺织?</t>
  </si>
  <si>
    <t>我国海平面升高速率高于全球</t>
  </si>
  <si>
    <t>近百年来，特别是近50年来全球气候骤然升高，这种变化是自最后一个冰期结束至今不曾发生的。刚刚在印尼巴厘岛闭幕的《联合国气候变化框架公约》第13次缔约方大会，通过了缺少“减排指标”这一最实质项目的“巴厘岛路线图”。这意味着，一直到2012年“后京都时代”来临前，“?</t>
  </si>
  <si>
    <t>印度：守护“硅谷”路漫长</t>
  </si>
  <si>
    <t>随着印度卢比对美元持续升值，主营外包服务的印度IT企业最近陷入困境，同时暴露出印度“硅谷”不少结构性问题。近忧远虑之下，唯有转型才是印度IT产业的出路所在。增强咨询、开发新技术并加强海外收购被认为是印度IT企业的转型方向，这有利于它们减少对?</t>
  </si>
  <si>
    <t>金价走强  银条值得投资吗？</t>
  </si>
  <si>
    <t>说到今年热门的投资品种，那肯定非黄金莫属了，随着国际金价的上涨，国内金价也是节节攀升。11月13日，上海地区金饰价格实行今年第13次上调，比年初每克涨了48元，老百姓手里的黄金升值不少。但正所谓“有人欢喜有人愁”，金价越高，就意味着投资门槛越高，很多人只能望“金?</t>
  </si>
  <si>
    <t>美国新能源法案正式成为法律</t>
  </si>
  <si>
    <t>本报华盛顿电 美国总统布什19日签署了新能源法案。由于美国参众两院此前已分别通过了该法案，布什签署后的这一法案正式成为美国的法律。布什当天在能源部举行的签字仪式上说，美国面临最为严重的长期挑战是对石油的依赖性，而新法案有效应对了美国的这一弱点。它标</t>
  </si>
  <si>
    <t>欧盟拟加重处罚尾气超排汽车</t>
  </si>
  <si>
    <t>本报布鲁塞尔电 欧盟委员会19日通过有关汽车尾气排放新强制性标准的立法议案。根据这项议案，欧盟将逐步加大对尾气超排汽车的处罚。根据通过的立法议案，到2012年，欧盟的新车二氧化碳排放量应由目前的每公里160克减少至每公里120克，其中汽车制造商出厂的汽车平均</t>
  </si>
  <si>
    <t>申根区扩大：为旧大陆缔造新欧洲</t>
  </si>
  <si>
    <t>申根是卢森堡东南端一个人口不足４５０人的宁静小城，因１９８５年６月１４日的一个签字仪式而名扬天下。这一天，法国、德国、比利时、荷兰和卢森堡五国代表在申根附近摩泽尔河的一艘游船上签署了旨在消除内部边界控制的《申根协定》，从而拉开了这些国家居民自由流动的序幕?</t>
  </si>
  <si>
    <t>世界石油公司50强新榜出炉</t>
  </si>
  <si>
    <t>美国《石油情报周刊》(简称PIW)近日公布2006年度世界最大50家石油公司综合排名，中国石油天然气集团公司(以下简称“中国石油”)综合排名位居第7位。这是《石油情报周刊》连续第21年公布这一排名，该刊每年末公布上一年排名。进入排名的50家大石油公司的原油和天然?</t>
  </si>
  <si>
    <t>中石油将与雪佛龙合作开发川东北天然气</t>
  </si>
  <si>
    <t>12月18日下午，中国石油天然气集团公司与美国雪佛龙公司在北京钓鱼台国宾馆签署合同，双方将合作开发四川盆地川东北区块天然气资源。这是中国石油目前最大的陆上石油天然气对外合作项目。据中国石油天然气集团公司总经理兼中国石油天然气股份有限公司董事长、总裁?</t>
  </si>
  <si>
    <t>日本政府谨慎评价经济前景</t>
  </si>
  <si>
    <t>日本经济财政政策担当大臣大田弘子在18日提交的12月份经济报告中指出，日本经济景气仍在恢复，而在企业收益改善方面“停滞不前”。日本媒体报道分析说，由于原油等原材料价格高涨影响了制造业企业收益，中小企业人工费负担也不断增加，企业收益和雇用方面都处于停?</t>
  </si>
  <si>
    <t>欧洲央行再注巨资力挺银行系统</t>
  </si>
  <si>
    <t>欧洲央行18日再次向银行系统注资3486亿欧元，以缓解临近年底银行系统出现的流动性危机。市场信心极大提振，当天欧美股市全面上扬。3486亿欧元为银行“解渴”欧洲央行当天以不低于4.21%的利率向银行系统贷出3486亿欧元(约合5000亿美元)的两周期贷款，这笔贷款的</t>
  </si>
  <si>
    <t>世贸组织设专家组调查美国农业补贴</t>
  </si>
  <si>
    <t>应加拿大和巴西两国要求，世界贸易组织争端解决机构17日宣布成立一个专家组，以调查美国的国内农业补贴做法是否违反贸易规则。加拿大和巴西分别于今年6月份和7月份针对美国的国内农业补贴做法提起诉讼。由于与美国的磋商无果，两国于11月份相继要求世贸组织争端解?</t>
  </si>
  <si>
    <t>法国经济部长：主要货币汇率之间应搭建平衡关系</t>
  </si>
  <si>
    <t>法国经济、财政与就业部长克里斯蒂娜·拉加德17日表示，各主要国家应该努力在欧元、美元、人民币和日元等主要货币汇率之间建立一种平衡关系。拉加德在接受媒体采访时指出，应当在主要货币之间建立一种平衡，从而使欧元、美元、人民币和日元等货币之间的比价更加合?</t>
  </si>
  <si>
    <t>四家轮胎跨国公司“不厚道”南非遇挫</t>
  </si>
  <si>
    <t>多家跨国轮胎巨头在全球“围追堵截”中国产品的企图，或许会在非洲大陆遭受挫折。记者从中国橡胶工业协会获悉，包括普利斯通、固特异、邓录普、大陆轮胎在内的四家跨国轮胎巨头，提起的对南非对华轮胎反倾销案终裁结果的上诉案，迟迟没有进入正式审理阶段。截至记者发稿时为?</t>
  </si>
  <si>
    <t>《里斯本条约》助欧盟从容迎接未来挑战</t>
  </si>
  <si>
    <t>欧盟成员国领导人本月13日在葡萄牙首都里斯本签署了《里斯本条约》，标志着两年多来一直困扰欧盟的制宪危机暂时告一段落。条约的签署将对欧盟发展产生深远影响，有助于欧盟摆脱在全球化大潮中日渐苍老和保守的形象，从容迎接未来挑战。拯救欧宪条约是2007年欧盟工?</t>
  </si>
  <si>
    <t>气候变化年奏响三部曲</t>
  </si>
  <si>
    <t>2007年堪称气候变化年。在这一年中，联合国政府间气候变化专门委员会(IPCC)发布最新报告，加深了人类对于气候变化严重影响的科学认知；在这一年中，国际社会利用各种平台就气候变化问题进行了广泛讨论，举行了各种层次的国际谈判，最终促成“巴厘岛路线图”的诞生，为《京都?</t>
  </si>
  <si>
    <t>我对俄能源资源投资谨防“冲动”</t>
  </si>
  <si>
    <t>当前，我国企业正积极参与国际资源领域开发和市场竞争，大量投资项目和资金转向包括俄罗斯在内等国家的能源、资源类项目。为规避投资“冲动”下的诸多风险隐患，有专家提出，我国企业对外投资应在法律审查程序、风险监控机制等方面严密防范，保障境外投资安全。企业投?</t>
  </si>
  <si>
    <t>商业银行可代客投资英国股市</t>
  </si>
  <si>
    <t>银行系QDII投资范围正式扩大。日前，中英两国金融监管部门就商业银行代客境外理财业务做出了监管合作安排，标志着中国的商业银行可以代客投资于英国的股票市场以及经英国金融监管当局认可的公募基金。银监会表示，这是按照审慎性原则，逐步扩大商业银行代客境外投?</t>
  </si>
  <si>
    <t>我国资源型城市成国际温室气体减排“生力军”</t>
  </si>
  <si>
    <t>中国正积极采取措施应对全球气候变暖，众多资源型城市减排潜力巨大，成为全球温室气体减排的“生力军”。在欧盟，减排1吨二氧化碳的交易价格约为27欧元，而在中国，只需要10美元至12美元。中国是世界上最大的清洁发展机制项目市场和供应方。据亚洲开发银行预计，中</t>
  </si>
  <si>
    <t>南美三国签约共建“两洋走廊”</t>
  </si>
  <si>
    <t>巴西、玻利维亚和智利三国领导人16日在玻利维亚首都拉巴斯签署协议，共同投资建设贯穿南美洲东西的“两洋走廊”。根据这一协议，三国将于2009年建成一条全长约4700公里、横跨三国的洲际高速公路，从智利的太平洋港口穿越玻利维亚境内直抵巴西的大西洋港口。?</t>
  </si>
  <si>
    <t>美能源改革大幕拉开</t>
  </si>
  <si>
    <t>经过反复争论和相互妥协，美国参议院日前以压倒性多数通过了一项新能源法案。尽管新法案被迫剔除了不少雄心勃勃的环保目标，但在汽车油耗标准和推广生物燃料等替代能源方面提出了具体措施，从而拉开了美国能源改革的序幕。在油价不断高企、全球气候变化日益加剧的?</t>
  </si>
  <si>
    <t>中国企业海外承建最大电解铝项目投产</t>
  </si>
  <si>
    <t>记者从中国有色矿业集团公司获悉，经过23个月的艰苦奋战，由该集团所属的中国有色金属建设股份有限公司(简称中色股份)承建的哈萨克斯坦电解铝厂，于12月12日建成投产。哈萨克斯坦电解铝厂是哈萨克斯坦历史上第一座电解铝厂，是哈萨克斯坦最大的非石油类项目，同时?</t>
  </si>
  <si>
    <t>降低出行成本  巴黎“单车自由骑”用户激增</t>
  </si>
  <si>
    <t>今年7月15日，法国首都巴黎市政府发起自助自行车服务，“单车自由骑”活动拉开帷幕。这项活动的目的是改变巴黎人的出行方式，减轻空气污染。如今5个月过去，尽管存在一些问题，但这项活动取得的成功有目共睹。自助自行车服务鼓励人们租车用于短距离骑行。在半小?</t>
  </si>
  <si>
    <t>中新生态城:欲做中国未来城市“样板”</t>
  </si>
  <si>
    <t>中国与新加坡日前签署了两国政府关于在中国天津建设生态城的框架协议，这是继苏州工业园之后，中新两国的第二个政府间合作项目。在中国建一座区别于传统城市的全新生态城，是一个前所未有的尝试。中新生态城项目，不仅因其可能超过300亿元的投资规模受到各界关注，</t>
  </si>
  <si>
    <t>美次贷危机阴影笼罩亚太经济</t>
  </si>
  <si>
    <t>据美联社报道，太平洋经济合作理事会(PECC)13日在年度报告中指出，受美国次贷危机影响，亚太地区经济前景明年将是自1997至1998年金融危机以来“最不明朗的”。太平洋经济合作理事会的年度报告指出，过去几个月以来，美国抵押贷款违约率激增导致信用市场危机以及银?</t>
  </si>
  <si>
    <t>边界污染纠纷折射环保三大困境</t>
  </si>
  <si>
    <t>记者最近在东部沿海地区调查时发现，两省、两市(县)乃至两乡镇之间的边界地区正日益成为污染纠纷的多发处，更是容易引发群体性事件的矛盾潜伏处。近年来，各地为处理边界污染纠纷问题尽了很多努力，也经历了不少“扯皮拉筋”的烦恼，折射</t>
  </si>
  <si>
    <t>化挑战为机遇  拓展两国经贸合作</t>
  </si>
  <si>
    <t>第三次中美战略经济对话于12日开始在京举行，中国国务院副总理吴仪和美国财政部部长保尔森作为两国元首特别代表共同主持对话。双方提到，快速发展的经贸关系和中国的汇率政策仍是关注的焦点。    中美贸易互补性强    中美互为第二大贸易?</t>
  </si>
  <si>
    <t>“里斯本战略”未来三年规划聚焦四大领域</t>
  </si>
  <si>
    <t>欧盟委员会11日推出了“里斯本战略”未来三年的实施规划，重在从四大优先领域推动各成员国深化经济改革，同时加强“里斯本战略”的对外层面，在全球化竞争中积极寻求与别国市场的对等开放。这四大优先领域分别是知识和创新、商业环境改善、劳动力市场改革以及能源?</t>
  </si>
  <si>
    <t>法总统拟让更多贫困户住进廉租房</t>
  </si>
  <si>
    <t>本报巴黎电 法国总统萨科齐11日宣布，应当改变廉租房的发放规则，以帮助更多贫困家庭住进廉租房。萨科齐表示，廉租房应提供给收入不足以在市场上租到住房的人，而目前有40万套廉租房被收入已经超标的人占用，这个数目相当于政府三年修建廉租房数量的总和。但同时，</t>
  </si>
  <si>
    <t>采取宏观经济政策应对全球化挑战</t>
  </si>
  <si>
    <t>本报讯 12月12日，财政部部长谢旭人在第三次中美战略经济对话开幕式和部长闭门会议结束后举行的新闻发布会上表示，经济全球化在给世界经济发展带来更多机遇的同时，也引发了一些诸如收入分配差距扩大、一些地区经济发展不平衡等问题。因此，为应对经济全球化所带来的挑战，必</t>
  </si>
  <si>
    <t>美联储连续降息凸显美国经济趋于恶化</t>
  </si>
  <si>
    <t>美联储11日再度决定降息25个基点，将联邦基金利率(即商业银行间隔夜拆借利率)由4.50%降至4.25%。这是今年9月份以来美联储第三次降息。通过解读其例会后发布的声明，可以发现美联储目前对经济形势的判断和有关未来货币政策动向的暗示已和前一次(10月31日)有所不同。</t>
  </si>
  <si>
    <t>新一轮通胀或将席卷中东欧</t>
  </si>
  <si>
    <t>本报维也纳电 奥地利第一银行11日发表报告预计，由于国际市场食品及原油涨价，中东欧国家将结束连续几年无通胀忧虑的日子，再度迎来通货膨胀，而且通胀程度将高于西欧国家。报告指出，中东欧国家通胀的苗头几个月前已开始显露，主要表现在这些国家内原材料涨价，尤</t>
  </si>
  <si>
    <t>俄车市成长惊人  中国车企与本土企业正面交锋</t>
  </si>
  <si>
    <t>随着近年来我国汽车工业快速发展和国内市场竞争加剧，不少汽车厂商开始将目光投向俄罗斯，部分企业已大胆“涉水”，奇瑞、吉利、中兴等厂商均已在俄设立组装厂或与俄伙伴开展合作项目。业内人士认为，俄车市蕴含着难得机遇，但同时也潜藏</t>
  </si>
  <si>
    <t>虚拟礼物赠亲友  美国网络新流行</t>
  </si>
  <si>
    <t>电子贺卡代替纸质贺卡传递祝福，电子邮件取代传统书信嘘寒问暖，网上淘宝省去逛街的疲倦不堪……传统生活方式似乎正被日渐走俏的电子物品、在线交易所取代。    如今，越来越多的美国人热衷于购买电子虚拟礼物。而社会各界则对无?</t>
  </si>
  <si>
    <t>全美房地产经纪人协会预测美国楼市回稳</t>
  </si>
  <si>
    <t>本报华盛顿电 全美房地产经纪人协会10日上调今明两年旧房销售量预测，认为美国住房市场已临近恢复稳定。该协会当天发表的月度预测报告说，美国旧房销售量今年为567万套，为2002年以来最低水平；明年销售量将有所增加，增至570万套。这份报告对今明两年销售量的预测</t>
  </si>
  <si>
    <t>南方银行将推动南美经济一体化进程</t>
  </si>
  <si>
    <t>本报布宜诺斯艾利斯电 阿根廷、巴西、巴拉圭、玻利维亚、厄瓜多尔和委内瑞拉等国领导人9日在布宜诺斯艾利斯正式签署协议，宣告南方银行成立。上述各国总统当天在成立南方银行的文件上签字。此外，乌拉圭总统巴斯克斯派代表参加了签字仪式，他本人稍后将抵达阿根廷?</t>
  </si>
  <si>
    <t>美国仍不接受严格的温室气体减排目标</t>
  </si>
  <si>
    <t>本报巴厘岛电 正在印度尼西亚巴厘岛出席联合国气候变化大会的美国代表团10日称，美国拒绝有关在2020年前为发达国家设定严格温室气体减排目标的建议。参加本次大会的印度尼西亚、南非和澳大利亚代表曾起草了一份文件，提出发达国家需在2020年前将温室气体排放量在19</t>
  </si>
  <si>
    <t>金砖四国中涨幅最低  估值仍高于成熟市场</t>
  </si>
  <si>
    <t>本报讯(记者张汉青　实习生胡齐明)12月10日，中国银监会主席刘明康在北京召开的财经年会上表示，在金砖四国(巴西、俄罗斯、印度、中国)中，中国A股市场本轮牛市涨幅是最低的。他同时表示，尽管A股市场近期有所回落，但估值水平仍高于国际</t>
  </si>
  <si>
    <t>我国今年西药制剂出口将创新高</t>
  </si>
  <si>
    <t>本报讯(记者曾亮亮　实习生叶奂)中国医药保健品进出口商会(简称医保商会)、美国IMS(艾美仕)市场调研与咨询公司10日发布《2007—2008中国与世界医药市场分析报告》称，2007年1至10月，我国医药保健品进出口继续保持较快的增长势头。预计20</t>
  </si>
  <si>
    <t>中国应重视私募股权基金短期行为</t>
  </si>
  <si>
    <t>“私募股权基金在推动全球外国直接投资方面正在扮演越来越重要的角色，但其投资行为具有短期性，能够规避监管，且更容易受到金融市场波动的影响，这些特点值得发展中国家特别注意。”联合国贸发会议投资、技术和企业发展司经济事务官员梁国勇日前接受《经济参考报》记者专访?</t>
  </si>
  <si>
    <t>火暴拍场添西方动力元素</t>
  </si>
  <si>
    <t>中国拍卖市场上首个西方艺术品专场12月3日顺利落幕，由此，为火暴的中国拍卖市场带来了新的动力元素。此次西方艺术品拍卖专场，总共有24件拍品，拍卖成交12件。至此，50%的成交率造就了1408.5万元的成交总额，主办方北京华辰拍卖有限公司总经理甘学军特意用“喜出?</t>
  </si>
  <si>
    <t>全球食品普涨  高价石油是“始作俑者”？</t>
  </si>
  <si>
    <t>德国的啤酒、美国的星巴克、墨西哥的玉米饼……世界各地的食品都在涨价，光用原材料涨价似乎不足以解释，高油价看来更可能是始作俑者。    如果早餐茶叶蛋涨价，归咎于鸡饲料价格上涨看似顺理成章。然而，如此简单的逻辑却不足以解释当前全球食品普遍涨价的深层原因。$</t>
  </si>
  <si>
    <t>俄能源出口为何想让卢布唱主角</t>
  </si>
  <si>
    <t>俄天然气工业公司近日表示，正在认真考虑用卢布来结算其天然气出口；俄政府已着手建立俄罗斯石油交易所，努力为用卢布结算石油出口铺平道路。从表面上看，不再用美元结算是为了避免美元贬值造成的收入损失。但俄罗斯并没有寻找其他替代货币用以能源交易结算，而是?</t>
  </si>
  <si>
    <t>中国式营销如何应对跨国公司营销</t>
  </si>
  <si>
    <t>“令人惊叹的学习和适应能力”，这是英国《金融时报》一篇文章对中国企业的结论。事实也的确如此，三十年的实践证明，中国企业能够做到青出于蓝而胜于蓝，跨国公司上百年积累的东西，中国企业在30年的时间内就已经学得像模像样了。</t>
  </si>
  <si>
    <t>从“稳健”走向“从紧”</t>
  </si>
  <si>
    <t>5日在京闭幕的中央经济工作会议明确提出，明年要实施稳健的财政政策和从紧的货币政策。这标志着，实施十年之久的“稳健”的货币政策将被“从紧”的货币政策所取代。今年我国的货币政策经历了一次微调和一次重大调整。上半年，我国延续了自1997年亚洲金融危机以来实</t>
  </si>
  <si>
    <t>中国太阳能产业规模世界第一</t>
  </si>
  <si>
    <t>本报巴厘岛电 联合国环境规划署6日在这里举行的联合国气候变化大会上宣布，中国太阳能产业规模位居世界第一。联合国环境规划署在新闻公报中说，到2005年，中国生产太阳能相关产品的厂家已超过1000家，雇员超过15万人，总销售额达到25亿美元。太阳能产业的高速发展?</t>
  </si>
  <si>
    <t>2007年世界经济：风险在加大增长仍强劲</t>
  </si>
  <si>
    <t>由于主要新兴市场经济体继续保持强劲增长，并很大程度上抵消了美国经济增长放慢的不利影响，2007年世界经济依然保持了快速增长。但金融市场动荡和油价飙升给世界经济增长前景蒙上了阴影，使世界经济面临的风险显著增大。金融动荡波及全球经济国际货币基金组?</t>
  </si>
  <si>
    <t>人文奥运：现代奥运理念的创新</t>
  </si>
  <si>
    <t>北京申办奥运会提出了三大理念，即绿色奥运、科技奥运与人文奥运。其中，人文奥运的提法获得国内外奥运专家的广泛认可。人文奥运也成为一面旗帜，引领北京奥运乃至世界奥运的发展方向。人文作为一种文化精神的追求源于欧洲十四至十六世纪文艺复兴运动所提倡的人文?</t>
  </si>
  <si>
    <t>欧盟增值税改革迈出艰难“第一步”</t>
  </si>
  <si>
    <t>在经过长达5年的争论后，欧盟27国的财政部长4日终于就欧盟增值税改革方案达成一致。在当天通过的一揽子措施中，最引人注目的变化就是，今后对欧盟范围内的电子商务、卫星电视和网络电话等商业活动将不再由服务商所在国征税，而改由发生实际服务消费的国家征收。此举旨?</t>
  </si>
  <si>
    <t>中国成私人银行业务“新大陆”</t>
  </si>
  <si>
    <t>由中国银行业协会与美国金融学会5日在北京主办的2007年第二届中国私人银行与财富管理论坛上，与会中外银行业人士对在中国发展私人银行和财富管理业务充满希望。“中国是财富管理新大陆，目前在中国，所有的中资和外资银行都在研究这个问题。”中国银行业协会副秘书长李义奇说</t>
  </si>
  <si>
    <t>欧佩克不会寻求原油定价新机制</t>
  </si>
  <si>
    <t>石油输出国组织(欧佩克)秘书长巴德里4日在此间表示，欧佩克不会因为美元疲软而寻求一种新的原油定价机制。巴德里是在接受阿联酋通讯社采访时做出上述表示的。他说，美元汇率持续走低对于那些以美元出售原油但以其他货币进口商品的欧佩克成员国有所影响，但欧佩克不</t>
  </si>
  <si>
    <t>联合国官员称赞中国“绿色行动”方案</t>
  </si>
  <si>
    <t>《联合国气候变化框架公约》秘书处执行秘书德博埃尔5日说，中国今年宣布了《中国应对气候变化国家方案》，中国等发展中国家正以实际行动履行其在应对气候变化方面的责任。正在此间出席联合国气候变化大会的德博埃尔在接受本报记者专访时说，《中国应对气候变化国家</t>
  </si>
  <si>
    <t>欧佩克决定暂时维持现有产量不变</t>
  </si>
  <si>
    <t>石油输出国组织(欧佩克)5日在阿布扎比举行第146次部长级特别会议，决定暂时维持现有产量不变。欧佩克在会议结束后发表的一份公报中称，目前世界石油市场的供求基本面没有发生变化，市场供应充足，且商业原油和成品油库存保持较为合适的水平，因此欧佩克决定暂时维?</t>
  </si>
  <si>
    <t>南极旅游：风光与风险相伴</t>
  </si>
  <si>
    <t>加拿大“探索者”号游轮11月23日在南极海域与冰山相撞。由于救援及时，船上154人安全脱险，游轮避免重蹈“泰坦尼克号”覆辙。但美联社27日指出，这起游轮沉没事件凸显南极旅游热中潜藏着双重风险：游客人身安全和生态保护。南极旅游活动基本靠自律一位作家</t>
  </si>
  <si>
    <t>谨防定价机制向混乱的现货市场“看齐”</t>
  </si>
  <si>
    <t>虽然新一年度全球长期贸易铁矿石价格谈判“大幕”初开，但围绕铁矿石贸易整个产业链的“市场异动”，今年以来却从未止歇过。现货矿价、海运价格等等“价格指标”连创新高，几乎达到“失控”式暴涨的程度。在谈判开始前的“节骨眼”上，全球三大矿业巨头之一的澳大利亚必和必?</t>
  </si>
  <si>
    <t>中国环保企业叩开德国主板市场大门</t>
  </si>
  <si>
    <t>不久前，亚洲竹业股份公司在德意志交易所主板市场成功上市，成为继今年7月中德环保科技后，第二家在德交所主板市场上市的中国企业。专业人士认为，我国环保企业赴德上市可获资金、技术、管理经验和市场四大利好；应积极鼓励国内企业通过上市形式加强与欧洲资本、技术合作，推</t>
  </si>
  <si>
    <t>海合会国家明年将共享海湾共同市场</t>
  </si>
  <si>
    <t>海湾合作委员会(海合会)秘书长阿提亚4日在卡塔尔首都多哈宣布，海合会将从2008年1月1日起正式启动海湾共同市场。阿提亚在第28届海合会首脑会议闭幕式上宣读多哈宣言时说，共同市场的成立是为满足海湾各国人民实现拥有海湾公民身份的愿望，确保他们在海合会各成员国</t>
  </si>
  <si>
    <t>美国代表团气候变化发布会“开成”问责会</t>
  </si>
  <si>
    <t>联合国气候变化大会期间，为阐明美国在气候变化问题上的立场，美国代表团3日下午举行了新闻发布会，但记者们的提问令发布会几乎成了问责会。美国代表团负责人哈兰·沃森在发布会上首先作了一番表态。他说，美国此次与会将致力于推动制订“巴厘岛路线图”。随后他又</t>
  </si>
  <si>
    <t>欧盟对能源巨头“厂网分离”建议受阻</t>
  </si>
  <si>
    <t>作为欧盟能源市场改革计划中最具争议的一项内容，欧盟委员会日前提出要对成员国能源巨头进行拆分，但这一建议目前正面临巨大阻力。欧盟负责能源事务的委员安德里斯·皮耶巴尔格斯3日说，在当天举行的欧盟能源部长会议上，“相当数量”的成员国赞同欧盟委员会的建议，对</t>
  </si>
  <si>
    <t>美联储官员暗示下周可能降息</t>
  </si>
  <si>
    <t>美联储旧金山联邦储备银行行长珍妮特·耶伦和波士顿联邦储备银行行长埃里克·罗森格伦3日分别对美国未来经济增长表示忧虑，并暗示美联储可能于11日的会议上再度降息。耶伦在西雅图对商界首脑发表讲话时说：“自从美联储10月会议以来，金融状况继续恶化，一些经济数</t>
  </si>
  <si>
    <t>农村新能源破冰前行</t>
  </si>
  <si>
    <t>“我们把最贵的电送到了中国最贫穷的地方。”联合国开发计划署国际顾问查理·窦在日前召开的中国农村能源发展国际研讨会上，图文并茂地向与会者展示了中国农村风能、太阳能等新能源发展的方向和问题，查理·窦的发言和在场其他国内外专业人士的讨论有着一个共同的主题，那就?</t>
  </si>
  <si>
    <t>中国代表在联合国气候变化大会重申立场</t>
  </si>
  <si>
    <t>中国代表3日在联合国气候变化大会上发言时说，任何未来有关应对气候变化问题的框架设计都应遵循《联合国气候变化框架公约》确定的“共同但有区别的责任”原则。参加大会的中国代表团副团长、国家应对气候变化领导小组办公室司长苏伟说，“路就在脚下”，《联合国气</t>
  </si>
  <si>
    <t>两难困境或令欧佩克增产预期落空</t>
  </si>
  <si>
    <t>石油输出国组织(欧佩克)5日将在阿联酋首都阿布扎比召开部长级会议。同今年以往历次会议一样，欧佩克各成员国对是否增产抑价意见不一。分析人士认为，上述分歧显示出欧佩克目前面临两难困境，该组织很可能决定维持目前产量不变。有消息称，卡塔尔能源大臣阿提亚3日表示?</t>
  </si>
  <si>
    <t>美国对外资伸出橄榄枝？</t>
  </si>
  <si>
    <t>来自中东和中国等地的投资，向来是美国一些政治家最为警惕的对象，但日前阿联酋阿布扎比投资局出资75亿美元参股花旗银行，却很难得地受到了这些谨慎人士的欢迎。用美联社的话说，在对待外来投资上，纽约州参议员舒默是“说话最快、声音最响”的反对者之一，这次居?</t>
  </si>
  <si>
    <t>美国：用剩余财力赚取财产性收入</t>
  </si>
  <si>
    <t>美国个人财产性收入主要包括利息、股息等资产收益以及房屋租金收入。财产性收入是美国家庭收入的重要组成部分，所占比重仅次于薪资收入。据美国商务部最近公布的报告，今年9月份美国个人收入经季节调整按年率计算总计11.83万亿美元。其中，包括利息、股息在内的资?</t>
  </si>
  <si>
    <t>进口激增  食糖产业面临巨大风险</t>
  </si>
  <si>
    <t>我国作为重要的食糖生产国和消费国，糖料种植在农业经济中占有重要地位。随着中国一东盟自由贸易区的建立，我国蔗糖业虽然在短期内尚未受到进口糖大量涌入的影响，但从长远来看，实行“零关税”后，大而不强的中国蔗糖业将面临较大压力。专家建议，要提高我国蔗糖产业的竞争?</t>
  </si>
  <si>
    <t>法国：房屋出租“护航”财产性收入</t>
  </si>
  <si>
    <t>在法国，要想获得更多财产性收入，购买房产进行出租不失为一个良好的选择。除了能获得更多、更稳定的收益，还可通过享受税收减免和抵扣等政策获得额外好处。目前，法国家庭自有房比例不足60%。为缓解大城市住房压力，法国政府历来鼓励私人购房用于出租，而法国房屋</t>
  </si>
  <si>
    <t>价格战、微利时代和中国式营销</t>
  </si>
  <si>
    <t>在后品牌时代，消费者价格敏感度日益提升，更关注物有所值，更期待物超所值。科特勒认为，正是这种消费倾向导致了“自相残杀的价格战”、“前所未有的残酷的行业内部竞争”和全球“微利时代”的到来。当幅员辽阔的世界第一人口大国成为“世界工厂”的时候，全球新?</t>
  </si>
  <si>
    <t>发达国家应率先进行温室气体减排</t>
  </si>
  <si>
    <t>联合国开发计划署27日发布的《2007/2008人类发展报告》指出，由于全球变暖主要是发达国家历史上排放的温室气体造成的，发达国家应该率先进行温室气体减排。这份以“应对气候变化”为主题的报告指出，发达国家目前有足够的财力投资于减排技术，它们应立即实施减排，</t>
  </si>
  <si>
    <t>次贷危机拖累美国大都市经济发展</t>
  </si>
  <si>
    <t>美国市长会议27日发表报告说，波及美国多个领域的次贷危机不仅会严重打击美国房地产市场，而且将拖累美国大都市的经济发展。报告显示，受次贷危机冲击最大的是美国的大都市，其中纽约损失最大，其次是洛杉矶。预计明年前者经济损失将高达100亿美元，后者损失也将达</t>
  </si>
  <si>
    <t>彩管行业“断腕”求生</t>
  </si>
  <si>
    <t>随着显示器件技术的全面升级，昔日如日中天的彩管行业如今日趋衰退。面对严峻形势，各大彩管巨头“求变”转型，甚至直接“断腕”转行。我国最大的彩管制造企业彩虹集团日前正在启动公司成立以来最深刻的一次“战略转型”，拟用五年时间实现从国内最大彩管企业向新?</t>
  </si>
  <si>
    <t>欧盟成员国激辩转基因产品</t>
  </si>
  <si>
    <t>在26日举行的欧盟成员国农业部长会议上，是否应该为转基因产品完全敞开进口大门再次成为各方争论的焦点。德国农业部长霍斯特·泽霍费尔在会上表示，在对使用转基因产品展开评估前，欧盟应该暂停批准新的转基因产品进入欧盟市场。德国的立场得到了法国、奥地利、希腊、?</t>
  </si>
  <si>
    <t>小排量汽车亟待政策大力支持</t>
  </si>
  <si>
    <t>随着高油价时代的到来，小排量汽车的市场前景被普遍看好，然而在繁荣的汽车市场中，较为节油的这种车型却反而遭到了市场的冷遇。从正在此间举行的广州车展上传递出的信息表明，在许多国家广受青睐的小排量汽车在国内却面临着“叫好不叫座”的尴尬。业界专家认为，?</t>
  </si>
  <si>
    <t>“纸”上谈兵凸显中美贸易复杂性</t>
  </si>
  <si>
    <t>被当作美国对华“双反”制裁第一案的铜版纸诉讼官司，上周以美方的突然大转向而戏剧性结束。美国国际贸易委员会的最终裁定，使美国商务部对中国铜版纸企业的反倾销和反补贴制裁要求化为乌有，凸显出中美贸易的复杂性。铜版纸诉讼之所以引发外界普遍关注，并被视为?</t>
  </si>
  <si>
    <t>经济数据欠佳  美国圣诞购物季蒙阴影</t>
  </si>
  <si>
    <t>本月23日(今年感恩节次日)，美国拉开了圣诞购物季消费狂潮的大幕。因美国经济目前受到楼市降温和次级抵押贷款危机双重威胁，再加上高油价迫使美国家庭削减日常开支，今年圣诞购物季美国零售巨头们的实际盈利难达预期。为了吸引更多顾客、提升销售业绩，美国各大零?</t>
  </si>
  <si>
    <t>三季度国际黄金需求创新高</t>
  </si>
  <si>
    <t>本报讯 “全球市场都感受到美国次贷危机的压力，投资者为了避险而涌向黄金市场。”世界黄金协会首席执行官金伯敦日前在发布三季度黄金需求报告时表示，今年三季度，可确认的总需求量按美元计算创下新纪录，达到207亿美元，比去年同期上升了30%；按吨数计算上升幅度达到了19%?</t>
  </si>
  <si>
    <t>印度艺术品市场正经历“长痘的青春期”</t>
  </si>
  <si>
    <t>印度北方邦亚格拉城郊，泰姬陵后的一条街道上，人来人往，空气中弥漫着浓郁的汽油味和花香。在阵阵吆喝叫卖声中，拐进一条狭窄的胡同，走入一个庭院，拾级而上一段破败不堪的木楼梯。一名光着脚、披着红色沙丽的妇女打开门，她身后就是明亮、光洁的艺术画廊……这?</t>
  </si>
  <si>
    <t>四“巨手”玩转全球经济</t>
  </si>
  <si>
    <t>石油美元、亚洲国家中央银行、对冲基金和私人股权投资公司，就像四只看不见的“巨手”，正在全球资本市场上掀起惊涛骇浪。然而，他们虽然超级富有，能量巨大，却很少有人说得清他们究竟如何玩转世界经济?石油美元、亚洲国家中央银行、对冲基金和私人股权</t>
  </si>
  <si>
    <t>拉美、中东欧国家看好中国葡萄酒市场</t>
  </si>
  <si>
    <t>布置得像欧洲庄园一样的展区，摆满了各种异域的葡萄酒。浅黄色、火红色、淡绿色……种类繁多的酒水盛在形态各异的精美玻璃瓶里，记者从展区走过，就闻到了股股诱人的酒香味。由中国商务部举办的拉美和中东欧商品展览会22日至24日在京举行，来自16个国家和地区的150</t>
  </si>
  <si>
    <t>费列罗成为首例法院认定的立体商标</t>
  </si>
  <si>
    <t>本报讯 意大利知名品牌费列罗在我国申请立体商标，未获得国家商标局的批准。为此，费列罗有限公司将国家工商行政管理总局商标评审委员会诉上法庭。北京市第一中级人民法院日前一审判决，以费列罗立体商标已经具备了显著特征，商标评审委员会对其在中国的领土延伸保护申请应当</t>
  </si>
  <si>
    <t>理当对中产阶层提供住房保障</t>
  </si>
  <si>
    <t>国务院总理温家宝19日在新加坡谈到解决房地产问题时说，首先，政府的职责最重要的是要搞好廉租房，让那些买不起房或者进城打工的农民工能够租得起房、住得上房。其次，是建设经济适用房。经济适用房大多数是面向中产阶级的，他们中有许多工资也不是很高。(11月20日新华网)?</t>
  </si>
  <si>
    <t>东盟欧盟谋求更高水平合作关系</t>
  </si>
  <si>
    <t>本报新加坡电 东盟与欧盟建立对话关系30周年纪念峰会22日在新加坡发表联合宣言，双方决心在政治安全、经济贸易和应对气候变化等领域深化合作，努力将对话合作关系推向更高水平。在政治安全领域，宣言指出，支持东盟在2015年建成共同体的目标，并进一步确认《东南亚</t>
  </si>
  <si>
    <t>“新欧盟”出现技术劳动力短缺</t>
  </si>
  <si>
    <t>本报讯 据维也纳国际经济对比研究所21日发表的最新报告，欧盟10个新成员国今年的经济增长依然保持了较高的增长速度，但困扰“老欧盟”的技术劳动力短缺问题已经开始出现。根据该研究所的最新报告，“新欧盟”今年的经济增长幅度虽然较去年的6.5%略有下降，但仍高于</t>
  </si>
  <si>
    <t>中国企业收获“德国上市效应”</t>
  </si>
  <si>
    <t>在近日举行的德国秋季股本论坛上，一家来自中国的公司成为谈论焦点。这家公司便是首家在德国主板市场上市的中国企业——中德环保科技股份公司(简称中德公司)。自今年7月6日在德意志交易所上市以来，中德公司取得了一系列成果。用公司董事长陈泽峰的话说，“上市四?</t>
  </si>
  <si>
    <t>世界厕所协会在韩国召开首届会议</t>
  </si>
  <si>
    <t>本报首尔电世界厕所协会22日在韩国首都首尔召开首届会议，希望掀起全球“厕所革命”，并唤起人们重视厕所卫生的意识。世界卫生组织负责西太平洋事务的官员在会上发言时指出：“全世界每年有180万人死于因厕所卫生条件差导致的疾病，其中90%是5岁以下的儿童。”</t>
  </si>
  <si>
    <t>美新农业法案触动中国大豆“神经”</t>
  </si>
  <si>
    <t>即将出台的美国新农业法案计划在未来5年中平均每年向农业提供572亿美元补贴，高于目前每年480亿美元的水平。这会对我国农产品，尤其是国产大豆及其产业链产生极大的影响。在20日开幕的第二届“国际油脂油料大会”上，国内多家油脂企业人士做出了上述判断。2007年7?</t>
  </si>
  <si>
    <t>欧盟深化改革加强单一市场建设</t>
  </si>
  <si>
    <t>本报布鲁塞尔电欧盟委员会20日公布了一份内容详尽的改革计划，旨在深化欧盟单一市场建设。与以往侧重消除各成员国之间市场障碍不同的是，这次改革将消费者摆在了首位。根据这份改革计划，欧盟将通过一系列立法举措，赋予消费者更多权利，增进对消费者的保护，同?</t>
  </si>
  <si>
    <t>北海湾建设风生水起：“烂尾楼”盘活了</t>
  </si>
  <si>
    <t>尽管已是初冬季节，但北海市依旧暖意融融。记者近日在著名的北海银滩看到，不少游客难以拒绝诱惑扑进海里戏水。一位东北口音的游客告诉记者，他的家就在银滩附近，“十一”后就到北海过冬，打算住到次年“五一”。这位游客是北海市典型的“候鸟型”居民。他去年在?</t>
  </si>
  <si>
    <t>商务部：继续对进口甲乙酮征收反倾销税</t>
  </si>
  <si>
    <t>本报讯 21日，商务部发布2007年第81号公告，公布甲乙酮反倾销案的终裁决定，认定原产于日本、台湾地区和新加坡的进口甲乙酮存在倾销，并由此对中国内地的相关产业造成了损害。根据终裁决定，自2007年11月22日起，进口经营者在进口原产于日本、台湾地区和新加坡的甲</t>
  </si>
  <si>
    <t>海外市场暂缓美国公司销售颓势</t>
  </si>
  <si>
    <t>美元兑欧元汇率20日盘中一度跌至1.4822比1，是1999年1月欧元正式投入使用以来的最低点，而且美元对西方其他主要货币比价近来也都处于历史较低水平。分析人士称，尽管美国内需受到了住房市场持续降温和次贷危机的不利影响，但对于美国公司而言，弱势美元环境下海外营收的增加?</t>
  </si>
  <si>
    <t>女性专属服务渐增  “粉红经济”令人瞩目</t>
  </si>
  <si>
    <t>近年来，随着富有女性不断增多，一些女性专属消费领域也应运而生。Datamonitor调查公司公布的数据显示，在英国37.6万百万富豪中，46%为女性，这一数字正以每年11%的速度增加。意大利里米尼附近的134号海滩就是一片女性专属乐园。这片海滩的海岸线长80公?</t>
  </si>
  <si>
    <t>未来五年世界旅游新趋势</t>
  </si>
  <si>
    <t>本报伦敦电 12日在英国首都伦敦开幕的世界旅游交易会发布了《2007年全球旅游趋势报告》，详细预测了未来五年内世界旅游业的发展新趋势。英国：带着宠物去旅游报告说，英国约有4900万只宠物，宠物食品和护理用品的消费支出达到27亿英镑(约合54亿美元)，宠物已</t>
  </si>
  <si>
    <t>德国实施补助政策“助推”创业企业起飞</t>
  </si>
  <si>
    <t>有好的创意却缺乏足够的资金来运作，几乎是所有创业企业面临的共同问题。德国政府长期实施的一些补助政策，协助大部分创业企业成功解决了融资难问题，为他们插上了起飞的翅膀。全球范围内，所有计划创业或新创业的公司都会面临这样一种状况，即使你拥有一个非常有?</t>
  </si>
  <si>
    <t>高油价下中国应排解双重压力</t>
  </si>
  <si>
    <t>从目前发展趋势看，油价在近期将一直在高位运行，并很可能突破每桶100美元大关。这个百美元油价时代，对世界、对中国将会产生怎样的影响？油价在百元高位运行，最大赢家是石油出口国，而美国、中国、日本、印度和欧洲石油消费国将承受巨大压力，其中对中国的压力尤</t>
  </si>
  <si>
    <t>俄石油交易所“花落”圣彼得堡</t>
  </si>
  <si>
    <t>本报莫斯科电 俄罗斯政府近日正式选定在圣彼得堡建立俄罗斯石油交易所，并希望在2008年第一季度开始交易活动。为支持俄罗斯石油交易所发展，俄政府还决定在该交易所进行国家成品油采购。此前俄政府就俄罗斯石油交易所选址进行招标，全国9家交易所参与竞标，政府最?</t>
  </si>
  <si>
    <t>科威特人爱上中国家居用品</t>
  </si>
  <si>
    <t>本报科威特电 科威特商业和工业副大臣拉希德·塔巴尼18日在此间表示，现在很多科威特人都准备到中国购买包括家具在内的各种家居用品以装饰新居。拉希德在会见以中国国际贸易促进委员会副会长董松根为团长的中国企业家代表团时说，中国商品在科威特很受欢迎，特别是</t>
  </si>
  <si>
    <t>中国代表呼吁各国共同应对气候变化</t>
  </si>
  <si>
    <t>本报突尼斯电 中国外交部气候变化谈判特别代表于庆泰在突尼斯呼吁世界各国真诚合作，共同应对气候变化。于庆泰是18日在突尼斯开幕的非洲和地中海地区应对气候变化战略国际合作研讨会上发出上述呼吁的。来自非洲和地中海地区国家的相关部长、气候变化问题专家以及国</t>
  </si>
  <si>
    <t>范福春：中马期货市场已形成互补合作格局</t>
  </si>
  <si>
    <t>本报讯 “依托实体经济发展和合作，中国和马来西亚的期货市场已初步形成了品种互补、合作共促的格局。”11月19日下午，中国证监会副主席范福春在广州会见专程前来出席“第二届国际油脂油料大会”的马来西亚官员时表示。范福春指出，近年来中马两国都极为重视资本市</t>
  </si>
  <si>
    <t>欧佩克承诺提供充足原油供应</t>
  </si>
  <si>
    <t>本报利雅得电 第三届石油输出国组织(欧佩克)首脑会议18日在利雅得闭幕，各成员国领导人在会议闭幕式上通过了《利雅得宣言》，承诺将保证国际原油市场的充足供应，加强环境保护和帮助发展中国家实现可持续发展。欧佩克秘书长巴德里在闭幕式上宣读了《利雅得宣言》。</t>
  </si>
  <si>
    <t>美国房产投资者“为房所累”</t>
  </si>
  <si>
    <t>在美国房地产市场迅速膨胀时期，不少普通美国人加入了房产投资者的行列。然而，随着美国次级抵押贷款危机的爆发，众多房产投资者在房地产市场衰退的打击下哀声一片。对于中国的房产投资者来说，从美国投资者的遭遇中或许也可以吸取一些经验和教训。多年来，一些美?</t>
  </si>
  <si>
    <t>从“中国制造”到“英国义乌”</t>
  </si>
  <si>
    <t>为“中国制造”正名，在英国打造“英国义乌”，两个中国人的联合，让伯明翰出现了一个中国商品批发中心。然而，能否照搬“义乌模式”，如何获得更多利益，还是这两个先行者正在摸索的道路。全世界，特别是西方国家，近些年似乎都在说“中国制造”。目的不一，说法不同?</t>
  </si>
  <si>
    <t>次贷危机使美欧日金融机构损失巨大</t>
  </si>
  <si>
    <t>据日本媒体报道，美国、欧洲和日本的金融机构在次贷危机中损失预计超过630亿美元。甚至有观点认为，最终损失可能高达2000亿美元。共同社17日报道说，作为次贷危机的发源地，美国金融机构的损失约为450亿美元，占美欧日损失总额的大半。美国花旗集团预计损失最高达?</t>
  </si>
  <si>
    <t>日本带薪休假在理想与现实之间“徘徊”</t>
  </si>
  <si>
    <t>日本带薪休假有法可依，1998年修改的《劳动标准法》把各类人员的年度带薪休假天数规定得清清楚楚，但具体实施情况与纸面上的规定存在不小差距。《劳动标准法》规定，公务员每年可带薪休假20天，也可使用小时制计算，即以每天工作8小时为标准，共享受160个小时带薪?</t>
  </si>
  <si>
    <t>空中巨无霸给中国民航带来了什么</t>
  </si>
  <si>
    <t>人类从来不吝啬用无穷的智慧去实现飞向天空的梦想。1903年，在美国的北卡罗来纳州，自行车修理工莱特兄弟二人成功地实现了人类飞翔的渴望。100多年后的今天，空中客车公司被誉为“优雅的绿色巨人”的A380客机，已能将800多人同时平稳地送上天空做一次美妙的旅行。</t>
  </si>
  <si>
    <t>强势终端营销：公司盈利新模式</t>
  </si>
  <si>
    <t>不久前，丝宝集团与德国拜尔斯道夫公司签署合作协议，拜尔斯道夫以3.17亿欧元(折合人民币约33.7亿元)购入丝宝集团旗下丝宝日化85%的股份，并将舒蕾、美涛、风影、顺爽四大洗护发品牌收至囊中。丝宝日化让拜尔斯道夫相中的，除了四大品牌，强势终端营销模式更是外商眼中“香馍</t>
  </si>
  <si>
    <t>人才资源开发合作:中国——东盟自贸区建设“助推器”</t>
  </si>
  <si>
    <t>中国——东盟人才资源开发合作论坛日前在广西南宁举行，中国和东盟各国的政府官员、专家学者及企业代表就建立中国——东盟人才资源开发合作对话机制进行磋商。此次论坛是中国和东盟各国政府人事行政部门在“10+1”框架下的首次合作活动。中国人事科学研究院院长吴?</t>
  </si>
  <si>
    <t>楼市“泡沫”真不好救</t>
  </si>
  <si>
    <t>这些年，一些城市楼价涨得邪乎，媒体上早有“楼市泡沫”之说。最近股市火爆，“股市泡沫”之议又起。连巴菲特、罗杰斯之类的洋股神洋股仙出来说三道四了。可见兹事体大。在互联网上搜到一篇几年前发表的旧文章说，“泡沫”或“泡沫经济”一词，来源于西方经济学界(</t>
  </si>
  <si>
    <t>应尽快完善公共住房保障体系</t>
  </si>
  <si>
    <t>中国社会科学院财贸所与意大利佛罗伦萨大学日前共同主办“第八届中国宏观经济运行与政策论坛——住房与公共政策”研讨会，与会专家们认为，中国公共住房保障体系的不健全已成为近几年经济建设中的突出问题，应尽快健全和完善。专家们认为，中国公共住房保障政策缺?</t>
  </si>
  <si>
    <t>俄欧天然气管道之争再掀波澜</t>
  </si>
  <si>
    <t>俄罗斯工业和能源部长赫里斯坚科、俄罗斯天然气工业股份公司副总裁梅德韦杰夫13日在世界能源大会上再次发出呼吁，要求欧盟重新考虑修改天然气管道控制权的立法建议。一时间，俄罗斯与欧盟的天然气管道控制权之争风云再起。目前，俄罗斯天然气占欧盟天然气总供应的2</t>
  </si>
  <si>
    <t>肯尼亚股市冲高回落步入调整期</t>
  </si>
  <si>
    <t>肯尼亚股市是撒哈拉以南非洲仅次于南非和尼日利亚的第三大股票交易市场。2006年，肯尼亚股市主要股指屡创历史新高，今年以来则表现曲折，目前已进入调整期。今年1月12日，肯尼亚股市主要股指一度冲高至6161.46点，达历史最高水平，但3月份又一度跌破5000点，此后逐</t>
  </si>
  <si>
    <t>国内金银价格涨跌互现</t>
  </si>
  <si>
    <t>化妆品跨国巨头瞄准“90后”</t>
  </si>
  <si>
    <t>就在世界诸多奢侈品品牌主要占据和开发富有消费能力的成熟女性市场时，追逐时尚的“90后”一代则成了国际化妆品巨头瞄准的目标。目前，针对“90后”一代的产品成了化妆品市场的新宠。物新价低吸引“90后”近日，拥有英国C&amp;B投资背景的国际化妆品巨头诗恩碧携</t>
  </si>
  <si>
    <t>老字号也造假  日本食品遭遇信任危机</t>
  </si>
  <si>
    <t>日本农林水产省不久前说，日本糕点老字号赤福公司头一晚将糕点从冷库中提出解冻，在糕点包装上打上第二天日期作为生产日期销售，这种造假行为已持续多年。赤福公司已经被勒令无限期停业，但其造假案的涉及面越扯越大。一家与赤福有关联的公司承认，公司所产糕点约3</t>
  </si>
  <si>
    <t>美股拖累亚太股市创三个月最大跌幅</t>
  </si>
  <si>
    <t>由于市场担心美国次贷危机继续恶化，12日纽约股市全面下跌，其中道琼斯指数跌破13000点整数关口。受其影响，当日其他亚太主要股市也几乎全线暴跌，创下近三个月来最大跌幅。欧美投行次贷损失浮出水面最近一段时间以来，随着三季度财报的披露，欧美各大投行</t>
  </si>
  <si>
    <t>参与全球治理：中国能源战略的必然选择</t>
  </si>
  <si>
    <t>“中国有可能给世界带来前所未有的能源机遇，参与全球治理已成为中国能源战略的必然选择。”清华大学国情研究中心主任胡鞍钢教授说，“中国和印度的崛起，不仅改变了世界经济和贸易的格局，也改变了世界能源格局，中国和印度所面临的能源挑战也就是全球的挑战。”?</t>
  </si>
  <si>
    <t>经济界关注未来货币政策走向</t>
  </si>
  <si>
    <t>在成品油调价，物价年底可能翘尾，而同时美国降息，美元贬值的背景下，经济界人士普遍关注中国货币政策的走势。不少专家认为，货币政策正面临一个两难考验。通胀压力继续存在国家发改委、农业部等部委最新公布市场监测数据显示，10月份，占CPI三分之一的食品</t>
  </si>
  <si>
    <t>全球成长型公司共同体创始会员名单揭晓</t>
  </si>
  <si>
    <t>本报日内瓦电 世界经济论坛12日公布了其新成立的“全球成长型公司共同体”的创始会员名单，在全部142家创始会员公司中，有40%来自亚洲，其中中国公司有28家。名单显示，“全球成长型公司共同体”的创始会员既有来自美国等发达国家的公司，也有大量来自中国、印度和</t>
  </si>
  <si>
    <t>国际金价800美元上方拉锯</t>
  </si>
  <si>
    <t>国际金市多空双方对攻强烈，上周五金价盘中最高触及838.90美元/盎司，最低下探至826.70美元/盎司，收报832.40美元/盎司，涨幅0.51%。日K线图收于上影小阳线，基本收在了周五下午欧洲市场的相同点位。亚洲早盘，现货金受美元走软和油价回升激励高开，并一度冲上838.</t>
  </si>
  <si>
    <t>美国企业视中国为最优先拓展市场</t>
  </si>
  <si>
    <t>美中贸易全国委员会(US-China Business Council)最近发布的2007年度调查报告显示，中国是绝大多数美国企业的最优先拓展市场或接近最优先考虑市场之一。调查报告显示，视中国为最优先拓展市场或接近最优先考虑市场之一的美国跨国企业达到了84%，多达68%的受访者称将</t>
  </si>
  <si>
    <t>欧亚合作：以“丝绸之路”的名义走向纵深</t>
  </si>
  <si>
    <t>11月8日，由上海合作组织、联合国开发计划署、欧亚经济共同体秘书处、中国国家开发银行等联合主办的2007欧亚经济论坛在西安开幕。为期两天的论坛吸引了来自欧亚的中国、塔吉克斯坦、俄罗斯、蒙古、哈萨克斯坦、乌兹别克斯坦等国的上千名政府官员、企业家和学者，他们围绕“加</t>
  </si>
  <si>
    <t>韩国泡菜的启示</t>
  </si>
  <si>
    <t>大家都知道，韩国泡菜是在1988年首尔(汉城)奥运会上一炮打红的。就是一个小小的泡菜，这些年已经被韩国政府推广到世界上110多个国家和地区，每年收入超过70亿美元。作为奥运经济成功的经典案例，韩国农协的代表吴政润8日被请进人民大会堂，为寻觅奥运商机的上百家?</t>
  </si>
  <si>
    <t>英国科学家提醒慎用合成叶酸</t>
  </si>
  <si>
    <t>本报伦敦电 英国食品研究所的科学家提醒人们慎用合成叶酸，因为他们发现，合成叶酸不是科学界通常认为的是在人体肠道内被吸收，而是在肝脏内被吸收。合成叶酸是一种广泛存在于各种食品包括肝脏和绿叶蔬菜中的B族维生素，通常被认为是在肠道内被吸收，但英国食品研?</t>
  </si>
  <si>
    <t>欧亚金融合作前景广阔</t>
  </si>
  <si>
    <t>2005年11月，在欧亚10国领导人的见证下，一个新的国际金融区域合作组织——上海合作组织银行联合体在上合组织成员国总理会议期间于莫斯科正式成立。作为这个组织最早倡议方之一，中国国家开发银行行长陈元当选为上合组织银联体首任主席。时隔整整两年之后，在西安?</t>
  </si>
  <si>
    <t>三星手机成功进入北非中东市场</t>
  </si>
  <si>
    <t>本报开罗电 据此间媒体最新报道，北非和中东已成为韩国三星公司手机产品在全球主要市场之一。据三星公司高层预计，到2008年底，其手机产品将卖出2900万只。三星公司高级经理卢万白说，过去三星重点放在高端市场，如今则将在低端入门级市场进行扩展。他强调说，三星</t>
  </si>
  <si>
    <t>中小企业助推德国经济保持强大</t>
  </si>
  <si>
    <t>自“二战”结束以来，在政府长期鼓励政策下，中小企业在德国经济体系中发挥了支柱性作用。成功的中小企业发展战略，不仅使德国数十年稳坐世界出口冠军、保持第三大经济强国地位，还在经济社会结构改造、城市化进程中发挥了重要作用。在最近几年的《财富》世界500强</t>
  </si>
  <si>
    <t>浅谈信用卡的营销与推广</t>
  </si>
  <si>
    <t>信用卡是银行卡产业的重要组成部分，发展信用卡可以促进个人消费信贷，用银行的钱，提前满足个人消费需求，带动银行个人金融业务的增长。同时，有利于方便人民群众生活，扩大社会消费，促进社会信息化和国民经济发展。与西方发达国家相比，由于我国的消费习惯、信用制度、认?</t>
  </si>
  <si>
    <t>千年景州：谱写跨越发展新篇章</t>
  </si>
  <si>
    <t>$T景县县委书记卢援助$E　　走出一条全民经济总动员和谐发展之路    景县，古称景州，位于河北省东南部，地处环京津、环渤海地区和京、津、石家庄、济南三角经济发展中心地带。景县自秦朝置县，历史悠久，文化底蕴深厚，历史上人</t>
  </si>
  <si>
    <t>投机吹胀泡沫国际油价积聚下行风险</t>
  </si>
  <si>
    <t>受美国原油商业库存下降幅度小于预期等因素影响，7日纽约原油期货价格小幅回落，但盘中一度突破每桶98美元，距每桶100美元大关仅一步之遥。西方媒体纷纷撰文指出，国际油价飙升是泡沫现象，市场进行修正将不可避免。投机吹胀油价泡沫今年8月以来，国际油</t>
  </si>
  <si>
    <t>南非经济稳步增长股市“牛气冲天”</t>
  </si>
  <si>
    <t>非洲第一大股市——南非股市近来牛气冲天。约翰内斯堡证券交易所综合指数上个月突破了30000点大关，目前已在31000点之上。南非股市综合指数2003年年底还不到10000点，近几年来则连年增长，2004年底、2005年底和2006年底股指分别达到11871点、16875点和22374点。目?</t>
  </si>
  <si>
    <t>网游产业繁荣背后难遮隐忧</t>
  </si>
  <si>
    <t>近日，巨人网络在美国上市，融资超过10亿美元，而曾在八年内尝试五次上市的金山也终于完成了上市的夙愿。随着完美世界、金山、巨人、网龙等网游企业相继登陆海外资本市场，国内网络游戏概念股已经近十家。根据易观国际的预测，未来一年，天晴数码、久游网等几家网络游戏公司?</t>
  </si>
  <si>
    <t>美国次贷危机殃及日本出口企业</t>
  </si>
  <si>
    <t>美国次级住房抵押贷款市场危机不但对美国住房市场乃至总体经济构成了冲击，对日本以建筑和数码家电为主的出口企业产生的不利影响也开始显现。从目前来看，首当其冲的是销售量在美国市场占有很大比例的日本建筑机械和建材行业。比如，日本著名的建筑机械制造商小松?</t>
  </si>
  <si>
    <t>布什宣布促进进口食品和消费品安全措施</t>
  </si>
  <si>
    <t>本报华盛顿电 美国总统布什6日在白宫发表讲话，宣布了美国促进进口食品和消费品的安全措施。布什说，今年7月成立的进口安全特别工作小组建议，美国应将保证进口产品安全的工作重点放在阻止不安全产品抵达美国。他强调，美国将重点阻止危险产品接近美国边境，例如应</t>
  </si>
  <si>
    <t>高油价支撑尼日利亚股市</t>
  </si>
  <si>
    <t>2003年以来，国际市场原油价格持续上涨，非洲第一大产油国尼日利亚受益匪浅，该国经济得以快速增长，其股市表现引人关注。今年7月，尼日利亚股市攀至历史高位，之后连续数月向下调整。9月份最后一个交易日，尼股全指(All Share Index)报收于50229.17点，股市总市值</t>
  </si>
  <si>
    <t>借鉴RASFF完善我国食品安全预警系统</t>
  </si>
  <si>
    <t>本报讯 为期三天的欧盟食品和饲料快速预警系统(RASFF)培训研讨会6日在北京拉开帷幕。作为欧盟委员会健康与消费者保护总司“更好的培训，更安全的食品”项目的重要组成部分，该研讨会吸引了数百名来自中国各地的检验检疫部门工作人员。欧盟委员会健康与消费者保护总</t>
  </si>
  <si>
    <t>温州鞋企突破欧盟反倾销壁垒</t>
  </si>
  <si>
    <t>在经历欧盟反倾销和反规避调查等一系列“折腾”后，温州鞋企积极提升产品结构，对欧出口的鞋类产品出现量跌价升的局面。以受欧盟反倾销影响比较严重的皮面鞋出口为例，今年1月至9月温州皮面鞋欧盟出口量为1698万双，下降9.04%，出口均价为每双9.25美元，反而增长了14.43%。皮</t>
  </si>
  <si>
    <t>手机导航：抢占商业制高点</t>
  </si>
  <si>
    <t>在自驾游的过程中，卢先生自始至终用自己的GPS手机进行路线规划和实时导航，让驴友们羡慕不已。他的手机不仅能用来导航，还能通过GPS寻找周围的加油站、餐馆、ATM机等实用服务设施。在容易走错的路口，有语音提示；在道路堵塞或道路施工路段，可以绕行后重新规划路</t>
  </si>
  <si>
    <t>改变刻板形式  新元素“主旋律”电影赢了观众赢市场</t>
  </si>
  <si>
    <t>一部反映革命青年爱情悲欢的电影《云水谣》，成为了第26届中国电影金鸡奖的最大赢家，共获八项提名，并最终摘取最佳故事片、最佳导演和最佳录音等三个奖项。这部“主旋律”影片，讲述了台湾青年陈秋水告别爱人来到大陆，先后奔赴朝鲜战场和西藏，最后殉难于雪山的?</t>
  </si>
  <si>
    <t>2008春夏鞋履：自然舒适新诠释</t>
  </si>
  <si>
    <t>神闲意定的惬意、动感十足的生活热情、春天的味道、夏天的阳光、细微之处尽显高贵品质，这是对2008年春夏男女鞋流行趋势的完美演绎。日前，一场主题为“我爱意大利鞋”的鞋秀在紫禁城端门上演，意大利众多世界品牌在T台上倾情演绎意大利顶级品牌男鞋、女鞋及时装包</t>
  </si>
  <si>
    <t>我在非洲首个经贸合作区显现硕果</t>
  </si>
  <si>
    <t>本报卢萨卡电 在中非合作论坛北京峰会一周年之际，赞比亚-中国经济贸易合作区总经理陶星虎日前在卢萨卡对本报记者说，合作区建设稳步发展，前景看好。陶星虎介绍说，合作区自今年2月4日揭牌以来，合作区内公司已从8家增加到12家，投资总额从2亿美元增加到3.5亿多美</t>
  </si>
  <si>
    <t>新疆矿山旅游初露端倪</t>
  </si>
  <si>
    <t>本报乌鲁木齐电(记者李晓玲)有中国“天然地质博物馆”之称的新疆可可托海矿区，如今成为新兴的矿山旅游景点，也带动了周边一批旅游景点兴起。    可可托海地处新疆阿尔泰山脉中部，由于富集铍、锂、铌、钽、钛、锆等金属，成为我?</t>
  </si>
  <si>
    <t>进军东盟：中国电力迎来第二次大机遇</t>
  </si>
  <si>
    <t>有关人士认为，东盟各国经济复苏并逐渐驶入稳定快速的发展轨道，当前开始面临巨大的电力供应缺口，各国对电力开发和供应的需求日益旺盛，这为中国企业提供了良机。中国电力正迎来继“西电东送”之后的第二次发展机遇。伴随着第四届中国-东盟博览会，刚刚在南宁闭幕</t>
  </si>
  <si>
    <t>星巴克的召回令想说明什么</t>
  </si>
  <si>
    <t>最近一段时间，召回“中国制造”在美国似乎成了一种习惯性事件。但星巴克咖啡不久前的一则召回令，则让我看得很纳闷，也有点郁闷。星巴克要召回的是在美国和加拿大销售的25万只塑料杯，自然是中国造。这是一种中间略鼓的儿童用塑料杯，杯子一侧有个凸出的彩色小动?</t>
  </si>
  <si>
    <t>鲁宾：花旗集团“救命稻草”？</t>
  </si>
  <si>
    <t>本报讯 美国最大银行花旗集团董事长兼首席执行官查尔斯·普林斯4日辞职，临危受命的罗伯特·鲁宾能否帮助花旗渡过难关，成为金融界关注的焦点。因在次贷危机中遭受巨大损失，花旗集团盈利大幅下降，股价下跌。4日其董事会举行紧急会议后宣布，普林斯“选择退休</t>
  </si>
  <si>
    <t>布什政府气候政策遭多方质疑</t>
  </si>
  <si>
    <t>美国是世界上最大的温室气体排放国，但布什政府自上台以来，一直以损害本国经济为由拒绝批准旨在限制温室气体排放的《京都议定书》，并坚持温室气体自愿减排的政策。其不负责任的态度不仅遭到国际社会严厉批评，在本国也面临着越来越多的挑战。美国参议院环境保护?</t>
  </si>
  <si>
    <t>红木按斤论价遭爆炒  三招鉴别真伪</t>
  </si>
  <si>
    <t>“目前市场上所谓的高档红木家具，半数以上是假冒仿制品，而且价格还能炒到每斤2万元至3万元。”近日，正在广西南宁举行的中国-东盟博览会上，熟悉高档红木家具销售现状的红木商人曾嘉勋向记者道出了其中的奥妙。从海南花梨木到越南紫檀木、从缅甸鸡翅木到柬埔寨酸</t>
  </si>
  <si>
    <t>德国金融衍生品市场后来居上</t>
  </si>
  <si>
    <t>在全球金融衍生品市场上，“德国模式”正在引起越来越多的关注。作为后起之秀，德国衍生品市场在大约20年的时间里从无到有，在以英美为主导的全球金融体系中实现跨越式发展。目前，位于法兰克福的欧洲期货期权交易所(下称欧洲期交所)合约成交量已连续多年位居全球?</t>
  </si>
  <si>
    <t>涨跌要看金融、能源股脸色</t>
  </si>
  <si>
    <t>上周五，美国NYMEX12月原油期货上涨2.24美元，至95.73美元/桶。而11月1日，国内成品油出厂价格上涨500元/吨。作为亚洲最赚钱的公司，中国石油是公募基金必须配备的品种。中国石油上市可谓“天时、地利、人和”，这决定了该股上市后的定价会超预期。如果中国石油上?</t>
  </si>
  <si>
    <t>北京奥运：中国旅游业的世纪商机</t>
  </si>
  <si>
    <t>七年前，奥运选择了悉尼，澳大利亚成功的“奥运——旅游”推广实践，让这个“袋鼠王国”的旅游业提前成熟了10年，澳大利亚旅游委员会宣称，奥运会是“澳大利亚入境旅游史上最具意义的事件”。三年前，奥运回归了雅典，古老的希腊文明大放异彩，奥运不仅带动希腊旅?</t>
  </si>
  <si>
    <t>引领希腊旅游走出低谷</t>
  </si>
  <si>
    <t>2004年雅典奥运会之前，希腊旅游业曾一度陷入低谷。然而，2004年雅典奥运会的举办，不仅使雅典这座世界闻名的古城重焕生机，而且引领希腊旅游业走出了低谷，成为“奥运——旅游”推广实践的又一个样板。世界旅游组织秘书长助理李普曼说，2004年雅典奥运会给了希腊4</t>
  </si>
  <si>
    <t>让澳大利亚旅游业提前成熟了10年</t>
  </si>
  <si>
    <t>2000年悉尼奥运会因为其在“奥运——旅游”推广上的成功实践，被国际奥委会誉为“今后主办城市和国家的样本”。研究表明，奥运会加速了澳大利亚旅游业的发展并使其提前成熟了10年。澳大利亚旅游局局长白凯礼介绍说，2006年，澳大利亚创记录地吸引了550万国际游客，</t>
  </si>
  <si>
    <t>中国节能灯“两线作战”不能轻言放弃</t>
  </si>
  <si>
    <t>坚持到底就是胜利不少中国企业放弃上诉欧盟法院，主持人感到十分可惜。因为他们忘了一句老话：坚持到底就是胜利。这让人想起了数年前的另一件事——在美国对华浓缩苹果汁反倾销案中，中国企业艰苦抗争，官司从反倾销初裁打到终裁，又从终裁打到上诉到美?</t>
  </si>
  <si>
    <t>各色通信产品成2007国际通信展看点</t>
  </si>
  <si>
    <t>为期四天的2007中国国际通信设备技术展览会日前在北京落下帷幕。作为今年亚洲规模最大的信息通信展，它已经成为运营商、技术和设备供应商、系统集成商、终端制造商、互联网服务及内容提供商、媒体、分销商和广大消费者等共同分享的通信大餐，而展会中展出的一大批独具看点的?</t>
  </si>
  <si>
    <t>人民币汇率中间价破7.47</t>
  </si>
  <si>
    <t>经过短短一个交易日的小幅回落之后，人民币对美元汇率中间价10月31日破7.47关口，以7.4692创下汇改以来新高。这已是2007年以来人民币汇率中间价第66次改写新高纪录。截至10月31日的6个交易日中，人民币汇率中间价相继突破了7.5、7.49、7.48和7.47四个关口。?</t>
  </si>
  <si>
    <t>市场情绪舒缓  国际油价骤降</t>
  </si>
  <si>
    <t>墨西哥即将恢复原油产能，市场预计美国上周原油库存增加等消息缓解了市场对供求矛盾的担忧，再加上华尔街投行高盛建议投资者获利了结，10月30日国际油价大幅回落。在10月29日创出历史新高后，10月30日纽约市场12月份原油期货价格每桶大跌3.15美元，收于90.38美元，</t>
  </si>
  <si>
    <t>为“中国制造”戴上质量“紧箍咒”</t>
  </si>
  <si>
    <t>今年上半年，一些国家召回中国产品的报道频频见于媒体，国际社会对“中国制造”的质疑声不断高涨。中国政府在各种场合都表态对产品质量的高度重视。正在广西南宁召开的第四届中国-东盟博览会，也同期举行了以“强化进出口食品安全管理与合作，保护消费者权益”为主</t>
  </si>
  <si>
    <t>中国—东盟：泛北部湾上搭建“共赢平台”</t>
  </si>
  <si>
    <t>在我国西南角、地处广西境内1500多公里的海岸线上，每天往来于珠三角、港澳地区、东南亚的船只日夜进出，2006年广西沿海港吞吐量近5000万吨，其北部湾港口群已经进入全新的“快速增长期”。温家宝总理今年1月在第10次中国与东盟领导人会议上，代表中国政府提出了“</t>
  </si>
  <si>
    <t>中国与东盟初享自贸区“甜蜜果实”</t>
  </si>
  <si>
    <t>53岁的张高兴，最近显得很高兴。“广西真正从过去交通‘神经末梢’变成‘国际枢纽’，像我这样的老百姓得到的实惠更是看得见摸得着的。” 老张做运输生意已近20年，经常往返于中国和越南、新加坡、柬埔寨等东盟国家间。作为中国-东盟自由贸易区交通建设?</t>
  </si>
  <si>
    <t>开放  互利  共荣：抵御金融风暴的三根柱石</t>
  </si>
  <si>
    <t>10年前的金融风暴，在经济快速发展，各国股市、金融债券市场快速发展的今天，又在中国-东盟商务与投资峰会上成为中国与东盟国家商界巨子们高度关注的问题。记者在深入采访时发现，开放、互利、共荣成为中国与东盟国家一致抵御金融风暴的三块柱石，但构筑“金融防火墙”之路仍</t>
  </si>
  <si>
    <t>中国对世界经济增长贡献重大</t>
  </si>
  <si>
    <t>本报日内瓦电 世界贸易组织副总干事亚历杭德罗·哈拉29日表示，加入世贸组织6年来，中国非常好地履行了各方面的承诺，中国经济的迅速增长和对外贸易的不断扩大是对世界经济的重要贡献。哈拉当天在一个关于中国贸易和可持续发展的国际论坛上指出，中国履行加入世贸?</t>
  </si>
  <si>
    <t>阿拉伯国家与中国经贸合作进入新阶段</t>
  </si>
  <si>
    <t>“资金、技术、市场等多方面的互补型经贸合作模式正引领中国和阿拉伯国家的经贸合作进入新的阶段。”30日在北京举行的中国—阿拉伯联合商会第六届理事会上，阿拉伯国家农工商会总联盟主席阿德南·卡萨作如上表示。据了解，在过去的两年半时间里，石油价格的上涨以?</t>
  </si>
  <si>
    <t>中石油有望成为全球市值榜首</t>
  </si>
  <si>
    <t>在市场的翘首企盼中，“亚洲最赚钱公司”、“世界级油气企业”的中国石油天然气股份有限公司（中石油）终于宣告“回家”。10月25日，也就是在中石油网上发行的前一天，上证指数大幅下挫4.8%，跌破了5600点整数大关，多数机构对此的判断是，投资者纷纷抛售手中股票，是为26日?</t>
  </si>
  <si>
    <t>高油价催逼我国深化油价体制改革</t>
  </si>
  <si>
    <t>作为一个石油净进口国，国际油价日益攀升已给国内相关行业带来影响。一些小炼厂不堪成本负担纷纷减产停产，一些加油站打出“限量”招牌，国内成品油涨价呼声再起……一时间，国际油价高企再次掀起了国内油价体制改革的呼声。由于中东局势趋紧和美国原油库存减少，2</t>
  </si>
  <si>
    <t>华尔街推测美联储或再次降息</t>
  </si>
  <si>
    <t>当地时间10月30日至31日，美国联邦储备委员会将举行年内第七次货币政策会议。华尔街分析人士大多认为，为了避免美国楼市下滑和次贷危机蔓延造成美国经济陷入衰退，美联储可能决定再次降低联邦基金利率(即商业银行间隔夜拆借利率)，降幅至少为25个基点。作为本次货?</t>
  </si>
  <si>
    <t>为白领讨薪：美国律师挖出“金矿”</t>
  </si>
  <si>
    <t>美国内华达州的里诺有一个地方，从某种意义上来说蕴藏着一个“金矿”。那里不是赌场，也不是印钞厂，而是一家不起眼的律师事务所。这家律师事务所的主人名叫马克·R·希尔曼。近年来，希尔曼专门替白领雇员向企业讨要加班费。由于这一领域长期以来被法律界所忽视，</t>
  </si>
  <si>
    <t>德国电价越“放”越高谁之过</t>
  </si>
  <si>
    <t>德国民众本希望高涨的电价会在年初政府宣布放开能源价格后出现回落，但事实上全国电价却不降反升，最高涨幅达到了10个百分点。电价上涨谁之过？能源公司与政府各说各有理。10月15日，德国最大能源公司E.ON宣布，从明年1月1日起将电价提高7%到10%。此项决定一经宣布</t>
  </si>
  <si>
    <t>兴边富民看东宁</t>
  </si>
  <si>
    <t>金秋十月，走进黑龙江省对俄口岸东宁，眼前不禁为之一亮：来自国内外的人们在这里谈生意、谈合作，呈现出一派繁忙、喧闹的景象。东宁，一个名不见经传的边境小县，却牵头在境外乌苏里斯克市建成了全国首个在俄经贸合作区，做成了中俄两国间的大项目。近年来，东宁?</t>
  </si>
  <si>
    <t>中方反对美对橡胶磁反倾销反补贴调查</t>
  </si>
  <si>
    <t>本报讯 商务部新闻发言人24日表示，中方就美国宣布对中国橡胶磁正式发起反倾销反补贴合并调查表示坚决反对。这位发言人说，美国商务部10月12日决定对中国橡胶磁正式发起反倾销反补贴合并调查。这是美在不到一年的时间内对中国产品发起的第六起反倾销反补贴合并调查</t>
  </si>
  <si>
    <t>赛诺中怡康被收购未引起管理层足够重视</t>
  </si>
  <si>
    <t>中国家电信息咨询业的主流公司赛诺中怡康最近被德国GFK公司收购，其平静程度可以说明类似的收购没有引起管理层的足够重视。信息整合能力是以提高国家产业竞争力为目标的政府诸多产业政策中的重要政策，尤其是对大多数产业都处在追赶状态的中国产业来说意义重大。很</t>
  </si>
  <si>
    <t>“东方美声”唱响俄罗斯  中国文化“软实力”渐增</t>
  </si>
  <si>
    <t>10月的莫斯科已是深秋时节，一场淅淅沥沥的小雨更是为这座城市带来了初冬的寒意，然而位于莫斯科市中心的莫斯科国际音乐大厅琴巴尔厅却因为一位年轻的中国音乐教授的表演而沸腾。“东方美声”打动俄罗斯观众莫斯科国际音乐大厅琴巴尔厅能容纳约500名观众，10</t>
  </si>
  <si>
    <t>世界经济发展面临重大挑战</t>
  </si>
  <si>
    <t>22日结束的世界银行和国际货币基金组织年会的一个重要议题，就是讨论当前世界经济形势和如何应对世界经济面临的挑战。与会的各国金融和财政官员均认为，由美国次级住房抵押贷款危机导致的金融市场动荡，对世界经济的影响程度和范围比预期的更为严重，使世界经济面?</t>
  </si>
  <si>
    <t>瑞士山水多重天</t>
  </si>
  <si>
    <t>位于欧洲中部的瑞士一直以“湖光山色”闻名于世。连绵不绝的阿尔卑斯山脉构成其骨骼，清澈晶莹的湖泊河流连接其血脉，如梦的乡村、如画的城镇仿佛一颗颗闪亮的珍珠，串起瑞士人的骄傲与自豪。流连忘返游雪山瑞士之所以成为世界旅游观光胜地，与其拥有的众多?</t>
  </si>
  <si>
    <t>李勇就世行和IMF改革阐述我方立场</t>
  </si>
  <si>
    <t>本报华盛顿电 中国财政部副部长李勇22日在世界银行和国际货币基金组织(IMF)年会上发言，阐述中国政府在两机构自身改革等问题上的立场和主张。他说，作为全球经济体系的重要支柱，世界银行和国际货币基金组织应继续在全球减贫和促进发展事业中发挥积极作用。李勇指?</t>
  </si>
  <si>
    <t>风电电价由招标定价改为固定电价</t>
  </si>
  <si>
    <t>本报讯以招标方式明确的风电项目，可能再次出现超低电价的竞争风险。电监会近日建议，将电价政策由招标定价制度改为固定电价制度。电监会近日在其官方网站上发布了《欧洲可再生能源发展近况及其借鉴分析》(以下简称《分析》)，指出现阶段可再生能源发电政策的不?</t>
  </si>
  <si>
    <t>中国彩电力破专利费反倾销阴影</t>
  </si>
  <si>
    <t>美国ATSC自今年3月开始收取数字电视专利费的这一技术壁垒，一度在业界造成“中国将集体在美国退市”的恐慌。然而记者在正在进行的第102届广交会上采访了解到，中国彩电企业不仅没有从美国退市，反而接到了更多的美国订单，更有企业正“迎难而上”积极开拓美国市场。加上不久?</t>
  </si>
  <si>
    <t>穷国富公司  挑战品牌梦</t>
  </si>
  <si>
    <t>在全球经济链条中，发展中国家企业往往扮演来料加工、出口资源的角色。谈及专利技术、品牌效应，仍然是美国、日本和欧洲等发达地区跨国企业的天下。    然而有数据显示，早年堪称“贫穷”的发展中国家正诞生越来越多的大型企业，它们逐渐跻?</t>
  </si>
  <si>
    <t>浙江政府采购优先“国标”产品</t>
  </si>
  <si>
    <t>本报杭州电 谁掌握了标准的主导权，谁就占领了竞争和发展的制高点。这一重要意义的认识让浙江省政府日前决定大力实施标准化战略，对采用国际标准或国外先进标准的，在扶持政策上予以适当倾斜，政府采购优先“国标”产品。以前每年能出口30万美元的蘑菇去日本，去年</t>
  </si>
  <si>
    <t>美元加速下跌可能性加大</t>
  </si>
  <si>
    <t>美联储9月份减息50个基点导致美元下挫，此后欧元对美元不断创出新高，在周四的交易中再度刷新纪录高位至1.4320美元。纽约汇市周五，美元继续下挫。汇市尾盘，欧元兑1.4300美元。美元兑114.71日元。英镑兑2.0501美元。美元兑1.1677瑞士法郎。美元不仅仅对欧元表现疲</t>
  </si>
  <si>
    <t>七国集团会议聚焦三大议题</t>
  </si>
  <si>
    <t>西方七国集团(G7)财长及央行行长19日齐聚华盛顿，在出席国际货币基金组织(IMF)和世界银行年会前先行举行内部会议。近期金融市场动荡、主权财富基金大增和汇率波动问题将成为本次会议的三大焦点。一名男子(右)在法国巴黎一家货币兑换处换钱。本报资料照片 美?</t>
  </si>
  <si>
    <t>中欧“双边监控”：广交会上纺企喜忧参半</t>
  </si>
  <si>
    <t>今年年底，中国出口到欧盟的纺织品数量限制将到期，明年对欧纺织品出口将何去何从？日前，中欧就明年纺织品贸易的管理达成新协议。对此，正在参加第102届广交会的企业是喜忧参半。“双边监控”：有利缓解贸易摩擦广交会开幕后，商务部在其官方网站上公布了这</t>
  </si>
  <si>
    <t>削减温室气体排放  日本企业再获商机</t>
  </si>
  <si>
    <t>温室气体对地球气温和人类生存环境的危害以及世界各国对减少温室气体排放的重视，也为积极开发并拥有先进节能减排技术的日本企业提供更多的商机。二氧化碳是导致全球气温上升的主要元凶。国际能源机构(IEA)说，2004年，全球二氧化碳的排放量为265亿吨。该机构预测?</t>
  </si>
  <si>
    <t>看好东北,日资继续北上</t>
  </si>
  <si>
    <t>随着振兴东北老工业基地战略的不断深化和项目实施，东北地区的资源、产业和劳动力等优势不断显现，引起了东北亚有关国家的极大关注，并开始出现了外商投资“北移”和跨国资本“北上”潮流。特别是随着中日两国领导人互访、双边关系回暖、经贸更加热络等因素的推动，日资对东?</t>
  </si>
  <si>
    <t>美联储：美经济增长步伐放缓</t>
  </si>
  <si>
    <t>本报华盛顿电 美国联邦储备委员会17日发表的全国经济情况调查报告说，美国所有地区的经济在9月份和10月初均继续增长，但增长步伐比8月份有所放慢。报告说，美国的消费开支继续增长，但地区之间存在差异且增长速度减缓。制造业和服务业的增长速度也有所放慢，其中主</t>
  </si>
  <si>
    <t>铁路大提速拉动环渤海经济和谐发展</t>
  </si>
  <si>
    <t>周一早上6：35分，家住天津，在北京工作的张先生登上京津和谐号动车组列车。1小时10分钟后，他开始了在北京的工作和生活。铁路第六次大提速使北京至环渤海地区主要城市间交通更加便捷。用张先生的话说，回天津比到首都机场还方便。我国铁路第六次大面积提速实施半?</t>
  </si>
  <si>
    <t>精英聚首连云港研讨港口战略</t>
  </si>
  <si>
    <t>本报讯 由连云港港口集团与中国国际海运网联合举办的“连云港港发展战略研讨会”，日前在江苏省连云港市举行。来自国内港航界著名专家学者及政府智囊人士数十人，在此共同研讨连云港港发展战略。连云港港南联长三角，北接渤海湾，隔海东临东北亚，又通过陇海铁路西</t>
  </si>
  <si>
    <t>高油价下全球经济负重前行</t>
  </si>
  <si>
    <t>由于中东局势趋紧加剧了市场对原油供应的担忧，16日纽约商品交易所11月份交货的轻质原油期货价格每桶比前一个交易日上涨1.48美元，收于87.61美元，盘中一度触及88.20美元，分别创下历史最高收盘价和盘中价。17日，几名土耳其士兵在舍尔纳克省巡逻。15日，土耳其政?</t>
  </si>
  <si>
    <t>中欧决定对纺织品贸易实行双边监控体系</t>
  </si>
  <si>
    <t>日前，中国与欧盟达成新的纺织品贸易协议，现有的配额限制会在今年年底取消。此后双方将在2008年对纺织品实施进出口双边监控体系。届时欧盟对中国纺织品进口实行监督系统；中国对欧盟纺织品出口拟实行资格准入制度，同意让欧盟密切跟踪其出口至欧洲的纺织品。新体?</t>
  </si>
  <si>
    <t>国际采购商加紧寻找“中国制造”家电产品</t>
  </si>
  <si>
    <t>本报合肥电 “我们带来了自己的产品，本来想在中国卖出去，结果却变成了来购买产品！”印度Bhalaria公司的负责人Hitendra笑着说道。在首届中国国际家用电器博览会上，琳琅满目的中国家电展品深深地吸引了这位外国商人。在印度，Bhalaria公司主要生产厨房及酒吧用具</t>
  </si>
  <si>
    <t>全球经济增速今明两年将逐步递减</t>
  </si>
  <si>
    <t>本报华盛顿电 国际货币基金组织(IMF)17日在此间发表《世界经济展望》报告预测，2007年和2008年全球经济将分别增长5.2%和4.8%，均低于2006年的5.4%。该组织对今年经济增长率的预测与今年7月的预计相同，对明年增长率的预测则比今年7月的预测低0.4个百分点。</t>
  </si>
  <si>
    <t>保尔森：楼市低迷威胁美国经济</t>
  </si>
  <si>
    <t>本报华盛顿电 美国财政部长保尔森16日表示，房地产市场低迷是目前美国经济的最大威胁。他呼吁抵押贷款机构帮助陷入困境的购房者，并表示将改革相关制度规定。保尔森当天在乔治敦大学演讲时说，尽管美国经济基础依然强劲，但持续萎靡的房地产市场是目前美国经济的最</t>
  </si>
  <si>
    <t>中国车展经济是否存在泡沫？</t>
  </si>
  <si>
    <t>在中国汽车产业飞速发展的同时，汽车展览业也加快了步伐。据不完全统计，目前全国有大大小小近50个车展，且竞争日益激烈。与此同时，国外展览公司也对中国的车展市场“虎视眈眈”，近日，德国汉诺威参与投资的成都车展就“招揽”了多个豪华车品牌以提升档次。业内人士质疑，?</t>
  </si>
  <si>
    <t>广交会：为进口展品打开“绿色通道”</t>
  </si>
  <si>
    <t>第102届广交会开展后，广州琶洲展馆四楼的进口展区人潮涌动。众多进口展品都打出环保牌，受到了国内采购商的热情追捧。新加坡一家制作生物降解制品的参展展台前摆满一排排各种一次性餐盒，驻足商谈者络绎不绝，记者挤进人群，老板迟永庆兴奋地说，“还没开幕就已经</t>
  </si>
  <si>
    <t>WTO裁定美国尚未取消非法棉花补贴</t>
  </si>
  <si>
    <t>世界贸易组织(WTO)负责审理巴西和美国之间棉花补贴争端的专家组15日作出正式裁决，认定美国尚未取消对国内棉农实行的违反国际贸易规则的高额补贴，胜诉方巴西有权对美国采取价值数十亿美元的贸易制裁措施。据此间贸易官员说，世贸组织已向巴西和美国双方通报了专家</t>
  </si>
  <si>
    <t>全球外国直接投资连增三年</t>
  </si>
  <si>
    <t>联合国贸易和发展会议16日在北京发布《2007世界投资报告》。报告指出，全球外国直接投资(FDI)流入量连续三年增长，2006年达13060亿美元，比上年增加38%，为2000年以来增幅最高的一年。报告认为，各地区经济增长强劲、企业盈利增加、商品价格上涨、跨境并购增多以及</t>
  </si>
  <si>
    <t>2.1%：欧元区通胀率突破警戒线</t>
  </si>
  <si>
    <t>欧盟统计局16日公布的修正数据显示，受能源价格变动影响，欧元区9月份通货膨胀率达2.1%，是自2006年8月以来首次突破欧洲中央银行设定的2%警戒线。欧元区9月份的通胀率与欧盟统计局上月底公布的初步数据一致。今年8月份和去年8月份，欧元区的通胀率均为1.7%，是自20</t>
  </si>
  <si>
    <t>纽约汇市美元汇率下跌</t>
  </si>
  <si>
    <t>在七国集团将在本周晚些时候召开财长会议之际，15日纽约汇市美元对西方其他主要货币汇率下跌。七国集团财长将于19日在美国华盛顿举行会议，讨论欧元与美元的汇率等问题。尽管分析人士预测这次会议不太可能影响外汇市场，但他们同时指出，出于对美国经济前景不?</t>
  </si>
  <si>
    <t>基金和权证渐成德国投资者新宠</t>
  </si>
  <si>
    <t>相对于股票投资，一般被认为风险相对较小的基金产品以及可以对冲、避险的权证产品越来越受到德国投资者的欢迎。近年来，德国证券市场发展的一个明显特征便是在传统股票产品基础上衍生的基金产品、权证产品层出不穷，并且渐成市场投资主流。据德国联邦投资与资产管?</t>
  </si>
  <si>
    <t>天价大米：90元1公斤</t>
  </si>
  <si>
    <t>在第五届中国国际农产品交易会上，参展的日本大米以90元1公斤的“天价”引起人们的极大关注，人们争相品尝现场烹制的大米饭。究竟什么样的大米能值这么多钱，又是怎么种出来的，我们应该从中受到什么启示？记者对此进行了一番探析。“天价大米”：90元1公斤?</t>
  </si>
  <si>
    <t>美国三学者分享诺贝尔经济学奖</t>
  </si>
  <si>
    <t>瑞典皇家科学院于北京时间15日晚7时宣布，将2007年度诺贝尔经济学奖授予莱昂尼德·赫维奇、埃里克·马斯金和罗杰·迈尔森三位美国经济学家，以表彰他们在创立和发展“机制设计理论”方面的巨大贡献。瑞典皇家科学院在声明中指出，“机制设计理论”在当代经济学和政</t>
  </si>
  <si>
    <t>“德国制造”：以制度保障良好声誉</t>
  </si>
  <si>
    <t>“德国制造”在全球范围内享有极高的声誉。良好声誉的背后是严格的制度建设，从政府到企业，从法律到认证，覆盖全社会的质量管理体系是“德国制造”成功的法宝。实际上“德国制造”走过的历程并非一帆风顺。二战后，德国人被要求在产品上注明“德国制造”字样，当?</t>
  </si>
  <si>
    <t>石油美元架起海湾经济新支点</t>
  </si>
  <si>
    <t>国际原油价格近年来一路走高，海湾合作委员会(海合会)成员国收入大增。为了摆脱对石油工业的严重依赖，海湾六国将滚滚而来的石油美元投向非能源领域，以此架起新的经济支点。海湾合作委员会由沙特、阿联酋、科威特、卡塔尔、阿曼和巴林六国组成。该区域是全球重要?</t>
  </si>
  <si>
    <t>全球名牌高校放下身段抢学生</t>
  </si>
  <si>
    <t>提起全球高等教育，都知道美国是佼佼者，尤其是常春藤大学，更是从来不愁生源。然而近年来，随着欧洲高校吸收国际学生的条款越来越诱人，同时亚洲国家大力加强自身的高校建设，一场没有硝烟的生源争夺战正在全球范围内如火如荼地展开，连一些老牌名校都不得不放下?</t>
  </si>
  <si>
    <t>降低债务危机风险  英个人理财从娃娃抓起</t>
  </si>
  <si>
    <t>为鼓励参与，帮助国民从小培养理财意识，降低成年后债务危机风险，英国政府日前宣布，将拨付巨额资金，用于在小学和中学开设儿童信托基金(Child Trust Fund)理财课，教孩子们在银行开账户、编制个人预算等金融知识，使他们长大后能够更好管理这份基金。作为一项儿?</t>
  </si>
  <si>
    <t>洋浦保税港区宣告设立</t>
  </si>
  <si>
    <t>海南省人民政府11日对外宣布：洋浦保税港区已获国务院批准设立。这是中国继上海洋山保税港区、天津东疆保税港区和大连大窑湾保税港区之后，设立的第四个保税港区，也是中国在东南沿海地区设立的首个保税港区。    海南省副省长姜斯宪在接受记者采访时指出，国务院批准?</t>
  </si>
  <si>
    <t>“文化增收”撑起农牧民“钱袋子”</t>
  </si>
  <si>
    <t>藏族牧民西合道是青海黄南藏族自治州同仁县的一名热贡艺人，凭着一手绘制唐卡的技艺，他的生活发生了巨大的变化，全家年收入可达数十万元，他的唐卡作品已经被香港、台湾甚至日本的游客收藏，还有一些人不远万里来信向他定制。西合道的事例只是青海农牧民“文化增?</t>
  </si>
  <si>
    <t>全球发展中心发布“致力发展指数”</t>
  </si>
  <si>
    <t>全球发展中心10日在英国首都伦敦公布的2007年“致力发展指数”显示，美国在环保方面名列21个发达国家之末。报告指出，美国人均温室气体排放水平相当于21.7吨，位居发达国家之首；美国征收的汽油税属发达国家最低水平。并且，美国至今仍未接受《京都议定书》协议。$</t>
  </si>
  <si>
    <t>开放自主型创新创造了赶超奇迹</t>
  </si>
  <si>
    <t>今年6月以来，奇瑞接连与美国量子公司、美国克莱斯勒公司、意大利菲亚特公司等世界知名公司签订了一系列合资合作协议，使得以自主品牌、自主创新享誉国内外的奇瑞一跃而为近一时期以来我国汽车工业国际合作的主角。这一重大的角色转变，引起了外界对奇瑞今后的发展</t>
  </si>
  <si>
    <t>从“中国制造”风波看美国技术壁垒</t>
  </si>
  <si>
    <t>近来突然增多的产品不合格指控，尤其是针对“中国制造”的指控，凸显了当前国际贸易中产品质量安全问题的复杂性。基于一些国家日益抬头的贸易保护主义风潮，质量安全正成为这些国家实施贸易壁垒的新手段。    这一点从美国近期对中国大</t>
  </si>
  <si>
    <t>破欧盟技术壁垒  中国企业当自强</t>
  </si>
  <si>
    <t>欧盟国家是最先意识到国际贸易中技术性壁垒作用的。欧盟各国经济实力普遍雄厚，技术水平较高，法规较严，尤其对产品环境标准的要求往往让一般发展中国家产品望尘莫及。    继2005年生效的“关于报废电子电气设备指令”(简称WEEE)及“关于在电子电气设备中限制使用某些?</t>
  </si>
  <si>
    <t>德国技术壁垒繁杂  灵活应对为上策</t>
  </si>
  <si>
    <t>在德国，近年我国企业连续在玩具、家电、食品、医药乃至汽车等各领域遭遇技术性贸易壁垒，但只要我国企业灵活应对，技术壁垒并非难以克服。同时，从长期来看，我国企业应当着力提升产业结构，打破甚至利用技术壁垒，争取化被动为主动。    德国各类技术性贸易壁垒花样?</t>
  </si>
  <si>
    <t>美华商组建机动车进出口行业协会</t>
  </si>
  <si>
    <t>为了规范行业竞争、维护企业权益及“中国制造”的声誉，美国从事休闲运动车进口的主要华商企业9日组建美中机动车进出口行业协会，希望通过密切同行间联系和加强行业自律、集体应对市场挑战，引导和促进本行业健康发展。据介绍，这是美国华人企业界首个类似性质的行</t>
  </si>
  <si>
    <t>711亿欧元争取到荷兰银行多数股东</t>
  </si>
  <si>
    <t>由苏格兰皇家银行牵头、三家欧洲银行组成的强大财团8日宣布，其高达711亿欧元的并购要约已得到持有荷兰银行86%股份的多数股东支持，超出了并购所需的80%的最低门槛。分析人士称，此举意味着该财团在竞标荷兰银行的争夺战中已经获胜，而这桩欧洲历史上最大的银行并购案也即将?</t>
  </si>
  <si>
    <t>欧元区财长敦促七国集团维持汇率稳定</t>
  </si>
  <si>
    <t>欧元区13国财政部长8日敦促七国集团其他成员及新兴经济体维持汇率稳定，以避免目前欧元对美元和日元等主要货币持续升值的局面。    欧元区财长当天下午在卢森堡举行例会，重点讨论如何应对欧元持续升值问题，为下周即将在美国华盛顿召?</t>
  </si>
  <si>
    <t>中国落实“千年发展目标”成效显著</t>
  </si>
  <si>
    <t>联合国亚洲及太平洋经济社会委员会(亚太经社会)、开发计划署与亚洲开发银行8日在题为《千年发展目标：2007年亚太地区进展状况》的报告中说，中国在落实“千年发展目标”的多个方面走在亚太地区的最前列。报告说，中国在减少贫困人口方面取得了巨大进步。“千年发展</t>
  </si>
  <si>
    <t>南美七国拟共同出资建立南方银行</t>
  </si>
  <si>
    <t>巴西、阿根廷、玻利维亚、厄瓜多尔、巴拉圭、乌拉圭和委内瑞拉七国财政部长8日在巴西里约热内卢举行会议，就共同出资建立旨在加强地区一体化的南方银行问题达成共识。巴西财政部长曼特加在会后举行的记者会上说，如果本次会议通过的建立银行纪要很快得到各国批准，</t>
  </si>
  <si>
    <t>国内矿企开发海外资源亟待政策支持</t>
  </si>
  <si>
    <t>未来我国将面临人口增长和经济增长的双重压力，石油、富铁、铜等短缺资源的进口依存度将进一步加大。目前国内一些矿企已开展“走出去”战略，然而面对开发海外资源的各类风险，困难重重，势单力薄。在政策上，我国资源战略与西方发达国家仍存在较大的差距，国内矿企开发海外?</t>
  </si>
  <si>
    <t>非洲欧盟恐难如期达成《经济伙伴协议》</t>
  </si>
  <si>
    <t>欧盟与非洲、加勒比和太平洋地区国家之间的《经济伙伴协议》谈判迄今已进行了5年多。然而，眼下距谈判最后期限只有不到3个月的时间，非洲国家却迟迟不愿与欧盟签订协议，谈判已陷入僵局。西非国家经济共同体主席贸易谈判特别顾问阿布拉斯·韦德拉奥果日前表示，西?</t>
  </si>
  <si>
    <t>FDA：在风口浪尖上酝酿改革</t>
  </si>
  <si>
    <t>在美国，食品和药物管理局(FDA)是最主要的食品安全监管机构，负责范围涵盖约75%的食品安全问题。今年年初爆发的中国食品质量风波，不可避免地使FDA成为问题的焦点。此前，FDA就受一系列食品安全丑闻所困扰，接连曝光的美国污染菠菜、毒生菜、沙门氏菌超标食品等食品安全问题?</t>
  </si>
  <si>
    <t>海外并购遇阻激励机床业苦练内功</t>
  </si>
  <si>
    <t>中国已超越美国、日本成为全球最大的机床销售地，巨大的市场正吸引着国际机床业跨国公司开始“中国化布局”；而国内机床业近几年的迅速发展却在海外招来“麻烦”，一向还算宽容的欧盟国家，也开始加紧对中国机床业进行技术及并购的调查。“树大”开始“招风”海外合作?</t>
  </si>
  <si>
    <t>美日欧加快“粮食与能源结合战略”</t>
  </si>
  <si>
    <t>美国、日本、欧盟等世界主要经济体近两年纷纷加快推进“粮食与能源结合战略”，对各国政策导向将具有实质性的重要意义，并将改变世界粮食与能源的供应格局及价格，应引起我国政府高度重视，采取措施积极应对。尤其值得注意的是，国际能源署2007年7月初警告说，到20</t>
  </si>
  <si>
    <t>中国商人勇闯阿富汗</t>
  </si>
  <si>
    <t>阿富汗华商协会上月下旬在阿首都喀布尔举行了成立仪式，这是阿富汗历史上首次成立中国商人的自治组织。从2001年年底阿富汗战争结束至今，成百上千的中国商人先后踏上这片既蕴藏着无限商机又潜伏着巨大风险的土地。浙商老汤“2002年的一天，就在由美国发动的?</t>
  </si>
  <si>
    <t>国内银行首次投资入股美国银行</t>
  </si>
  <si>
    <t>10月8日，中国民生银行正式披露，将入股联合银行控股公司(美国)，最终可能持有联合银行控股公司20%股权，并有权派驻董事和高管人员。同时，民生银行还宣布，将入股陕西省国际信托投资股份有限公司。联合银行控股公司美国增长率水平最高的银行之一，其2006年净利润?</t>
  </si>
  <si>
    <t>德国银行业开展“银商合作”招徕客户</t>
  </si>
  <si>
    <t>面对私人客户市场日益激烈的竞争，德国银行业近年来纷纷通过“银商合作”，以拓展客户新空间。在咖啡馆喝咖啡时可开立银行账户，边喝咖啡边买卖金融产品，在超市结账台可用银行卡提取现金……这些都是近来德国银行在各大媒体上大力宣传的新业务。从今年9月开始，德</t>
  </si>
  <si>
    <t>美国解除湛江国联输美水产品扣检禁令</t>
  </si>
  <si>
    <t>记者日前从湛江检验检疫局获悉，从9月18日起，美国FDA已解除对湛江国联水产开发有限公司输美水产品的自动扣检措施。据了解，这是中国首家被美国解除扣检的企业。今年3月以来，因宠物食品出现质量问题，美国及其他一些国外媒体抓住中国个别产品的质量问题大肆恶意炒</t>
  </si>
  <si>
    <t>中药走向世界成“合法主流”仍需努力</t>
  </si>
  <si>
    <t>中药为什么在世界很多国家仍未获得合法地位正式进入市场？此话题成为参加日前在广州举行的第三届中西医结合大会各国医学界专家关注的热点。“理论固然好，但我们需要数据来证明”。美国食品药品管理局医学政策办公室主任、新药审评办公室主任罗伯特·特普在讲演上?</t>
  </si>
  <si>
    <t>中国人参企业的突围之惑</t>
  </si>
  <si>
    <t>人参产业作为吉林省农业产业的重要组成部分，多年来经历了由短缺到过剩、由高价销售到低价贱卖的曲折发展过程。来自一些人参加工和销售企业及公司的信息表明，与韩国等一些国家和地区的产品相比，长白山人参仍处于劣势，走出国门、迈向高端市?</t>
  </si>
  <si>
    <t>粮食供应紧张  欧盟暂停休耕</t>
  </si>
  <si>
    <t>本报布鲁塞尔电 正在布鲁塞尔举行的欧盟农业部长会议26日批准了欧盟委员会一项提议，决定在2007年秋季至2008年春季期间将欧盟境内土地休耕率由过去的10%降为零，以缓解欧盟粮食供应紧张局面。欧盟委员会负责农业和农村发展事务的委员玛丽安·菲舍尔·伯尔对欧盟农?</t>
  </si>
  <si>
    <t>大连：下一个班加罗尔？</t>
  </si>
  <si>
    <t>作为国家确立的首个“服务外包基地城市”，大连市软件产业近十年保持年均50%以上的增速，其刚刚提出的“利用三到五年时间，建设全球软件和服务外包新领军城市”的目标引起了多方注目。大连已成全球软件外包产业链上的重要一环美国专栏作家弗里德曼在《世界是</t>
  </si>
  <si>
    <t>中国等发展中国家积极应对气候变化</t>
  </si>
  <si>
    <t>本报华盛顿电（记者张忠霞）来自中国、墨西哥、巴西3个发展中国家的代表26日在华盛顿国家新闻俱乐部向媒体阐述了各自国家在应对气候变化方面采取的行动措施，同时呼吁美国等发达国家带头减排温室气体，并向发展中国家提供额外资金支持和?</t>
  </si>
  <si>
    <t>国际社会应更多关注发展问题</t>
  </si>
  <si>
    <t>本报纽约电 第62届联大一般性辩论26日进入第二天。许多国家的领导人在发言中指出，为实现2015年全面落实千年发展目标的政治承诺，国际社会有必要调整战略，对发展问题给予更多关注。尼日利亚总统亚拉杜瓦指出，2005年联合国首脑会议在就千年发展目标的进展情况作出</t>
  </si>
  <si>
    <t>次贷危机促德国加快步伐调整金融监管构架</t>
  </si>
  <si>
    <t>在此次由美国蔓延开来的次级抵押贷款危机中，德国银行界屡受冲击。再次浮出水面的银行业监管问题促使德国政府不得不加快脚步调整金融监管构架，将银行监管构架改革提上议事日程。在此次次贷危机中，先是德国多只大型基金出现赎回风潮而被迫冻结，此后德国工业银行?</t>
  </si>
  <si>
    <t>利空数据频发骤增美国利率再降预期</t>
  </si>
  <si>
    <t>25日公布的美国旧房销售数据、消费者信心指数等重要经济数据疲弱，加重了市场对美国经济前景的担忧。在房地产市场持续低迷、个人消费出现降温迹象的背景下，来自期货市场的数据和相关调查显示，美联储未来进一步下调基准利率的市场预期大增。房地产市场持续萎靡?</t>
  </si>
  <si>
    <t>欧洲敦促美加快减排步伐  减缓全球变暖趋势</t>
  </si>
  <si>
    <t>本报华盛顿电 德国环境部长和丹麦环境大臣25日在华盛顿表示，美国应该加快步伐，切实采取措施降低温室气体排放量，以有效减缓全球变暖趋势。德国环境部长西格马·加布里尔和丹麦环境大臣康妮·赫泽高于24日参加了在纽约联合国总部举行的气候变化高级别会议。25日，</t>
  </si>
  <si>
    <t>中国低压电器出口再遭“337调查”</t>
  </si>
  <si>
    <t>最近几天，通领科技集团掌门人——董事长陈伍胜碰上了一件麻烦事。9月18日，美国国际贸易委员会(ITC)宣布，应美国低压电器行业巨头帕西·西姆公司(Pass &amp;Seymour，Inc.，of Syracuse，NY)的申请，对接地故障断路器(Ground FaultCircuit I</t>
  </si>
  <si>
    <t>世界各国应对气候变化意愿强烈</t>
  </si>
  <si>
    <t>联合国气候变化高级别会议24日在纽约联合国总部闭幕。在为期一天的会议上，各国代表就气候变化这一全球性挑战交换了看法，表达出应对气候变化的强烈意愿。    来自150多个国家的代表出席了此次大会，其中包括80个国家的元首或政府?</t>
  </si>
  <si>
    <t>美元疲软将引发连锁反应</t>
  </si>
  <si>
    <t>近来，美元对欧元、英镑和加拿大元等西方主要货币比价均处于历史较低水平。在18日美国联邦储备委员会决定降息后，美元贬值趋势更加明显。鉴于美元目前仍是全球重要的国际储备货币，美元持续贬值再次引起各方密切关注。市场分析人士认为，近年来美国财政赤字和贸易?</t>
  </si>
  <si>
    <t>外国展览公司角逐中国车展商机</t>
  </si>
  <si>
    <t>本报成都电(记者王秀琼　苑坚)  在正在进行的第十届成都国际汽车展览会上，德国展览业巨头汉诺威展览公司表示，中国车展市场巨大，已成为该公司的投资重点之一。    “中国是我们最重要的市场之一。”德国汉诺威展览公司高级副总?</t>
  </si>
  <si>
    <t>鞍钢成功合资澳大利亚大型铁矿</t>
  </si>
  <si>
    <t>由鞍钢集团公司与澳大利亚金达必金属公司各出资50%，共同开发澳大利亚西澳洲卡拉拉铁矿的大型合资项目，日前在澳大利亚正式签约。作为中国开发海外矿产资源的重点工程，卡拉拉铁矿的签约引来国内外同行的广泛关注。然而更加值得称道的是?</t>
  </si>
  <si>
    <t>中国煤炭正从黑色变“绿色”</t>
  </si>
  <si>
    <t>让高高耸立的工业烟囱，长出绿色的枝叶，枝叶间甚至有鸟儿筑巢。这是GE(美国通用)公司在日前召开的中国(太原)国际煤炭与能源新产业博览会(简称煤炭博览会)展示的形象。“这一形象实际上喻示了中国煤炭工业发展的新方向。”国家安监总局副局长、中国煤炭工业协会会?</t>
  </si>
  <si>
    <t>WTO成员缩小多哈回合农业谈判分歧</t>
  </si>
  <si>
    <t>本报日内瓦电 世界贸易组织(WTO)农业谈判委员会主席福尔克纳21日表示，世贸组织成员就多哈回合中农业问题进行的谈判出现积极迹象，经过最近3周的谈判，成员们缩小了在一些问题上的分歧。在世贸组织当天召开的一次由全体成员参加的非正式会议上，福尔克纳对从9月3日</t>
  </si>
  <si>
    <t>开启我国民族保险业</t>
  </si>
  <si>
    <t>中华民族具有灿烂的文化，数千年前就孕育着传统保险思想。现代商业保险源于海上贸易，清朝后期，随着英美帝国主义入侵，西方的保险制度进入中国，我国现代保险制度的起源和发展已有200年历史。早期的中国运输和贸易市场主要由英美等国商行把持，保险也主要由英美商人控制。随</t>
  </si>
  <si>
    <t>从“二八定律”看人力资源管理</t>
  </si>
  <si>
    <t>20世纪70年代，美国一家企业管理咨询公司在例行的普查活动中，研究分析了美国上百家公司的经营状况和业绩。结果发现：凡是经营状况良好且业绩优秀的公司，都符合“二八定律”：公司80%左右的业绩是由20%左右的人才创造，因为这20%左右的人才集中了公司80%左右的技术和管理经?</t>
  </si>
  <si>
    <t>诚信建设：企业面临的紧迫课题</t>
  </si>
  <si>
    <t>诚信建设可提高企业自身竞争力，随着越来越多国内企业参与国际竞争，诚信建设已成为我国企业界面临的紧迫而重大的任务。近日举行的“2007诚信兴商高层论坛”上，专家表示，近年来，我国企业诚信建设与信用管理取得积极进展，但经济领域中信用缺失现象仍然突出，企业重大失信?</t>
  </si>
  <si>
    <t>欧盟推出新能源政策立法建议</t>
  </si>
  <si>
    <t>欧盟委员会19日公布了一份内容广泛的新能源政策立法建议。该建议提出了拆分能源巨头并约束外资并购等主张，以增强欧洲能源市场竞争和保障能源供应安全，使消费者受益。这是欧盟委员会推出的第三项能源政策立法建议。欧盟委员会认为，欧盟自10年前开始内部能源市场?</t>
  </si>
  <si>
    <t>丰田“征服”欧洲用50年  中国车也急不得</t>
  </si>
  <si>
    <t>到目前为止，中国汽车进入德国市场一直颇为艰难。无论是陆风、华晨的碰撞试验，还是奔驰和宝马联合指控双环的“抄袭门”事件，都被媒体炒得沸沸扬扬。日前在德国法兰克福国际车展上，中国车又成了媒体关注的焦点之一。面对媒体和民众的质疑，德国代理商显得应对自?</t>
  </si>
  <si>
    <t>微软为何“服软”</t>
  </si>
  <si>
    <t>在欧盟委员会公布了对微软的判决之后，微软方面说“这是我们前进过程中判罚最重的决议之一”。欧盟开出的罚单是4.97亿欧元。但对于财大气粗的微软来说，4.97欧元不过是其巨额财富中的“毛毛雨”。因为，仅截止到今年6月30日，他实现的利润就达到100多亿欧元。?</t>
  </si>
  <si>
    <t>贸易壁垒难挡广东玩具出口大增</t>
  </si>
  <si>
    <t>本报讯 尽管今年以来，先后经历了欧盟提高环保门槛以及美国召回风波，我国玩具生产大省广东的玩具出口仍保持较快的增长势头。据广州海关统计，今年前8个月，广东出口玩具总值达34.8亿美元，比去年同期增长26.1%，出口总值占同期我国玩具出口值的68.4%。据统计，广?</t>
  </si>
  <si>
    <t>绿色采购时机成熟  企业有大量功课做</t>
  </si>
  <si>
    <t>我国当前正处于消费升级转型的关键阶段，具有集中式消费规模大、政府示范作用明显的政府绿色采购制度时机已经成熟。国家环保总局中日友好环境保护中心主任陈燕平在中国第二届建设环境友好型社会成果展论坛上作上述表示。在越来越多的公众开始关注生活环境质量、有?</t>
  </si>
  <si>
    <t>欧盟反思：反倾销伤害了谁？</t>
  </si>
  <si>
    <t>在经历了9个月的沉寂之后，九月初开始欧盟再次对中国产品频频举起反倾销“大棒”：9月4日、5日，欧盟分别对中国产的柠檬酸和味精发起反倾销调查；在经过了15个月的复审后，欧委会又建议对中国产节能灯再征收1年的反倾销税；而正在反倾销利剑下苦苦挣扎的中国鞋企，最近又要迎</t>
  </si>
  <si>
    <t>规避衰退风险  美联储四年来首次降息</t>
  </si>
  <si>
    <t>为应对愈演愈烈的次贷危机及潜在的经济衰退威胁，美国联邦储备委员会18日召开货币政策会议，会议决定将联邦基金利率(即商业银行间隔夜拆借利率)从5.25%大幅降到4.75%。　　美联储还决定，再次将贴现率(即商业银行向联邦储备银行举?</t>
  </si>
  <si>
    <t>煤炭股开始新一轮“燃烧”</t>
  </si>
  <si>
    <t>18日，首届中国(太原)国际煤炭与能源新产业博览会最后一天，62岁的太原市民王兴匆匆赶到会场，直奔上市公司潞安环能的展台。“我是一个普通的股民，从21元持有潞安环能，直到18日中午股价最高冲到91.3元，我觉得这支股票终会突破百元大关，”在询问公司近况之余，王兴对记者?</t>
  </si>
  <si>
    <t>美国人反思“汽车轮子上的生活”</t>
  </si>
  <si>
    <t>美国首都华盛顿18日迎来了该市有史以来第一次“无车日”活动。市长和市议员在这一天带头选择地铁、公交等公共交通工具出行，鼓励广大市民尽量少开车。一度以“车轮上的国度”为荣的美国人，如今在高油价、“水桶腰”等“汽车综合征”的压力下，开始慢慢反思“汽车?</t>
  </si>
  <si>
    <t>日本央行上调利率存在三大障碍</t>
  </si>
  <si>
    <t>日本中央银行——日本银行19日在金融政策决策会议结束后宣布将银行间的无担保隔夜拆借利率维持在目前0.5%的水平不变，这也是该行自今年2月份将短期利率由0.25%上调至0.5%以来连续第七次决定维持利率不变。在去年7月解除实施了5年多的零利率政策后，日本央行一直在?</t>
  </si>
  <si>
    <t>中国汽车厂商布局中亚市场</t>
  </si>
  <si>
    <t>新疆，地处欧亚大陆的中心，对中亚的商品出口有着地利之势。随着新疆向西开放战略的推进，近年来国内外汽车厂商纷纷把新疆作为向中亚“扩张”的基地，加快谋篇布局，拉开了汽车工业进军中亚市场的阵势。中国汽车商：眼光瞄向中亚9月6日结束的乌鲁木齐国际经?</t>
  </si>
  <si>
    <t>卢浮宫珍藏展开启古希腊文化之旅</t>
  </si>
  <si>
    <t>遥望巅峰时期古希腊文明传播区域图，耳边传来悠远而缥缈的音乐，站在仿如爱琴海般的蓝色地毯上，参观者怀着崇敬之心向它们走来，一件件古希腊时期的艺术品在纯白色墙壁和灯光的映衬下熠熠生辉……初秋的北京，午后的阳光依然灼热，长安街一如往常的车水马龙，在繁华喧?</t>
  </si>
  <si>
    <t>新加坡齐抓共管筑“绿色交通”</t>
  </si>
  <si>
    <t>新加坡政府一直鼓励国民选择自行车、步行等绿色交通方式出行，并且教育有车族养成良好驾车习惯以降低油耗。通过因地制宜，多种措施齐抓共管，新加坡政府绿色交通搭起了“绿色屏障”。近年来，新加坡发展绿色交通的新亮点是推广使用环保车和参与“共用汽车计划”。?</t>
  </si>
  <si>
    <t>反垄断案败诉  微软最心疼的还不是钱</t>
  </si>
  <si>
    <t>欧洲初审法院17日维持了欧盟委员会2004年对美国微软公司作出的反垄断处罚决定。分析人士认为，此次败诉对微软而言绝非花钱消灾那么简单。表面看来，这一判决最吸引眼球的莫过于丝毫没有减少当年对微软公司处以的4.97亿欧元巨额罚款。尽管媒体用“天价”来形容这笔?</t>
  </si>
  <si>
    <t>格林斯潘再给美国经济敲警钟</t>
  </si>
  <si>
    <t>为配合回忆录《动荡时代：新世界中的冒险》顺利发售，美国联邦储备委员会前任主席格林斯潘连日来频频接受媒体专访。这位被华尔街奉为“语言大师”的重量级人物直言美国经济陷入衰退的几率正在增大，同时在其回忆录中抨击布什政府的财政政策。楼市崩盘是美国经济最大威?</t>
  </si>
  <si>
    <t>法兰克福车展高档小型车争宠</t>
  </si>
  <si>
    <t>本报法兰克福电 在第62届法兰克福国际车展上，丰田汽车公司展出的“IQ”概念车和大众公司展出的“UP！”概念车同属小型车系列，它们精巧玲珑，颇能吸引参观者的眼球。行业专家分析，由于意大利菲亚特公司不久前推出新的Fiat500小型车，而宝马公司也有意加强在这一领域的研发?</t>
  </si>
  <si>
    <t>外资减持H股透露何种“信号”</t>
  </si>
  <si>
    <t>据香港联交所披露的权益资料显示，国内最大航运企业中国远洋(1919.HK)日前再次遭遇策略股东新加坡淡马锡减持，成为近期继中国铝业(2600.HK)、中石油(0857.HK)及蒙牛乳业(2319.HK)之后又一只被外资减持股份。过去两周，被外资减持的中资股份总值接近185亿港元。多位</t>
  </si>
  <si>
    <t>美国经济衰退几率正在增加</t>
  </si>
  <si>
    <t>今年2月，美联储前主席格林斯潘一番“美国经济可能在今年年底前陷入衰退”的言论，成为全球股市陷入“黑色星期二”的重要导火索。而目前愈演愈烈的次贷危机，也使美国金融市场再度剧烈震荡，“美国经济衰退论”也再次成为经济学界一个极富争议的话题。美国全国商业</t>
  </si>
  <si>
    <t>联想并购IBM个人电脑业务已盈利</t>
  </si>
  <si>
    <t>本报神户电 “到目前为止，联想并购IBM个人电脑是成功的”。联想集团有限公司董事局主席兼总裁柳传志16日在此间举行的第九届世界华商大会上表示。第九届世界华商大会16日举行第二天会议，主要根据华商多元需求分组分专题研讨。柳传志在“华商经济圈与日本经济”的?</t>
  </si>
  <si>
    <t>微软面临欧盟初审法院反垄断裁决</t>
  </si>
  <si>
    <t>总部设在卢森堡的欧洲初审法院17日将对美国微软公司反垄断案作出初审裁决，这场欧盟历史上反垄断第一大案将被推向一个高潮。根据法院的安排，由13名欧洲初审法院法官组成的大审判庭届时将宣布其在历时3年审理后作出的判决。由于欧洲初审法院有着严格的保密规定，向</t>
  </si>
  <si>
    <t>专家：理财需要消费目标和时间观念</t>
  </si>
  <si>
    <t>针对投资理财前应做何准备这个老生常谈的问题，近日，中美大都会首席寿险规划师王占宇接受记者采访时表示：老百姓投资理财前最好有相对明确的消费计划，这个消费计划包括消费目标和消费时间。谈及消费目标，王占宇告诉记者：“经常有客户问我：我现在有50万元，该?</t>
  </si>
  <si>
    <t>从美国次级债风波看全球金融危机</t>
  </si>
  <si>
    <t>○全球金融危机表面上是一个货币市场供需失衡现象，但其背后是金融资本无限的逐利行为在时间上和空间上不能继起所造成的○全球金融市场信贷体系的过度扩张是一把双刃剑，它在带来资本市场高度繁荣的同时也不断孕育着危机发生的可能性○以金融资本全球扩?</t>
  </si>
  <si>
    <t>从第一张保单到世界保险业的兴起</t>
  </si>
  <si>
    <t>保险原始形态的产生可以追溯到公元前4500多年的古埃及，14世纪意大利出现了第一张现代保险单，随后保险业开始蓬勃发展，保险产品的种类也由最初的海上保险到后来的火灾保险、人寿保险、责任保险等等，保险机构由人们自发组织的合作机构到商业机构再到专业化的保险公司，承保?</t>
  </si>
  <si>
    <t>欧盟筑高环保门槛  中国企业障碍重重</t>
  </si>
  <si>
    <t>近来，广东省中山市小榄镇一家民营灯具厂老板余良胜有些郁闷，去年刚刚打开的出口销路，眼看着又要面临更高的出口门槛了，如果要保住市场份额，就要实施技术升级开发新一代节能降耗产品，为此企业又要多投入几百万元的生产成本。让余老板犯难的就是，欧盟于今年8月</t>
  </si>
  <si>
    <t>地产商圈钱圈地  “地王”频出谁与争“疯”</t>
  </si>
  <si>
    <t>今年以来上市房地产公司通过增发、配股等方式，已合计融资超过1100亿元。自沪深股市成立以来，还没有哪个行业像房地产这样，如此短时间内融得如此多资金。专家提醒，随着地产股股价高企、地产商上市融资节奏加快，房地产市场的系统性风险正在向股市转移“上海地王?</t>
  </si>
  <si>
    <t>华尔街人士推测美联储下周降息</t>
  </si>
  <si>
    <t>美国联邦储备委员会将于当地时间9月18日召开年内第六次货币政策会议。华尔街人士普遍推测，在这次会议上，美联储可能将商业银行间隔夜拆借利率至少下调25个基点。如推测成为事实，这将是美联储自2003年6月以来首次宣布降息。美联储降息“箭在弦上”目前，华?</t>
  </si>
  <si>
    <t>设计缺陷是玩具被召回最主要原因</t>
  </si>
  <si>
    <t>本报华盛顿电 美国《华盛顿邮报》１２日发表文章指出，因一系列玩具被召回事件的发生，加强对外国玩具产品安全的审查成了美国有关方面关注的焦点，但更值得关注的产品设计缺陷问题却没有受到足够的重视。事实上，大量产品被召回是设计缺陷所致。报道说，在有关方面</t>
  </si>
  <si>
    <t>全球向中国资本和企业频频抛出“橄榄枝”</t>
  </si>
  <si>
    <t>“我们欢迎中国企业到苏丹投资！”苏丹能源和矿产部长阿瓦德·艾哈迈德·贾兹博士告诉记者。从“引进来”到“走出去”，中国正逐渐成为受世界欢迎的投资力量之一。于厦门举行的第十一届中国国际投资贸易洽谈会透露的种种信息显示，在中国积极寻找外商投?</t>
  </si>
  <si>
    <t>世行：中国宏观经济前景继续看好</t>
  </si>
  <si>
    <t>9月12日，世界银行发布的最新《中国经济季报》指出，对中国的宏观经济前景继续看好，预计中国2007年GDP增长率为11.3%，2008年则为10.8%；近期由美国次贷问题引发的金融市场动荡对中国经济的直接影响有限。报告同时强调，中国通货膨胀上升的风险有所增加，抑制贸易?</t>
  </si>
  <si>
    <t>印度:注重保护投资者利益</t>
  </si>
  <si>
    <t>在监管思路的设计中，印度重点放在保护投资者的利益上。印度证交会一方面加强对投资者的风险教育，一方面还定期与投资者进行沟通协商，并且建立了投资者保护基金，可以给因上市公司或券商违规而蒙受损失的投资者以最低限度的补偿。印度孟买证券交易所号称世界最古?</t>
  </si>
  <si>
    <t>德国：三层构架实施监管</t>
  </si>
  <si>
    <t>在德国，直接负责对证券市场进行监管的机构是2002年成立的联邦金融监管局。由于德国实行金融混业经营制度，联邦金融监管局实际上从总体上负责对银行、保险公司、证券市场以及政府资产进行监管。除联邦金融监管局外，各州也都设有各自的监管机构，加上在证券交易所内设置的监?</t>
  </si>
  <si>
    <t>美国：严厉监管违者必究</t>
  </si>
  <si>
    <t>从1929年美国股市崩盘至今，美国证券市场发展经历多次波折，政府和行业监管也在市场起落中逐步成熟和完善。从立法到执法，美国证券市场监管无不贯穿这样一个原则：对违法行为绝不姑息。美国对证券市场的监管可以追溯到1929年的经济危机。在此之前，美国政府奉行的?</t>
  </si>
  <si>
    <t>欧佩克象征性增产难抑油价继续攀升</t>
  </si>
  <si>
    <t>石油输出国组织(欧佩克)11日在奥地利首都维也纳举行部长级会议决定，从今年11月1日起该组织将增加原油日产量。但出乎意料的是，当天国际市场油价不仅没有走低，反而继续上涨，其中纽约市场油价再创历史最高收盘价。欧佩克的决定显示，除尼日利亚和伊拉克外，其余10</t>
  </si>
  <si>
    <t>金融期货之父剖析次贷危机根源</t>
  </si>
  <si>
    <t>本报芝加哥电 芝加哥商业交易所名誉主席、有“金融期货之父”之称的梅拉梅德近日在接受本报记者采访时指出，美国次级贷危机的根源在于信息不透明和政府监管缺位。梅拉梅德认为，次级贷危机爆发的根本原因有二。首先是次级房贷债券在发行过程中信息不够透明。当次级</t>
  </si>
  <si>
    <t>中国能够容得下多少辆汽车？</t>
  </si>
  <si>
    <t>国外有媒体最近报道，到2010年中国汽车产量将超过美国和日本，成为世界最大的汽车生产国。而届时中国的汽车保有量将超过7000万辆。由此产生一个问题，中国的土地上，到底能容纳多少辆汽车？有专家认为，根据中国的道路情况和能源供应能力，中国汽车保有量的极限是1</t>
  </si>
  <si>
    <t>中国公司积极开拓土耳其铁路市场</t>
  </si>
  <si>
    <t>两年前，中国铁道建筑总公司、中国机械进出口总公司与土耳其当地合作伙伴联合中标安卡拉至伊斯坦布尔高速铁路二期项目工程，路段全长157公里，项目总金额约12.7亿美元。今年7月，中国进出口银行又与土耳其签署安卡拉至伊斯坦布尔高速铁路项目贷款协议，贷款总金额为7.2亿美元</t>
  </si>
  <si>
    <t>中美经贸问题应通过磋商对话解决</t>
  </si>
  <si>
    <t>本报纽约电 中国驻美国大使周文重10日表示，虽然中美经贸关系中存在不少问题，但这些问题是完全可以在平等基础上通过磋商与对话方式解决的。 周文重当天在出席纳斯达克股市开市仪式后对在场的记者说，中国政府高度重视包括产品质量和食品安全在内的中美经贸关系中?</t>
  </si>
  <si>
    <t>温州民企打赢“中美知识产权第一案”</t>
  </si>
  <si>
    <t>今年7月份，美国新墨西哥州联邦分区法院对美国莱伏顿(Leviton)公司起诉中国温州通领科技集团(以下简称通领科技)侵犯其美国专利案作出判决，判定通领科技制造销往美国的GFCI产品(漏电保护装置)，不侵犯莱伏顿公司的美国专利，通领科技等被告依法胜诉。这是美国法院下达的第一?</t>
  </si>
  <si>
    <t>达沃斯让中国与世界沟通</t>
  </si>
  <si>
    <t>成立了30多年的世界经济论坛，9月6日首次走出瑞士的达沃斯，来到中国大连，举办了夏季达沃斯年会——“世界经济论坛首届新领军者年会”。跨国公司的CEO们、各国政要、专家学者和媒体记者们来到中国，带来了他们新的思考和关注，他们也将获得对中国新的感知。在中国快速发展的</t>
  </si>
  <si>
    <t>中国欧盟贸易在“不平静”中前行</t>
  </si>
  <si>
    <t>从2005年的纺织品贸易争端到2006年的皮鞋反倾销案，中国与欧盟近些年来的贸易关系似乎总在“不平静”中前行。一方面是双边贸易额的迅速扩大，另一方面却是中国出口产品屡屡在欧盟遭遇限制，但每次双方都能化干戈为玉帛，避免了“贸易战”的发生。对此，专门从事欧?</t>
  </si>
  <si>
    <t>新能源成私募股权基金关注重点</t>
  </si>
  <si>
    <t>目前，私募股权投资正在全球范围内快速发展，亚洲地区尤其是中国已成为国际私募股权投资的重点区域。记者从在厦门举行的第十一届中国投洽会上获悉，中国可再生新能源领域尚处起步阶段，发展潜力巨大，正逐渐进入私募股权基金的关注视野。将出现中国可再生能源板块?</t>
  </si>
  <si>
    <t>把银行开成“麦当劳”</t>
  </si>
  <si>
    <t>让银行像麦当劳一样遍布街头巷尾，可能吗？加拿大银行家阿卡迪·库尔曼用实际案例告诉人们，低成本和简化服务的网上银行，能够省钱地让客户不仅速度快，而且收益高地理财。加拿大银行家阿卡迪·库尔曼以标新立异著称。他认为银行向客户收取费用甚为荒唐；他坚持客服?</t>
  </si>
  <si>
    <t>海尔在欧洲大力贯彻“本地化”战略</t>
  </si>
  <si>
    <t>不久前在柏林举行的国际消费电子展上，中国海尔集团在25号厅中心位置的硕大展台占地达350平方米，酒红色的“Haier”标志相当显眼。海尔欧洲地区两位主要负责人——海尔欧洲贸易公司主管马春雨和德国分公司总经理孙书宝近日接受了本报记者的专访。据马春雨介绍，本?</t>
  </si>
  <si>
    <t>美国反垄断法保障消费者从竞争中受益</t>
  </si>
  <si>
    <t>8月底，英国航空公司和大韩航空公司因操纵价格分别被罚3亿美元，成为1999年以来美国罚款金额最大的两起反价格操纵案例。美国司法部官员随即表示，这一判决表明，阻止消费者从竞争中受益的行为将受到严惩。美国的反垄断法由三部法律组成，分别是1890年颁布的《谢尔?</t>
  </si>
  <si>
    <t>矿泉水企业：酒香也怕巷深</t>
  </si>
  <si>
    <t>近年来，我国瓶装水产业发展很快，其中矿泉水市场表现尤为突出，据中国食品产业网预测，到2010年我国矿泉水产量将超过300万吨。长白山地区拥有可以与欧洲阿尔卑斯山和俄罗斯高加索山媲美的矿泉水源地。利用这一优势，长白山一批矿泉水企业，在政府扶持下发展十分抢眼。然而，</t>
  </si>
  <si>
    <t>从美国两只对冲基金崩盘看我国投资基金热</t>
  </si>
  <si>
    <t>贝尔斯登资产管理公司旗下两家对冲基金近日破产，这提出了两个很少有人能够回答的问题：它们怎么在如此短的时间里损失这么多钱？哪些其它领域还隐藏着类似的问题？这些没有答案的问题表明，市场为什么会突然变得如此波动。首先，外界广泛报道，贝尔斯登旗下的对冲?</t>
  </si>
  <si>
    <t>欧盟经济有能力克服次贷危机影响</t>
  </si>
  <si>
    <t>本报布鲁塞尔电 欧盟委员会负责经济和货币事务的委员华金·阿尔穆尼亚5日表示，在过去几周里，欧盟经济虽然遭受美国次贷危机的波及，但其基本面依然稳固，欧盟经济有能力克服次贷危机的影响。阿尔穆尼亚当天在法国斯特拉斯堡出席欧洲议会全会时说，这场危机无疑将?</t>
  </si>
  <si>
    <t>今年世界经济增速略微放缓</t>
  </si>
  <si>
    <t>本报日内瓦电 联合国贸易和发展会议5日发布的年度贸易和发展报告预测，2007年世界经济将增长3.4%，是连续第五年增长。不过，这个增长率还是略低于去年的4%，主要原因将是美国经济增长下滑。报告说，2007年世界经济增长最快的地区仍将是东亚和南亚，其中中国和印度?</t>
  </si>
  <si>
    <t>企业文化：灌输下的偏离</t>
  </si>
  <si>
    <t>在西方企业界，“企业文化”这个词几乎鲜为人知。因为商业意义上的企业文化作为一种商业文明，在全社会也包括企业界已经渗透得很深很深了，因此，今天我们研究“企业文化”正是为了明日淡化乃至消失“企业文化”的提法。不久前，有一家公司请专家学者观摩自己的企?</t>
  </si>
  <si>
    <t>欧盟反垄断频出重拳</t>
  </si>
  <si>
    <t>从美国微软公司遭遇欧盟反垄断重罚，到维他命卡特尔(Cartel)、啤酒卡特尔和电梯卡特尔的纷纷“落马”，欧盟近年来严惩企业垄断行为以维护市场竞争和消费者权益。频频开出巨额罚单一提起欧盟和反垄断这两个关键词，人们总会联想起微软公司。这位全球软件业巨头200</t>
  </si>
  <si>
    <t>全球并购额跌入两年来低谷</t>
  </si>
  <si>
    <t>汤姆森金融数据公司最新公布的数据显示，8月份全球并购交易额跌至2005年7月以来最低，仅为1786亿美元，比去年同期下降32%。在当月的单笔交易中，交易额超过50亿美元的独此一份——德国汉高公司并购荷兰阿克苏诺贝尔子公司，这在2004年9月以来还是首次出现。分析人士称，美国?</t>
  </si>
  <si>
    <t>应对气候变化：“减排减贫”一个都不能少</t>
  </si>
  <si>
    <t>本报悉尼电 亚太经合组织(APEC)澳大利亚研究中心5日发表一份研究报告建言说，在应对气候变化方面应采用“多轨”方式，既要为亚太经合组织各成员“定制”有针对性的减排战略，又要保障经济发展和减贫努力。在亚太经合组织领导人非正式会议讨论气候变化等一系列重要?</t>
  </si>
  <si>
    <t>原生态旅游显魅力</t>
  </si>
  <si>
    <t>今年夏季，首届中国贵州凯里原生态民族文化艺术节开幕时，联合国世界旅游组织秘书长弗朗西斯科·弗朗加利先生在发来的贺信中对黔东南乡村民族风情和文化寄予厚望：在现代化潮流的冲击下本色不改，继续保留其闻名中外的原生态和质朴的文化。正如弗朗加利先生所言，?</t>
  </si>
  <si>
    <t>奥运之城的嬗变</t>
  </si>
  <si>
    <t>现在距离北京奥运会举行还有不到一年的时间，而奥运年轻的脉动已经为北京这座千年古都输入新的生机和活力。北京市发展和改革委员会副主任卢映川说，2002至2006年，是北京市改革开放以来发展成效最好的时期之一。这一时期，北京市初步形成了低消耗、低排放的增长模?</t>
  </si>
  <si>
    <t>纺机进口“大涨潮”暗藏摩擦风险</t>
  </si>
  <si>
    <t>今年以来，江苏舜天集团下属纺织企业进口机械大量增加。江苏舜天集团副总裁白金良告诉记者：“集团下面的一家小企业，今年就进口纺织机械30多台，共计2000多万美元，比去年同期增长三成多。”其实，随着中欧纺织品协议今年年底即将到期，国内很多纺织企业都像舜天?</t>
  </si>
  <si>
    <t>中国石油需求同比增长6.2%左右</t>
  </si>
  <si>
    <t>本报讯 未来两三个月，中国经济将保持快速稳定增长，将使中国石油需求也保持相对稳定的较快增长，中国石油集团专家估计，未来两三个月中国石油需求同比增长6.2%左右。美国次级债券问题引发的全球金融市场动荡给世界经济增添了新的不确定性，越来越多的人对未来世界</t>
  </si>
  <si>
    <t>APEC会议将促使境内储蓄转投资</t>
  </si>
  <si>
    <t>本报悉尼电 澳大利亚贸易部长特拉斯3日表示，亚太经合组织（APEC）中低收入成员的境内投资障碍多于高收入成员，即将于本周召开的亚太经合组织部长级会议将专门讨论如何削减境内投资障碍问题，促使更多的境内储蓄转化为境内投资。作为亚太经合组织领导人非正式会议?</t>
  </si>
  <si>
    <t>次贷危机：美国由被动应战变主动出击</t>
  </si>
  <si>
    <t>8月初突然恶化的美国次贷危机，被认为是21世纪美国面临的最严重金融风暴。从危机突发时的被动，到随后多项应急措施出台的仓促，再到目前主动出招化解危机，美国政府正试图设置“多道防线”，全力避免危机冲击到美国经济全局。在这次危机中，作为美国央行的美国联邦</t>
  </si>
  <si>
    <t>美国消费者逐渐淡化“商品产地”概念</t>
  </si>
  <si>
    <t>虽然近期美国媒体充斥着对中国产品的负面报道，但在经济全球化时代，日益紧密的国际分工协作正使更多的美国消费者逐渐淡化了商品的产地概念。记者2日在纽约一个大型购物场所进行了采访，许多接受采访的消费者都认为，在这个经济全球化的时代，虽然许多商品产地标签</t>
  </si>
  <si>
    <t>环保投资：减排带来财富无数</t>
  </si>
  <si>
    <t>美国新能源财务咨询公司数据显示，用于节能领域的投资增长迅速。2004年，全球用于可再生能源、生物燃料和低碳技术的投资只有280亿美元。到2007年，用于同样目的的投资增长到710亿美元。美国总统乔治·W·布什在前不久提出了美国应对气候变化的“长期战略”。有分析人</t>
  </si>
  <si>
    <t>电子政府采购亟需统一规则</t>
  </si>
  <si>
    <t>过去的十多年时间里，电子通讯和电子技术在政府采购领域里广泛应用和快速发展，改变了许多国家政府采购制度中的传统采购方式，我国电子政府采购也蓬勃地发展起来。自1999年以来，广西、浙江、南京、合肥、无锡等地纷纷推出了政府采购网上竞价采购。但是，中央国家机关政府采?</t>
  </si>
  <si>
    <t>石油美元“培育”海湾能源新兴企业</t>
  </si>
  <si>
    <t>随着近年来石油美元滚滚流入，海湾国家出现了一批能源新兴企业。这些企业将手中的石油美元转投国际市场，通过参股并购等迅速扩大规模。这些“新秀”的发展也越来越引起全球能源和资本市场的广泛关注。阿联酋“阿布扎比国家能源公司”旗下的TAQA实业公司就是这些“?</t>
  </si>
  <si>
    <t>中华巴洛克：中西合璧的时代剪影</t>
  </si>
  <si>
    <t>开埠百年，包容、开放成为中国年轻历史文化名城哈尔滨一以贯之的风格，成就了松花江畔小渔村到“东方小巴黎”的华丽变身。在这个曾经会聚36个国家多民族侨民的“中西建筑博物馆”中，中国人坚守的民族自尊与善学西方的智慧在建筑艺术中得到彰显——属于中国人和哈尔滨的“中?</t>
  </si>
  <si>
    <t>“直通车”尚未开出  港股已大涨</t>
  </si>
  <si>
    <t>“港股直通车”尚未开出，港股已然炒得“天翻地覆”，恒生指数及国企指数不仅收复美国次级抵押贷款市场危机造成的失地，更分别创出历史新高。“港股直通车”政策8月20日宣布后的短短六个交易日，恒指急升近3200点，升幅逾15%；国企指数狂涨3000点，暴升逾27%。憧憬内地</t>
  </si>
  <si>
    <t>浙企获反补贴调查首个零税率</t>
  </si>
  <si>
    <t>近来，浙江省乐清市天力管件有限公司总经理柳知春一直很忙：对加拿大出口明显增加；一直对合作心存疑虑、进口量较小的澳大利亚进口商，不久前开始大幅增加订单。这些都归功于天力在一个多月前获得的“零税率”。７月１６日，加拿大政府宣布对中国铜制管件反倾销反?</t>
  </si>
  <si>
    <t>欧盟拟对我节能灯泡续征反倾销税遭质疑</t>
  </si>
  <si>
    <t>欧盟委员会29日建议，对产自中国的节能灯泡再征收一年的反倾销税，到期后自动取消。此举一出，立即招致各方广泛批评。目的帮助欧盟企业“平稳过渡”欧盟委员会发言人约翰内斯·莱滕贝格尔在例行新闻发布会上说，考虑到欧盟的整体利益，欧盟委员会决定向欧盟部?</t>
  </si>
  <si>
    <t>应堵死跨国公司外籍高管逃税路线</t>
  </si>
  <si>
    <t>在青岛工作只领取“微薄报酬”，在日本国内的大笔收入却隐瞒不报，企图逃避中国税收。昨天，记者从青岛市地税局获悉，本月21日莱西市地税局成功追缴3名日籍企业高管人员的个人所得税及滞纳金339848.66元。据权威税务专家估算，在中国的跨国公司外籍高管，每年逃税的?</t>
  </si>
  <si>
    <t>是否需要增产抑价  欧佩克与IEA各讲各理</t>
  </si>
  <si>
    <t>本报纽约电 在多种因素作用下，国际油价近期始终徘徊在每桶70美元左右。关于油价上涨原因以及是否需要以增产来平抑油价，石油输出国组织(欧佩克)和国际能源机构(IEA)各执一词。欧佩克秘书长巴德里28日在安哥拉接受道琼斯新闻社采访时表示，目前国际市场原油供应充?</t>
  </si>
  <si>
    <t>中国环保企业在欧洲市场可大有作为</t>
  </si>
  <si>
    <t>“我们刚刚与德国客商签订了一个上亿元设备和产品的销售协议，这几乎是我们公司年销售额的两倍。”    在28日到29日德国杜塞尔多夫市举行的“东北老工业基地与德国投资贸易洽谈会”上，送走了几位德国客商后，哈尔滨绿环生物降解制品开发公司的董事长季国良掩饰不住兴?</t>
  </si>
  <si>
    <t>应对气候变化：“中国作出了负责任的承诺!”</t>
  </si>
  <si>
    <t>《联合国气候变化框架公约》秘书处秘书长德·波尔先生28日表示说，在应对气候变化问题上，“中国已经作出了许多实实在在的负责任的承诺和措施。” 几天来，联合国气候变化大会预备会议在维也纳紧张举行，主持会议的德·波尔积极与与会的来自100多个国家和地区的代?</t>
  </si>
  <si>
    <t>我集装箱检查设备首次进入突尼斯市场</t>
  </si>
  <si>
    <t>本报突尼斯电 源于清华大学的同方威视技术股份有限公司(威视股份)日前在突尼斯海关“组合式集装箱/车辆检查系统”项目招标中胜出，这标志着我国自主研发的大型集装箱检查设备首次进入突尼斯市场。 据悉，威视股份与突方业主正式签订承包合同，金额为300万欧元，工?</t>
  </si>
  <si>
    <t>世行协助中国勘探开发煤层气资源</t>
  </si>
  <si>
    <t>本报华盛顿电 世界银行下属的国际金融公司28日称，该公司已和美国远东能源公司签署1500万美元的投资协议，帮助后者加强对中国煤层气资源的勘探和开发。国际金融公司还表示，会根据工程进展情况提供长期金融援助。根据这项协议，远东能源公司将利用世行提供的基金，</t>
  </si>
  <si>
    <t>构筑中国能源新干线</t>
  </si>
  <si>
    <t>如果把横贯中国的油气管道比作能源运河，那么新疆乃至中亚地区则是它的主要源头。西气东输管道工程、西油东运管道工程和中哈原油管道工程，共同组成中国能源传输的新干线，汇聚着新疆或者中亚地区生产的原油、成品油和天然气浩荡东去，夜以继日地助推我国经济社会前进的车轮?</t>
  </si>
  <si>
    <t>铁矿石三大问题不利中方“话语权”</t>
  </si>
  <si>
    <t>2008财年的全球铁矿石价格谈判，即将在一个月后的10月开始。谈判各方为全球三大矿山和各大钢铁企业代表。记者日前获悉，由中国钢铁工业协会带队的我国钢企访问团已于8月20日飞赴巴西、加拿大、澳大利亚等国，与当地矿山企业、协会等会谈，沟通铁矿石价格、供应量等核心问题。</t>
  </si>
  <si>
    <t>中石油将打造全球最长跨国输气管线</t>
  </si>
  <si>
    <t>本报讯 全长近万公里的“西气东输二线”和中亚天然气管线日前进入前期研究阶段，这是记者日前从中国石油天然气股份有限公司获得的消息。据中国石油董事长兼总裁蒋洁敏介绍，中亚输气管线从土库曼斯坦北部起，经过乌兹别克斯坦、哈萨克斯坦，到中国的霍尔果斯，长约</t>
  </si>
  <si>
    <t>李长江正面回应“中国产品威胁论”</t>
  </si>
  <si>
    <t>本报讯 今年上半年以来，一些西方国家针对我国部分出口产品的质量问题大肆炒作，刮起了妖魔化“中国制造”的冷风，大大损害了中国产品的声誉和中国的国际形象。为此，国家质检总局局长李长江在中央电视台二套特别节目《相信中国创造》中，对国外的“中国产品威胁论</t>
  </si>
  <si>
    <t>次级债危机会否撼动A股牛市？</t>
  </si>
  <si>
    <t>愈演愈烈的美国次级债危机，已引发了新一轮全球性的金融动荡。据美国全国企业经济学家协会(NABE)最新公布的调查报告，次级抵押贷款危机已经超过“恐怖主义”，成为美国人担忧短期内影响美国经济的最大风险。在全球化日益深入的今天，中国经济与国际市场的联系越来?</t>
  </si>
  <si>
    <t>专家教你辨认“缅甸玉”</t>
  </si>
  <si>
    <t>随着云南“缅甸玉”声名大噪，许多到云南旅游的人都不惜花重金购买翡翠饰品，但由于缺乏了解，游客有时会把泰国翠玉、马来西亚翠玉、南阳独山玉和澳洲绿玉等错认为“缅甸玉”，甚至连A货、B货、C货都分不清。对此，专家传授几招辨别的方法。云南省珠宝玉石饰品质量</t>
  </si>
  <si>
    <t>次贷危机对大宗商品需求影响有限</t>
  </si>
  <si>
    <t>当周美国芝加哥市场小麦期货价格连续大幅上涨，多次刷新历史纪录；伦敦市场基本金属价格也在美元走软的影响下全线反弹。分析人士指出，国际大宗商品市场的复苏可以被解读为，近期美国次贷危机对大宗商品需求的影响有限。 24日，芝加哥期货交易所9月份交货的小麦期?</t>
  </si>
  <si>
    <t>美次贷危机也给中国提了醒</t>
  </si>
  <si>
    <t>美国次级抵押贷款市场危机(简称“次贷危机”)持续恶化，酿成了一场波及全球的金融风暴。从2006年初露端倪，到今年3月美国第二大次级抵押贷款公司申请破产保护，次贷危机并没有像人们预想的那样“大事化小、小事化了”，反而逐步演变成了一发而不可收拾的灾难。受连</t>
  </si>
  <si>
    <t>中蒙经贸前路：阳光和风雨兼程</t>
  </si>
  <si>
    <t>随着中国和蒙古国睦邻互信伙伴关系进入了全面发展的新阶段，近几年来，中蒙经贸关系热度持续不减：中国已分别连续8年、9年成为蒙古国第一大贸易伙伴和第一大投资国。但有关专家认为，在今后一段时期内，中蒙经贸关系之路仍可预见“阳光和风雨兼程”，中国企业要重视蒙古国的?</t>
  </si>
  <si>
    <t>斯蒂格利茨：格林斯潘要对次贷危机负责</t>
  </si>
  <si>
    <t>本报讯 世界银行前负责经济发展的高级副行长兼首席经济学家、诺贝尔经济学奖获得者美国人约瑟夫·斯蒂格利茨日前在法国《回声报》上发表文章指出，美国当前的次级抵押贷款市场危机与美联储前主席格林斯潘在任时实行的政策有关。文章说，一切源于2001年的美国经济衰</t>
  </si>
  <si>
    <t>航权开放的经济触角</t>
  </si>
  <si>
    <t>海南是中国首个开放第三、四、五航权的试点省份。记者从海南省航权开放办公室了解到：截至目前为止，已有海航、南航、东航、港龙航空、大韩航空等23家国内外航空公司执飞海南国际地区航线，新开辟国际定期航线32条，来自俄罗斯等国的一批航空公司，也在近年开辟了执飞海南、?</t>
  </si>
  <si>
    <t>美国金融三巨头为应对次贷危机定基调</t>
  </si>
  <si>
    <t>美国财政部长保尔森、美国联邦储备委员会主席伯南克与美国参议院金融委员会主席克里斯托弗·多德21日举行闭门会议，共同商讨美国次级抵押贷款市场危机的应对措施。据美国一些报纸当日报道，多德在会后对新闻媒体表示，保尔森和伯南克都保证，将利用他们职权范围内?</t>
  </si>
  <si>
    <t>上海合作组织积极打造“亚洲能源战略”</t>
  </si>
  <si>
    <t>本报讯 上海合作组织秘书长努尔加利耶夫22日在北京表示，上海合作组织正在筹建组织框架内的能源俱乐部，打造“亚洲能源战略”，但各国的能源利益平衡问题亟待解决。努尔加利耶夫在新闻发布会上说，上合组织成员国中既有能源供应国，也有能源消费国，如何实现他们之</t>
  </si>
  <si>
    <t>印度日本期待加速全面经济合作</t>
  </si>
  <si>
    <t>本报新德里电 印度商业和工业部长纳特21日晚在此间表示，印度和日本将尽早达成全面经济合作协议。纳特是在欢迎日本首相安倍晋三率领的商业代表团时作上述表示的。他说：“双方的谈判正在加速进行，我们预计协议将在指定的时间内达成。”纳特同时表示，为</t>
  </si>
  <si>
    <t>德国央行：次贷危机不会拖累德国经济</t>
  </si>
  <si>
    <t>本报法兰克福电 德国中央银行20日发布的月报称，虽然受到美国次级贷危机牵连，德国经济仍将持续繁荣。这与此前欧洲央行的论调基本一致。德国央行称，目前德国各证券交易所的市值波动主要源于对风险进行的重估，而近期内市场将趋于正常化。因此，没有理由认为德国经</t>
  </si>
  <si>
    <t>中印携手加强旅游合作</t>
  </si>
  <si>
    <t>本报新德里电 作为2007年“中印旅游友好年”系列活动之一，中国国家旅游局和印度旅游部20日在印度首都新德里联合主办了“中印旅游高峰论坛”。此次论坛的主题是“面向21世纪的中印旅游交流与合作”。中国国家旅游局局长邵琪伟在会上指出，这一主题展示了两国立足现</t>
  </si>
  <si>
    <t>译员  掮客  市霸？</t>
  </si>
  <si>
    <t>随着中亚各国经济渐趋复苏，与其山水相依的新疆迎来了一拨拨国际商旅，乌鲁木齐的大小商户一时间生意做得风生水起。然而，随着辅佐他们的翻译“变脸”，有的商家稳定销售渠道、开拓更大市场的想法落了空。从去年至今不到一年的时间里，乌鲁木齐市竟有近百名外贸商户被同一个?</t>
  </si>
  <si>
    <t>次贷危机对印度影响仍待观察</t>
  </si>
  <si>
    <t>本报孟买电 尽管美联储17日将贴现率降低了0.5个百分点使市场信心有所增强，但美国次级债危机对印度金融市场的影响仍有待观察。受美联储降低贴现率的利好刺激，20日，印度孟买敏感指数在开盘半小时内上涨350点，达到14682点，涨幅为3.8%。但市场分析人士认为，美国?</t>
  </si>
  <si>
    <t>全球酒店业并购额将再创新高</t>
  </si>
  <si>
    <t>本报讯 近日，仲量联行酒店集团发布预测说，今年全球酒店业购并交易额将达1100亿美元，较2006年的历史记录725亿美元增长52%。集团全球首席执行官贺德铭介绍说，截至6月份全球酒店交易额已经超出预测达到了560亿美元，其中美国的酒店交易活动尤其活跃。他认为，这很</t>
  </si>
  <si>
    <t>次贷危机不会波及欧洲楼市</t>
  </si>
  <si>
    <t>本报布鲁塞尔电 据法新社19日报道，虽然美国次级抵押贷款危机对欧洲金融行业造成一定冲击，但专家指出次级债危机并不会波及欧洲房地产市场，欧洲也不可能出现像美国一样的次级抵押贷款危机。法国兴业银行地产分析师米歇尔·瓦拉尔多认为，目前看来，次级债危机没有</t>
  </si>
  <si>
    <t>食品质量负面报道殃及海外中餐馆</t>
  </si>
  <si>
    <t>“现在的生意比以前差了不少，大概下降了近两成左右。”提到目前的中国食品质量风暴，华盛顿知名中餐馆“海珍楼”老板沈实直摇头。中餐馆是中国文化的一张名片。在美国任何一个城镇，几乎都能找到一家中餐馆，并且许多美国人也正是通过中餐了解中国和中国文化的。?</t>
  </si>
  <si>
    <t>PE多层面渗透进入中国市场</t>
  </si>
  <si>
    <t>本报讯 纵横合力执行董事总经理于公在日前召开的2007中国创投融资发展高层论坛上表示，中国已成为私募股权投资（PE）的一大市场。百度、如家、蒙牛、分众等企业在海外上市也给投资机构带来了丰厚的回报。数据显示，2006年私募股权投资机构在美国募集的资金已经超过</t>
  </si>
  <si>
    <t>阿根廷提高部分产品进口关税</t>
  </si>
  <si>
    <t>本报墨西哥城电 据拉美媒体报道，阿根廷经济和生产部长米格尔·佩拉诺近日对新闻界表示，阿根廷政府已采取了一系列新的贸易保护措施，限制来自亚洲的低价商品。据悉，其中包括中国制造的产品。佩拉诺表示，政府将对纺织品、轮胎、自行车、鞋类、玩具、汽车零件、皮</t>
  </si>
  <si>
    <t>油价上涨过快不符合产油国利益</t>
  </si>
  <si>
    <t>本报科威特电 此间发表的一份石油报告指出，全球油价涨幅超出消费国所能承受的合理范围，将对生产国的利益带来不利影响。科威特国家石油公司最新发表的这份名为《炼油厂黄金时代》的报告说，如果油价增长过快，将迫使消费国加快石油替代能源的开发，将对石油生产国</t>
  </si>
  <si>
    <t>日本央行重新向银行系统注资</t>
  </si>
  <si>
    <t>本报东京电 日本中央银行——日本银行20日通过公开市场操作向银行系统注入1万亿日元(约合87亿美元)资金，以避免出现流动性短缺。最近3个交易日里，日本央行已累计向银行系统注资2.6万亿日元。据共同社报道，为控制短期利率上升，日本央行在16日和17日分别向银行系?</t>
  </si>
  <si>
    <t>美最大商业抵押贷款机构裁员</t>
  </si>
  <si>
    <t>本报纽约电 据《华尔街日报》网络版20日报道，深陷次贷危机之中的美国最大商业抵押贷款机构——全国金融公司已开始裁员。报道援引全国金融公司一封内部电子邮件的内容称，裁员涉及到的是该公司的全范围贷款部门，这一部门的很多抵押贷款都是发放给没有提供收入文件</t>
  </si>
  <si>
    <t>德国政府调控房地产市场自有妙手</t>
  </si>
  <si>
    <t>近来在美国房地产市场次级抵押贷款危机日益暴露的时候，德国房地产市场却相当稳定。事实上，德国是欧洲人口最多的国家，在二战后和两德统一后也曾是全球住房荒最严重的国家之一。发展到今天，德国住房供应充沛、政策法律完善、房地产市场稳定，其成功经验非常值得?</t>
  </si>
  <si>
    <t>次级债危机告诉QDII什么？</t>
  </si>
  <si>
    <t>QDII产品都把投资海外股市作为卖点，但境外市场的钱并不好赚。以香港股市为例，其对外围市场震荡反应剧烈。金融专家建议投资者吸取教训，在购买QDII产品之前，要充分估算各种风险。虽然国内A股尚未受到美国次级债危机的太多拖累，但是许多QDII产品的投资者近期却不</t>
  </si>
  <si>
    <t>美国兴起“快餐式”诊所</t>
  </si>
  <si>
    <t>如今，越来越多的美国人前往“快餐式”诊所就诊。在那里，看病开药如同在快餐店根据菜单购买汉堡和奶昔一样方便快捷，而且价格低廉。这一潮流已成为美国一项新兴产业，但其提供的低价服务也令人对医疗质量产生质疑。增长迅速据美国“便捷医疗协会?</t>
  </si>
  <si>
    <t>靠行业整合应对钢铁贸易摩擦</t>
  </si>
  <si>
    <t>不久前，美国钢铁学会等四家机构发布了的一份针对中国钢铁产业的研究报告指称，中国钢铁业依赖政府补贴进行产能扩张，低价出口。业界人士指出，国际钢铁业贸易保护之风盛行，继纺织品之争后，美欧与中国贸易摩擦的“下一站”直指钢铁业。通过行业整合，调整贸易结构已成为中?</t>
  </si>
  <si>
    <t>“银发社会”正在导致亚洲劳动力短缺</t>
  </si>
  <si>
    <t>本报讯 随着亚洲国家“银发社会”的加速到来，劳动力增长放缓带来的劳动力短缺正变得尤为突出。我国虽然正面临着劳动力市场整体供大于求的压力，但人口老龄化将会带来的劳动力短缺同样不容忽视。在15日闭幕的亚洲就业论坛上，人口老龄化带来劳动力供给增长放缓的话</t>
  </si>
  <si>
    <t>次贷危机对日金融系统影响不大</t>
  </si>
  <si>
    <t>本报东京电 日本财务大臣尾身幸次15日表示，美国次级抵押贷款市场危机并未对日本金融系统造成重大影响，但日本有关部门会密切关注危机未来的发展态势及其对全球经济的影响。尾身幸次当天在新闻发布会上说，由于日本金融机构并未过多涉足美国次级抵押贷款业务，因此</t>
  </si>
  <si>
    <t>南共体举行会议推动一体化进程</t>
  </si>
  <si>
    <t>本报卢萨卡电 为期两天的南部非洲发展共同体(南共体)部长理事会会议14日在赞比亚首都卢萨卡开幕。与会者将主要讨论加快建立自由贸易区和实现关税同盟等战略问题。来自南共体14个成员国的300多名代表参加了会议。会议的主要议题是如何在现有贸易协议基础上，通过协?</t>
  </si>
  <si>
    <t>欧洲央行向银行系统再次“输血”</t>
  </si>
  <si>
    <t>本报柏林电 欧洲中央银行14日宣布，再次向欧元区银行系统注资77亿欧元，从而使欧洲央行向欧元区银行系统的注资已超过2100亿欧元。欧洲央行行长特里谢当天表示，在欧洲央行向欧元区银行系统进行四次注资以后，欧元区货币市场趋于正常。他呼吁所有的市场参与方都应该</t>
  </si>
  <si>
    <t>台商在大陆投资面临四个难题</t>
  </si>
  <si>
    <t>中国美旗控股集团主席、中国台商研究所所长谢秉臻近日接受记者采访时认为，过去近20年来，百万台商来大陆投资，互利互惠，共同发展。但由于两岸特殊的政治原因，台商在大陆投资面临四个难题需引起有关部门重视。中国美旗控股集团是由台湾地区多家企业和多位知名人?</t>
  </si>
  <si>
    <t>中俄汽车贸易发展前景广阔</t>
  </si>
  <si>
    <t>日前在哈尔滨举办的“2007首届中国俄罗斯汽车合作发展论坛”上，中俄两国有关部门领导，两国商会及专家学者，中俄汽车及相关企业高层经理等一同探讨了中俄汽车贸易发展中的政策、法规、市场、海关、商检、服务等，分析了俄罗斯汽车市场形势，并对中国企业对俄出口提出了很多?</t>
  </si>
  <si>
    <t>因海而立  因港而兴</t>
  </si>
  <si>
    <t>一部热播的《船政风云》，再现了中国船舶工业发源地之一的福州马尾港的坎坷往事。百年前，孙中山先生就在《建国方略》中提到，要将天然深水良港福建三都澳建为东方大港。位于台湾海峡西岸的福建，海岸线长位居全国第二，拥有可建20万吨大型超深水泊位岸线40多公里?</t>
  </si>
  <si>
    <t>赶赴“面朝大海、春暖花开”的约会</t>
  </si>
  <si>
    <t>福建与台湾一衣带水，最近距离仅130公里；80%的台湾同胞祖籍福建；台湾文化、风俗、习惯与福建相近、相形；改革开放以来，闽台经贸往来频繁，在闽台资企业位列全国前茅。进入新千年后，福建对闽台关系作出“五缘”、“六求”的精准概括。即福建与台湾“地缘近、血?</t>
  </si>
  <si>
    <t>三方将在伊朗共同投资建立合资工厂</t>
  </si>
  <si>
    <t>本报讯 历经一年多的谈判，奇瑞汽车有限公司与伊朗最大的汽车集团IRAN KHODRO、加拿大投资公司SOLITAC三方10日在安徽芜湖签署协议，由三方共同投资在伊朗建立合资工厂。合资工厂位于伊朗北部马赞达兰省巴布尔市，项目预计总投资3.7亿美元，合资股比例为：奇瑞30%、</t>
  </si>
  <si>
    <t>欧洲央行美联储讨论货币互换合作</t>
  </si>
  <si>
    <t>本报柏林电 据英国《金融时报》报道，欧洲央行正在与美联储讨论，能否允许欧洲央行直接向欧洲各银行以美元形式发放贷款，以满足欧洲各银行和基金公司的美元需求。美联储将同样享有以欧元发放贷款的权利。由于欧洲各银行同样受到美国次级抵押贷款危机牵连，信贷资产</t>
  </si>
  <si>
    <t>我国电网跨国互联“南北开花”</t>
  </si>
  <si>
    <t>7月下旬，国家电网公司与俄罗斯统一电力系统股份公司大型合作项目——俄罗斯向中国供电第一阶段工程建设正式在黑龙江黑河市启动；与此同时，南方电网与包括越南、老挝、泰国等在内的东南亚国家电力输出合作也顺利进行。一边是引进来，一边是输出去，我国两大电网公</t>
  </si>
  <si>
    <t>美次贷危机可望控制在局部范围</t>
  </si>
  <si>
    <t>近来，美国次级抵押贷款市场危机出现恶化迹象，引起美欧股市剧烈动荡。广大投资者担心，次级抵押贷款市场危机会扩散到整个金融市场，影响消费信贷和企业融资，进而损害美国经济增长。但许多分析人士认为，就目前来看，次级抵押贷款市场危机可望被控制在局部范围，?</t>
  </si>
  <si>
    <t>次贷危机使伯南克面临艰难抉择</t>
  </si>
  <si>
    <t>愈演愈烈的美国次级信贷危机让欧美日等一些国家央行倾注巨资“救市”，也把就职美联储主席一年半的伯南克推到了这次金融风暴的最前沿。美国经济学界普遍认为，如何应对目前的次贷危机，已成为伯南克上任以来面临的第一次严峻挑战。作为美国央行的最高负责人，伯南?</t>
  </si>
  <si>
    <t>CPI冲高,股民心跳加快</t>
  </si>
  <si>
    <t>“今天肯定会涨！”“难说，现在周边股市都在跌，再加上美国次级债的影响，悬着呢。”“今天不是CPI出来吗？也不知道有什么影响？”上午9点多，虽然股市还没开盘，但位于北京佟麟阁路上的民族证券交易大厅里早已座无虚席，股民们纷纷交流着各?</t>
  </si>
  <si>
    <t>印度央行允许居民在境外投资</t>
  </si>
  <si>
    <t>本报孟买电 为减缓卢比升值压力，印度央行——印度储备银行近日宣布，允许印度居民在境外银行开设账户，每年可向境外汇出最高10万美元进行投资。印度央行这一决定是在前周宣布加强印度企业对外商业借贷限制后做出的。业内人士认为，这两项决定是为了减少过多的美元</t>
  </si>
  <si>
    <t>商务部：中国政府对产品质量高度负责</t>
  </si>
  <si>
    <t>本报讯 商务部新闻发言人王新培表示，中国政府对产品质量问题将一贯本着实事求是的态度，对产品的质量高度负责。近期，因油漆铅含量超标，美国玩具公司RC2、美泰公司下属的费雪公司分别召回了150万件及96.7万件中国产玩具。国家质检总局在迅速调查后，已暂停相关中</t>
  </si>
  <si>
    <t>恒生指数收市升98点</t>
  </si>
  <si>
    <t>香港股市13日随外围股市靠稳，恒生指数收市报21891点，上升98点，全日成交630亿港元。各国央行纷纷向金融体系注资，疏缓美国次按问题引发的信贷紧缩危机，美股上周五跌幅收窄，利好周一亚太区股市表现。港股13日随外围股市高开139点，不过随即回落，并一</t>
  </si>
  <si>
    <t>欧美国家对主权财富基金态度冷热不一</t>
  </si>
  <si>
    <t>英国巴克莱银行和由苏格兰皇家银行牵头的大财团围绕荷兰银行展开竞购大战，近日来引起了国际社会的普遍关注。这场并购大战的看点不仅在于其本身的巨大规模和进展程度，还包括中国国家开发银行和新加坡淡马锡控股有限公司对巴克莱银行的投资入股，并由此引发出欧美一些国家关?</t>
  </si>
  <si>
    <t>美次级贷款市场危机祸及全球</t>
  </si>
  <si>
    <t>最近一周，美国次级抵押贷款市场危机的负面影响呈扩大态势，导致美欧乃至亚洲金融市场都出现较大波动。短期冲击已经形成现阶段，美国次贷危机直接造成信贷市场的短期流动性不足。在美国，由于次级贷款市场情况不明朗，作为信贷资金主要来源之一的主要商业银?</t>
  </si>
  <si>
    <t>中国会展业难称健康</t>
  </si>
  <si>
    <t>10年间我国举办的各类展会数量增加了两倍，展览馆面积已经超过了“世界展览王国”德国，但是定位不清，资源浪费，无序竞争却使我国会展业处于亚健康状态。中国如何能从会展大国走向会展强国？在浙江宁波举行的“中国城市会展合作与发展论坛”论坛上，专家疾呼：政?</t>
  </si>
  <si>
    <t>中国打火机突出欧盟CR法规“重围”</t>
  </si>
  <si>
    <t>中国打火机出口已经扭转了五个月前欧盟ＣＲ法规实施时的一度颓势。在打火机生产出口大省浙江，据中国杭州海关统计，今年上半年打火机出口数量微跌但价格上扬，出口总额与去年上半年基本持平。欧盟ＣＲ法规：狼还是来了欧盟ＣＲ法规曾是令中国打火机企业寝食?</t>
  </si>
  <si>
    <t>英航拍卖行李  引来淘宝商机</t>
  </si>
  <si>
    <t>对于乘客丢失的行李，不少航空公司最后都以拍卖方式处理，而一些人居然从中看到了商机。据英国《每日邮报》近日报道，不少人乐于购买被丢失的行李，甚至已经上瘾。他们希望能够从行李中“淘”出值钱物品，小赚一笔。分门别类在英国，如果在机场丢失的行李在?</t>
  </si>
  <si>
    <t>美国信贷危机打压大宗商品价格</t>
  </si>
  <si>
    <t>受交易者获利回吐因素和美国次级抵押贷款市场危机的影响，当周伦敦和纽约两大市场原油期货收盘价格比前一周均有大幅回落，但仍维持在每桶70美元以上。继前一周纽约市场油价先后创出每桶78.21美元和78.77美元的历史最高收盘价和盘中价后，一些投资机构认为美国经济?</t>
  </si>
  <si>
    <t>陆源污染已成渤海不堪承受的最大“毒瘤”</t>
  </si>
  <si>
    <t>随着环渤海地区经济快速发展，每年有超过40亿吨的污水排入渤海，陆源污染已经成为渤海不堪承受的最大“毒瘤”。针对渤海污染程度不断恶化，专家建议渤海治污亟须从根本上找出“边投资、边治理、边污染”的恶性循环怪圈，对症下药，彻底控制陆源污染。监测数据表明，近?</t>
  </si>
  <si>
    <t>探析中美贸易不平衡的解决方案</t>
  </si>
  <si>
    <t>提要：中国作为中美贸易不平衡的一方，承受较大的国际舆论压力。对此，应积极采取措施，统筹应对中美贸易不平衡问题。一、中美贸易不平衡加剧，但彼此都处于经济增长最佳时期中国是美第一大贸易逆差国。2006年，中国实现顺差1775亿美元，其中对美国的贸易顺?</t>
  </si>
  <si>
    <t>城市群之惑</t>
  </si>
  <si>
    <t>我国在国民经济和社会发展第十一个五年规划纲要中，首次提出了城市群的概念，并明确要求“珠江三角洲、长江三角洲、环渤海地区，要继续发挥对内地经济发展的带动和辐射作用，加强区内城市的分工协作和优势互补，增强城市群的整体竞争力”，“有条件的区域，以特大城市和大城?</t>
  </si>
  <si>
    <t>外资并购在印度力度不大</t>
  </si>
  <si>
    <t>尽管很多报告都显示，印度是最具投资吸引力的新兴市场之一，但作为外国直接投资形式之一的外资并购在印度的力度并不是很大。印度官方公布的数据显示，2006财年(2006年4月到2007年3月)，印度吸引的外国直接投资为84亿美元，而从1991年8月到2005年12月，印度总共利用</t>
  </si>
  <si>
    <t>中国网游产业的难言之痛</t>
  </si>
  <si>
    <t>面对韩国T3公司突如其来的关于“拖欠分账款”的指责，中国知名网络游戏运营商久游网目前已暂停了在大阪上市的进程。久游网和T3之争，恍若当年盛大赴纳斯达克上市前，与韩国公司Actoz版权纠纷的“翻版”。中国网游企业缘何屡屡陷入“上市前”怪圈？上市遇</t>
  </si>
  <si>
    <t>美联储何以维持利率水平不变</t>
  </si>
  <si>
    <t>尽管受次级抵押贷款市场危机影响，纽约股市最近几周剧烈震荡，但美国联邦储备委员会7日仍决定将联邦基金利率即商业银行间隔夜拆借利率继续维持在5.25%不变。分析人士认为，这表明美联储认为新形势尚不足以改变经济总体走势，其对于未来经济增长的信心没有改变。次级抵?</t>
  </si>
  <si>
    <t>对华贸易保护主义背离自由贸易精神</t>
  </si>
  <si>
    <t>最近，1028名美国经济学家联名致信美国国会，强烈要求美国国会议员遵循自由贸易精神，抵制对华贸易保护主义倾向。请愿活动的发起人、美国经济增长俱乐部总裁帕特·图米在接受本报记者专访时表示，这次活动是美国经济学家们的“经济理性”与少数美国国会议员的“政治思维”之?</t>
  </si>
  <si>
    <t>欧盟为全球建材业最大并购交易开绿灯</t>
  </si>
  <si>
    <t>本报布鲁塞尔电 欧盟委员会7日批准德国海德堡水泥公司收购英国混凝料制造商汉森公司，为这笔建筑材料行业金额最大的并购交易开绿灯。业务遍布全球50多个国家的海德堡水泥公司目前出价80亿英镑(1英镑约合2.02美元)收购汉森公司。如果交易得以顺利完成，两家公司合并</t>
  </si>
  <si>
    <t>美欧股市全线上涨</t>
  </si>
  <si>
    <t>由于美国联邦储备委员会对美国经济前景表示乐观，7日纽约股市三大股指继续反弹。当天欧洲三大股市也全线上扬。美联储7日决定将联邦基金利率保持在5.25%不变。美联储在货币政策决策例会后发表的声明中说，尽管美国金融市场在过去几周里出现波动，一些家庭和企业的贷</t>
  </si>
  <si>
    <t>质检总局暂停两家企业玩具出口</t>
  </si>
  <si>
    <t>本报讯 记者从国家质检总局了解到，两家中国企业生产的玩具因涉及油漆铅含量超标被美国有关当局责令召回，其产品已被暂停出口。国家质检总局有关负责人表示，对因玩具安全质量受到国外通报的企业，监管部门将加大对其管理力度，暂停其产品出口。对情节严重的违法犯罪行为当事</t>
  </si>
  <si>
    <t>饲料价格飙升推动牛奶价格上涨</t>
  </si>
  <si>
    <t>进入8月后，欧洲、美国和印度各大奶制品公司纷纷调高了牛奶价格。市场人士预期，“蝴蝶效应”很快将在国际乳制品行业产生，处于产业链下游的黄油、酸奶、调味乳、布丁、奶油、奶酪等行业也将轮番上演涨价大战。7月底在比利时南部小城利布拉蒙举行的第73届欧洲农业?</t>
  </si>
  <si>
    <t>“为人做嫁”：纺织品制造利润仅10%</t>
  </si>
  <si>
    <t>山雨欲来风满楼。就在今年4月底，中国纺织品进出口商会对第101届广交会的成交形式进行分析时就认为，“07/08年中欧、中美纺织品协议先后到期，欧美对我纺织品实施反倾销、反补贴的意图十分明显，一旦实施，其危害性远胜于特保。”在国外各类贸易壁垒等诸多因素冲击</t>
  </si>
  <si>
    <t>德国：“抓大放小”与外资并购巧周旋</t>
  </si>
  <si>
    <t>目前，德国是仅次于美国的全球第二大跨国并购市场。德国对外资并购基本采取的是谨慎警惕态度，实施“抓大放小”的策略。对待外资并购活动，一方面德国法律规定外资享有“国民待遇”，外国企业并购德国公司原则上不需要政府审批；另一方面，德国政府也采取各类措施?</t>
  </si>
  <si>
    <t>日本：加快立法缓解外资并购压力</t>
  </si>
  <si>
    <t>近年来日本奉行低息政策，大量游资蹲守日本市场，日本企业面临的外资并购压力越来越大。据日本企业并购中介机构乐富国公司的统计数据，今年上半年外资对日本企业的并购案共146起，比去年同期增加了87.2%，并购金额高达2万多亿日元(1美元约合118日元)。对此，日本政</t>
  </si>
  <si>
    <t>淡马锡在华投资瞄准新兴行业</t>
  </si>
  <si>
    <t>本报讯 曾因在中国金融服务领域的大手笔投资的新加坡淡马锡控股(私人)有限公司正将投资新目标瞄准中国飞速增长的消费品、可再生能源和资源等新兴行业。最新出炉的淡马锡年度财报显示，从2006年4月1日至2007年3月31日，淡马锡在中国新增投资约11亿美元，多数集中于?</t>
  </si>
  <si>
    <t>世界最大快递公司UPS老板谈美中贸易</t>
  </si>
  <si>
    <t>某些美国政界人士近来不断抛出制裁中国的主张，这种贸易保护主义倾向遭到了美国社会各界的强烈反对。世界最大快递公司、美国联合包裹服务公司(UPS)董事长兼首席执行官(CEO)迈克·埃斯丘(Mike Eskew)在接受本报记者专访时指出，与中国的贸易有益于美国，美国应通过创新而不是?</t>
  </si>
  <si>
    <t>受美国股市影响  港股大跌601点</t>
  </si>
  <si>
    <t>港股6日跟随外围股市低开超过400点，其后大市持续向下，并跌穿22000点心理关口。尾市跌幅扩大，接近全日最低位收市，报21936点，急挫601点，跌幅为2.7%。国企指数反弹乏力，收12266点，下挫512点，跌幅达4%。中资电讯股跌幅显著，联通跌超过6%，收市报12.54港元；?</t>
  </si>
  <si>
    <t>99元：经济型酒店多少钱最“经济”？</t>
  </si>
  <si>
    <t>越来越多的人开始喜欢下榻于“价格便宜量又足”的经济型酒店，然而，收费从99元到两三百元的房价，不禁让人想深究到底经济型酒店多少钱才合适，是不是越便宜越好？排名世界第三的马来西亚丽星邮轮集团雄心勃勃地进军中国酒店市场，声称要“首创中国真正的经济型酒?</t>
  </si>
  <si>
    <t>用新潮理财工具来赚钱</t>
  </si>
  <si>
    <t>在欧美国家，高薪收入人士大大多拥有多个银行关系。他们习惯于通过专业理财机构进行私人理财，寻找复杂的投资产品博得风险溢酬。科学理财需要取长补短，中国人有着传统持家理财的习惯，而国外新型的理财方式或许能够提供有益的启示，帮助高收入的中国家庭跳出传统?</t>
  </si>
  <si>
    <t>应对全球气候变化中国扮演积极角色</t>
  </si>
  <si>
    <t>联合国副秘书长、环境规划署执行主任阿希姆·施泰纳接受本报记者专访时表示，中国在全球应对气候变化的努力中将扮演积极的角色。    云南省泸沽湖以其独特的摩梭风情和秀丽的山水风光闻名于世。近年来，当地政府采取垃圾清运、污水处理等多项生态环保措施，有效保护了?</t>
  </si>
  <si>
    <t>“鲍莫尔病”与文化生产力</t>
  </si>
  <si>
    <t>1967年，美国经济学家威廉·鲍莫尔在一篇研究经济增长的论文中提出“两部门宏观经济增长模型”，认为以制造业为代表的“进步部门”的生产率增长相对快速，而市政服务、教育、表演艺术、饭店和休闲等很多服务部门都具有“停滞部门”的特征。他认为，从整体上看，相?</t>
  </si>
  <si>
    <t>建行：从批发银行向零售业务嬗变</t>
  </si>
  <si>
    <t>在股改上市两年后，建设银行这家传统的批发银行，正在悄然发生着变化，记者来到了这家银行的一些基层网点，试图深入了解他们的变化。变化于细微之处“在业务转型和网点转型中，不仅要借鉴战略投资者美国银行的先进管理经验，还要结合国内的实际情况加以创新?</t>
  </si>
  <si>
    <t>奥运契机推动中国城市品牌推广</t>
  </si>
  <si>
    <t>本报讯 围绕迎奥运主题，南京、大连、成都、西安等城市近来相继开展了“城市日”系列活动，以推动地方旅游经济发展。专家指出，北京奥运是向世界介绍中国城市的重要契机，树立城市品牌的关键是突出个性。联合国世界旅游组织专家委员会委员徐汎日前在“城市品牌的奥</t>
  </si>
  <si>
    <t>新闻集团并购道琼斯大局已定</t>
  </si>
  <si>
    <t>在经历了三个月的艰难谈判后，传媒大亨鲁珀特·默多克领导下的新闻集团最终以50亿美元成功收购道琼斯公司。美国当地时间7月31日，道琼斯公司旗下的《华尔街日报》在其网络版上证实了这一消息。现在剩下的最后一道“障碍”，即获得相关政府部门批准，目前新闻集团已</t>
  </si>
  <si>
    <t>美国多位高官反对“迫使人民币升值议案”</t>
  </si>
  <si>
    <t>本报华盛顿电 美国政府多位高级官员7月31日致信美国国会领导人，对几名参议员提出的旨在迫使中国人民币升值的两份议案表示反对，并指出这类议案可能激起世界范围的贸易保护行动。据美国媒体报道，美国财政部长亨利·保尔森、商务部长卡洛斯·古铁雷斯和贸易代表苏?</t>
  </si>
  <si>
    <t>中俄能源公司拍得俄罗斯油气资产</t>
  </si>
  <si>
    <t>本报莫斯科电 中俄合资能源企业——“东方能源”公司首次通过拍卖方式获得了俄罗斯境内的油气资产。交易涉及的两个区块位于东西伯利亚，石油预测储量共计8000万吨，天然气预测储量共计1050亿立方米。俄罗斯《生意人报》8月1日刊登消息称，伊尔库茨克州矿产资源局在</t>
  </si>
  <si>
    <t>我输美食品零售价呈上扬势头</t>
  </si>
  <si>
    <t>本报华盛顿电 据美国《侨报》31日报道，由于美国以质量问题为由对部分中国食品实施进口限制和采取苛刻的检验检疫标准，中国输美食品数量骤然减少，一些中国输美食品的零售价格已呈现出明显上扬势头，并有部分中国食品将面临缺货。业内人士预计，中国输美食品零售价格将有大幅</t>
  </si>
  <si>
    <t>日本电子业发展模式落后了</t>
  </si>
  <si>
    <t>日经BP社最近与索尼前董事长出井伸之讨论了今后日本制造业的“21世纪化”战略性课题。出井伸之认为，日本企业如果创造不出高附加值就无法生存，日本企业的21世纪化实际就是产品的高附加值化。这种观点折射出日本电子制造业典型的主流发展思维。 索尼在出井时代的转</t>
  </si>
  <si>
    <t>迪拜将推出“水上出租车”</t>
  </si>
  <si>
    <t>本报阿布扎比电 据此间媒体报道，为缓解市区日益严重的交通堵塞，阿联酋迪拜计划于2008年底以前引进一批快艇作为“水上出租车”。迪拜道路与交通管理局负责水上交通的官员扎希德说，该局已经同澳大利亚、欧洲以及亚洲的30多家设计公司以及当地主要公司取得了联系，</t>
  </si>
  <si>
    <t>俄罗斯游客喜欢到中国“疗养度假游”</t>
  </si>
  <si>
    <t>本报讯 俄罗斯游客列娜和她患脑瘫的三岁小女儿阿丽娜，近日在东宁边防检查站值勤官兵的帮助下顺利入境，她们此行专程到中国治病同时度假。将中国完备的医疗条件和度假结合的“疗养度假游”日渐受到俄罗斯人的青睐。黑龙江省东宁边防检查站检查员席波介绍说，随着盛</t>
  </si>
  <si>
    <t>板块重置促区域经济崛起</t>
  </si>
  <si>
    <t>北拥渤海湾、南临长三角，东面与亚洲发达的韩、日两国隔海相望，西接黄河中下游辽阔的腹地——被誉为“微缩中国”的山东，尽管自身也存在东西部差距、人均发展水平不高等诸多问题，但如此优越的区位优势，让山东在区域统筹发展上有了更多腾挪的空间和余地。半岛制造业?</t>
  </si>
  <si>
    <t>越南沙巴之旅：似乎没出中国又像是在法国</t>
  </si>
  <si>
    <t>中国游客前往越南沙巴，一般需经云南河口瑶族自治县的国际口岸。从迈过跨境大桥的那一刻起，游客会有一种独特的感受：似乎没出中国，像走在法国，旁边带着绿色盔帽的行人又提醒你身处越南。越南沙巴是个山地小城，海拔1600米，位于老街省西部境内，是越南海拔最高?</t>
  </si>
  <si>
    <t>日本人消费：“时尚黑”颠覆“传统白”</t>
  </si>
  <si>
    <t>“白色的东西卫生”，这样的传统观念在日本正逐渐瓦解，而黑色商品供不应求。黑色卫生用品、黑色厨房用品、黑色食品……日本人的日常生活中随处可以看见黑色。在日本，随便到大型超市逛一圈，就可以发现不少黑色用品。棉棒、牙刷、牙膏、卫生纸、肥皂、洗发水?</t>
  </si>
  <si>
    <t>媒体与协会：环境建设的强力推手</t>
  </si>
  <si>
    <t>丰田的混合动力车普锐斯比一般车贵很多，是买普锐斯还是买奔驰、宝马？日本媒体这样说：“开节约能源的普锐斯混合动力车很时尚，开车人是非常关爱环境的人。”这样的评价，开车的人感觉很自豪，周围的人很向往。一种文化、一种氛围就形成了。日本的新闻媒体对爱护?</t>
  </si>
  <si>
    <t>俄罗斯上半年新建住房大幅增长</t>
  </si>
  <si>
    <t>本报莫斯科电 俄罗斯联邦统计局最新公布的数字显示，今年上半年俄新建住房2120万平方米，同比增长35%。俄专家认为，建筑业正成为拉动经济增长的火车头。俄罗斯经济学家注意到，上半年俄建筑业产值同比仅增长25.5%，低于新建住房面积的增幅，这说明建筑业的发展是实</t>
  </si>
  <si>
    <t>意大利专门机构确保食品安全</t>
  </si>
  <si>
    <t>本报罗马电 意大利卫生部长利维亚·图尔科近日宣布，意大利已经成立一个由权威人士和政府官员组成的全国食品安全委员会，负责对全国的食品安全体系进行监管，以确保消费者使用安全健康的食品。图尔科说，委员会由卫生部和农业部联合牵头，成员由18名食品安全领域内</t>
  </si>
  <si>
    <t>可口可乐以653亿美元位居榜首</t>
  </si>
  <si>
    <t>本报华盛顿电 美国《商业周刊》网站提前公布的2007年度世界最有价值品牌100强排行榜显示，可口可乐以653.24亿美元的品牌价值，位居排行榜首位。这份排行榜将刊登在8月6日出版的《商业周刊》上。根据该排行榜，微软以587.09亿美元品牌价值位居第二位。位居第三位的?</t>
  </si>
  <si>
    <t>特快专递背后的科技创新</t>
  </si>
  <si>
    <t>一份特快专递从寄出到收到，最关键的环节在哪里？对世界快递业巨头美国联合包裹服务公司(UPS)来说，关键就在“世界港”。“世界港”是一个位于美国中部小城路易斯维尔的机场，建筑面积有80个足球场大小，拥有44个飞机泊位。与其说这是一个巨型建筑，还不如说这是一</t>
  </si>
  <si>
    <t>印度降低证券市场准入门槛</t>
  </si>
  <si>
    <t>本报孟买电 据印度媒体报道，印度证券管理委员会(SEBI)已经同意放宽准入限制，允许外国个人投资者、企业和对冲基金等直接注册进入印度证券市场。30日出版的印度《经济时报》说，印度政府此举是为增加市场透明度，减少外国投资者投资印度证券市场的成本。</t>
  </si>
  <si>
    <t>自民党选举败北将影响日经济</t>
  </si>
  <si>
    <t>日本国会参议院选举以联合执政的自民党、公明党惨败而告终，而在野的民主党获得参议院过半数席位。由于自民党和民主党在经济政策上分歧较大，因此这样的选举结果将可能影响日本政府今后的经济改革政策走向，从而对日本经济产生较大影响。在经济政策方面，随着自民?</t>
  </si>
  <si>
    <t>受国际市场油价大跌、基本金属全面疲软、美国股市暴跌等因素影响，国内金银价格涨跌互现。30日，上海黄金交易所黄金Au99.95收盘于161.40元/克，上涨0.14元/克，共成交2844公斤；黄金Au99.99收盘于161.79元/克，上涨0.16元/克，共成交551.4公斤；黄金Au100g收盘于16</t>
  </si>
  <si>
    <t>网络银行便利实用  保障安全至关重要</t>
  </si>
  <si>
    <t>编者按 较之传统银行，网络银行具有无可比拟的优势和吸引力，但如何保障安全也是不可回避的现实问题。本报综合发表驻外记者关于国外网络银行的调查稿件，希望其中的一些措施和方法能对我国网络银行的健康发展以有益的启发。美国：发展网络银行是大势所趋在人工成</t>
  </si>
  <si>
    <t>美国总统：金钱铺就白宫之路</t>
  </si>
  <si>
    <t>通往白宫之路并非仅靠“美国梦”，几乎所有的美国总统，“无论贫穷或富裕”，都曾经踩着铺满美元的道路，走向权力的巅峰…… 过去几十年间，历届美国总统竞选总少不了寻求连任的现任总统或希望“扶正”的副总统，但明年的总统竞选将成为自1928年以来美国最具“开放</t>
  </si>
  <si>
    <t>亚太手机市场方兴未艾</t>
  </si>
  <si>
    <t>近几年来，亚太手机市场一直呈现出迅速增长的态势，美媒体最近撰文称，这一趋势将依托亚太地区良好的发展环境继续下去，而新推出的手机服务也将对该市场产生不可低估的影响。国际著名专业电信咨询机构美国弗若斯特沙利文公司日前发表的报告显示，2002年至2006年，?</t>
  </si>
  <si>
    <t>美元走势先抑后扬</t>
  </si>
  <si>
    <t>本周欧元兑美元在1.3853至1.3634美元之间大幅波动。近来，投资者对美国次级抵押贷款市场问题恶化引发的信贷问题忧心忡忡，最初一度给美元和其它高收益货币造成冲击。美国最大的住房贷款公司CFC周二宣布下调2007财政年度收益预期，该公司预计住房和抵押贷</t>
  </si>
  <si>
    <t>少儿儿童文化市场发起暑期攻势</t>
  </si>
  <si>
    <t>动漫影片展映、边游边学夏令营、机器人培训班……又到暑假，各类文化产品纷纷发起了针对少年儿童顾客的市场攻势。但同时，这一商机诱人的市场仍有待进一步开发，少年儿童的文化消费也有待丰富。外资看上中国儿童电影市场6月29日，美国迪斯尼真人动漫影片《宝</t>
  </si>
  <si>
    <t>四国建议北欧天然气管道“改道”</t>
  </si>
  <si>
    <t>本报里加电 拉脱维亚、爱沙尼亚、立陶宛和波兰的经济部长24日共同致信欧盟委员会，希望欧盟说服俄罗斯和德国修改北欧天然气管道建造方案，使管道不穿越波罗的海海底，而是经由四国的陆地。据拉脱维亚通讯社报道，四国的经济部长在信中说，他们担心在波罗的海海底建</t>
  </si>
  <si>
    <t>WTO成员建议修改农业妥协方案</t>
  </si>
  <si>
    <t>本报日内瓦电 世界贸易组织(WTO)全体成员24日举行非正式会议，讨论多哈回合农业问题妥协方案，该方案是由农业谈判小组主席福尔克纳于上周散发的。与会代表均对这一方案的出台表示欢迎，但同时认为该方案尚需改进。据世贸组织官员透露，所有在会上发言的代表都认为?</t>
  </si>
  <si>
    <t>首尔股市综合指数突破2000点</t>
  </si>
  <si>
    <t>受机构投资者和散户的大力追捧，韩国首尔股市综合指数25日终盘首次突破2000点关口。据韩通社报道，首尔股市综合指数当天早盘虽一度下跌，但后市受国际信用评级机构穆迪公司提升韩国国家信用等级等利好消息的刺激，机构投资者和大量散户买盘加大，推动该指数上涨11.</t>
  </si>
  <si>
    <t>日本汽车产业链并非无懈可击</t>
  </si>
  <si>
    <t>日本中部地区近期发生的强烈地震，使看似完善的日本汽车产业链发生断裂，各大汽车生产企业被迫暂时停产。消息显示，日本丰田、日产等12家主要汽车生产企业中已有九家由于这次地震宣布或部分生产线停产一天至四天不等，原因主要是由于位于震区的日本理研汽车零部件?</t>
  </si>
  <si>
    <t>数百亿元民资撬动文化产业</t>
  </si>
  <si>
    <t>2006年，电影《疯狂的石头》以不到300万元的小成本赢得了2300万元的票房，堪称小制作换取大票房的经典之作。这部影片的三个投资商除了大名鼎鼎的中影集团和美国时代华纳，另一个却是浙江的一家民营企业——横店集团。《疯狂的石头》的成功，只是近几年来浙江民资投</t>
  </si>
  <si>
    <t>过度节食坏处多  合理膳食最重要</t>
  </si>
  <si>
    <t>本报讯 保加利亚知名饮食专家巴拉邦斯基日前指出，正常人群应注重合理膳食，过度节食将会给自身健康带来诸多不良影响。据保通社报道，巴拉邦斯基在对100名各年龄段的志愿者进行长时间的跟踪调查后认为，正常人群最合理的膳食结构应该是在一日三餐的基础上，配合两?</t>
  </si>
  <si>
    <t>巴克莱亚洲借力提高收购荷银报价</t>
  </si>
  <si>
    <t>英国巴克莱银行23日表示，将提高对荷兰银行的收购报价，以应对苏格兰皇家银行牵头的财团发出的“天价”收购要约。巴克莱银行将报价提升为675亿欧元，折合荷兰银行每股作价35.73欧元，高于原先提出的每股33.86欧元的报价。据悉，此次最新报价中的2/3将以股票支付，?</t>
  </si>
  <si>
    <t>金钱龟涨成天价  原料短缺成为深加工瓶颈</t>
  </si>
  <si>
    <t>广东、港澳地区、东南亚一带的人有吃金钱龟保健的习惯，目前一只金钱龟在市场上卖到几万元，甚至十多万元，简直贵过黄金。于是，金钱龟养殖和深度加工成为一种发展方向。记者日前参加在惠州举行的“金钱龟药用价值研讨会”，了解到，目前中山大学已经生产出我国第一瓶金钱龟?</t>
  </si>
  <si>
    <t>非洲咖啡主产国看好中国市场潜力</t>
  </si>
  <si>
    <t>首批直销中国的肯尼亚咖啡豆即将装船启运。在这笔价值1040万美元的交易背后，是肯尼亚越发关注中国这个新兴的咖啡消费市场。中国咖啡消费目前仍在起步阶段，年消费量在3万至4万吨之间，而且低价咖啡豆占据主导地位。不过，中国咖啡消费增速惊人，每年保持在10%至15</t>
  </si>
  <si>
    <t>企业年金市场争夺战烽烟起</t>
  </si>
  <si>
    <t>随着经济发展和社会保障体制改革的深入，越来越多的企业开始实行企业年金制度。保监会预计，未来我国企业年金每年可望新增1000亿元以上，到2010年总额达到1万亿元。世界银行则预测，到2030年中国企业年金总规模将高达1.8万亿美元，成为世界第三大企业年金市场。面对如此巨大?</t>
  </si>
  <si>
    <t>政府目标：建立环境与经济并存新体系</t>
  </si>
  <si>
    <t>城市的河流清澈的像山间的小溪，没有一丝污染，这是记者在东京、神户、京都等大城市采访时留下的印象。这样美好环境的建成，日本政府起着主导作用。在日本经济产业省和环境省采访时了解到，日本政府正着力建设一种新的经济体系，即由大量生产、大量消费和大量报废?</t>
  </si>
  <si>
    <t>“中国概念股”热潮涌流德国资本市场</t>
  </si>
  <si>
    <t>今年以来，德国股市关于中国的消息频传。3月和7月先后有两家中国企业在德国证券交易所上市，实现了中国企业在德国上市零的突破。而此前已在德交所挂牌交易的350余家中国企业，今年上半年股票交易额也大幅上涨。一股由中国概念股引发的热潮正逐渐在德国资本市场涌流。</t>
  </si>
  <si>
    <t>东京股票市场将试探上攻</t>
  </si>
  <si>
    <t>本周(7月23-27日)东京股票市场将迎来4-6月期的业绩报表公布高峰期。这一时期内业绩调高而超过市场预期的股票会得到市场的青睐，因此日经平均指数会上攻。但是由于在周末将面临参院选举，可能并不会一味上演上升行情。上周日经平均指数下落了81点，日本国内并没有特</t>
  </si>
  <si>
    <t>全球触摸屏市场高速增长</t>
  </si>
  <si>
    <t>本报东京电 美国苹果公司最新推出的iPhone手机等新产品带动了人们对触摸屏的兴趣。最新一期《日经周报》援引市场分析数据说，全球触摸屏市场规模预计将在今后5年内迅速增至约44亿美元。电子制造领域的市场研究机构日本iSuppli公司说，2006年全球触摸屏出货额为24.2</t>
  </si>
  <si>
    <t>曹妃甸步入循环经济路</t>
  </si>
  <si>
    <t>本报讯  首钢移师之地、中国世界级重化工业基地、国际性能源原材料集疏枢纽港，曹妃甸承载着诸多历史重任，更为引人注目的是，作为国家首批循环经济示范区，曹妃甸将为我国循环经济发展趟出一条新路。曹妃甸距唐山市中心区80公里，处于渤海湾中心地带。“面向大海?</t>
  </si>
  <si>
    <t>欧盟高官将访华寻求消费品安全合作</t>
  </si>
  <si>
    <t>本报布鲁塞尔电（记者尚军）欧盟委员会发言人17日说，欧盟负责卫生和消费者保护事务的委员梅格莱娜·库内娃将于22日开始访问中国，重点商讨在消费品安全领域加强合作。    发言人说，中欧双方于2006年1月签署了关于管理合作安排的谅</t>
  </si>
  <si>
    <t>WTO公布多哈回合关键领域妥协方案</t>
  </si>
  <si>
    <t>本报日内瓦电（记者刘国远）世界贸易组织（WTO）负责农业谈判和非农产品市场准入谈判的两位官员17日分别向世贸组织成员散发了关于上述谈判的妥协方案，希望各成员能在这两个方案的基础上弥合分歧，最终达成一项全面的多哈回合全球贸易协?</t>
  </si>
  <si>
    <t>道琼斯指数跃上14000点关口</t>
  </si>
  <si>
    <t>受投资者对经济增长和企业盈利前景持乐观态度的带动，纽约股市道琼斯指数17日盘中一举突破14000点大关，距离其跨过13000点关口仅57个交易日。    当天发表的经济数据使投资者对美国经济前景重拾信心。美国联邦储备委员会公布的数据显</t>
  </si>
  <si>
    <t>芬兰：依法治污湖泊碧水常清</t>
  </si>
  <si>
    <t>素有“千湖之国”美誉的芬兰，境内星罗棋布着超过18万个大大小小的湖泊。作为一个拥有丰富水资源的国家，芬兰十分重视对水资源的保护和管理，通过制订相关法律并严格依法治理污染使湖泊碧水常清。　　造纸工业是芬兰的传统产业。早在上</t>
  </si>
  <si>
    <t>时代要求企业承担环境责任</t>
  </si>
  <si>
    <t>$T记者观察　　不久前，本报记者应邀赴日本采访其在节能、环保和可持续发展方面的做法。日本在上世纪中期经济高速发展时曾经污染严重。此后，日本开始重视环境治理。经过几十年的努力，现在的日本山清水秀，在节能环保、</t>
  </si>
  <si>
    <t>美国花大力气恢复五大湖生态</t>
  </si>
  <si>
    <t>美国的内河、湖泊分布甚广，是极其重要的饮用水源及生态资源。不过，美国长期工业发展阶段积累起来的水污染问题十分严重，面临着“先污染、后治理”的难题。位于美国和加拿大交界处的五大湖是世界上最大的淡水水域。近年来，美国政府对五大湖水源治污问题十分重视?</t>
  </si>
  <si>
    <t>全球股市起伏跌宕各领风骚</t>
  </si>
  <si>
    <t>$T股市是经济发展的“晴雨表”。从我报驻外记者发回的一组“全球股市半年盘点”专稿中，可以清晰观察到一些国家或地区股市起伏跌宕的运行轨迹，展现这些国家或地区经济发展的总体态势。$E　　@@@美国股市：道指涨幅超过11%@@@　　与去年相?</t>
  </si>
  <si>
    <t>美国农机巨头首次召回在华销售的“问题产品”</t>
  </si>
  <si>
    <t>7月16日，美国约翰·迪尔公司技术人员小心翼翼地更换了最后一台采棉机的曲轴，完成了这家全球农业机械制造巨头在新疆召回67台采棉机的全部工作。这使得我国农业机械化程度最高的新疆，成为首个赢得外国企业召回“问题农机”的省区。?</t>
  </si>
  <si>
    <t>用美官方数据还“中国制造”清白</t>
  </si>
  <si>
    <t>“中国制造”(Made in China)的标签，过去对美国人来说意味着价廉物美；但在最近针对中国产品的这场“质量风暴”中，一些别有用心的美国人有意无意将“中国制造”和劣次品划上等号。实事求是地说，在美国众多进口产品中，中国产品仍维持着较高的质量，问题产品毕竟是极少的一</t>
  </si>
  <si>
    <t>纽约股市两大指数再创历史新高</t>
  </si>
  <si>
    <t>继前一交易日大涨之后，纽约股市13日继续上扬，道琼斯工业指数再次刷新历史记录，标准普尔指数突破2000年3月创下的历史最高记录。美国商务部公布的数据显示6月份零售额与去年同期相比下降了0.9%，这是2005年8月以来的最大降幅，其下?</t>
  </si>
  <si>
    <t>浙江对虾、鲶鱼出口受阻美国水产禁令</t>
  </si>
  <si>
    <t>本报杭州电 最近，美国食品药品管理局(FDA)宣布暂停从中国进口鲶鱼、巴沙鱼、虾、鲮鱼和鳗鱼五种水产品，进口商需要通过独立的检测来证明产品达到安全标准，这一措施使浙江虾、鳗鱼和鲶鱼出口受阻。美国作出这一决定主要是因为近来从中国进口的上述部分水产品中发?</t>
  </si>
  <si>
    <t>上海：二手房土地增值税开征上演税负转嫁</t>
  </si>
  <si>
    <t>本报讯 15日起，上海正式对转让居住未满5年的非普通商品住房开征土地增值税。这一原本意在抑制投机的举措，在二手房指数创近年新高、供需存在缺口、价格涨幅显著放大的情况下，开始演变成对买房人的税负转嫁。6月13日，上海地税部门发布《关于个人转让非普通住房征</t>
  </si>
  <si>
    <t>草原“禁牧令”：“令”好下“禁”难止</t>
  </si>
  <si>
    <t>一面是草原生态恶化需要禁牧，一面是农牧民发展生产要放羊。人、羊、生态，这三者的矛盾把赤峰市巴林右旗大板镇党委副书记鲍文龙逼得额头上多了好几条皱纹。他向记者感叹，上面把禁牧这块“最难啃的骨头”推给了基层干部，基层干部迫于压力只好“硬着头皮上”。现?</t>
  </si>
  <si>
    <t>给受贿犯罪定出新类型</t>
  </si>
  <si>
    <t>最高法院、最高检察院8日联合发布《关于办理受贿刑事案件适用法律若干问题的意见》，明确了“收受干股”、“期权寻租”等10种市场经济条件下的新类型受贿刑事案件法律适用问题的具体意见。这是继5月30日中共中央纪委下发《关于严格禁止利用职务上的便利谋取不正当?</t>
  </si>
  <si>
    <t>欧盟错误否决企业并购申请被判赔偿</t>
  </si>
  <si>
    <t>本报布鲁塞尔电(记者尚军)　欧洲初审法院11日判定，欧盟委员会因为6年前错误地否决了一项企业并购申请，应当承担赔偿责任。这一判决为追究欧盟委员会滥用反垄断职权开创了司法先例。　　欧洲初审法院在判决中说，欧盟委员会2001年?</t>
  </si>
  <si>
    <t>中国枸杞终能继续出口欧盟了</t>
  </si>
  <si>
    <t>记者日前从宁夏检验检疫局获悉，在宁夏商务厅、检验检疫局以及枸杞加工企业的配合下，中国成功应对英国对枸杞进行的安全性调查，这意味着一度面临“退出欧盟市场”风险的中国枸杞，可以继续正常出口，这对中国的枸杞出口以及农民增收意义重大。过度宣传引发安全调查?</t>
  </si>
  <si>
    <t>印度推出房地产价格指数</t>
  </si>
  <si>
    <t>印度财长奇丹巴拉姆近日宣布推出一项反映该国房地产市场行情的价格指数NHB Residex，该指数由印度房屋信贷管理机构——国家住宅银行负责编制和公布。NHB Residex主要用于跟踪房屋市场价格的变化，该指数通过12个变量得出各城市不同地域的住宅平均价格水平，每6个月</t>
  </si>
  <si>
    <t>中国第一个3G通讯软件核心系统项目启动</t>
  </si>
  <si>
    <t>本报讯  美国纳斯达克上市公司亚信科技近日正式对外宣布，将为中国移动通信集团公司建设TD-SCDMA试验网业务支撑系统。这是中国第一个3G移动通讯软件核心系统项目。随着中国移动TD-SCDMA建网步伐加快，业界普遍预测，2007年中国3G移动通讯将进入爆发期。根据亚信科?</t>
  </si>
  <si>
    <t>欧佩克主席保证石油供应充足</t>
  </si>
  <si>
    <t>石油输出国组织(欧佩克)主席、阿联酋能源部长哈米利11日表示，欧佩克将不断观察世界石油市场的动向，如果需要，欧佩克成员国准备增加石油的投放量。哈米利11日通过阿联酋通讯社发表了一份声明。他表示目前世界石油市场油价不断攀高与石油供求没有任何关系，完全是?</t>
  </si>
  <si>
    <t>日将加快自贸谈判步伐</t>
  </si>
  <si>
    <t>日本经济产业大臣甘利明10日在向内阁会议提交的2007年通商白皮书中强调，日本将加快与美国、欧盟及东亚各主要国家和地区进行自由贸易谈判的步伐，旨在最终与这些经济体签署自由贸易协定。白皮书指出，目前全球各经济体之间的自由贸易谈判日趋活跃，日本将把与美国?</t>
  </si>
  <si>
    <t>纽约股市三大股指大跌</t>
  </si>
  <si>
    <t>受公司利空消息和油价上涨影响，纽约股市三大股指10日大幅下跌。在公司层面，道指成分股、家装连锁商家得宝公司当天宣布，由于美国住宅市场低迷，该公司下调2007年盈利预期。此外，美国大型零售商西尔斯公司宣布，受美国住宅市场降温影响，公司旗下凯马特折扣?</t>
  </si>
  <si>
    <t>中国汽车应把握拓展非洲市场的“黄金时代”</t>
  </si>
  <si>
    <t>目前，中国车正以迅猛的势头进入非洲市场，在非洲的一些国家中已经有了中国汽车的专卖店，有的国家还有中国卡车的组装厂。然而，中国车在拓展非洲市场的同时也面临着一些问题亟待改进。中国车驶入非洲市场汽车及其零部件已经成为我国向非洲出口的重要商品。?</t>
  </si>
  <si>
    <t>奇瑞与跨国公司展开多种形式合作</t>
  </si>
  <si>
    <t>在近日与美国克莱斯勒的合作协议正式签署后，奇瑞已与七家世界级跨国公司开展了多种形式的合作。奇瑞公司董事长兼总经理尹同耀说，奇瑞公司与世界500强企业间进行的合资、代工生产和产品配套等多种形式的合作，将快速提升奇瑞公司自身的研发水平和质量管理水平。继</t>
  </si>
  <si>
    <t>韩青年热考公务员爱捧“铁饭碗”</t>
  </si>
  <si>
    <t>上周末在首尔市举行的首尔公务员考试吸引了韩国全国各地9万多名考生“上京赶考”，盛况空前。考试期间，首尔的宾馆旅店爆满，连桑拿中心(可以过夜)也生意兴隆。在激烈的就业竞争面前，越来越多的韩国年轻人希望通过公务员考试，赢得一个旱涝保收的“铁饭碗”。8日?</t>
  </si>
  <si>
    <t>印度输气管线为何青睐中国钢管</t>
  </si>
  <si>
    <t>随着最后一批印着“宝石花”标志的中国钢管在上海港装船启航，中国石油集团宝鸡石油钢管有限责任公司出口印度的钢管制造合同圆满完成。数字显示，被印度“东气西送”管道工程采购的中国生产的管线达1244公里、60万吨，占到整个“东气西送</t>
  </si>
  <si>
    <t>国企改制不只有“卖”一条路</t>
  </si>
  <si>
    <t>我国工量具行业的排头兵企业──哈尔滨量具刃具集团（下称哈量），在改制过程中，顶着“靓女先嫁”和“一卖了之”的热潮，反其道而行之，跨国并购了国际同类知名企业──德国凯狮公司，成功跃上了国际工量具行业大舞台。有关人士认为，国企改?</t>
  </si>
  <si>
    <t>供需失衡风险加大  国际油价易涨难跌</t>
  </si>
  <si>
    <t>国际原油期货价格近期不断上涨，目前油价较年初低点已攀升了四成，空方坚守10个月之久的每桶70美元大关终于被多方踩于脚下。此间观察家预测，在供应紧张局面缓解之前，未来一段时间内国际油价将保持强势格局。需求强劲是“罪魁祸首”市场人士认为，以美国为?</t>
  </si>
  <si>
    <t>中药首次通过“专利许可”走向国际市场</t>
  </si>
  <si>
    <t>本报讯（记者周而捷）6月22日，中国军事医学科学院以“专利许可”的方式与英国植物制药公司签订了一种新型中药的合作协议，为饱受海外争议的中药走出了一条新型国际化之路。    这种代号为“NJS”的新型抗痴呆中药经过军事医学科学院放射与?</t>
  </si>
  <si>
    <t>印度股指盘中破万五  市场对后市看法有异</t>
  </si>
  <si>
    <t>印度股市主要股指孟买证交所敏感30指数(Sensex30)上周最后一个交易日盘中一度突破15000点大关，收盘时回落至这一重要心理点位之下。分析师对后市形成各有不同判断。HDFC银行分析师阿沛·爱马认为，鉴于目前利率较高和卢比不断升值，上市公司近期即将发布的财报结果</t>
  </si>
  <si>
    <t>“宝鸡钢管,中国石油装备制造业的骄傲”</t>
  </si>
  <si>
    <t>7月5日下午，上海港出现入夏以来难得一见的晴好天气。随着最后一艘满载着“宝石花”标志钢管的巨大货轮缓缓启航，中国石油集团宝鸡石油钢管有限责任公司出口印度的管线60万吨钢管制造合同圆满完成。“这不仅是国际上一次授标最高的钢管订货合同，更重要的是它开启?</t>
  </si>
  <si>
    <t>文化安全：仅仅防御是行不通的</t>
  </si>
  <si>
    <t>“文化安全”问题是当前我国进行文化体制改革、发展文化产业过程中的一个重大问题，已经引起政府部门以及学术界的高度重视。世界上很多发达的资本主义国家都把“文化安全”这一问题视为国际文化贸易中的原则性问题。比如法国、加拿大等国针对国际贸易中文化产品的?</t>
  </si>
  <si>
    <t>“中国制造”跨向“中国服务”的路径</t>
  </si>
  <si>
    <t>跨国公司出于对降低成本、提高核心竞争力、开辟新市场等利益的考虑，在信息技术的支撑下，纷纷将非核心服务活动转移出来，已形成世界产业转移中一道新的亮丽风景线。据联合国贸发会议和世界服务外包协会预测，全球服务外包市场将以每年30%～40%的速度递增，到2007年将增至120</t>
  </si>
  <si>
    <t>红树林：北部湾的“生态卫士”</t>
  </si>
  <si>
    <t>生长在热带和亚热带海岸潮间带、随潮起潮落而时隐时现的木本植物——红树林，不仅是海边一道令人赏心悦目的奇妙景观，而且具有巨大的生态功能价值。记者近日在北部湾沿海地区采访时获悉，有关专家的研究成果显示，中国的红树林每年产生的生态功能价值高达23.65亿元</t>
  </si>
  <si>
    <t>小企业也能制造精彩</t>
  </si>
  <si>
    <t>法国的Alubat铝船公司是一家信誉卓著的小企业，尽管其员工人数只有120人、年销售额为一千多万欧元，它却在欧洲帆船市场金属批量造船方面占有绝对领先地位。日前，记者有机会采访了公司总裁菲利普·奥比内尔。    Alubat享有“全球最大?</t>
  </si>
  <si>
    <t>中国巴西双边贸易额超过100亿美元</t>
  </si>
  <si>
    <t>本报巴西利亚电 据巴西发展工业外贸部日前公布的统计数字，2007年上半年，中国和巴西双边贸易继续保持高速增长，贸易总额突破百亿美元，达到101.2亿美元。其中，巴西自中国进口52.1亿美元，同比增长49.1%；向中国出口49.1亿美元，同比增长34.35%。巴西自</t>
  </si>
  <si>
    <t>爱琴海免税区为中国企业“走出去”铺路</t>
  </si>
  <si>
    <t>“爱琴海自由贸易免税区”位于土耳其第三大城市伊兹密尔，由美国埃斯巴什公司开发和管理。免税区董事长卡亚·通杰尔日前接受本报记者专访时表示，希望中国企业前来投资。据通杰尔介绍，爱琴海自由贸易免税区成立于1990年，占地220公顷，为土耳其第一大出口加工基地</t>
  </si>
  <si>
    <t>欧元区经济今年开局良好</t>
  </si>
  <si>
    <t>欧盟委员会3日发布的欧元区季度报告认为，欧元区经济今年开局不错，并且前景看好。报告同时指出，欧元升值尚未对欧元区出口造成较大影响。数据喜人报告称，今年第一季度，欧元区13国经济较前一季度增长0.6%。另外根据欧盟统计局上月初发布的数据，经修正后，</t>
  </si>
  <si>
    <t>中国欧盟举行第三次财金对话</t>
  </si>
  <si>
    <t>本报布鲁塞尔电 中国和欧盟官员4日在布鲁塞尔举行第三次财金对话，就宏观经济形势和政策、金融部门改革、会计准则和政府采购等共同关心的议题展开深入讨论，以加强在财政和金融领域的政策交流。由中国财政部、外交部、商务部、银监会、证监会和保监会组成的中方代?</t>
  </si>
  <si>
    <t>镁合金有望使汽车减重500公斤</t>
  </si>
  <si>
    <t>本报重庆电 美国一位镁合金研究方面的专家近日在此间预测，今后若干年，全球平均每辆汽车镁合金用量将达到120公斤，这将使汽车减重500公斤，从而大大降低汽车油耗和尾气排放量。北美汽车联盟镁合金项目专家科尔(GeraldS.Cole)在中国汽车摩托车用镁国际研讨会上表</t>
  </si>
  <si>
    <t>奇瑞汽车在俄本土化运作月产能突破四千辆</t>
  </si>
  <si>
    <t>本报讯 据奇瑞汽车国际公司有关负责人向记者介绍，今年第一季度奇瑞汽车以销售6656辆的成绩登上俄罗斯汽车销售排行榜，排名第12位，这也是中国产汽车在俄首次登上排行榜。据统计，1至5月份，奇瑞在俄罗斯的总销量达到了16239辆，俄罗斯已成为奇瑞海外的最大市场。目前奇瑞在?</t>
  </si>
  <si>
    <t>美国：顾客自助扫描  超市购物便利</t>
  </si>
  <si>
    <t>人们在大型超市购物时往往会遇到这样一个问题：在挑选了一大堆商品后，经常要排长队等待结账。有没有更好的购物解决方案呢？美国部分超市如今开始了一项新尝试，在超市中为顾客配备一种便携式自助扫描仪，让顾客在挑选商品的同时自助扫描入账，这样，在结账时就会?</t>
  </si>
  <si>
    <t>日本信息通信产业出口力下滑</t>
  </si>
  <si>
    <t>本报东京电 日本总务省3日公布了2007年《信息通信白皮书》，认为日本信息通信产业出口竞争力下降。白皮书指出，从1997年至2005年，日本绝大多数信息通信产品的国际市场份额下降，这表明日本信息通信产业出口竞争力有所下降。与之对照的是，中国和印度等国家信息通?</t>
  </si>
  <si>
    <t>美推倒对华反补贴调查“多米诺骨牌”</t>
  </si>
  <si>
    <t>美国针对中国反补贴调查的多米诺骨牌已经推倒。6月28日，美国商务部对中国产环状焊接碳素钢管发起反倾销反补贴合并调查，6月18日，美国相关产业界致信美国国际贸易委员会，要求对来自中国的特定轮胎产品发起反补贴调查。“多米诺骨牌”已推倒一切?</t>
  </si>
  <si>
    <t>风电设备依赖进口已成产业发展瓶颈</t>
  </si>
  <si>
    <t>虽然我国风电机组装机容量已从2005年的126万千瓦增长到2006年的260万千瓦，但面对如此庞大的市场，我国风电设备却始终依赖进口，尤其是高端的技术设备以及很多国产设备的设计几乎被国外厂商垄断，自主知识产权缺失已成为我国风电产业发展的瓶颈和痛疾。在日前举行?</t>
  </si>
  <si>
    <t>美国：政府社会个人齐负养老之责</t>
  </si>
  <si>
    <t>与中国传统的“养儿防老”观念不同，美国的养老责任由政府、社会和个人等多方面共同承担。社会保障体系与社会养老机构发挥着重要作用。美国的社会保障制度始于20世纪30年代美国经济大萧条时期的一种社会养老保险制度，主要目的是使就业者退休后能够“老有所养”。?</t>
  </si>
  <si>
    <t>英国：推行养老金改革  关怀贫困老人</t>
  </si>
  <si>
    <t>养老金改革一直处于英国政府政策议程之上。目前的一项养老金改革草案通过将个人收入与养老金挂钩，以及改进国家二级养老金体制，确保今后有更多的钱用在养老金领取者身上。养老金改革的一个重要方面是确保公众得到足够的相关信息和建议。英国政府于今年1月公布了一</t>
  </si>
  <si>
    <t>德国：鼓励居民参加补充养老保险</t>
  </si>
  <si>
    <t>德国的养老保险制度包括法定养老保险、企业养老保险和私人养老保险三部分，后两者又被称为“补充养老保险”。随着德国人口老龄化问题日益突出，政府的养老负担也在逐步增加。为此，德国政府在维持法定养老保险主导地位的同时，也采取措施鼓励人们更多地参加“补充养老保险”?</t>
  </si>
  <si>
    <t>我国中药出口冠名多年不曾改变</t>
  </si>
  <si>
    <t>本报讯 “中国的中草药和中药还是以膳食补充剂、功能食品的名义进入欧盟、美国。”欧美专家日前在商务部、中国医药保健品进出口商会举办的“中国生命科学产业在全球面临的监管挑战研讨会”上如是表示。据介绍，这种趋势还将延续。我国中草药和中药以何种名称出口注</t>
  </si>
  <si>
    <t>欧盟拟彻底“肢解”能源巨头遭抵制</t>
  </si>
  <si>
    <t>欧盟内部能源市场自7月1日始全面开放，欧盟多数成员国的消费者今后可以自由选择电力和燃气公司，这意味着在欧盟成员国中原先通常由本国国营企业控制能源市场的垄断局面将被打破。不过，欧盟委员会在推进单一能源市场自由化改革的进程中仍面临巨大阻力，其中一个严重分歧就是?</t>
  </si>
  <si>
    <t>生产大国仍打算建立天然气欧佩克</t>
  </si>
  <si>
    <t>本报科威特电 来自多哈的消息称，卡塔尔副首相兼石油和工业大臣阿提亚近日表示，虽然今年4月在卡塔尔首都多哈召开的世界天然气生产国论坛上，类似石油输出国组织(欧佩克)的天然气欧佩克没有宣告成立，但论坛各成员国还在为此进行着努力。据卡塔尔《旗帜报》2日报道</t>
  </si>
  <si>
    <t>俄罗斯股市仍在盘整</t>
  </si>
  <si>
    <t>6月最后一周，俄罗斯股市未能克服1900点的重要心理关口，上周俄罗斯交易系统指数(RTS)仅上涨1.6个点，止步于1897.7点。俄罗斯另一个股票市场——莫斯科银行间外汇交易所指数(MMVB)微涨0.6个点。与此前一周相比两个市场的成交量都有所萎缩，RTS市场上周日均成交金额不足4000万</t>
  </si>
  <si>
    <t>亚洲抵御外部金融冲击能力增强</t>
  </si>
  <si>
    <t>本报马尼拉电 亚洲开发银行2日在菲律宾首都马尼拉举行纪念亚洲金融危机10周年研讨会，来自当年受金融危机影响最大的国家的官员和经济专家一致表示，亚洲各经济体抵御外部金融冲击的能力已经增强。亚行行长黑田东彦在发言时说，在过去几年，亚洲各国大力加强了本地?</t>
  </si>
  <si>
    <t>跨国制药企业瞄准中国制药研发领域</t>
  </si>
  <si>
    <t>即便拥有全球众多的高素质研发人员、充足的研发经费、领先的技术，近几年美国新药上市速度依然出现减缓的趋势。有关资料显示，2006年美国食品药品监督管理局只批准18种新药上市，低于近六年来的平均水平，相应的，很多大型制药企业已加快从世界各地引进新的研发项目速度。据?</t>
  </si>
  <si>
    <t>中国第二大轮胎厂商在美卷入召回风波</t>
  </si>
  <si>
    <t>[主持人语]质量安全：中美经贸摩擦的“新战场”一个不容回避的事实是，“质量安全”问题已成为中美经贸摩擦中的一个“新热点”，并很可能成为中美经贸摩擦中一个“新战场”。说“质量安全”问题是“新热点”，是因为其表现形式和影响既与以往争端中的反?</t>
  </si>
  <si>
    <t>巴西政府斥巨资支持农业</t>
  </si>
  <si>
    <t>本报巴西利亚电 巴西总统卢拉6月28日在巴西利亚高原宫主持仪式，宣布巴西政府将于2007/2008年度设立580亿雷亚尔(1美元约合1.95雷亚尔)的专项基金，以支持农业企业的生产和销售活动。根据巴西政府公布的计划，总投资的84.5%将用来支持农业企业的生产活动，剩余部分?</t>
  </si>
  <si>
    <t>难忘2003年：战胜非典,香港经济重拾升轨</t>
  </si>
  <si>
    <t>在香港工作近四年，给我留下深刻印象的不仅是高楼林立、风景旖旎、交通便捷、名牌汇聚……更难忘的是香港人在非典时期众志成城，灵活善变，最终战胜病魔，在CEPA的有力推动下，经济摆脱困境重拾上升通道。我是2002年年底赴港任职的。当时，香港正在奋力摆脱亚洲金?</t>
  </si>
  <si>
    <t>观影方式多元化反倒挤占中国电影票房</t>
  </si>
  <si>
    <t>看电影再也不用专门去影院了，打开电视看电影、看碟片、上网观影，甚至手机也能看电影。然而，观影多元化，电影产业收入却几乎“一元化”，主要靠影院收入支撑。这样的现状对中国电影产业实在不是一个福音。一位业内人士称，在美国，电影票房收入仅占百分之二三十?</t>
  </si>
  <si>
    <t>铭记1998：香港打响金融保卫战</t>
  </si>
  <si>
    <t>时光如梭，香港回归已经10年了。从1995年到1999年我在新华社香港分社工作，其间爆发了亚洲金融风暴。1998年8月，刚满周岁的香港特区政府为确保市场自由开放和公平竞争环境，毅然决定动用逾千亿港元外汇基金入市，粉碎了国际投机者恶意操控香港股市的企图，这一案例被国际金融</t>
  </si>
  <si>
    <t>纽约股市三大股指上涨</t>
  </si>
  <si>
    <t>受公司利好等因素影响，27日纽约股市收盘时全面上涨。美国商务部当天公布的数据显示，美国工厂的耐用品订货5月份下降了2.8%，降幅远大于分析人士估计的1%，是连续三个月增长之后首次下降。市场分析人士认为，尽管降幅高于预期，但只是暂时的失常表现。该消息对股市</t>
  </si>
  <si>
    <t>德国交强险费率也浮动</t>
  </si>
  <si>
    <t>自1939年颁布首部“车主赔偿责任保险法”以来，德国交强险市场经过近70年的发展已相当完善。赔偿责任险属于强制性法定保险，无论是购买新车还是二手车都必须投保。同时，车主可自由选择保险公司，保险公司也将根据相关标准不断调整车主费率。强制投保 高额赔付</t>
  </si>
  <si>
    <t>城市人口增长成为影响发展最重要因素</t>
  </si>
  <si>
    <t>本报日内瓦电 联合国人口基金(UNFPA)27日发表的《2007年世界人口状况报告》说，世界城市人口迅速增长，2008年将有33亿人生活在城市中，2030年将达到50亿人。城市人口增多以及城市范围的不断扩大将成为21世纪影响人类发展的最重要因素。这份长达99页的报告说，如今?</t>
  </si>
  <si>
    <t>IMF:通胀对成世界经济威胁最大</t>
  </si>
  <si>
    <t>本报华盛顿电 国际货币基金组织(IMF)首席经济学家西蒙·约翰逊26日表示，今明两年世界经济增长速度有望超过原先预计的水平，但与此同时通货膨胀压力也随之升高，通胀已成为世界经济增长面临的最大风险。约翰逊是在当天举行的一个新闻吹风会上作出上述表示的。但他?</t>
  </si>
  <si>
    <t>纽约股市三大股指继续下挫</t>
  </si>
  <si>
    <t>受美国新房销售下降以及消费者信心下滑等因素的影响，26日纽约股市三大股指继续小幅下跌。美国商务部当天发布的统计报告显示，5月份美国新房销售量比前一个月下降1.6%，为过去5个月来第四个月下降。加之美国全国房地产经纪人协会前一天公布的5月份旧房销售数据同样</t>
  </si>
  <si>
    <t>市场繁荣下　众多瓶颈尚存</t>
  </si>
  <si>
    <t>随着中俄战略协作伙伴关系的确立，两国经贸往来飞速发展。2003年，中国汽车迈出了挺进俄罗斯市场的第一步，经过几年的发展，中国汽车对俄出口呈现“井喷式”增长势头，成为中国汽车出口最集中、最重要的市场。一片繁荣的背后，中国汽车存在的通过认证难、质量不过硬、售后服?</t>
  </si>
  <si>
    <t>中国绿色建筑的“聂氏表达”</t>
  </si>
  <si>
    <t>2007年6月6日，全国工商联房地产商会会长聂梅生应邀出席了在哥斯达黎加举行的美国沃顿商学院全球校友论坛，并就中国绿色建筑发表演讲。用聂梅生自己的话说，“虽然参加过多次在世界各地举办的国际会议，但惟有这一次让我真正开始思考一些东西，同时也产生了把在会上的随想表?</t>
  </si>
  <si>
    <t>印象派拍卖创高价  但亚洲藏家不认</t>
  </si>
  <si>
    <t>本月18日傍晚，克里斯蒂拍卖行在伦敦市中心国王大街举行印象派与现代派艺术品专场拍卖会，法国印象派大师莫奈的两幅作品分别以1794万英镑和898万英镑的高价成交。两小时的拍卖会拍出73件拍品中的63件，成交总额高达1.21亿英镑，创欧洲单场艺术品拍卖会的新纪录。数</t>
  </si>
  <si>
    <t>布朗接任英国首相后将主打民生牌</t>
  </si>
  <si>
    <t>住房、教育、医疗保障，24日被任命为英国工党新领袖的财政大臣戈登·布朗迫不及待地圈出英国政府未来经济工作的核心领域。与扭转布莱尔在外交上对美国“唯命是从”的跟班形象相比，侧重民生、抓住选民，为2009年大选奠定基础才是布朗乃至整个工党的第一要务。根据?</t>
  </si>
  <si>
    <t>闻臭气喝污水  银川居民苦不堪言</t>
  </si>
  <si>
    <t>致力于创建最适宜居住、最适宜创业的“两个最适宜”城市的宁夏银川市，却时时被臭气和污水所困扰。位于银川市永宁县境内、生产规模居“亚洲第一”的启元药业和伊品集团等企业，排放恶臭气体和污水，长期得不到有效控制和解决，银川市民常年闻着臭气喝着污水生活，群众气愤地?</t>
  </si>
  <si>
    <t>美国新能源法案引发国内争议</t>
  </si>
  <si>
    <t>基于越来越严峻的国际能源形势，制定新能源法案在美国已是大势所趋。但具体采用何种途径才能确保能源安全，在美国国内却看法不一。其中的激烈争论，也折射出美国各利益团体在能源问题上的立场。根据美国参议院日前通过的新能源法案以及其他建议，确保能源安全大致?</t>
  </si>
  <si>
    <t>亚洲仍需增强金融危机防范意识</t>
  </si>
  <si>
    <t>第16届世界经济论坛东亚会议24日在新加坡开幕。由于今年恰逢亚洲金融危机爆发10周年，因此与会人士在发言中仍不忘给亚洲各经济体敲一敲警钟。新加坡总理李显龙在本次大会的欢迎酒会上说，亚洲金融危机发生后的10年间，东亚国家积极实施合理的宏观经济政策，加强金?</t>
  </si>
  <si>
    <t>日本恢复对华出口优质大米</t>
  </si>
  <si>
    <t>本报东京电 日本对中国的大米出口在中止四年之后日前正式恢复。24日装载大米的首班货轮从日本横滨港出发驶向中国的上海和天津。据《日本经济新闻》报道，这次恢复出口后首批发到中国的，是在日本最受欢迎的产于新潟县和宫城县的大米，共计24吨。这些大米将在中国的</t>
  </si>
  <si>
    <t>茶叶出口企业应对“农残之困”</t>
  </si>
  <si>
    <t>继日本肯定列表制度正式实施后，今年4月初，欧盟茶叶委员会(ETC)再次提高了欧盟及德国茶叶新农药残留标准。农残标准的不断提升，对我国茶叶出口企业提出巨大挑战。如何破解“农残之困”？目前，一些茶叶出口企业已开始在茶源、茶农、农药管理等环节提升自身的应对能力。?</t>
  </si>
  <si>
    <t>品牌管理的“五大新趋势”</t>
  </si>
  <si>
    <t>2006年，美国《商业周刊》杂志公布了全球100个最有价值品牌排行榜，可口可乐高居榜首，品牌价值为696亿美元，比上年增长了1%，微软和IBM名列第二名和第三名，二者的品牌价值分别是641亿美元和512亿美元。在全部上榜的100个品牌中，有大约一半的品牌与2005年相比遭遇价值缩水?</t>
  </si>
  <si>
    <t>美国：重视新能源开发</t>
  </si>
  <si>
    <t>通过科技创新发展可靠、清洁和廉价的能源，是目前美国保障能源安全的大方向。2006年美国能源部的“战略计划书”明确提出，其首要目标就是“寻找能源解决方案，保障美国人的未来”。实际上，在全球能源危机的大背景下，美国人近年来对能源安全的重视提升到了前所未?</t>
  </si>
  <si>
    <t>法国:根据国情完善能源政策</t>
  </si>
  <si>
    <t>随着经济发展和保护环境的需要，法国政府不断根据国情和发展需要完善其能源政策，逐渐形成了今天以保证能源供应安全、保证能源价格具有竞争力、促进可再生能源发展为三大基本目标的能源政策。法国人口为6200万，占全球人口的大约1%，但其化石能源的蕴藏量仅占目前?</t>
  </si>
  <si>
    <t>德国资本市场向中国企业抛出“橄榄枝”</t>
  </si>
  <si>
    <t>“在法兰克福的交易所上市是中国企业通往欧洲资本市场的捷径”；“柏林证券交易所具有中国情结”……一时间，几乎所有德国证券交易所都开始向中国企业抛出橄榄枝。这些证交所已经不满足于中国股票在德挂牌交易，而是更希望能吸引中国企业赴德进行首次股票发行(IPO)。开</t>
  </si>
  <si>
    <t>吉利与英国合资组建上海公司生产名车</t>
  </si>
  <si>
    <t>本报考文垂电 英国锰铜公司日前宣布，与中国吉利集团合资组建的上海公司最早将于明年下半年投产。据介绍，即将投产的上海公司年产量将达4万辆，主要生产黑色经典出租车、豪华轿车和大型商务车等四款车型。英国锰铜公司首席运营官施尔科卡在接受本报记者专访时表示?</t>
  </si>
  <si>
    <t>加拿大指责美农业补贴违反WTO规则</t>
  </si>
  <si>
    <t>本报日内瓦电 加拿大驻世界贸易组织代表20日指责美国的高额农业补贴违反世界贸易组织(WTO)规则，并要求世贸组织成立专家组对美国的补贴做法进行调查，但这一要求遭到美方拒绝。在世贸组织争端解决机构当天的一次会议上，加拿大代表指出，美国对许多种农产品进行高?</t>
  </si>
  <si>
    <t>日本低息政策助长套利交易</t>
  </si>
  <si>
    <t>日本中央银行15日宣布，继续维持超低息的金融政策，将日元的银行间无担保隔夜拆借利率维持在0.5%的水平。消息宣布之后，日元对西方主要货币的比价进一步低走。19日东京外汇市场上，日元对美元的汇率跌到了123.66日元兑换1美元的4年半来新低点，对欧元跌到了165.77?</t>
  </si>
  <si>
    <t>墨西哥湾油田首现中国企业身影</t>
  </si>
  <si>
    <t>墨西哥湾位于北美洲东南部边缘，面积约为150万平方公里，是世界上石油蕴藏最丰富、石油产量最多的地区之一。2006年，中国海洋石油有限公司(中海油)下属的中海油田服务有限公司(中海油服)联合墨西哥当地公司，通过国际公开竞标，击败其他4家竞争对手，取得了墨西哥国家石油公?</t>
  </si>
  <si>
    <t>哈萨克斯坦亚洲商品展览会开幕</t>
  </si>
  <si>
    <t>本报阿拉木图电 为期4天的2007年哈萨克斯坦亚洲商品展览会20日在哈萨克斯坦最大城市阿拉木图拉开帷幕。本届展览会由中国商务部外贸发展事务局和新疆生产建设兵团商务局主办，哈萨克斯坦国家工商会、阿拉木图市商业与工业局等单位协办。展览会由亚洲机械与车辆展览?</t>
  </si>
  <si>
    <t>欧洲人的六大金融理财工具</t>
  </si>
  <si>
    <t>根据欧洲国家的经济规律，金融投资主要是人们使用自己的储蓄等家庭可支配收入剩余部分来投资，也就是将资本投入各种金融和房地产的项目，主要通过资本的运作来获取收益。股票投资这种投资可以通过直接购买各种公司的股票来进行，或通过各种集体投资形式?</t>
  </si>
  <si>
    <t>热带水果：如何跳出“果贱伤农”的怪圈？</t>
  </si>
  <si>
    <t>荔熟时节，记者在有“广西黑叶荔第一镇”之称的钦州市新棠镇看到，当地漫山遍野的荔枝树果实累累，即将进入采摘期。当地果农介绍，今年荔枝大丰收已成定局，产量估计超过最高产量的2004年。2004年是广西荔枝的“滑铁卢”，记者当年在公路旁曾拍下照片：一个守在公?</t>
  </si>
  <si>
    <t>法国葡萄酒商看好中国市场</t>
  </si>
  <si>
    <t>本报波尔多电 法国米艾德酒庄总裁热拉尔·米艾德18日接受记者采访时说，中国经济发展迅速，葡萄酒市场更是潜力巨大，对全球葡萄酒生产商来说，中国将是一块“必争之地”。米艾德酒庄是法国的一个中等葡萄酒企业。目前，米艾德酒庄名下共有七座城堡、230公顷葡萄园?</t>
  </si>
  <si>
    <t>省湘潭县农信社创办联户担保贷款业务</t>
  </si>
  <si>
    <t>尤努斯创办了孟加拉国格莱珉银行，向穷人提供小额贷款助其脱贫，从而获得诺贝尔奖。湖南湘潭县农村信用合作联社在青竹村“试验性地”开办了“联户担保贷款”业务，可说是与格莱珉银行异曲同工。逼出来的“青竹模式”湘潭县响水乡青竹村支部书记卢国良告诉记?</t>
  </si>
  <si>
    <t>我国反洗钱面临四大挑战</t>
  </si>
  <si>
    <t>当前洗钱犯罪呈现五大特点    2004年，中国人民银行济南分行与山东省公安部门调查发现，一个以韩国人金某为首的地下钱庄从事非法买卖外汇活动。经缜密侦查，公安部门最终一举抓获了金某等18名涉案人员，缴获128万元人民币、7750美元，以及10个存折、八张银行卡和电脑、</t>
  </si>
  <si>
    <t>鞍钢2.5亿元购金达必公司近13%股份</t>
  </si>
  <si>
    <t>本报讯 记者从鞍钢集团国际经济贸易公司获悉，鞍钢在香港的投资部门日前与澳大利亚金达必金属公司(GindalbieMetals)签订协议，收购金达必公司12.94%的股份。这是中国钢铁企业参股国外上市矿业公司的“第一单”，在推进中国钢企国际化经营发展战略中具有里程碑意义。</t>
  </si>
  <si>
    <t>中铝河南公司“多腿走路”推进节能减排</t>
  </si>
  <si>
    <t>作为亚洲最大的氧化铝企业的中国铝业股份有限公司河南分公司，推进“系统性”的节能减排，避免“头痛医头、脚痛医脚”的减排降耗通病。5年来，公司在实现氧化铝产量、产能、资产总值和销售收入比2001年翻了一番的同时，企业产品综合能耗降低了20%以上，万元生产总值能耗同比?</t>
  </si>
  <si>
    <t>《中欧政府采购研究报告》揭示我国政府采购问题</t>
  </si>
  <si>
    <t>今年年底，我国将启动加入政府采购协议的谈判工作。就此不少政府官员和研究机构纷纷就谈判前我国政府采购制度的发展和其他准备工作进行了研讨，在日前举行的中欧政府采购论坛上，中央财经大学教授曹富国首次公布了《中欧政府采购研究报告》。该报告除介绍欧盟政府采购的经验?</t>
  </si>
  <si>
    <t>环保“西格玛”房屋亮相英国</t>
  </si>
  <si>
    <t>未来环保家庭房屋什么样？首个获得英国“接近二氧化碳零排放”房屋证书的概念房屋“西格玛”也许能提供一个样板。    “西格玛”利用风能、太阳能取电，注重节水，集合各种节能特征。房屋建造者说，这种房屋将是英国首批投入批量制造的环保家庭住宅。五星房屋正?</t>
  </si>
  <si>
    <t>俄罗斯有太多美好的东西吸引我们</t>
  </si>
  <si>
    <t>满怀感动与好奇，哈尔滨阿尔巴特餐厅的经理李良接受俄罗斯驻沈阳总领事馆的邀请，参加“独立日”酒会。让中国人倍感亲切又差异明显的俄罗斯文化，在这样的“平民大使”推介下走入中俄百姓生活中。    “诚挚邀请您参加俄罗斯‘独立日’庆祝活动”，一封俄罗斯驻沈阳总?</t>
  </si>
  <si>
    <t>越南招商“绣球”入滇  “昆河走廊”经贸升温</t>
  </si>
  <si>
    <t>前不久，越南外交部副部长武勇率领120多人的庞大团队抵达昆明，与云南方面深度接触。业内人士指出，这意味着两国“两廊一圈”之中的“昆河走廊”建设开始全面提速。越南向云南抛出“五只绣球”    “两廊一圈”的恢弘轮廓最早敲定于2004年5月。当时越南总理潘文?</t>
  </si>
  <si>
    <t>拉米：应客观看待中国贸易顺差</t>
  </si>
  <si>
    <t>世界贸易组织(WTO)总干事拉米将于17日开始对中国进行为期四天的访问，与中国官员讨论多哈回合多边贸易谈判等问题。拉米13日接受本报记者专访时指出，应客观看待中国的贸易顺差。    拉米说，中国是世贸组织的重要成员，他每年都要对中国进行一到两次访问。目前多哈回合</t>
  </si>
  <si>
    <t>欧盟对我船舶反倾销警告“见效”</t>
  </si>
  <si>
    <t>欧盟有官员4月初警告说，中国对欧盟船舶出口增长过快，欧盟可能采取反倾销措施。最新统计数据显示，我对欧盟出口出现大幅下滑。以我国重要造船基地之一的广东为例，2007年1至5月份，广东船舶整体出口4.1亿美元，增长28%，但对欧盟出口船舶的总值为0.83亿美元，同比下降43.3%?</t>
  </si>
  <si>
    <t>日本企业看好中国水处理膜业务市场</t>
  </si>
  <si>
    <t>本报东京电 由于预期中国对工业用水循环再利用的需求日趋增加，一些日本企业将加强在中国市场水处理膜业务。    据悉，这些公司将在净水技术的核心——水处理膜领域展开主要的市场攻势。日本东丽公司将在中国强化研究开发体制，计划于下一财年将负责开发高分子合成及水</t>
  </si>
  <si>
    <t>中国空调业将面临大规模洗牌</t>
  </si>
  <si>
    <t>“新标准出来后，空调企业可能由现在的两三百家减少到五六十家。”日本松下空调的技术人员对记者说。日前，国家标准委、发改委正在就2009年将中国空调市场的能效准入标准由现在的五级提高到二级征求企业的意见。然而，据记者了解，包括国内第一梯队的企业在内，都对新标准表?</t>
  </si>
  <si>
    <t>IMF：韩国经济需应对长期挑战</t>
  </si>
  <si>
    <t>本报首尔电 国际货币基金组织(IMF)13日表示，韩国经济总体形势健康，但面临着社会老龄化以及廉价海外制造带来的长期挑战。    IMF在一份报告中指出，韩国社会迅速老龄化将带来巨大财政压力。2005年的数字显示，韩国15至49岁的妇女平均生育1.08个孩子，处于世界最低生育</t>
  </si>
  <si>
    <t>“双赤字”收窄有助美国经济平稳增长</t>
  </si>
  <si>
    <t>美国官方公布的最新数据显示，美国财政赤字和贸易赤字双双收窄，意味着“双赤字”这柄达摩克利斯之剑短期内不会落下来刺伤前景不甚明朗的美国经济。     过去几年，美国“双赤字”呈无节制膨胀态势，不仅削弱了美国调控本国经济运行的能力，而且进一步威胁到世界经济安</t>
  </si>
  <si>
    <t>世行：部分非洲国家面临能源危机</t>
  </si>
  <si>
    <t>本报内罗毕电 据肯尼亚《旗帜报》报道，世界银行的一份报告称，高耗能以及电力短缺将在一段时间内制约部分非洲国家经济的增长。    在这份报告发表的前一周，肯尼亚政府刚刚预期其今年的经济增长率有望达到6.2%。但报告说，高能源消耗及电力短缺已经严重影响了肯尼亚，</t>
  </si>
  <si>
    <t>企业年金管理机构面临重新洗牌</t>
  </si>
  <si>
    <t>本报讯 13日，劳动和社会保障部基金监督司司长陈良在“中国和拉美国家企业年金发展论坛”上，政府在对企业年金信托管理机构的资质评审上将采取更为严格的准入标准，并将培育真正意义上的养老金管理公司从事专业化管理。业界认为，我国企业年金基金管理机构或将产生重大调整，</t>
  </si>
  <si>
    <t>法国拟推出“金融业行动计划”</t>
  </si>
  <si>
    <t>本报巴黎电 法国总统尼古拉·萨科齐12日召集金融业内人士在总统府会谈，要求经济、财政及就业部长博洛着手准备“金融业行动计划”，让其与业内专业人士、金融企业及消费者协会进行广泛的、必要的磋商，在今年10月前拿出具体的“金融业行动计划”。    据了解，“金融业</t>
  </si>
  <si>
    <t>国际资本看好越南不动产</t>
  </si>
  <si>
    <t>本报讯 “2007年越南国际不动产暨建材建筑科技展览会”将于今年8月9日至12日在越南胡志明市举办。全国工商联房地产商会目前已向全国房地产商和国内知名品牌建材商发出赴越南参会的通知。全国工商联房地产商会相关负责人表示，这是首次在越南以不动产及建设科技为主题的国际性</t>
  </si>
  <si>
    <t>美国加纳基金获沈阳机床集团30%股权</t>
  </si>
  <si>
    <t>本报讯 广受国内外业界关注的中国最大的机床企业——沈阳机床集团股权转让一事终于尘埃落定，美国加纳基金取得了沈阳机床集团30%的股权。    9日，这一备受关注的交易在来自国家发改委、国务院振兴东北办以及辽宁省、沈阳市等多个政府部门领导的见证下完成了股权转让协</t>
  </si>
  <si>
    <t>“咬定”优质资产不放松</t>
  </si>
  <si>
    <t>4000点时代的沪深股市，投资环境变得越来越复杂。不仅全球通胀的压力给宏观调控带来更多变数，市场自身的心理承压能力亦十二分脆弱。尽管很多股民希望指数未来会像美国以及香港股市一样攀升到1万点，但在股指从2000点涨到4300点之后的震荡巩固时期，人们还是惧怕踩到被刺破的</t>
  </si>
  <si>
    <t>今年底我国将启动加入《政府采购协议》谈判</t>
  </si>
  <si>
    <t>本报讯 “尽管目前中国政府采购制度面临很多困难，但今年年底启动加入《政府采购协议》(简称GPA)谈判的承诺不会改变。”财政部国库司司长詹静涛11日在中欧政府采购研讨会上做出上述表态。    去年4月，国务院副总理吴仪在访问美国时承诺，中国将在2007年底前提交加入GP</t>
  </si>
  <si>
    <t>国内金银价格继续下跌</t>
  </si>
  <si>
    <t>上周五，受美国国债收益率大幅上涨的影响，美元指数触及2个月来新高，贵金属大幅走低。受此影响，在本周的第一个交易日，国内金银价格总体上继续下跌，其中黄金主力合约跌至160元/克左右。    11日，上海黄金交易所黄金Au100g收盘于162.89元/克，下跌1.26元/克，共成交</t>
  </si>
  <si>
    <t>纽约股市强劲反弹</t>
  </si>
  <si>
    <t>纽约股市在连续3个交易日下挫后8日强劲反弹，其中道琼斯指数上涨点数超过150点。    分析人士指出，前几个交易日，受最新数据显示美国通货膨胀压力上升和美国国债收益率上涨等多种因素影响，纽约股市连续下跌。但8日随着美国10年期国债的收益率出现回落，投资者重回股?</t>
  </si>
  <si>
    <t>“绿海战略”：企业成长新航向</t>
  </si>
  <si>
    <t>法国管理学家塔威尔曾指出：“对于一个公司来说，确定战略已经成为生存的先决条件。”著名战略管理专家迈克尔·波特则认为，战略对企业的发展具有持久的意义。当前，企业间的竞争，尤其企业同客户间的竞争，在相当程度上表现为企业战略思维、战略定位的竞争，基于企业战略层?</t>
  </si>
  <si>
    <t>法国东部高速铁路拉动沿线经济</t>
  </si>
  <si>
    <t>连接法国首都巴黎和东部城市斯特拉斯堡的法国东部高速铁路10日正式投入商业运营。    在这条高速铁路上行驶的“典礼列车”9日用2小时46分跑完了全程，同一段路程原先的列车要走4小时。这条高速铁路正式投入商业运营后，乘火车从巴黎到斯特拉斯堡只需2小时20分钟。?</t>
  </si>
  <si>
    <t>“80后”消费尚需理性引导</t>
  </si>
  <si>
    <t>作为一个潜力惊人且正在迅速成长的消费群体，“80后”几乎覆盖了从学校到职场的所有年轻一族，他们个性鲜明，特立独行，生活方式不仅完全不同于父辈，甚至与“70年代”也有很大差异。美国老太和中国老太一生的对比故事经常被他们用于反驳老一辈的消费观。在他们看来，“一辈?</t>
  </si>
  <si>
    <t>服务业成为德国经济核心产业</t>
  </si>
  <si>
    <t>德国工商总会最新发布的报告称，德国服务业的现状是15年来最好的，今年德国服务业将创造45万个新工作岗位。“德国制造”意味着品质与信任，使德国数十年内稳居世界第三大工业国。不过，德国服务行业却也毫不落后，如今在德国国民生产总值中，服务业所占比重已愈七?</t>
  </si>
  <si>
    <t>外商投资东北大项目明显增多</t>
  </si>
  <si>
    <t>今年以来，韩国STX集团投资近10亿美元的造船项目、新加坡万邦集团投资10亿美元的船舶修造和公共港区建设项目、全球最大芯片制造企业英特尔公司投资25亿美元的12英寸芯片厂项目纷纷落户辽宁。毋庸讳言，中国振兴东北老工业基地战略的确吸引了诸多外商的关注，但跨国</t>
  </si>
  <si>
    <t>中国印度腾飞正在改变世界消费市场格局</t>
  </si>
  <si>
    <t>得益于近年来经济快速增长，中国和印度兴起的消费热潮正在改变世界消费市场格局。美国研究机构最近发布的一份报告称，未来20年中国将成为仅次于日本和美国的世界第三大消费市场，印度将位列第五。世界银行5月30日发布的《中国经济季报》将2007年中国经济增长预测上</t>
  </si>
  <si>
    <t>原料药出口应防欧盟REACH法规</t>
  </si>
  <si>
    <t>主持人语 勿忘技术壁垒前车之鉴正如本报5月31日“贸易争端与解决”专栏报道中指出的，我国企业离REACH法规的要求还有很大差距，甚至一些企业对“何为REACH”问题还一头雾水。看到今天维C出口的报道后，主持人原有的担心不禁又加一层：REACH法规对我出口的负面影响?</t>
  </si>
  <si>
    <t>欧洲央行行长:全球金融市场风险评估水平较低</t>
  </si>
  <si>
    <t>本报法兰克福电 据德国媒体报道，欧洲中央银行行长特里谢近日针对全球金融市场风险评估状况发表看法时称，目前全球范围内风险评估的总体水平还比较低。报道称，特里谢认为，世界经济当前正处于一个不寻常的增长阶段，在这样的阶段，稳定的、有规律的风险控制对全球</t>
  </si>
  <si>
    <t>专家告诫：体育锻炼应成为日常生活一部分</t>
  </si>
  <si>
    <t>中国体育健儿在世界赛场、尤其是奥运舞台上表现优异，把罩在中国人头上的“东亚病夫”这顶帽子扔进了历史的垃圾堆。然而在中国成为世界竞技体育强国的同时，种种数据和迹象表明：中国普通百姓普遍缺乏健身意识，许多人只是有了病以后才想起健身，以至于体质有所下降。?</t>
  </si>
  <si>
    <t>从日本首相宣传节能灯泡说起</t>
  </si>
  <si>
    <t>最近一段时间，日本各大报纸上都有一则整版公益广告特别引人注目，广告中日本首相安倍晋三身着便装，手持节能灯泡，他的夫人安倍昭惠坐在安倍晋三身旁的沙发上面带微笑。日本首相亲自为节能灯泡做广告，其中的意义非同寻常。这则广告向人们透露出一个明确信号，即?</t>
  </si>
  <si>
    <t>向西再向西  中国鞋另谋“出路”</t>
  </si>
  <si>
    <t>就在中国鞋出口历经坎坷之时，远在我国西北的新疆各口岸却迎来中国鞋出口热潮：仅2006年，从新疆口岸出口的鞋类产品价值就达到9.63亿美元，这个数字是中国鞋类出口重地温州市当年鞋出口量的近一半。 在中国鞋遭遇欧洲市场“寒冬”时，在亚洲中心地带，喜欢穿中国鞋</t>
  </si>
  <si>
    <t>联合国官员赞同我国应对气候变化方案</t>
  </si>
  <si>
    <t>本报讯 《联合国气候变化框架公约》秘书处执行秘书伊沃·德博埃尔5日在荷兰海牙表示，中国通过提高能源部门效率以应对全球变暖的做法是一种积极的行动，“非常令人鼓舞”。中国政府于4日在北京正式发布了《中国应对气候变化国家方案》，明确了到2010年中国应对气候</t>
  </si>
  <si>
    <t>伯南克：美国经济仍将适度增长</t>
  </si>
  <si>
    <t>美国联邦储备委员会主席本·伯南克5日表示，尽管美国住房市场的降温仍在持续，但美国经济在未来一段时间里仍将保持“适度”增长。伯南克当天通过卫星向在南非开普敦举行的一个国际货币会议发表了讲话。他说，今年第一季度美国经济增长乏力，但从过去四个季度的表现</t>
  </si>
  <si>
    <t>索尼宣布下调蓝光DVD机价格</t>
  </si>
  <si>
    <t>本报纽约电 日本索尼公司日前表示，其新一代蓝光高清晰DVD机的发货价格将下调100美元。今年2月份索尼推出BDP-S300蓝光DVD播放机时，其售价为每台599美元，目前的售价为499美元。BDP-S300与索尼最早推出的BDP-S1性能相仿，但体积更小。与六个月前上一代机</t>
  </si>
  <si>
    <t>美国将加强与我航空领域合作</t>
  </si>
  <si>
    <t>本报华盛顿电 美国联邦航空局负责人玛丽昂·布莱基女士5日表示，美国将加强与中国在航空领域的合作，这种合作对双方都有利。布莱基在当天举行的电话新闻会上通报了她日前的中国之行。她说，中国航空业正处于蓬勃发展时期。随着奥运会的来临，大量国际旅客也将前往?</t>
  </si>
  <si>
    <t>纽约股市高位回调</t>
  </si>
  <si>
    <t>由于美国联邦储备委员会主席本·伯南克发表讲话以及最新经济数据显示近期美联储降息的可能性很小，纽约股市在多个交易日高位运行后5日出现回落。伯南克在当天的一次讲话中表示，尽管美国房地产市场持续降温，但美国经济仍将保持“适度”增长。他同时强调，虽然美国</t>
  </si>
  <si>
    <t>本土私募股权基金尴尬前行</t>
  </si>
  <si>
    <t>近两年来，国际私募股权基金纷纷进入中国，已是不争的事实。但业内公认、也是令人尴尬的一个数字是，国内95%以上的私募股权基金是外资背景，真正本土的私募股权基金少之又少。本土私募基金处于弱势从2004年6月美国新桥资本收购深圳发展银行控股权开始，外资?</t>
  </si>
  <si>
    <t>中国城市建筑十年冷思考</t>
  </si>
  <si>
    <t>“10年前，普通人理解的建筑并非自己住的楼房，而是“世界建筑奇迹”等景观；10年后，购房人开始关心自己住的房子是个什么样的建筑，什么风格的设计，有着怎样的特质……这就是建筑设计带来的进步。”加拿大宝佳国际建筑师有限公司驻华首席代表高志认为，中国建筑设计的10年?</t>
  </si>
  <si>
    <t>“监管越少越好”</t>
  </si>
  <si>
    <t>“上世纪90年代末期，美国涌现出的一大批IT企业，背后都有私募股权基金的支持。很难现象，如果没有私募股权基金，像苹果、谷歌这样的企业还会不会出现。”德恒律师事务所(纽约)合伙人王卫东律师形象的向记者说明了私募股权基金在美国经济发展中的作用。王卫东律师?</t>
  </si>
  <si>
    <t>不要盲目追捧外资银行房贷产品</t>
  </si>
  <si>
    <t>房贷业务不仅是中资银行嘴中的一块“肥肉”，外资银行也对此虎视眈眈。目前，汇丰、花旗、渣打、东亚等银行已经全面开展了对中国的业务，并纷纷将个人二手房贷款作为快速拓展房贷市场的切入口。对此，接受记者采访的业内人士表示，外资银行进入国内金融市场，既有?</t>
  </si>
  <si>
    <t>八国峰会求解三大难题</t>
  </si>
  <si>
    <t>八国集团首脑会议于6日在德国北部海滨小城海利根达姆召开。与会领导人将讨论气候变化、能源安全、投资自由化、知识产权保护及非洲发展等一系列全球问题，并将与包括中国在内的发展中大国领导人举行对话。会议东道主、八国集团今年的主席国德国希望本届峰会在环保和</t>
  </si>
  <si>
    <t>法国：大学生为就业早做准备</t>
  </si>
  <si>
    <t>多年来，法国政府及教育部门始终将促进大学毕业生就业作为考虑重点，并为这一庞大群体的就业创造了良好条件。法国的大学生几乎在走入大学校门那一刻起就已开始为将来的就业做准备。法国的大学教育十分重视社会实践，学校与政府机关和企业建立紧密联系，尽可能多地?</t>
  </si>
  <si>
    <t>美国大学生就业着眼长远</t>
  </si>
  <si>
    <t>在美国当今的社会体制和价值观念下，大学生毕业后能够找到什么样的工作，一般被认为是个人能力的体现，而不会归结于政府和他人。也正因如此，美国的大学生往往把就业看作是个人的事情，早早就为自己的未来作打算，进行长远规划。这主要突出表现在两个方面：一是及?</t>
  </si>
  <si>
    <t>G8峰会：气候议题静待德美言和</t>
  </si>
  <si>
    <t>八国集团(G8)首脑会议6日在德国举行，气候变化问题是本次峰会的最重要议题之一。主席国德国在决议草案中提出了减少温室气体排放等建议，但建议遭到了全球最大温室气体排放国美国的“根本性反对”。峰会前夕，美国总统布什出人意料地抛出美国应对全球气候变化的“长</t>
  </si>
  <si>
    <t>日本政企力促大学生就业</t>
  </si>
  <si>
    <t>为提高大中专院校毕业生就业率，日本形成了一套政府、企业、学校相结合的促进就业体制。在促进大中专毕业生就业方面，日本政府采取的主要做法是，最大限度地促进全社会雇佣信息公开化，以解决用人单位和求职者的信息不对称问题。2001年8月，日本在厚生劳动省主导下</t>
  </si>
  <si>
    <t>加拿大合作教育打造就业“直通车”</t>
  </si>
  <si>
    <t>“合作教育课程”是加拿大高等院校普遍实行的一种企业和学校合作的教育模式。它最早由加拿大滑铁卢大学于1957年从美国引入，当时只有这所大学工程系的75名学生参加了该课程。目前，加拿大全国提供“合作教育课程”的大学已超过100所，每年参加的学生达到7万人左右。?</t>
  </si>
  <si>
    <t>应对气候变化应考虑发展中国家利益</t>
  </si>
  <si>
    <t>6月4日，中国正式发布了应对气候变化国家方案。在对气候变暖负主要责任的西方发达国家互相推诿扯皮的时候，中国这一做法凸显了作为负责任大国的一贯形象。西方一些媒体近来大肆渲染中国将很快超越美国成为全球温室气体排放第一大国，极力煽动国际舆论将矛头对准中?</t>
  </si>
  <si>
    <t>我国小冰箱出口优势面对欧盟“环保令”有隐忧</t>
  </si>
  <si>
    <t>本报讯 来自天津海关的统计分析显示，我国小型家用冰箱由于具备运输便利、价格低廉的优势，备受海外市场青睐，成为出口主流。但欧盟新近出台的“用能源产品生态设计框架指令”(EUP指令)，提高了小型家用冰箱标准且在执行时具有更大的操作灵活性，这将使我国小型家用冰箱产品?</t>
  </si>
  <si>
    <t>世界环境日与中国节能减排</t>
  </si>
  <si>
    <t>南极洲的冰川在慢慢消融，非洲的森林在悄悄减少，欧洲的熊在刚刚过去的这个冬天不再冬眠，而一些随着季节南北半球迁徙了数千年的候鸟正在迷失方向，而来自联合国的调查显示，世界250条河流正以惊人的速度走向干涸……在今年的6月5日——第36个世界环境日到来之际，全球环境问</t>
  </si>
  <si>
    <t>李锦记：家族企业求解传承之路</t>
  </si>
  <si>
    <t>“富不过三代”这一宿命如何打破？5月17日，李锦记第三代传人、香港著名家族企业李锦记集团主席李文达在清华大学发表演讲，他向在座的师生讲述了190年来李锦记打破“富不过三代”，求解传承之道的历程。据美国一所家族企业学院的研究显示，约有70%的家族企业未能传</t>
  </si>
  <si>
    <t>供过于求  德国房价房租呈现逐年下跌趋势</t>
  </si>
  <si>
    <t>“在德国，10年或15年前买的房子现在通常很难卖出原价。近年来德国的房价和房租不但没有上涨，反而逐年下跌。”德意志银行高级地产经济师托比亚斯·尤斯特这样总结德国房地产市场近年来的发展趋势。除了在某些黄金地段严格限制数量的房屋价格保持上升外，德国大部?</t>
  </si>
  <si>
    <t>日本在全球加快推行能源保障战略</t>
  </si>
  <si>
    <t>日本政府和民间企业最近不断加大在全球范围内争夺能源的力度，大力推进多元化、多渠道的能源保障战略，并与许多国家签署了一系列有关能源合作的协议，为确保日本今后稳定的能源供应奠定基础。石油重点仍在中东中东地区是日本最重要的石油供给地。中东石油约?</t>
  </si>
  <si>
    <t>环保动力蕴藏在社会公众之中</t>
  </si>
  <si>
    <t>环保的最终动力来自社会公众，这是已被世界环保实践反复证明了的事实。现在，一些响遍全球的指导“环境友好和生态友好”的理论，其实大都不是出自于政治家和知名学者，而是来源于民间。譬如“可持续发展”的提出，最早是来自北欧挪威老百姓的呼声。1987年，世界环境与发展委?</t>
  </si>
  <si>
    <t>俄罗斯：儿童医保免费自费齐上阵</t>
  </si>
  <si>
    <t>当今，保险已成为世界各国保障儿童健康幸福的重要手段。在俄罗斯，针对儿童的保险比较多，主要包括医疗保险、意外事故保险和人寿保险等。根据俄罗斯法律，政府免费向包括儿童在内的所有公民提供义务医疗保险。目前俄全国拥有91个地区义务医疗保险基金会和913个此类</t>
  </si>
  <si>
    <t>日本：儿童医保不落下一个孩子</t>
  </si>
  <si>
    <t>日本是一个高福利国家，拥有完善的儿童保险制度，尤其是医疗保险制度覆盖了所有日本儿童和在日本登记注册的外国人子女。为提高日本国民养育孩子的积极性，政府提供了有关生育的种种优惠和制度保障。这在某种程度上也吸引着一些外国人在日本生育子女。在日本，除加?</t>
  </si>
  <si>
    <t>REACH将影响我国三万多家企业</t>
  </si>
  <si>
    <t>经过长达六年的讨论，欧盟的REACH法规将于6月1日正式实施。REACH法规将成为迄今为止关于化学品管理最为复杂的法规，此法规程序繁杂，涉及面广，在全球范围内备受关注。业内专家称，REACH法规将涉及欧盟市场上约3万种化工产品，将影响我国大概3万多家企业，使我国出</t>
  </si>
  <si>
    <t>德国：儿童随父母享受医保</t>
  </si>
  <si>
    <t>德国的社会福利制度覆盖面非常广，大部分家庭用不着为孩子担忧，家长为孩子购买商业性意外险的热情并不高。据德国《社会法典》第五卷中“家庭保险”的规定，法定医疗保险遵循“免费联动保险原则”。在一个家庭中，如果主要收入者参加了法定医疗保险，那么孩子将跟?</t>
  </si>
  <si>
    <t>日本启动促进生物燃料产业化计划</t>
  </si>
  <si>
    <t>本报东京电 日本东京大学研究生院30日启动以水稻为原料制造生物燃料的产业化计划，该计划的名称为“水稻·日本工程”，目的是通过“产官学(企业、政府、研究机构)”结合，对水稻从生产到制成汽车燃料销售进行实证研究，催生新的产业。“水稻·日本工程”研究小组由</t>
  </si>
  <si>
    <t>世行预测：今年中国GDP增长10.4%</t>
  </si>
  <si>
    <t>本报讯 世界银行30日发布的《中国经济季报》将2007年中国GDP增长的预测上调为10.4%，对经常项目顺差的预测上调至接近GDP的11%。报告同时指出，不断扩大的贸易顺差仍然是影响中国经济的关键宏观问题。《季报》认为，中国经济强劲增长的主要原因是出口增速超出预期，</t>
  </si>
  <si>
    <t>多哈回合谈判：欧盟表示不作无条件妥协</t>
  </si>
  <si>
    <t>本报布鲁塞尔电 欧盟贸易委员曼德尔森29日表示，欧盟不会为打破世界贸易组织多哈回合谈判面临的僵局而无条件地接受任何协议。曼德尔森当天发表一份声明强调，各项协议应当符合欧盟的利益。他说：“如果其他成员不能根据欧盟的提议作出相应努力，那么我将别无选择，</t>
  </si>
  <si>
    <t>亚太股市普遍走低　日行总裁发警示</t>
  </si>
  <si>
    <t>5月30日，亚太股市普遍走低。东京日经225平均指数下跌84.30点，跌幅0.5%，收于17588.26点；香港恒生指数收盘下跌175.83点，跌幅0.86%，收于20293.76点；新西兰主要股指NZX 50 FF GROSS INDEX下跌29.37点，跌幅0.68%，收于4279.62点；澳大利亚股市收盘下跌74.2点，?</t>
  </si>
  <si>
    <t>印度拿什么吸引跨国汽车公司</t>
  </si>
  <si>
    <t>本报5月23日第七版曾做过跨国汽车公司在印度密集投资的报道，那么，印度拿什么来吸引跨国汽车公司？其竞争优势又在哪里？从跨国公司的主观上来讲，“规避投资风险”应是跨国公司投资印度的一个重要因素。虽然目前中国经济发展势头持续向好，但是跨国公司还是不愿意</t>
  </si>
  <si>
    <t>监管对冲基金：G8内部立场不一</t>
  </si>
  <si>
    <t>八国集团峰会(G8)将于下月6日至8日在德国举行。作为东道主的德国自年初担任八国集团主席国以来，一直谋求将加强对冲基金监管作为今年峰会的主要议题。德国在最初坚持实施政府主导的强制性监管、实行行业透明化管理遇阻后，目前正在逐步转向“自愿地”建立行业行为规范。?</t>
  </si>
  <si>
    <t>一位旅俄华人的油画收藏之旅</t>
  </si>
  <si>
    <t>范建祥向参观者介绍他收藏的俄罗斯油画作品。范建祥创办的股份制连锁企业“东方茶楼”在俄罗斯很有名。然而，14年的创业所得，他几乎都投在了收藏上。走进“上海苏俄造型艺术馆”，记者仿佛置身于苏联十月革命、卫国战争以及社会主义建设时期：从描绘革命领袖?</t>
  </si>
  <si>
    <t>欧洲最大金融并购案呈一波三折</t>
  </si>
  <si>
    <t>本报布鲁塞尔电 来自阿姆斯特丹的消息称，由苏格兰皇家银行牵头组成的财团29日宣布，愿以711亿欧元的价格收购荷兰银行。这一消息使欧洲有史以来最大金融并购案出现一波三折的局面。当天，由苏格兰皇家银行、西班牙国际银行和比利时与荷兰合资的富通银行组成的财团?</t>
  </si>
  <si>
    <t>新加坡84%的人安居政府组屋</t>
  </si>
  <si>
    <t>新加坡是一个人口密度较高的城市型国家。新加坡政府坚持以政府分配为主、市场出售为辅的原则，牢牢掌握了房地产市场的主动权，既解决了大部分国民的住房，也有效平抑了房价。在新加坡，民用住宅主要由政府组屋和商品房两部分组成。政府组屋由政府投资修建，价格也?</t>
  </si>
  <si>
    <t>日本“保低放高”保障居者有其屋</t>
  </si>
  <si>
    <t>日本土地大多为私人所有，住房价格基本上由市场决定。但为使大多数人能够“居者有其屋”，日本历届政府遵循“保低放高”的原则，采取了不少政策性调节措施，使不同社会层次的百姓都能住上与自己经济条件相适应的住房。所谓“保低放高”是指，政府为中低收入者提供?</t>
  </si>
  <si>
    <t>能源“红五月”：欣喜背后的隐忧</t>
  </si>
  <si>
    <t>2007年的5月，堪称我国能源界的“红五月”。从东部到西部，油气资源勘探捷报频传，好事连连。先是5月7日，中石油在东部渤海湾地区发现了储量达10亿吨的大油田——冀东南堡油田的消息让所有中国人欢欣鼓舞；随后的5月23日，西部地区最大的油田——克拉玛依油田在天?</t>
  </si>
  <si>
    <t>韩国：疏堵结合为楼市降温</t>
  </si>
  <si>
    <t>韩国建设交通部今年4月底公布的数据显示，韩国各地房价平均下降了0.03%，为27个月以来首次下跌，其中首都首尔房价降幅为各地平均降幅的两倍。金融专家分析，这说明韩国政府自去年年底采取的扩大住房供给和抑制房地产投机的措施初见成效。近年来，韩国房价大幅攀升?</t>
  </si>
  <si>
    <t>并购消息促纽约股市上扬</t>
  </si>
  <si>
    <t>受纳斯达克收购瑞典一家交易所这一利好消息的影响，纽约股市三大指数25日全部上扬。其中，道琼斯指数上升了近0.5%。由于美国即将迎来一个长周末，投资者开始调整仓位，并试图确定本周早些时候的股指下跌是数几个月来牛市的结束，还是暂时的盘整。虽然美国4月份旧房</t>
  </si>
  <si>
    <t>当代徽商志在“中国制造”</t>
  </si>
  <si>
    <t>在沉寂100多年之后，中国历史上最为著名商帮之一的徽商以崭新的姿态重登中国商界舞台。新徽商凭借深厚的商业文化底蕴，创造出海螺、希玛、比亚迪等一批国人耳熟能详的民族品牌，不少品牌市场占有率甚至位居亚洲乃至世界的前列，成为“中国制造”的代表。新徽商重新崛起</t>
  </si>
  <si>
    <t>法国跨国企业：什么样管理人才“对胃口”</t>
  </si>
  <si>
    <t>人力资源特别高素质的人才是市场经济中的要素，人力资源的合理配置和结构性优化可以大大增强企业的竞争能力。不久前，中国贸促会、国务院发展研究中心和法中委员会共同举办“第十三届中法经济研讨会”，围绕“21世纪中国企业管理人才”这个主题，法国跨国企业代表阐述了他们?</t>
  </si>
  <si>
    <t>内外交困  中国蜂产业呼唤立法</t>
  </si>
  <si>
    <t>中国是蜂产品生产大国，蜜蜂饲养量、蜂制品产量和蜂产品出口量均居世界第一位。但是，多年以来，中国蜂产业发展一直处于较为混乱的局面，标准缺失、质量参差、缺少优势品牌等问题长期难以解决，欧盟、日本也相继对中国包括蜂制品在内的农产品实施“绿色壁垒”。专家表示，这?</t>
  </si>
  <si>
    <t>美国：利率税收双管齐下调控房市</t>
  </si>
  <si>
    <t>美国的住房市场比较成熟和完善，主要依据市场规律运行。房屋的建设、销售和价格均由市场供求这只“无形之手”操纵，政府并不直接干预。不过，政府也有自己调控房地产市场的手段，主要是利率和税收。利率是指美国联邦储备委员会负责设定的基准利率，即商业银行间隔?</t>
  </si>
  <si>
    <t>法国：大力推行廉租房制度</t>
  </si>
  <si>
    <t>法国房地产市场近两年来增速逐渐放缓，这与法国政府的努力密不可分。为遏制房价过快上涨，法国政府大力推行廉租房制度，对房产所有者征收重税，并不断完善房屋租赁市场。同时，法国中央银行法兰西银行还通过加息控制房贷规模扩大。在法国，廉租房的基准房租比普通?</t>
  </si>
  <si>
    <t>纳斯达克收购瑞典OMX公司</t>
  </si>
  <si>
    <t>本报讯 美国纳斯达克股票市场公司25日宣布以37亿美元收购瑞典OMX AB公司，联合组建一个跨大西洋的交易平台。这两家公司在当天发布的联合声明中称，新公司将被命名为纳斯达克OMX集团。新公司的总市值将高达71亿美元，其中纳斯达克股东将拥有72%的股权，OMX公司股东?</t>
  </si>
  <si>
    <t>自助游屡遇险境  巨额救助谁买单?</t>
  </si>
  <si>
    <t>“五一期间发生的梅里雪山雪崩灾难救援各方面支出超过50万元，由此引出了自助游产业面临的最大问题：巨额的紧急救援支出从何而来？”近日，被誉为“东盟探险游拓荒牛”的自助游行家叶梓民对我国自助游现状进行了深层次的解剖。告诫提醒：治标难治本    叶梓民拿?</t>
  </si>
  <si>
    <t>解读时尚设计师的“通关密语”</t>
  </si>
  <si>
    <t>随着“吉芬”、“无用”这些中国服装品牌在法国顶级时尚圈的频频亮相以及谢锋、马可等中国设计师在巴黎引起的轰动，越来越多的中国服装设计师将眼光瞄准国际时尚之都，然而世界级的时尚设计师又是如何培养出来的呢？密语一：“创造力与市场相结合”    “服装设?</t>
  </si>
  <si>
    <t>外国招商团5月扎堆来中国</t>
  </si>
  <si>
    <t>今年5月可以被称为中国跨国企业的商机月了，黄金周一过，中印商界午餐会便打响了各国招商引资部门对中国企业一连串“轰炸行动”的头炮，接下来，“加拿大投资研讨会”在京举办，法国投资局来华宣传，日前举办的中越企业论坛甚至吸引越南国家主席阮明哲亲临现场。中国贸促会副</t>
  </si>
  <si>
    <t>杭萧钢构风险提示后仍涨停令人瞠目</t>
  </si>
  <si>
    <t>本报讯 虽然发布了股票异常波动公告，并再次进行特别风险提示，但24日杭萧钢构在停牌一小时后依然开盘即封于涨停价位28.7元。自5月14日被行政处罚以来，8个交易日中，该股票除16日涨幅8.86%外，其余交易日均为涨停，杭萧钢构累计涨幅112%，为两市所有上市公司第一。</t>
  </si>
  <si>
    <t>纽约世贸中心保险赔付纠纷最终解决</t>
  </si>
  <si>
    <t>本报纽约电 美国纽约州州长埃利奥特·斯皮策23日宣布，瑞士再保险等7家保险公司已同意向纽约世界贸易中心承租者拉里·西尔弗斯坦以及世贸中心地产所有者纽约与新泽西港务局赔付20亿美元。这样，由2001年“9·11”恐怖袭击事件导致的世贸中心保险赔付纠纷已全部解决。</t>
  </si>
  <si>
    <t>中美战略经济对话谋互信求共赢</t>
  </si>
  <si>
    <t>5月23日，第二次中美战略经济对话在华盛顿闭幕，会议达成不少共识，取得“圆满成功”。中美数十位高官围绕服务业、投资与透明度、能源和环境、平衡增长和创新等议题进行了讨论。对话开局良好 强调互信共赢    作出“开局良好”这一判断的是美国商务部长古铁雷斯?</t>
  </si>
  <si>
    <t>中国公司首次亮相欧洲公务航空会展</t>
  </si>
  <si>
    <t>本报日内瓦电 第7届欧洲公务航空会展22日在日内瓦国际会展中心拉开帷幕，来自世界各地的350家公务飞机制造商、公务航空运营商参展。作为首次参展的中国公司，中国海南航空公司旗下的金鹿公务航空有限公司受到了业内人士的广泛关注。    本次展会上，世界各大知名公务机</t>
  </si>
  <si>
    <t>国际三大标准同台竞技  3G重复建设难以避免</t>
  </si>
  <si>
    <t>日前，国际上三大3G标准——欧洲的WCDMA、美国的CDMA2000、中国的TD-SCDMA共同成为我国通信行业标准。至此，我国成为世界上惟一一个以三大标准并存的国家。业内人士对此表示，在引入竞争的同时，网络的重复建设不可避免。国外无先例    日前，信产部在其官方网站</t>
  </si>
  <si>
    <t>欧洲手机支付服务提供商LUUP正式进入中国</t>
  </si>
  <si>
    <t>本报讯 欧洲手机支付服务提供商LUUP日前在京宣布正式进入中国市场，为国内日益增长的手机持有人群提供便捷安全的手机支付业务，其在上海设立的办事处即日起也开始正式运营。    手机支付也称移动支付，是允许移动用户使用其移动终端(通常是手机)对所消费的商品或服务进</t>
  </si>
  <si>
    <t>欧洲议会通过手机漫游费限价方案</t>
  </si>
  <si>
    <t>本报布鲁塞尔电 欧洲议会全会23日在法国斯特拉斯堡以举手表决的形式通过了欧盟成员国间手机漫游费限价方案，为今年暑假手机漫游费降价铺平了道路。根据这一方案，在限价规定开始实施的第一年里，手机运营商对于欧盟手机用户在其他成员国拨打电话时的漫游收费不得超</t>
  </si>
  <si>
    <t>海牙中国企业峰会牵线中荷企业</t>
  </si>
  <si>
    <t>本报海牙电 为期三天的第二届荷兰海牙中国企业峰会22日在海牙拉开帷幕。此次峰会预计将为双方企业合作构筑一个交流平台，同时还将为中国企业“落户”荷兰创造机遇。    在第一天的活动中，中荷两国政府官员和企业界代表分别就各自的投资环境和成功经验展开研讨，为双方</t>
  </si>
  <si>
    <t>法兰克福DAX30指数逼近7700点</t>
  </si>
  <si>
    <t>22日在德国股市，由于德国经济景气指数持续上升、德国电信公司股价上涨，法兰克福DAX30指数稳步向7700点逼近。    22日德国股市开盘后，法兰克福DAX30指数一路震荡上扬，午间一度升至7676点，创历史新高。随后股价下挫，最终报收于7659.39点，比前一交易日收盘指数上涨</t>
  </si>
  <si>
    <t>中印自主品牌汽车开始全球市场较量</t>
  </si>
  <si>
    <t>据美国《国际先驱论坛报》有关报道，目前美国通用汽车公司已制定了在印度发展的“大计划”。通用汽车公司首席执行官瓦格纳称，印度可能成为通用汽车面向全球的生产中心。通用公司计划在增加现有工厂产量的同时，还要另建一新厂。此前，通用公司已计划在印度投资2.23亿至3.35?</t>
  </si>
  <si>
    <t>闽商的故事</t>
  </si>
  <si>
    <t>石水妹：家乡遍地是黄金“福建海峡西岸经济区建设给我们带来了商机，数万旅美闽商愿意回家乡投资，这儿到处是黄金。”17日，在榕参加第二届世界闽商大会的美国福建同乡会会长石水妹告诉记者。    今年60岁的石水妹出生于福建长乐一农民家庭，早年曾在香?</t>
  </si>
  <si>
    <t>欧盟新规定力促跨境消费信贷</t>
  </si>
  <si>
    <t>欧盟成员国21日就统一消费信贷规定达成一致。新规定要求贷款机构提高交易透明度，在加强消费者知情权的同时，促进消费信贷领域的单一市场建设。    当天通过的立法草案最突出的内容就是要求银行等从事消费信贷业务的金融机构必须按照标准模式为客户提供贷款利率等交易?</t>
  </si>
  <si>
    <t>文博会上,浓郁的资本气息扑面而来</t>
  </si>
  <si>
    <t>风险投资、花旗银行进场设点寻找优质项目，美国独立制片人意向投资5000万美元给动漫企业，数字电影院连锁计划面向个人投资者开放……记者在深圳召开的第三届文博会现场感受到，一股浓烈的资本气息迎面扑来。文化对接资本显现聚变效应    本届文博会上，“数字影?</t>
  </si>
  <si>
    <t>德国人不热衷炒股</t>
  </si>
  <si>
    <t>与美英等国相比，德国老百姓在家庭理财中很少购买上市公司股票。即使近年来德国法兰克福股市DAX指数持续高涨、德国经济显著复苏，证券市场新增开户也主要是机构投资者和外籍股民。相关统计数据显示，德国股民人数仅占本国人口总数的7.1%，而这一比例在英国为23%，美国为25%。</t>
  </si>
  <si>
    <t>冀东南堡油田：开采不如不开采</t>
  </si>
  <si>
    <t>渤海湾冀东南堡发现10亿吨大油田的喜讯传来，举国上下无不欢欣鼓舞。大油田的发现和开采无疑将对我国的经济发展产生巨大的作用，然而冷静下来思考，笔者觉得有点“忧大于喜”。如果不是出于石油外交或国际影响方面考虑，那么，我个人觉得不开采价值远远高过于对它的开采价值?</t>
  </si>
  <si>
    <t>美国各界呼吁美中通过对话解决双边分歧</t>
  </si>
  <si>
    <t>在中美战略经济对话举行之前，美国各界知名人士纷纷发表谈话，认为美中存在分歧是事实，但关键是美方应抵制不断抬头的贸易保护主义倾向，通过对话解决双边分歧。    美国著名智库企业研究所研究员菲利普·利维表示，正是美中在许多经贸问题上存在分歧，双方领导人才共?</t>
  </si>
  <si>
    <t>愿景：企业成长的源动力</t>
  </si>
  <si>
    <t>闻名世界的日本京都制陶公司成立伊始，为了公司的业务及其发展，企业的创办人稻盛和夫经常要求员工加班，不但每天要加班到深夜，就是星期天也经常不休息。慢慢的，一种不满的情绪在员工之间蔓延。一次加班之后，员工们决定用强硬的手段向公司提出要求，并以集体辞职相威胁。?</t>
  </si>
  <si>
    <t>世行新掌门人遴选成焦点</t>
  </si>
  <si>
    <t>国不可一日无主，世界银行也是如此。现行长保罗·沃尔福威茨因“女友门”丑闻宣布将于6月底辞职后，世行新掌门人的遴选正在紧锣密鼓进行中。    在德国波茨坦参加八国集团(G8)财长会议的欧洲等国财长们日前表示，他们无意挑战世行行长由美国人出任的惯例，以弥合此前围</t>
  </si>
  <si>
    <t>欧盟拟定新规严惩雇用非法移民</t>
  </si>
  <si>
    <t>本报布鲁塞尔电 欧盟委员会16日提出一项立法建议，拟加大对企业雇用非法移民行为的查处力度，以遏制非法移民涌入的势头。    欧盟委员会在一份声明中说，一些欧盟企业主出于私利考虑，使用非法进入欧盟的“黑工”，这在一定程度上刺激了非法移民的涌入。    根据</t>
  </si>
  <si>
    <t>舍弗勒并购洛轴矢志不移</t>
  </si>
  <si>
    <t>德国轴承巨头舍弗勒在收购洛阳轴承受阻之后，并未放弃中国市场。16日，德国舍弗勒集团在上海安亭成立新研发中心并启动了集团建在江苏太仓的新工厂。舍弗勒CEO盖尔辛格表示，并购洛轴是舍弗勒全球战略的一部分，舍弗勒将通过各种渠道加快在中国的发展。业内人士认为，舍弗勒有</t>
  </si>
  <si>
    <t>“美中贸易快速增长对两国都有利”</t>
  </si>
  <si>
    <t>“美中双边贸易快速增长对两国都有利，这是毫无疑问的。”美国智库布鲁金斯学会中国中心主任、曾担任美国东亚事务助理国务卿帮办的杰弗里·贝德16日在接受本报记者专访时说。    贝德说，美中双边贸易快速增长，这对企业来说意味着利润，对工人来说意味着就业，对消费?</t>
  </si>
  <si>
    <t>在应诉中“脱胎换骨”</t>
  </si>
  <si>
    <t>近日，欧盟做出最终裁定，修改初裁统一征收反倾销税的做法，改用最低限价方法结案，包括哈尔滨高泰公司在内的中国冷冻草莓产品可按最低限价进入欧盟市场。尽管前后15个月的应诉耗费良多，甚至因此失去了一些商机，但应诉的一家民营企业——哈尔滨高泰公司的副总经?</t>
  </si>
  <si>
    <t>福建涉农洋贷款项目没找准点</t>
  </si>
  <si>
    <t>福建涉及“三农”的国际金融组织贷款项目普遍效益不好、还贷困难，加强对此类项目的后期管理、增加资金支持势在必行。    据福建省财政厅统计，目前福建省利用世界银行、亚洲开发银行贷款在农村领域的合作有11个项目，包括红壤一期和二期、种子开发、种子商业化、国家?</t>
  </si>
  <si>
    <t>我国3G进程出现实质性突破</t>
  </si>
  <si>
    <t>本报讯 继2006年1月20日信息产业部将第三代移动通信(3G)“中国标准”TD-SCDMA公布为我国通信行业标准后，16日，信息产业部又将欧洲提出的WCDMA和美国提出的CDMA2000颁布为我国通信行业标准。至此，3G在国际上的现有三个标准都成为我国通信行业标准，这意味着，我国3G进程又有</t>
  </si>
  <si>
    <t>巴西维持现行浮动汇率政策不变</t>
  </si>
  <si>
    <t>本报巴西利亚电 巴西圣保罗证券交易所美元与巴西货币雷亚尔的比价15日报收于1美元比1.983雷亚尔，比前一日下跌1.29%，为6年来雷亚尔对美元汇率的最高点。巴西总统卢拉当天表示：“政府将继续保持汇率的浮动政策。”    面对巴西企业家们纷纷抱怨现在美元不断下跌将导致</t>
  </si>
  <si>
    <t>家庭理财四大工具一个都不能少</t>
  </si>
  <si>
    <t>新秦调查日前发布的《关于投资理财的调查》报告显示，包括资本市场投资在内，过九成(92.6%)的被访者有投资意向，其中非常想投资的占全部被访者人数的43.8%；而完全不想投资的仅为被访者的1.5%。另据了解，在98.5%有投资意向的被访者中，已有高达60.12%的被访者将投资意向化作</t>
  </si>
  <si>
    <t>日本汽车公司角逐环保汽车主导权</t>
  </si>
  <si>
    <t>本报东京专电 日本各汽车公司围绕环保汽车主导权展开激烈竞争。    《日本经济新闻》9日报道，在日本汽车龙头企业丰田、日产两家公司已经分别与松下电器及NEC共同成立了新公司，进行混合动力车用电池的生产和开发的情况下，日本三菱汽车、三菱商事和著名蓄电池公司GS汤</t>
  </si>
  <si>
    <t>瑟伯勒斯“豪赌”克莱斯勒福祸难料</t>
  </si>
  <si>
    <t>美国瑟伯勒斯(Cerberus)资本管理公司14日宣布以74亿美元收购了克莱斯勒汽车公司80.1%的股份，从而挤进了竞争激烈的美国汽车业。    美联社援引一位业内人士的话指出：瑟伯勒斯此举，无异于在进行一场豪赌！但也有分析指出，瑟伯勒斯此次入主克莱斯勒完全是有备而来。</t>
  </si>
  <si>
    <t>非洲金融业快速发展正当其时</t>
  </si>
  <si>
    <t>得益于政局逐步趋于稳定和经济持续稳定增长，非洲许多国家的金融业近年来取得了较大发展。分析人士认为。鉴于非洲各国致力于银行业改革，加上外国投资者和金融机构纷纷介入非洲市场，非洲金融业将迎来发展良机。    世界银行金融政</t>
  </si>
  <si>
    <t>非行官员：投资非洲风险正在逐步降低</t>
  </si>
  <si>
    <t>本报讯 非洲开发银行私营和微观金融部主任蒂莫西·特纳14日在上海说，对于包括中国企业在内的国际投资者来说，投资非洲的风险正在逐步降低。    特纳说，非洲是传统上的高风险地区，长期以来只能吸引少量的外国投资。非洲的风险主要来自于两个方面，一是商业风险，包括</t>
  </si>
  <si>
    <t>世界橡胶峰会关注全球市场供求变化</t>
  </si>
  <si>
    <t>本报曼谷电 为期两天的世界橡胶峰会14日在泰国首都曼谷开幕。在本次会议上，来自全球18个国家和欧盟的橡胶业代表及学术专家主要将讨论全球橡胶市场供求关系面临的新挑战等问题。    国际橡胶研究小组秘书长希德·斯米特在当天会议开幕式上说，最近10年，国际橡胶市场供</t>
  </si>
  <si>
    <t>我国企业投资俄罗斯应“全程”警惕法律风险</t>
  </si>
  <si>
    <t>俄罗斯是个法律文牍主义国家，良好的教育使俄罗斯人善于运用法律工具赢得谈判、交易的优势。此前，在俄罗斯投资的中国企业曾经被合作方抓住法律漏洞进行不公平交易。与之相比，我国政府相关部门和企业都存在一定程度的忽视，这使得一些匆忙上阵的企业在合作和交易中处于劣势?</t>
  </si>
  <si>
    <t>我国小文具打造国际品牌大市场</t>
  </si>
  <si>
    <t>小到一枝铅笔、一个书钉，大到一台复印机，一个看似小商品的国内最小文具行业，却依托品牌优势发展成为亚洲最大的文化用品市场，显示其旺盛的市场潜力。竞争“白热化” 民营品牌唱主角文化用品行业在我国其他行业企业家眼里似乎是不大起眼的小行业，但它却成</t>
  </si>
  <si>
    <t>舒尔茨：整合营销传播理论先驱</t>
  </si>
  <si>
    <t>唐·舒尔茨(Don E·Schultz)是美国西北大学曼德尔新闻学院教授，整合营销传播(简称IMC)理论的创始人，被誉为“IMC之父”，在营销、广告、销售促销和传播管理等领域成就突出。IMC理论产生、流行于上世纪八九十年代，与传统营销模式相比，整合营销的精髓在于：“营销</t>
  </si>
  <si>
    <t>婺源有机绿茶何以在欧盟市场连获成功</t>
  </si>
  <si>
    <t>近年来，欧盟、日本和美国对我国农产品抬高准入门槛，加强农药残留和重金属元素的检测，利用技术性贸易壁垒对我国农产品出口设限。但是，从1996年婺源第一批有机绿茶进入欧盟市场以后，婺源有机绿茶连续11年突破欧盟贸易壁垒，在欧盟市场占有率达到50%以上。婺源绿茶出口的成</t>
  </si>
  <si>
    <t>俄罗斯总统普京出访中亚两国强化能源合作</t>
  </si>
  <si>
    <t>本报阿拉木图电 俄罗斯总统普京5月10日离开莫斯科开始其引人注目的中亚之行。短短三天他先后访问了哈萨克斯坦和土库曼斯坦，并与两国元首在土库曼巴什市举行了三方会晤，由此揭开了俄罗斯与西方争夺中亚能源新一轮较量的序幕。12日，(左起)哈萨克斯坦总统纳扎尔巴?</t>
  </si>
  <si>
    <t>比利时：社会协商保障员工权益</t>
  </si>
  <si>
    <t>不久前，比利时布鲁塞尔国际机场安检及消防人员突然罢工，但危机在当天就得到解决，小小一件事体现出比利时“社会协商”机制的强大功能。比利时劳动关系调整的重要方式是“社会协商”。在国家、行业和企业层面都有比较完整的对话渠道，劳资双方都在国家的法律框架?</t>
  </si>
  <si>
    <t>福建将打造完善的搜救应急体系</t>
  </si>
  <si>
    <t>记者从福建海事局了解到，福建省海上搜救中心本着保障海上生命安全的理念，积极开展海上搜寻救护工作，全力为台湾海峡过往船舶运输生产安全打造出了一套完善的搜救应急体系，搜救成功率达90%以上。福建海事局局长、海上搜救中心常务副主任高军说，福建省海岸线长，</t>
  </si>
  <si>
    <t>欧洲“平价时尚”火爆沪上</t>
  </si>
  <si>
    <t>女士连衣裙售价199元至499元，男士上衣、针织衫的价格分别为99元和199元，童装连衣裙标价149元……如此的价格，却能拥有Chanel等知名品牌设计师的优异设计。    继L，V、Dior等一线时尚品牌进驻中国后，来自欧洲的多个平价时尚品?</t>
  </si>
  <si>
    <t>你有你的美丽，我有我的传说</t>
  </si>
  <si>
    <t>“我们非常看好中国的出境游市场。”芬兰旅游局中国区首席代表刘丹哗短短一句概括，浓缩了当前各国官方旅游机构对充满活力的中国出境游市场的共识。    中国经济的快速发展和黄金周旅游活动的成熟，使越来越多的中国游客把目光投向了海</t>
  </si>
  <si>
    <t>中国宽带业发展不能复制西方</t>
  </si>
  <si>
    <t>“中国宽带业不能复制西方的发展模式，要走自己的道路。”日前，国际工程协会副总裁Thomas S.Costello在接受记者专访时表示，中国宽带产业潜力巨大，但是运营商和供应商缺少足够的资本与技术，中国公司应加强与外国公司的合作。业内专家表示，国外资本对进入国内宽</t>
  </si>
  <si>
    <t>南非建筑业从中国觅“外援”</t>
  </si>
  <si>
    <t>本报约翰内斯堡电 南非媒体8日报道说，由于面临建筑材料短缺、技术人员匮乏等问题，南非政府希望能从中国建筑建材领域获得更多支持和帮助。据南非官方的布阿通讯社报道，由豪登省住房事务主管官员率领的代表团于8日启程前往北京，参加在那里举行的2007中国国际建筑</t>
  </si>
  <si>
    <t>日韩等离子显示屏垄断已成过去</t>
  </si>
  <si>
    <t>长虹制造等离子屏的项目终于获批并马上投资启动，这个举动将在全球彩电业掀起巨大的结构性冲击。对一直垄断等离子与液晶显示屏制造的日本与韩国企业来说，长虹无疑是向面板垄断国的企业投下了面板核弹。    长虹在上个世纪的中国彩电</t>
  </si>
  <si>
    <t>家庭理财原理</t>
  </si>
  <si>
    <t>美国家庭工薪收入与投资收入各占50%，这意味着用投资赚钱已成为美国家庭收入的主要来源之一；中国家庭投资收入只占2%，其余98%是工薪收入，说明我们还主要是靠双手挣钱。对此，理财专家认为，一生能累积多少财富，不是取决于我们赚了多少钱，而是取决于我们如何理财。?</t>
  </si>
  <si>
    <t>印度出口征税对钢铁业有何影响？</t>
  </si>
  <si>
    <t>争议多时的印度铁矿石出口征税问题近日终于“定局”。印度政府宣布：对于品位低于62%的粉矿加征出口关税每吨50卢比(约合1.22美元)；对大于62%品位的粉矿和所有块矿加征每吨300卢比的出口关税。虽然此消息的出台是在中国全民休假的“五一”黄金周期间，但此间钢材市</t>
  </si>
  <si>
    <t>萨科齐赢在经济政策务实可行</t>
  </si>
  <si>
    <t>法国内政部7日凌晨公布了6日举行的总统选举第二轮投票最终结果：人民运动联盟主席尼古拉·萨科齐当选新一任法国总统。统计数字表明，萨科齐获得53.06%的选票，其竞争对手、社会党候选人罗雅尔得票率为46.94%。    萨科齐将于5月17日正?</t>
  </si>
  <si>
    <t>科技创新：发现10亿吨大油田</t>
  </si>
  <si>
    <t>“中国石油依靠科技创新创出奇迹：在渤海湾滩海地区新发现一个储量规模超过10亿吨的大油田──冀东南堡油田，再次向世界表明了中国石油勘探开发技术国际领先的地位。”中国石油天然气股份有限公司副总裁、中国科学院院士贾承造说，“对于众所?</t>
  </si>
  <si>
    <t>中石油昆仑润滑油剑指国际高端市场</t>
  </si>
  <si>
    <t>本报讯 近半年来，在国内众商家为壳牌收购统一润滑油深感震惊的时候，业界传出中石油昆仑润滑油通过德国TUV质量认证机构ISO/TS16949∶2002认证的消息。中石油有关人士透露，昆仑润滑油正在把目标锁定在竞争更加激烈的国际高端市场，通过一系列国际权威机构的质量认证，加快国</t>
  </si>
  <si>
    <t>欧美峰会将力促跨大西洋经济融合</t>
  </si>
  <si>
    <t>欧盟和美国领导人定于本月30日在美国首都华盛顿举行会晤。今年欧美峰会的重要议题之一是进一步消除双方因技术标准和监管规定差异而产生的贸易和投资障碍，促进跨大西洋经济融合。欧盟委员会主席巴罗佐本月27日在美国纽约证券交易所发表演讲时证实，在欧盟与美国领?</t>
  </si>
  <si>
    <t>让舆论监督给高校腐败曝曝光</t>
  </si>
  <si>
    <t>近日，湖北数所高校领导腐败案被媒体曝光，教书育人的管理、实施者成为阶下囚，其腐败金额之大，违法违纪情节之恶劣，涉案人员职务级别之高，都前所未见。湖北美术学院原副院长李泽霖、三峡大学原党委书记陈少岚、湖北大学原副校长李金和、武汉大学原网络教育学院?</t>
  </si>
  <si>
    <t>从企业丑闻看德国跨国公司反腐</t>
  </si>
  <si>
    <t>本月19日，西门子监事会主席冯必乐辞职，使德国企业的丑闻达到又一波高潮。从西门子、德国商业银行、拜尔，到大众、奔驰、宝马，一系列口碑良好的德国企业被暴与行贿受贿、吃回扣、洗钱有染，从而损害了它们素来的廉洁形象。近年，德国企业面临的腐败诉讼遍及全球?</t>
  </si>
  <si>
    <t>WTO主要成员加紧自由贸易谈判</t>
  </si>
  <si>
    <t>多条关于自由贸易谈判的消息在4月23日这天“撞了车”。就在欧盟27国外长表示数月内将与韩国、印度及东盟启动自贸谈判的同时，澳大利亚和日本的首轮谈判在堪培拉拉开了序幕。危地马拉副外长安娜·玛丽亚也很“凑巧”地在当天宣布，中美洲国家和欧盟6月底将在布鲁塞?</t>
  </si>
  <si>
    <t>文化产业必须加大科技含量</t>
  </si>
  <si>
    <t>加入世贸组织过渡期结束之后，我国文化产业面临更加复杂的竞争格局。我国文化产业要立于不败之地，必须不断加大文化产品的科技含量，在推动文化兴贸的同时，也要实施科技兴贸。目前我国文化产业的进出口格局总体上不乐观，需要培育具有竞争力的增长点，这就要求文?</t>
  </si>
  <si>
    <t>空调厂商笑面欧盟制冷剂专利问题</t>
  </si>
  <si>
    <t>欧盟绿色环保指令要求，出口到欧盟的空调须采用无氟环保R-410A制冷剂，这意味国内空调厂商要出口欧盟将增加专利费成本。记者从第101届广交会上了解到，大多数空调企业对此反应乐观，并采取了积极应对策略。制冷剂引发知识产权国际争端数据显示，中国是目前全</t>
  </si>
  <si>
    <t>欧盟对侵犯知识产权行为实施“峻法”</t>
  </si>
  <si>
    <t>在第七个世界知识产权日来临前夕，欧洲议会通过了一项新的法律，统一欧盟各国对侵犯知识产权罪的处罚标准。新法律规定：有意识、有组织地仿冒音乐、电影、药品等专利商品作为刑事犯罪处理，处罚的上限不得低于30万欧元罚款和4年监禁。以西方人的标准而言，这个标准</t>
  </si>
  <si>
    <t>国际资本进入中国小家电市场</t>
  </si>
  <si>
    <t>经过半年的反垄断调查后，法国赛博集团并购苏泊尔终于获得批准，二者联姻后有望成为全球最大的小家电、炊具供应商。业内人士认为，这是国际产业资本改变我国家电业市场格局的一个重要标志。苏泊尔获批日前，苏泊尔发布公告，称公司已收到商务部关于原则同意?</t>
  </si>
  <si>
    <t>韩国：完善知识产权制度鼓励企业创新</t>
  </si>
  <si>
    <t>韩国的科技和经济发展起步较晚，走过了一条从模仿到创新的道路。近年来，韩国越来越认识到科技对于经济发展的重要意义，采取了一系列措施完善其知识产权制度，鼓励企业创新。韩国计划在2015年前获得10件以上核心专利技术，成为全球第五大知识产权强国。为实现这一?</t>
  </si>
  <si>
    <t>俄“禁商令”实施近一个月  部分华商重整旗鼓</t>
  </si>
  <si>
    <t>4月20日，绥芬河商人郭宝印回到了俄罗斯乌苏里斯克中国大市场，继续经营他的家电店铺。与以往不同的是，他雇佣的店员是当地的俄罗斯人而非过去的中国人。今年4月初，郭宝印以低价抛售了手中的存货，依依不舍地离开了那个他苦心经营的摊位，回到了家乡黑龙江省绥芬河市。?</t>
  </si>
  <si>
    <t>专家建议,借俄罗斯“禁”机调整经贸方式</t>
  </si>
  <si>
    <t>俄政府有关整顿零售市场秩序的决定于今年1月15日起生效。根据该决定，从今年1月1日起，外国务工者将被禁止在俄罗斯从事酒类和药品贸易。今年第一季度，在俄集贸市场和商店外从事小额零售贸易的务工者中，外国人所占的比例不应超过40%。从4月1日起，外国人将被禁止在以上地点?</t>
  </si>
  <si>
    <t>瑞士：休假是权利也是“义务”</t>
  </si>
  <si>
    <t>说休假是权利很好理解，说休假是“义务”似乎有些让人搞不懂。但在瑞士情况确实就是这样，休假既是权利又是义务，是人们生活中不可缺少的一部分。据雀巢公司副总裁兼新闻部主任弗朗索瓦-泽维尔·佩罗德介绍，除瑞士国家规定的各种法定假日之外，他们公司的所有员工</t>
  </si>
  <si>
    <t>美国：政企携手反盗版</t>
  </si>
  <si>
    <t>“未经授权，复制、传播、展出拥有版权的音像制品，将面临法律的民事或刑事惩罚。刑事侵权将受到联邦调查局(FBI)的调查，构成重罪者，最高将面临入狱5年或25万美元罚款或两者并处的惩罚。”常看美国电影的人对这段警告肯定不陌生，美国的DVD光盘、录像带等音像制品</t>
  </si>
  <si>
    <t>“多哈回合”成败难卜  多国移情“自贸谈判”</t>
  </si>
  <si>
    <t>多哈回合谈判是指世贸组织成员之间的多边贸易谈判。2001年11月，世贸组织在卡塔尔首都多哈举行第四次部长级会议，启动了新一轮多边贸易谈判。多哈回合谈判经过多次部长级会议，取得了不少进展和阶段性成果，但在农业和非农产品市场准入问题的谈判始终难有进展。随之而来的却?</t>
  </si>
  <si>
    <t>广交会上彩电厂商不敢接美国订单</t>
  </si>
  <si>
    <t>主持人语 彩电业共建研发平台如何？“三流企业卖产品，二流企业卖品牌，一流企业卖标准(技术)”——此话虽有点绝对，却不无道理。就数量而言，中国彩电生产总规模雄居全球第一；就品牌而言，中国彩电在国际市场也算是小有名气了。但在广交会上，中国彩电出口企业再</t>
  </si>
  <si>
    <t>新版重疾险购买指南</t>
  </si>
  <si>
    <t>近日，中国保险行业协会正式发布《重大疾病保险的疾病定义使用规范》，对重疾险中常见的疾病定义进行了统一和规范，并将于今年8月开始实施。而就在去年，深圳的六位投保人以美国友邦保险公司的重疾险涉嫌欺诈为由提起诉讼，曾掀起一阵不小的重疾险风波。这次《规范</t>
  </si>
  <si>
    <t>首批外资法人银行开始提供人民币业务</t>
  </si>
  <si>
    <t>本报讯 23日上午，上海市民陆路纲在花旗银行(中国)有限公司花旗大厦支行开立了睿智理财账户，成为这家外资法人银行正式开办境内公民人民币业务后的第一位本地客户。而同样作为首批开业的外资法人银行，汇丰银行(中国)、东亚银行(中国)和渣打银行(中国)有限公司等三家机构也同</t>
  </si>
  <si>
    <t>首尔京都新加坡　治理交通各有招</t>
  </si>
  <si>
    <t>在汽车数量快速增长的情况下，如何确保城市内高效且环保的交通，是亚洲各城市的重要课题。23日在日本京都举行的“推动城市‘环境可持续交通’发展的亚洲市长政策对话”中，来自新加坡、韩国和日本的市长及代表根据各自城市特点，介绍了交通管理的经验。首尔：每周?</t>
  </si>
  <si>
    <t>日拟用“淡马锡”模式管理外汇储备</t>
  </si>
  <si>
    <t>本报伦敦电 据英国《金融时报》报道，日本政府正在考虑借鉴新加坡“淡马锡”模式，设立一只特别的政府投资基金，管理其9090亿美元外汇储备中的部分资金，以提高投资回报率。目前，日本首相安倍晋三亲自领导的一个经济顾问委员会正在讨论这一设想。日本执政的自由民</t>
  </si>
  <si>
    <t>大型外企对福州投资强劲增长</t>
  </si>
  <si>
    <t>本报福州电　记者从福州市外经局了解到，2007年第一季度福州市利用外资规模持续扩大，企业增资势头强劲，不少大型外资企业纷纷落户福州。　　福州市外经局投资服务处有关负责人介绍说，世界500强企业美国埃克森美孚公司和世界著名?</t>
  </si>
  <si>
    <t>英国财政部身陷“黄金困境”</t>
  </si>
  <si>
    <t>$T备受责难的英国财政部财政大臣戈登·布朗$E    英国财政部八年前的抛售黄金储备行动，如今正让英国财政部饱受责难。    1999年5月，英国央行英格兰铝行在某个华丽的会议间举行了一个小型的内部会议。只有英格兰银行的重要官员和一?</t>
  </si>
  <si>
    <t>俄罗斯：重组资源振兴航空业</t>
  </si>
  <si>
    <t>随着经济快速发展，俄罗斯对民用飞机的需求将越来越大。如果俄相关企业无法生产出质量上乘的飞机，那么俄航空市场这块“大蛋糕”就要等着波音和空中客车等国外大公司来分割。因此，建立联航集团，振兴本国航空工业，不仅有助于俄罗斯经济发展，还对增强俄罗斯国际影响力具有?</t>
  </si>
  <si>
    <t>瑞士旅游：切莫不拘小节  注意防范小偷</t>
  </si>
  <si>
    <t>素有欧洲“花园之国”之称的瑞士越来越受到中国游客的喜爱，瑞士旅游部门也采取了多种措施吸引中国游客。瑞士旅游业人士在接受记者采访时指出，到瑞士旅游的中国游客在卫生、购物和生活习惯方面还应更注意小节，同时也要加强防盗意识。?</t>
  </si>
  <si>
    <t>去年底我外债余额3230亿元</t>
  </si>
  <si>
    <t>本报讯　19日外汇管理局公布了截至2006年末我国外债数据。截至2006底，我国外债余额(不包括香港特区、澳门特区和台湾地区对外负债)为3229.88亿美元，比上年末增加419.43亿美元，增长14.92%。而就在同一天，美元对人民币达到7.7199，?</t>
  </si>
  <si>
    <t>欧盟委员会给市场准入战略动手术</t>
  </si>
  <si>
    <t>欧盟委员会18日对其市场准入战略进行了10年来的首次较大调整，以帮助欧盟企业进军他国市场。当天出台的新战略重在消除非关税壁垒和打开中国等新兴市场。    新战略文件指出，随着世界贸易组织等多边贸易机制的建立，欧盟企业出口虽然仍面临一定的关税障碍，但与之相比?</t>
  </si>
  <si>
    <t>巴西高官：巴西和中印并非竞争者</t>
  </si>
  <si>
    <t>本报巴西利亚电 巴西发展、工业和贸易副部长伊万·拉马略17日在巴西最大城市圣保罗表示，巴西与中国、印度是伙伴而非竞争关系，巴西应加强与中印的贸易往来。    拉马略当天出席了由巴中商会组织的一个关于中国和印度经济的研讨会。他在接受媒体采访的时候强调，巴西应</t>
  </si>
  <si>
    <t>空客：国际化合作打拼“巨无霸”</t>
  </si>
  <si>
    <t>空客正在努力改变原有商业模式，重组工业生产结构，未来几年内将加强与中国、俄罗斯等有实力的合作伙伴的长期合作关系，共同承担研发成本、共享世界研发资源。在全球化不断发展的今天，这种开放型模式是空客明智的选择。经济参考报资料照片    在国际民航飞机市?</t>
  </si>
  <si>
    <t>美国将助次级市场借款人保住住房</t>
  </si>
  <si>
    <t>本报华盛顿电（记者胡芳）美国政府支持的两大住房抵押贷款机构首席执行官17日在国会众议院财政委员会作证时均宣布，公司正在开发新的贷款品种，以帮助处于困境的高风险抵押贷款借款人保住其住房。    美国联邦全国抵押贷款协会总?</t>
  </si>
  <si>
    <t>达能中国投资线路图</t>
  </si>
  <si>
    <t>近日，关于“达能欲强行并购娃哈哈股权”的纠纷不断升级。宗庆后的批评让人们开始重新审视这个过去一贯低调的法国企业的身影。人们发现，20年间，达能不显山不露水，一步步实现着它的中国布局，不动声色地入主了中国几乎所有知名的饮</t>
  </si>
  <si>
    <t>家电业积极应对欧盟EuP指令</t>
  </si>
  <si>
    <t>[主持人语]以积极心态应对技术性贸易壁垒    各种技术性贸易壁垒的存在，是贸易争端产生的直接诱因之一。对于中国企业而言，因此遭遇的损失相当大。据商务部有关报告指出，2005年我国出口因技术性贸易壁垒而导致的损失达691亿美元，贸易机会损失达1470亿美元。</t>
  </si>
  <si>
    <t>保护知识产权  合作比指责更重要</t>
  </si>
  <si>
    <t>针对近日美国向世界贸易组织提出针对中国的两项贸易诉讼，国家版权局新闻发言人王自强17日上午在“2006年中国保护知识产权新闻发布会”上指出，“侵权盗版是一个全球性的共性问题。在解决这一问题上各国之间的合作和交流，远比那些一味的指责要</t>
  </si>
  <si>
    <t>合同之痒?品牌之争?民族产业之劫?</t>
  </si>
  <si>
    <t>4月3日本报以《宗庆后后悔了》为题，首次全面披露达能欲强行收购娃哈哈的详情。由此引发了双方你来我往数个回合的交锋，以及众多媒体的热烈跟进报道。4月13日，娃哈哈集团发表声明，称应政府要求停止媒体口水战。    在此期间，社会各方的辩论随着事件的发展愈显白热化</t>
  </si>
  <si>
    <t>成品油价格战：“作秀”还是“竞争”？</t>
  </si>
  <si>
    <t>从今年初外资加油站大幅降价引发北京局部地区交通拥堵，到3月8日中石油旗下部分加油站为期一个月的降价促销，再到此后社会上中小型加油站的纷纷跟进……中国成品油市场首次出现有国家石油巨头参与的非政府主导的价格波动。    对这次中石油直接参与的成品油市场价格战?</t>
  </si>
  <si>
    <t>日本：药价由政府说了算  适时调整压价差</t>
  </si>
  <si>
    <t>日本在药品价格管理方面，体现出浓厚的政府色彩。政府统一确定适用于医疗保险的全部药品价格，并按照药品生产成本等因素的变化，适时调整相关药品定价。    日本药价制度的第一个原则就是抓大放小。日本的药品大致分为两类，一类是医疗用药品，其中绝大部分为处方药；?</t>
  </si>
  <si>
    <t>加拿大“治”药有良方</t>
  </si>
  <si>
    <t>加拿大和美国“毗邻而居”，但两国部分药品售价却相差较大。同样的新药，尤其是专利药，加拿大要比美国便宜1/3甚至更多，这使得很多美国人频繁光顾加拿大的网上药店，甚至过境采购。加拿大药价低的主要原因在于该国政府对药价采取的有效控制措施。    在实行全民医疗保</t>
  </si>
  <si>
    <t>英国：药价调控“限高”两不误</t>
  </si>
  <si>
    <t>英国的药品价格监管措施主要针对两大类药品，一类是专利处方药，另一类是非专利处方药。对前者，英国自1978年起推行“药品价格调控计划”，在该计划指导下政府通过控制制药公司利润达到管理药价的目的；对后者，英国从2000年8月起实施了最高限价制度。    英国“药品价</t>
  </si>
  <si>
    <t>中美联合经济会议探讨共同兴趣话题</t>
  </si>
  <si>
    <t>中美双方于当地时间16日在华盛顿举行为期一天的中美联合经济委员会会议，探讨如何改善两国的经济关系。由于近来中美贸易顺差不断飙升，两国贸易摩擦不断升级，此次会议引发了各界关注。    参加本次会议的美国代表团将由美国财政部负责国际事务的部长助理克莱·洛厄里?</t>
  </si>
  <si>
    <t>美国的基金理财值得国人借鉴</t>
  </si>
  <si>
    <t>去年以来，由于投资基金得到良好的回报，我国基金理财受到众多投资者的群起追逐，但如果这种投资如果失去理性，也会出现事与愿违的效果。目前美国人投资基金理财的主流做法，也许能给我们带来一些有益的启示。在美国，各类投资基金比较发达，据报道，美国共有15300</t>
  </si>
  <si>
    <t>尤里奇：开创人力资源概念</t>
  </si>
  <si>
    <t>戴维·尤里奇(Dave Ulrich)，美国密歇根州立大学商学院教授，国家人力资源研究院院士，密歇根人力资源联盟创始人之一。他最早提出了人力资源(HR)概念，被誉为人力资源管理的开创者，并且对这个领域贡献卓著。“人力资源”前身被叫做“人事管理”，其传统职能就是为</t>
  </si>
  <si>
    <t>企业走出去：有多少规则你还不懂</t>
  </si>
  <si>
    <t>三月中旬的德国汉诺威展(CeBIT)上，中国企业遇到了一件“始料不及”的事：德国海关对12家参展厂商进行搜查，并扣押了部分涉嫌侵犯意大利Sisvel公司专利的MP3播放器、数码相机等产品，在获得证实的厂商中包括北京的华旗爱国者、纽曼，深圳迈乐这样的品牌企业。事件?</t>
  </si>
  <si>
    <t>中小企业应重视人才策略</t>
  </si>
  <si>
    <t>新加坡《联合早报》4月11日发表题为《中小企业不能忽略人才》的社论。文章认为，过去10年，本地中小型企业先是受到区域金融风暴的冲击，之后又为全球经济衰退所累，不断在挣扎求存、削减成本、裁员减薪、提升竞争力等问题上打转，已经没有</t>
  </si>
  <si>
    <t>美国怎样管理预算外收支</t>
  </si>
  <si>
    <t>业内专家指出，在预算外资金和非税收入的规范管理方面，美国的一些做法值得我们借鉴。美国非税收入的管理与中国有些相似，非税收入的主体就是各种收费。按性质不同，美国主要收费分为四种类型：一是商品收费，如政府在提供水、电的过程中收取的费?</t>
  </si>
  <si>
    <t>中国作家诉福克斯侵犯著作权</t>
  </si>
  <si>
    <t>本报东营电 当美国就中国知识产权问题向世贸组织提出贸易诉讼时，中国一名科幻作家以同样的理由将美国20世纪福克斯公司告上了法庭。山东省东营市中级人民法院11日开庭审理该侵权案。这名叫李建敏的作家称，福克斯公司2004年完成的科幻灾难电影《后天》剽窃了他的两</t>
  </si>
  <si>
    <t>多边磋商有助解决全球性问题</t>
  </si>
  <si>
    <t>本报华盛顿电 国际货币与金融委员会14日在此间举行了部长级会议后发表公报说，迄今为止的经验表明，成员间相互讨论和合作的多边磋商对于解决全球性问题是有益的。该公报说，美国、日本、欧元区、沙特阿拉伯和中国提出的政策计划的实施将为减少全球不平衡作出重要贡</t>
  </si>
  <si>
    <t>新德里会谈意在弥合多哈回合谈判分歧</t>
  </si>
  <si>
    <t>此次新德里会谈被认为是各方推动重启多哈回合谈判的一次小范围尝试，能否有所突破，关键在于有关各方能否放弃短期的政治利益，为获取人类长远的、更加远大的经济利益而作出相应的妥协。    本报新德里电 世界贸易组织多哈回合谈判主要参与方——美国、欧盟、印度、巴西</t>
  </si>
  <si>
    <t>美国大米靠政府补贴“暗算”墨西哥水稻</t>
  </si>
  <si>
    <t>1994年北美自由贸易协定正式生效，为墨西哥产品进入美国市场打开了方便之门，但墨西哥也为此付出了代价，以水稻为代表的种植业自此之后遭到重创。    根据北美自由贸易协定的相关规定，自1994年1月该协定正式生效后，美国大米能以零关税进入墨西哥市场。    墨西</t>
  </si>
  <si>
    <t>美国也要推出中国股指期货</t>
  </si>
  <si>
    <t>本报讯（记者庹泓）芝加哥商业交易所（CME）亚洲产品及业务高级总监黄仲发日前在京接受本报记者采访时表示，中国推出股指期货时机已经非常成熟，股指期货影响力取决于市场参与度和交易量。他还透露2006年8月27日CME推出了人民币期权期货?</t>
  </si>
  <si>
    <t>“绿色革命”促意大利调整能源战略</t>
  </si>
  <si>
    <t>欧盟首脑会议最近通过了关于发展可再生清洁能源的新“绿色革命”政策，并得到欧盟成员国的一致首肯。欧盟27国领导人同意采取共同行动，包括到2020年单方面将可再生的清洁能源在全部能耗中的比例提高到20%，同时将二氧化碳等温室气体的排放量在1990年水平上削减20%。</t>
  </si>
  <si>
    <t>世界经济增速今明两年略有放缓</t>
  </si>
  <si>
    <t>本报华盛顿电 国际货币基金组织11日发表的《世界经济展望》报告预测，全球经济2007年和2008年均将增长4.9%。这一预测与该组织去年9月的估计相同。    国际货币基金组织每半年发表一次《世界经济展望》报告，评估全球经济形势，预测经济增长前景。最新的这份报告发表在?</t>
  </si>
  <si>
    <t>高端冰箱市场格局将变</t>
  </si>
  <si>
    <t>本报讯：4月10日，家电巨头海尔推出“海尔全球首台超级空间法式对开门冰箱”。据悉，这是海尔首次大规模动用其领先的全球化研发体系，将原本仅在美国、欧洲和日本市场分别销售的顶级高端冰箱产品带回国内市场。业内人士认为，海尔高端冰?</t>
  </si>
  <si>
    <t>国际金属市场可能再现牛市</t>
  </si>
  <si>
    <t>本报伦敦电 随着铜、铅、镍等金属价格近日大幅度上涨，去年春天金属市场的牛市行情可能再现。    英国《金融时报》11日报道说，此轮牛市可能比去年有过之无不及，原因是国际市场对金属的需求持续增长，供给吃紧，库存减少。同时金融市场的各种传闻又加大了金属价格攀升</t>
  </si>
  <si>
    <t>境外购房，你准备好了吗？</t>
  </si>
  <si>
    <t>$T随着国内房地产业宏观调控的进一步深入，国内楼市出现大幅降温迹象，投资者面临成本上升、利润空间减少的困境，于是，不少投资者开始把目光投向海外。$E境外置业渐热 投资楼市有方    美国、加拿大、德国……由于具备完善的相关法规，这些国家近</t>
  </si>
  <si>
    <t>香港将严惩影响旅游声誉的害群之马</t>
  </si>
  <si>
    <t>不久前，内地游客在香港购物时被骗，在香港引起广泛关注。香港海关人员两度对曝光的两家售卖珠宝钟表的店铺进行突击检查，并从位于土瓜湾的“皇室钟表珠宝店”抄走价值400万港元不同款式、怀疑是假冒“瑞士圣凯莱”的手表。    这一事件也引</t>
  </si>
  <si>
    <t>部分天然气出口大国再挺“天然气欧佩克”</t>
  </si>
  <si>
    <t>本报多哈电 世界天然气出口国论坛第六届部长级会议9日在卡塔尔首都多哈落幕。会议决定成立一个高级委员会，以协调论坛成员国今后在天然气领域的合作。    尽管本次论坛有意回避了是否成立“天然气欧佩克”这个极为敏感的话题，但持赞同意见的部分高官会后再次表达了成?</t>
  </si>
  <si>
    <t>BBC“空降”新领导</t>
  </si>
  <si>
    <t>英国政府近日任命迈克尔·莱昂斯为英国广播公司（BBC）新领导机构监管委员会主席，执掌此前总裁的职责。此举立刻招致各方质疑。在野党指责莱昂斯不仅缺乏传媒从业经验，且与执政党关系过密，他“空降”到BBC是政府暗箱操作的结果，难以保</t>
  </si>
  <si>
    <t>天然气时代的中国困局</t>
  </si>
  <si>
    <t>从年初开始备受关注的“天然气欧佩克”计划虽然流产了，但天然气生产商有关“天然气欧佩克”的动议依然为全球天然气消费国敲响了警钟。    除了有限的供给以外，我国天然气资源的分布不均使得天然安全问题十分突出。此外，在天然气的长距离输送过程中，安全问题也显得?</t>
  </si>
  <si>
    <t>“天然气欧佩克”流产之谜</t>
  </si>
  <si>
    <t>继4月6日俄罗斯工业和能源部长赫里斯坚科宣布“不会成立天然气欧佩克”之后，4月7日，伊朗高官侯赛因·卡赞普尔·阿德比利再次表示：“伊朗等天然气生产国没有创建天然气欧佩克计划。”这让此前国际能源观察家对多哈天然气出口国论坛上将成立“天然气欧佩克”的预言流产了。$</t>
  </si>
  <si>
    <t>日本人咋过“五一”黄金周  当地旅行社热捧“中国游”</t>
  </si>
  <si>
    <t>随着2008年北京奥运会的临近和中日关系的好转，日本各大旅行社预计“中国游”将在日本升温，于是纷纷赶在今年“五一”黄金周之前针对日本游客推出了多条“中国游”线路。    “五一”黄金周、夏天的盂兰盆节和新年，是日本国民的三大节日。每到这些节假日，很多日本人?</t>
  </si>
  <si>
    <t>冶金巨头将聚首北京共议业界热点</t>
  </si>
  <si>
    <t>本报讯 由英国《金属导报》和中国五矿集团公司联合主办的第五届远东钢铁会议暨2007年中国铁矿石会议将于4月23日至25日在北京举行。届时，将有数十位国内外行业专家，对我国国内以及全球钢铁和铁矿石行业热点问题进行探讨。    据了解，会议仍将延续此前的形式，采取钢?</t>
  </si>
  <si>
    <t>金属能源飘红</t>
  </si>
  <si>
    <t>4月9日国内期货市场白糖下跌，金属、能源、农产品价格全部飘红。伦敦、美国市场上周五因复活节休市。沪铜706合约周一上涨2670元/吨，收盘69650元/吨，支撑价位68000元一线，上涨压力71500元一线。沪铝706合约周一上涨360元/吨，收盘19860元/吨，支撑19600元一线，上涨压力203</t>
  </si>
  <si>
    <t>宗庆后对恶意并购及垄断说“不”</t>
  </si>
  <si>
    <t>4月3日，新华社《经济参考报》独家报道了“法国达能集团欲以低价强行并购娃哈哈”后，在社会上产生强烈反响，众多媒体纷纷跟进报道，引发了“外资并购中如何防止垄断、保护民族品牌”的大讨论。4月8日，杭州娃哈哈集团有限公司董事长宗庆后接受了本报记者采访。这?</t>
  </si>
  <si>
    <t>梅奥：把管理理论领入行为科学</t>
  </si>
  <si>
    <t>人际关系理论是西方管理理论当中的一项重要内容，它的创始人梅奥自然也成为管理思想史上一个举足轻重的人物。　　乔治·埃尔顿·梅奥(George EhonMayo)原籍澳大利亚，1880年出生于澳洲的阿德雷德，19岁时便取得阿德雷德大学逻辑学和哲?</t>
  </si>
  <si>
    <t>中国生活水准开始接近世界中等水平</t>
  </si>
  <si>
    <t>许多在中国旅游或工作的外国人都明显感到，由于中国的物价水平较低，同样数量的美元在中国能够享受比美国或欧洲、日本高得多的生活水准。这一感觉被专家学者从理论上得以证明。最新公布的《中国经济增长报告》表明，按购买力平价(PPP</t>
  </si>
  <si>
    <t>欧盟计划建立统一专利体系</t>
  </si>
  <si>
    <t>本报布鲁塞尔电 欧盟委员会日前公布一项计划，建议统一欧盟各成员国的专利申请和诉讼制度，建立一套全欧盟范围内的专利体系。根据这项计划，欧盟将打破目前27个成员国在专利方面“各自为政”的局面，将原来需在每个成员国分别申请专利改为只要申请一份欧盟专利。该</t>
  </si>
  <si>
    <t>美国能源部着手补充战略石油储备</t>
  </si>
  <si>
    <t>本报华盛顿电 美国能源部4日发表新闻公报说，能源部计划购买1100万桶原油，以补充美国政府在2005年“卡特里娜”飓风袭击墨西哥湾后出售原油所造成的战略石油储备缺口。新闻公报说，能源部原计划下个月购买400万桶原油，以补充战略石油储备。这将是1994年以来美国为</t>
  </si>
  <si>
    <t>IT巨头缘何天价竞购双击公司</t>
  </si>
  <si>
    <t>网络搜索巨头谷歌在去年以16.5亿美元收购美国视频分享网站YouTube，轰动一时。而日前多家媒体传出消息，包括谷歌、微软、雅虎以及美国在线等IT巨头，都开始围绕收购网络广告公司双击(DoubleClick)展开了明争暗斗，收购额可能达到20亿美元，这一消息引起世人广泛关注。?</t>
  </si>
  <si>
    <t>楼市降温迫使美房地产业大裁员</t>
  </si>
  <si>
    <t>美国查林杰-格雷-克里斯马斯职介公司4日发布的报告显示，今年第一季度，包括不动产经纪、建筑及抵押贷款在内的美国房地产业共削减工作岗位21245个，比去年同期激增346%，逼近2006年全年裁员人数22814个。这表明美国房地产市场仍在降温，相关行业不得不大幅裁员。美</t>
  </si>
  <si>
    <t>美国纳斯达克推出“中国指数”</t>
  </si>
  <si>
    <t>4月4日，全球最大的电子股票交易所——美国纳斯达克股票市场公司正式宣布推出纳斯达克中国指数(NASDAQ China IndexSM)，这项指数将追踪在美国市场上交易的部分中国公司的股票价格情况。纳斯达克负责人表示，此举目的在于吸引更多的中国公司在美挂牌上市。纳斯达克中国指数将?</t>
  </si>
  <si>
    <t>中国造纸协会：强烈抗议美铜版纸反补贴初裁结果</t>
  </si>
  <si>
    <t>4月3日下午，中国造纸协会在其网站上发表声明，对美国商务部做出针对中国铜版纸产品出口反补贴调查的初裁结果提出强烈抗议。声明指出：“在美国国内铜版纸生产成本和市场价格明显高于其他国家的情况下，对中国出口的铜版纸产品实施征收反补贴关税，我会认为美国商?</t>
  </si>
  <si>
    <t>欧盟EuP指令影响不可小觑</t>
  </si>
  <si>
    <t>福建省质监局日前透露，欧盟的环保指令——耗能产品环境化设计指令(EuP)影响不可小觑。目前欧盟正在制定关联产品的具体化要求，并要求各成员国在2007年8月11日前转化为国内法。因此，国内家电厂家必须提前做好应对准备。EuP指令影响更大据中国WTO/TBT福建通?</t>
  </si>
  <si>
    <t>欧洲五国将合建泛欧输油管线</t>
  </si>
  <si>
    <t>本报贝尔格莱德电 据萨格勒布消息，克罗地亚等欧洲五个国家与欧盟委员会3日在克罗地亚首都萨格勒布签署一份声明，宣布将修建一条泛欧输油管线，将石油从里海地区经罗马尼亚港口城市康斯坦察输入欧洲市场。与欧盟签署这一部长级声明的五个国家为克罗地亚、罗马尼亚?</t>
  </si>
  <si>
    <t>“纽—欧证交所”看好中国企业</t>
  </si>
  <si>
    <t>本报伦敦电 纽约证券交易所4日迎来兼并泛欧交易所后的首个交易日。合并后的纽交所—泛欧证交所公司将把下一步的工作重心转向吸引中国公司上市和深入美国金融衍生品领域。英国《金融时报》4日援引纽—欧证交所公司总裁塞恩的话说，新公司不会在“近期内”尝试进一步</t>
  </si>
  <si>
    <t>第二套纸分币将停用  人民币收藏渐升温</t>
  </si>
  <si>
    <t>4月1日起，第二套人民币纸分币停止使用，引发了收藏爱好者对其收藏投资的热情。记者从成都市邮票卡币市场上了解到，前来买卖第二套人民币纸分币的人非常多，一张印有阿拉伯数字的1953年版的全新5分纸币价格竟然涨到240元。　　第二套人民币纸分币停用引发收藏热　　　　?</t>
  </si>
  <si>
    <t>国际经济秩序发生深刻变化</t>
  </si>
  <si>
    <t>北京大学中国国民经济核算与经济增长研究中心3日公布的《中国经济增长报告(2007)——和谐社会与可持续发展》提出，进入本世纪以来，随着中国经济增长和外向型经济的发展，中国在国际贸易中的份额不断扩大，加上欧盟的影响日益显著，在国际经济秩序中，目前已经形成了以美国、</t>
  </si>
  <si>
    <t>外资法人银行：零门槛不等于零收费</t>
  </si>
  <si>
    <t>4月2日，渣打、汇丰、花旗和东亚四家外资银行在中国首次以法人银行的身份亮相，中国的老百姓能享受外资银行全方位服务的时代真正到来了。　　零门槛不等于零收费　　　　根据《外资银行管理条例》，外资银行在转制为法人银行之后可以经营全面人民币业务，接收本地居民的?</t>
  </si>
  <si>
    <t>“反补贴”：美国经济风险也不小</t>
  </si>
  <si>
    <t>3月30日，美商务部公布了对中国出口的铜版纸产品反补贴调查的初裁结果，决定对中国适用反补贴法，对中国出口美国的铜版纸产品征收临时反补贴税。消息一出，美国一些媒体对此客观地进行报道并加以评论，认为该决定将加剧中美贸易摩擦，给美国经济也带来巨大风险。　　　　美</t>
  </si>
  <si>
    <t>韩美自贸协定将对韩国经济影响深远</t>
  </si>
  <si>
    <t>经过近10个月的艰苦谈判，韩国和美国的自由贸易协定在截止日期的最后一刻达成。韩国分析人士认为，从贸易乃至人民的生活水平看，这一历史性的协定将给韩国经济带来长期而深远的影响。　　　　根据这项协定，韩美两国在协定生效后将立即取消双边贸易中近90%的工业品关税，剩</t>
  </si>
  <si>
    <t>欧盟经济增长将好于预期</t>
  </si>
  <si>
    <t>本报布鲁塞尔电 欧盟委员会负责经济和货币事务的委员华金·阿尔穆尼亚日前表示，欧元区乃至整个欧盟今年的经济增长速度将高于原先预期。　　　　阿尔穆尼亚在接受采访时说，由于欧洲经济显示出相当强劲的复苏势头，他认为欧元区以及欧盟的经济增长率将有望超过最近一次的预</t>
  </si>
  <si>
    <t>保护主义只会扭曲美中贸易</t>
  </si>
  <si>
    <t>进入2007年，美国在对华贸易上的保护主义态度不断抬头。3月29日，美国国际贸易委员会作出最终裁决，认定中国活性炭产品对美国产业造成“实质性损害”，中国活性炭产品遭遇反倾销制裁已在所难免。3月30日，美国商务部又宣布，将对中国适用反补贴法，中国铜版纸产品将面临美国?</t>
  </si>
  <si>
    <t>联合国启动“加强中国煤矿安全保障能力建设”</t>
  </si>
  <si>
    <t>本报讯 记者从联合国开发计划署驻华代表处获悉，一个旨在加强中国煤矿安全能力建设的新项目日前在北京启动，该项目将在全国五个省开展煤矿工人及家庭安全教育和培训，同时进一步促进煤矿安全方面的政策和法规的完善。　　　　这项名为“加强中国煤矿安全保障能力建设”的项</t>
  </si>
  <si>
    <t>美国用“反补贴”对付中国</t>
  </si>
  <si>
    <t>直到3月30日前，还没有任何一起美国对华贸易争端的案子，能引起国际市场这么大的反应：华尔街股市因此而波动，美元价格下跌。缘由：当日美国商务部公告了对中国铜版纸产品反补贴调查的初裁结果，对从中国进口的铜版纸产品征收10.9%至20.4%的临时反补贴关税。或许国</t>
  </si>
  <si>
    <t>美国：名人代言广告纠纷少</t>
  </si>
  <si>
    <t>名人广告在成熟的商业市场司空见惯。在美国，演艺及体育明星充当企业或产品代言人的现象十分普遍，但因此惹出法律纠纷的却很少，这要归功于美国广告法规严格详尽，还有名人本身十分注重自己的形象。由于公众对名人的特殊兴趣以及名人魅力造成的示范效应，好的名人?</t>
  </si>
  <si>
    <t>瑞典：名人代言广告制约多</t>
  </si>
  <si>
    <t>在瑞典的电视、报纸、网络、地铁和街边海报等媒体上，时常可以看到名人拿着某种产品微笑的广告。斯德哥尔摩商学院研究市场营销的米卡埃尔·达伦教授说，企业借用名人来缩短其品牌的市场推广期，而名人则借助企业广告在媒体的频繁曝光来增加其个人的公众认知度，这已经成为企?</t>
  </si>
  <si>
    <t>中美贸易问题影响美元走势</t>
  </si>
  <si>
    <t>本周早些时候，美国商务部宣布，去年第四季度国内生产总值折合成年率的升幅修正后为2.5%，修正前升幅为2.2%。受此影响，美元攀升。同时，投资者对高风险的融资套利交易兴趣重燃也推动美元对日元走高。欧元、英镑对日元亦走高，表明针对日元的融资套利在整个市场内盛行。?</t>
  </si>
  <si>
    <t>中国女性最需要工作和教育机会</t>
  </si>
  <si>
    <t>“全球女性整体成就指数为64分(100为满分)；发展中国家的女性比发达国家的女性更乐观；中国女性最不满意工作和教育机会”……这些研究结果均来自于雅芳产品有限公司在美国纽约发布的“2007雅芳全球女性调查”。这是衡量全球女性生活满意度和成就度的一项调查，调查对象覆盖了</t>
  </si>
  <si>
    <t>世界遗产“搬进”沈阳世博园</t>
  </si>
  <si>
    <t>不出沈阳，就能在世博园里观看到法国的凡尔赛宫、埃及的金字塔、中国兵马俑等138个国家、830处世界文化与自然遗产。    近日，由沈阳市副市长宋琦带队进京，沈阳市政府在人民大会堂举办了“2007中国沈阳世界文化与自然遗产博览会”新闻发布会，向世人再次展示了沈阳志?</t>
  </si>
  <si>
    <t>谣言未止于智者  石油期货大震荡</t>
  </si>
  <si>
    <t>28日，有谣传称英国已经派兵解救被伊朗扣押的海军人员、美国与伊朗已经发生武力冲突。尽管上述传言迅速被英美两国军方予以否认，但还是引起国际市场原油期货价格的大起大落.受此影响，金属等其它国际期货市场价格出现上涨，并带动中国的沪燃油期货价格持续上涨。中东紧</t>
  </si>
  <si>
    <t>机电产品应扮演中俄贸易重头戏</t>
  </si>
  <si>
    <t>本报莫斯科电 近年来，中国和俄罗斯贸易额增长迅速，但是两国贸易结构性问题日益突出，主要表现在机电产品在双边贸易额中所占比例不高，特别是中国自俄进口机电产品规模较小。业内人士认为，机电产品应逐渐扮演中俄贸易的重头戏。    据中国海关统计，2006年中俄双边机</t>
  </si>
  <si>
    <t>中俄合作重在提高“科技含量”</t>
  </si>
  <si>
    <t>本报莫斯科电 正在莫斯科举行的中国国家展的重要内容之一是“中国科技与创新”主题展。中国科技部副部长尚勇28日在莫斯科表示，科技合作作为中俄战略协作伙伴关系的重要组成部分，必将在未来两国的交往与合作中占据更加重要的地位。    尚勇说，在当今经济、科技全球化</t>
  </si>
  <si>
    <t>文化产业发展不可“先东后西”</t>
  </si>
  <si>
    <t>加入世贸组织过渡期之后，我国文化产业区域发展水平不平衡的情况依然将长期存在，这一不平衡在当前又集中反映在文化产业集聚水平的不平衡上。如果想在短时间内从根本上改变区域发展不平衡，这几乎是难以想像的。但是，从长远看，应当尽可能缩小文化产业区域发展不平衡的差距?</t>
  </si>
  <si>
    <t>欧盟委员会：去年欧元区经济表现良好</t>
  </si>
  <si>
    <t>本报布鲁塞尔电 欧盟委员会29日发表一项报告说，在内需和出口两大“引擎”的强劲推动下，2006年欧元区国内生产总值增长率达2.6%，远高于前一年的1.4%，为2000年以来最快增长速度。    欧盟委员会当天公布的报告显示，由于受到内需和出口增长的拉动，去年第四季度欧元区</t>
  </si>
  <si>
    <t>中国汽车集体“亮相”俄罗斯</t>
  </si>
  <si>
    <t>本报莫斯科电 在莫斯科举行的中国国家展上，一批中国汽车企业代表集体亮相俄罗斯，并与俄方签署大宗出口合同。    在莫斯科克洛库斯展览中心，上海汽车集团、中国第一汽车集团、哈尔滨哈飞汽车工业集团、沈阳华晨金杯汽车有限公司、东风汽车公司和奇瑞汽车公司等在展厅</t>
  </si>
  <si>
    <t>墨西哥国家石油公司欲通过改革摆脱困境</t>
  </si>
  <si>
    <t>在刚刚过去的纪念墨西哥国家石油公司国有化69周年大会上，该公司总裁赫苏斯·雷耶斯表示，石油公司正面临“困境”，希望通过改革摆脱这一局面。    据统计，截至2007年1月1日，墨西哥石油总储量为453亿桶，其中已探明石油储量为155.14亿桶，同期相比分别下降2.2%和5.8%</t>
  </si>
  <si>
    <t>联合国报告：亚洲对非洲投资增长潜力大</t>
  </si>
  <si>
    <t>本报日内瓦电 联合国贸易和发展会议与联合国开发计划署27日联合发表一份报告说，亚洲发展中经济体对非洲的直接投资近年来不断增长，鉴于目前的投资额仍然很低，今后亚洲发展中经济体对非洲的投资仍有极大的增长潜力。    这份报告指出，自上世纪90年代初以来，亚洲发展</t>
  </si>
  <si>
    <t>三洋丑闻折射日本电子业衰退</t>
  </si>
  <si>
    <t>三洋公司最近出现了财务丑闻，其实，从本质上看这不是财务丑闻，这一事件透露出日本电子业的衰退迹象。    日本电子业的肌体目前分为两部分，一部分是受后期低成本制造公司冲击而失去知觉的普通电子产业的制造业务，另一部分是暂时受到自身技术保护的所谓高端或是冷僻?</t>
  </si>
  <si>
    <t>欧盟拟在审批金融行业并购方面统一标准</t>
  </si>
  <si>
    <t>本报布鲁塞尔电 欧盟27国财政部长27日通过一项法律草案，为成员国在审批金融行业并购方面确立统一标准，以避免跨国并购遭遇歧视性障碍。    根据草案，各成员国今后对金融行业并购交易的审批时限由此前的三个月缩短为不超过60天，并且审批程序只能中止一次。</t>
  </si>
  <si>
    <t>最新全球信息技术排名榜出炉</t>
  </si>
  <si>
    <t>本报日内瓦电 总部在日内瓦的世界经济论坛28日公布《2006-2007年全球信息技术报告》，在这份报告的“网络就绪指数”排名中，美欧国家继续占据领先位置，亚太地区整体表现不俗，但印度和中国内地的排名有所下滑。    连续6年公布的《全球信息技术报告》被称为研究信息技</t>
  </si>
  <si>
    <t>国际油价带动沪燃油期货大涨</t>
  </si>
  <si>
    <t>本报讯 3月28日，上海燃料油期货随国际油价大幅上涨，成交大幅增加。    伊朗消息和美国油库存刺激油市神经。本周二，纽约商业交易所（NYMEX）5月原油期货收盘时仅仅上涨0.02美元，收于62.93美元/桶，可是就在收盘后不久，受有关伊朗向一艘美国海军潜艇开火、英国已出?</t>
  </si>
  <si>
    <t>德国个人理财找银行</t>
  </si>
  <si>
    <t>在德国，个人理财的最佳渠道是通过银行。由于德国实行金融混业经营，银行多为全能型银行，可以提供包括商业银行业务和证券投资业务在内的全套金融服务。而为了争夺客户，银行会竞相推出不同的个人理财产品，提供包括投资、储蓄、信用卡、购房建房贷款、养老保险等各种金融服?</t>
  </si>
  <si>
    <t>巴雷特：揭示体育营销的成功之道</t>
  </si>
  <si>
    <t>蒙牛携手NBA、沃尔沃赞助高尔夫巡回赛……无论是国际大牌慷慨地冠名赛事，还是国内企业试探性地签约体育明星作代言人，伴随2008年北京奥运会的临近，体育营销正受到越来越多国内外企业的关注与推崇，而如何实践符合品牌价值的体育营销战略，如何选择符合企业理念的体育赛事进</t>
  </si>
  <si>
    <t>专利申请求解国际化困境</t>
  </si>
  <si>
    <t>本报讯（记者文婧 马俊 实习生邢梅）“2006年中国国内企业和个人光发明专利申请的数量就达12.2万件，是20年前的35倍，加上国外公司和个人在中国的申请，2006年我们接受了约21万件发明专利申请。”……    “2006年是美国专利申请创纪录</t>
  </si>
  <si>
    <t>“乙醇风暴”促升巴西地价</t>
  </si>
  <si>
    <t>巴西乙醇燃料业从来没像现在这样引起世人关注。布什对巴西乙醇基地的访问及日本出巨资投资巴西乙醇厂等一系列事件，仿佛在巴西刮起了一场“乙醇风暴”。在巴西，一切跟甘蔗燃料有关的行业，如土地、厂房、设备等，都在迅速升值。    事实上，巴西乙醇燃料业在前些年的?</t>
  </si>
  <si>
    <t>欧盟财长通过跨境支付新规</t>
  </si>
  <si>
    <t>本报布鲁塞尔电 欧盟委员会27国财政部长27日通过了一项新的立法草案。新立法将使得欧盟范围内的跨境支付变得更加便利。    根据这部新规，所有成员国将向他国提供支付服务的机构进一步开放市场，引入竞争。对于提供支付服务的非银行机构，新规也将协调各国的市场准入条</t>
  </si>
  <si>
    <t>中俄签署5亿美元出口买方信贷协议</t>
  </si>
  <si>
    <t>本报莫斯科电 据俄罗斯“中国年”中国新闻中心提供的消息，中国进出口银行行长李若谷与俄罗斯外贸银行行长科斯京26日在莫斯科签署了金额为5亿美元的出口买方信贷总协议。    根据该协议，只要有关项目通过中国进出口银行和俄罗斯外贸银行的评审，就可以纳入该协议下，?</t>
  </si>
  <si>
    <t>德国因何成为全球会展业“头号强国”？</t>
  </si>
  <si>
    <t>德国是世界第三大经济体，却是世界第一会展强国，全球2/3的知名展览会都在这里举行。人们不禁要问：德国人是如何打造“德国制造”这个会展服务品牌的？德国是怎样成为全球会展中心的？　　规模化产业化运作　　    在德国，会展业被视为“城市的蛋糕”，是一个渗透着深厚</t>
  </si>
  <si>
    <t>我国亟待建立铁矿石保障体系</t>
  </si>
  <si>
    <t>印度加征铁矿石关税的风波似乎又有了新进展。据中国五矿化工进出口商会有关负责人透露，迫于印度国内矿石、出口商的强烈反对和中国方面的联合抵制，印度政府很有可能放弃3月1日开始加征的300卢比/吨（约合7美元/吨）的铁矿石出口税，中国钢铁企业正在国际铁矿石价格制定的潜?</t>
  </si>
  <si>
    <t>英特尔正式宣布在大连建晶圆厂</t>
  </si>
  <si>
    <t>3月26日，世界最大的芯片生产商美国英特尔公司在北京正式宣布，将投资25亿美元在大连建立一个生产300毫米(12英寸)晶圆的工厂。　　    新厂计划于今年年底动工，2010年上半年投产。工厂的初期生产将主要专注于芯片组以支持英特尔的核心微处理器业务。据了解，这一工厂是继1</t>
  </si>
  <si>
    <t>MG名爵下线:诠释南汽国际化新路径</t>
  </si>
  <si>
    <t>南汽集团收购英国MG罗孚汽车后第一款国产中高档轿车MG名爵7系于3月27日下线，同时亮相的还有国内第一款真正意义上的跑车MGTF。通过“拿来主义”掌控国际品牌和先进制造技术，南汽集团希望从高端市场起步参与全球竞争，改变国产汽车在品牌和营销方面“积贫积弱”的现状，走出?</t>
  </si>
  <si>
    <t>埃及举办“中国日”强化经贸关系</t>
  </si>
  <si>
    <t>本报开罗电 埃及贸易和工业部25日在开罗第一次举办“中国日”活动，借此加深埃及商界人士对中国市场机遇和挑战的认识，帮助埃及企业扩大对中国出口，加强埃中经贸关系。　　    出席“中国日”活动的埃及贸工部部长助理穆罕默德·法赫米说，为推动埃中经贸、投资等方面的合</t>
  </si>
  <si>
    <t>欧盟财长会热议股市安全</t>
  </si>
  <si>
    <t>本报讯 欧盟财政部长会议于3月27日至28日在比利时首都布鲁塞尔举行，会议将展望欧洲未来的经济状况，并就股市震荡对欧洲经济的影响进行重点讨论。据悉，本次会议是继二月底全球股市大幅下跌后，欧盟财长首次就全球股市走势这一问题进行讨论。　　    欧盟委员会在一项提供?</t>
  </si>
  <si>
    <t>日大型零售商加快在京开店步伐</t>
  </si>
  <si>
    <t>本报东京电 此前主要在上海等东南沿海地区开设分店的日本大型零售商，为加大力度争夺北京奥运商机，加快了在北京开店的步伐。　　    《日本经济新闻》日前报道，日本著名的大型零售商伊势丹公司将于2008年在北京开设分店，地址选在了商业设施密集的北京西单地区。这将是伊</t>
  </si>
  <si>
    <t>法约尔:“一般管理理论”贡献者</t>
  </si>
  <si>
    <t>20世纪初，当泰勒的科学管理理论迅速传遍欧洲的时候，法国也诞生了一位杰出的管理学家——亨利·法约尔。　　　　亨利·法约尔(Henri Fayol，1841—1925)，法国著名的管理学家、管理实践家，西方古典管理理论在法国的最杰出代表。虽然法约尔的成就直到晚年时才被大家认可，</t>
  </si>
  <si>
    <t>骆金星：把义乌模式拷贝到全世界</t>
  </si>
  <si>
    <t>今年2月12日，瑞典“中国商贸城”项目在瑞典南部城市卡尔玛举行奠基仪式。纷纷扬扬的雪花中，鞭炮、舞狮、剪彩……传统的中国仪式令瑞典人新奇不已。瑞典副首相毛德·奥洛夫松、中国驻瑞典大使吕凤鼎和中国浙江凡尔顿集团总裁骆金星，冒雪共同为这一项目铲下第一锹土，标志着</t>
  </si>
  <si>
    <t>中国女性为什么如此热衷减肥？</t>
  </si>
  <si>
    <t>鉴于过度减肥酿成了许多悲剧，如今许多国家都颁布了“禁瘦令”，以维护女性身体的健康。但是，我国许多女性仍为了追求骨感的身材而进行近乎摧残式的减肥。中国女性如此热衷于减肥，到底为了什么？　　　　如此减肥为了什么　　　　吉林省长春市某高校女生杨雪去年冬天买?</t>
  </si>
  <si>
    <t>潍坊滨海新区：循环经济跃出地平线</t>
  </si>
  <si>
    <t>搞化工的人都知道，海水是宝贵的化工原料，可所有搞化工的人也都知道，海洋化工往往意味着对海洋的重度污染。十年前，潍坊依托山东海洋化工集团，成立了海洋高科技开发区；十年后，这个开发区更名为潍坊滨海开发区。近日，记者在这个亚洲最大纯碱生产出口基地采访，绵延数十?</t>
  </si>
  <si>
    <t>美国是黑客大本营  中国是最大受害国</t>
  </si>
  <si>
    <t>本报洛杉矶电 美国网络安全企业——赛门铁克公司日前发布的报告指出，美国是全球网络黑客的大本营，其每年产生的恶意电脑攻击行为远高于其他国家，占全球网络黑客攻击行为总数的约31%。　　　　据此间新闻媒体21日报道，这份每半年发布一次的全球网络安全威胁报告透露，黑?</t>
  </si>
  <si>
    <t>韩国双龙将与上汽车实行双品牌战略</t>
  </si>
  <si>
    <t>本报首尔电 韩国双龙汽车公司21日在公布其中长期发展战略报告时表示，该公司今后将推行双龙汽车和上海汽车的“双品牌战略”。　　　　双龙汽车代表表示，双龙汽车将与上海汽车公司成立合资公司，最大限度提高营销网络利用效率。　　　　双龙汽车公司的中长期发展战略报告</t>
  </si>
  <si>
    <t>中俄经贸合作水平仍有广阔提升空间</t>
  </si>
  <si>
    <t>1999年以来，中国和俄罗斯双边贸易额连续8年保持两位数增长，两国相互投资日趋活跃，经济技术合作蓬勃发展，边境贸易持续增长。业内人士认为，中俄经贸关系发展潜力巨大，两国经贸合作水平仍有很大提升空间。　　　　根据中国商务部提供的数字，去年中俄贸易额创历史新高，</t>
  </si>
  <si>
    <t>G33部长会议推动多哈回合谈判</t>
  </si>
  <si>
    <t>第二届33国协调组织(简称G33)部长会议21日在印度尼西亚首都雅加达闭幕。印尼贸易部长冯慧兰在会后举行的记者招待会上说，与会发展中国家主要就国际贸易中农产品补贴和市场开放等问题协调了立场，并与发达国家展开了交流对话，会议向最终实现多哈发展议程迈出坚实一步。</t>
  </si>
  <si>
    <t>未来手机的热门应用</t>
  </si>
  <si>
    <t>诺盛电信分析认为，具有GPS功能和HSDPA制式将成为未来几年手机的热门应用。　　　　自2005年开始，基于GPS的服务开始在通信发达的西欧、北美、日韩等国家得到发展，手机制造商试图将GPS功能同EDGE、WCDMA和HSDPA技术结合起来，推动GPS手机的销售。在这方面，诺基亚走在了行</t>
  </si>
  <si>
    <t>欧盟官员积极评价中国新法律</t>
  </si>
  <si>
    <t>本报布鲁塞尔电 在中国第十届全国人民代表大会第五次会议通过物权法和新的企业所得税法后，一些欧盟经贸官员对此给予积极评价。　　　　“欧盟支持中国参与世界贸易体系”项目主任菲利普·巴特力20日在接受本报记者采访时说，他注意到最近结束的中国全国人民代表大会通过了</t>
  </si>
  <si>
    <t>彩电业专利“破网”亟须国家战略</t>
  </si>
  <si>
    <t>面对美国将全面实施数字电视ATSC标准，中国彩电制造商将不得不每出口一台彩电必须支付23美元专利费的境况，笔者认为，单纯站在中国彩电业的发展上看待和解决专利壁垒问题是片面的，中国彩电业遭受的专利和标准尴尬实质是国家工业链的尴尬，中国彩电业的专利“破网”必须得到?</t>
  </si>
  <si>
    <t>我与美墨两国磋商“补贴问题”</t>
  </si>
  <si>
    <t>本报日内瓦电 中国常驻世界贸易组织代表团20日发表声明说，中国与美国和墨西哥当天在世贸组织总部就所谓“中国贸易补贴问题”举行了联合磋商，各方均认为磋商是有益的。　　　　声明表示，起诉方对于中国的外商投资制度以及税收法律制度存在着一定程度的误解。实际上，起诉</t>
  </si>
  <si>
    <t>最佳客服的王者之道</t>
  </si>
  <si>
    <t>美国《商业周刊》3月5日评选出美国客户服务最佳的25家公司。这项排行榜的设计宗旨并不仅仅注重榜单排名结果，同时也注重调查这些公司在客户服务方面的办法、策略和工具。　　　　然而，具体是什么造就了这些“客服王者”，《商业周刊》带领读者，试图找寻最佳客服的“王者?</t>
  </si>
  <si>
    <t>中国汽车进入欧洲市场会比日韩花的时间短</t>
  </si>
  <si>
    <t>在第77届日内瓦国际汽车展上，中国汽车引起媒体和参观者的广泛关注。从当地舆论和公众的反应来看，只要在质量和可靠性方面经受住考验，欧洲销售商和消费者乐于接受中国车。　　　　来自中国的三款华晨汽车参加了本次车展并引起媒体的关注，瑞士电视台、电台、报刊等均作了?</t>
  </si>
  <si>
    <t>环保节能型汽车成趋势发展仍困难重重</t>
  </si>
  <si>
    <t>环保节能是第77届日内瓦国际汽车展最为突出的主题，世界各大汽车制造厂商竞相展示自己在环保节能型汽车研发上的优势。这一迹象显示出世界汽车工业正向环保节能方向发展。　　　　从福特福克斯生物燃料车、瑞典萨博生物燃料车到本田混合动力小型运动车，世界各大汽车制造厂?</t>
  </si>
  <si>
    <t>巴西石油公司大力推进生物燃料战略</t>
  </si>
  <si>
    <t>巴西石油公司乙醇事务总裁奥里瓦15日在巴西最大城市圣保罗透露，借布什访问巴西的“东风”，巴西石油公司从今年开始将向美国出口乙醇。这一举动标志着巴西石油公司全面介入乙醇燃料的生产、运输和出口事务。　　与乙醇燃料颇有渊源　　　　作为巴西的国有公司，巴西石油?</t>
  </si>
  <si>
    <t>长江等10条河流面临干涸危险</t>
  </si>
  <si>
    <t>本报日内瓦电 总部在瑞士的世界自然基金会20日发布题为《世界面临最严重危险的10条河流》的报告说，受气候变化、污染等因素的影响，世界上的一些主要河流正面临日益严重的干涸危险，中国的长江位列其中。　　　　这份在3月22日“世界水日”到来之际发布的报告，列举了面临?</t>
  </si>
  <si>
    <t>内外资银行人才争夺“暗战”升级</t>
  </si>
  <si>
    <t>打开前程无忧、智联招聘、中华英才等各大招聘网站就会发现，汇丰、渣打、花旗、荷兰、东亚等外资银行的身影闪现频率越来越高。业内人士指出，随着首批外资法人银行开业进入倒计时，内外资银行之间早已开始的人才争夺“暗战”也逐步升级，开始渐渐走入人们的视野。　　外资?</t>
  </si>
  <si>
    <t>日本上市公司严防恶意收购</t>
  </si>
  <si>
    <t>本报东京电 由于日本将于今年5月解除对“三角并购”的禁令，日本上市公司纷纷行动起来，采取保护措施，防范恶意收购。　　　　目前外资直接收购日本国内企业有障碍，因此外资将可以通过所谓“三角并购”方式达到目的。“三角并购”是指某外国企业先在日本设立一家全资子公?</t>
  </si>
  <si>
    <t>成立能源主管部门对能源安全至关重要</t>
  </si>
  <si>
    <t>“中国政府近年来对能源安全高度重视，在国家发展与改革委设立了能源局，并成立了国家能源工作的高层次议事协调机构——国家能源领导小组。但从更有效地应对中国能源行业所面临的挑战方面看，设立一个专职的国家能源主管部门仍然是必要的。”中国欧盟商会能源工作组主席陈新?</t>
  </si>
  <si>
    <t>拉美地区侨汇收入增长一成半</t>
  </si>
  <si>
    <t>本报墨西哥城电 来自危地马拉城的消息称，美洲开发银行多边投资基金会18日发表报告说，近年来拉美地区的侨汇收入稳步增加，2007年预计将达到创纪录的720亿美元，比2006年增长约15%。　　　　多边投资基金会经理特里说，拉美地区今后3年的侨汇收入将继续保持增长势头，2010?</t>
  </si>
  <si>
    <t>多数期权交易商预测美联储今年将三次降息</t>
  </si>
  <si>
    <t>本报纽约电 据彭博社报道，多数期权交易商预测，由于房地产市场低迷，美国联邦储备委员会今年有可能将三次调低利率，以促进经济增长。　　　　根据彭博社3月初进行的一项调查，芝加哥期货交易所(CBOT)的期权交易商称美国的基准利率在今年可能由5.25%降至4.5%，而多数经济学</t>
  </si>
  <si>
    <t>品牌危机管理：国内企业的新功课</t>
  </si>
  <si>
    <t>2006年以来，众多国际品牌频频遭遇危机事件。上海交通大学品牌研究所、上海品牌促进中心专家认为，品牌危机管理也是我国企业急需补上的一课，国际品牌危机的典型案例对国内企业增强危机意识、应对公众质疑、降低负面影响等具有启示意义。　　反应速度是降低危机影响的关键$</t>
  </si>
  <si>
    <t>巴纳德：现代组织理论奠基人</t>
  </si>
  <si>
    <t>切斯特·巴纳德(Chester I. Barnard，1886-1961)是西方现代管理理论社会系统学派的创始人。他在组织管理问题上的贡献和影响，可能比管理思想发展过程中的任何人都更为重要。管理学界几乎一致认为：巴纳德关于组织理论的探讨，至今无人超越，西方管理学界称他是现代管理理论的</t>
  </si>
  <si>
    <t>次级抵押贷款问题冲击市场</t>
  </si>
  <si>
    <t>本周，美国公布了大量数据，可是投资者已经不再根据经济数据表现而进行交易。事实上，由于最近数日市场波动剧烈，投资者们交投兴趣减弱，甚至完全处于持币观望状态，市场参与者稀少，导致美元走势艰难。　　　　市场剧烈波动的起因是美国抵押银行家协会13日公布，去年第四?</t>
  </si>
  <si>
    <t>从土地征收看美国物权保护</t>
  </si>
  <si>
    <t>在拆迁过程中，美国房地产所有权人通常可以得到相当于自己自愿出售其不动产的价格赔偿，而开发商的利润将受到市场规律的制约。在这一过程中，政府不能随便介入，更不能实施“强制拆迁”。　　　　在美国，物权受到法律的严格保护。美国联邦宪法第五条修正案规定：“非依正?</t>
  </si>
  <si>
    <t>国际油市供应紧张局面有所缓和</t>
  </si>
  <si>
    <t>石油输出国组织(欧佩克)15日在奥地利首都维也纳举行部长级会议后表示，目前国际原油市场供求平衡，因此决定维持现行原油生产政策不变。市场分析人士指出，延续了三年多的国际市场原油供应紧张的局面目前已出现缓和迹象。　　　　近年来，由于世界原油需求不断增加，加上受?</t>
  </si>
  <si>
    <t>记者：在代表与百姓之间架桥</t>
  </si>
  <si>
    <t>3月6日中午，在北京广西大厦的电梯里，我碰巧遇上了浙江代表团的一位全国人大代表，我见他手里拿着一叠文字材料，猜想那一定是议案，希望能够采访他。当得知我是做科技方面报道的记者后，他很高兴地与记者聊起“3G”(第三代移动通信)，原来他这次带来的建议案正是关于如何加?</t>
  </si>
  <si>
    <t>破解美国次级抵押贷款市场危局之谜</t>
  </si>
  <si>
    <t>由于美国住房市场降温，再加上利率连续攀升，借款人很难将自己的房产及时变现，造成越来越多的次级抵押贷款者无力还贷。而美国居民逾期还款和丧失抵押品赎回权案例大幅增加，就会冲击贷款机构的资金链，次级抵押贷款市场必然发生严重震荡。由于很多抵押贷款公司已经上市，其?</t>
  </si>
  <si>
    <t>网络视频：以草根的名义来改变世界</t>
  </si>
  <si>
    <t>2005年2月在美国成立的YouTube视频网站，如今每天上传的内容已经达到3.5万条，日观看量3500万条……没有人知道，网络视频究竟将给时代带来何种改变，又会引领世界走向何方。可以肯定的是，这种影响文化、社会等诸多方面的新型传媒方式所带来的变革已经发生，且不可阻止。</t>
  </si>
  <si>
    <t>我国惟一的一家健康奶油企业经营状况堪忧</t>
  </si>
  <si>
    <t>美国、丹麦、瑞典、德国等西方国家禁用、限用含有反式脂肪酸这种危害人体健康的奶油的做法，最近受到全世界认可，同时也引发人们的高度关注：谁来供应人类健康的奶油？“我国完全可以抢得先机，在为人类提供健康奶油方面大显身手”，中科大应用化学系教授钱生球约见记者时充?</t>
  </si>
  <si>
    <t>奥斯卡风云几度  主流价值观依旧</t>
  </si>
  <si>
    <t>奥斯卡奖向来被视为美国电影的“晴雨表”、“风向标”，被认为可以预示未来电影市场的走向。因此，每一届颁奖结果出来，都会吸引全球很多人的眼光，引发很多业内人士和影迷的评论。　　　　2月25日在柯达剧院举行的第79届奥斯卡金像奖颁奖典礼落幕，再一次引起了评论热潮。</t>
  </si>
  <si>
    <t>史基浦机场编织“中国梦”</t>
  </si>
  <si>
    <t>积极推行“中国战略”的史基浦机场，希望凭借靠近鹿特丹港的地理优势，争取让更多中国商家在合作兴建的“中国商贸中心”设立欧洲分销中心或地区总部，以此巩固该机场“欧洲门户”的市场地位。　　　　欧洲第三大货运机场、第四大客运机场史基浦集团执行副主席兼财务总监韦?</t>
  </si>
  <si>
    <t>海外关注中国贸易顺差超常增长</t>
  </si>
  <si>
    <t>本报讯 今年前两个月我国贸易顺差超常增长，达到396.1亿美元，同比增长2.3倍。这让国内业界感到吃惊，更引起海外关注。　　　　在海关总署12日公布最新贸易数据的当天，海外各通讯社及主要媒体纷纷发文对此数据给以重点“关照”，包括美国CNN新闻网、英国BBC电视台、美国彭</t>
  </si>
  <si>
    <t>成立国家级食品安全管委会</t>
  </si>
  <si>
    <t>本报讯“苏丹红红心鸭蛋、引发广州管圆线虫病的福寿螺、药物残留超标的多宝鱼等食品安全问题告诉我们一个道理，那就是监管不力，体制不顺，食品安全就很难得到保证。”全国人大代表、全国工商联执委郑心穗担忧地说。　　　　他说，我国目前的食品安全监管机制不健全，主要?</t>
  </si>
  <si>
    <t>《福布斯》财富榜上涌现出更多的亚洲富豪</t>
  </si>
  <si>
    <t>美国《福布斯》杂志近日公布2006年度全球个人财富排行榜，罗列了截至2月初个人资产市值达到或超过10亿美元的946人。　　　　按照排行榜制作者的说法，《福布斯》排行榜不只是个人财富的简单罗列，同时也是全球经济及其变化的曲折反映。而近年来亚洲经济的蓬勃向上，也让财?</t>
  </si>
  <si>
    <t>新巴塞尔协议统一执行难</t>
  </si>
  <si>
    <t>旨在降低对银行资本充足率要求的新巴塞尔协议，于今年1月1日起按时在欧洲的许多银行予以实施。　　　　新巴塞尔协议规定，银行必须持有的资本量取决于其贷款和其他资产的风险大小。这意味着，银行内部风险管理专家如果能够将贷款转化为证券并在金融市场上“打包”出售给投?</t>
  </si>
  <si>
    <t>中国能否有自己的尤努斯</t>
  </si>
  <si>
    <t>随着第一家村镇银行本月在四川成立，中国解决农村贷款难题迈出了重要一步，尤努斯在孟加拉国“穷人银行”的影子也在中国渐显清晰。这种模式在中国能否得到复制，受到两会上代表委员的关注。　　　　“从孟加拉国等发展中国家的经验来看，在农村，如果能够根据农业生产、社?</t>
  </si>
  <si>
    <t>中国汽车亮相国际车展喜中带忧</t>
  </si>
  <si>
    <t>中国品牌汽车在国际顶级车展亮相，已经算不上太新鲜的事情了。德国法兰克福车展、美国底特律的北美车展，都不时能见到中国品牌的身影。正在举行的瑞士日内瓦国际车展也不例外，来自沈阳的华晨公司推出了三款汽车，摆出了冲击欧洲市场的姿态。　　　　对中国汽车厂商而言，?</t>
  </si>
  <si>
    <t>日本上季度经济增速达三年来最高</t>
  </si>
  <si>
    <t>本报东京电 日本内阁府12日公布的经济修正数据表明，日本2006年第四季度经济增长速度按年率计算为5.5%，为3年以来最高。这也是日本经济连续第八个季度实现增长。　　　　日本内阁府上月曾宣布，日本去年第四季度以年率计算的经济增速初值为4.8%。此次上调季度经济增速主要?</t>
  </si>
  <si>
    <t>欧盟能源新政策值得我们效仿</t>
  </si>
  <si>
    <t>3月8日至9日举行的欧盟首脑会议，通过了一项大胆的能源新政策。欧盟各国领导人同意，到2020年单方面将可再生的清洁能源在全部能耗中的比例提高到20%，同时将二氧化碳等温室气体的排放在1990年水平上削减20%。　　　　欧盟首脑会议经过协调将上述数字作为具有约束力的“强制</t>
  </si>
  <si>
    <t>西方航空制造业将面临中国竞争</t>
  </si>
  <si>
    <t>本报柏林电 美国波音公司首席执行官詹姆斯·麦克纳尼近日在接受德国《明镜》周刊采访时说，中国飞机制造业的迅速发展使西方主要飞机制造商面临竞争压力。　　　　麦克纳尼说，认为航空制造业只有波音和空客两家在竞争的想法已经不对了，因为“中国目前拥有训练有素的人才、</t>
  </si>
  <si>
    <t>食品安全制度“硬伤”伤心又伤命</t>
  </si>
  <si>
    <t>“‘嗑药’的多宝鱼”、“致病的福寿螺”、“苏丹红红心鸭蛋”、“瘦肉精致人中毒”……过去的一年多时间里，众多的食品安全事件着实让老百姓担心自己的餐桌安全。更为奇怪的是，几乎所有的食品安全问题总是媒体曝光在先，相关部门查处在后。人们不禁要问：“食品安全监管哪?</t>
  </si>
  <si>
    <t>欧盟峰会聚焦气候变化和能源政策</t>
  </si>
  <si>
    <t>以经济话题为主的欧盟春季首脑会议于8日正式拉开帷幕。除了对“里斯本战略”实施情况进行年度审议外，气候变化和能源政策成为本次峰会关注的重要焦点。　　　　为了应对全球气候变暖，实现欧盟经济的可持续发展，来自欧盟27个成员国的首脑们将在峰会上重点审议欧盟委员会今</t>
  </si>
  <si>
    <t>“东盟热”推动中越边境地区发展提速</t>
  </si>
  <si>
    <t>本报南宁电 过去，从广西南宁到中越边境友谊关口岸需要四个多小时，如今高速公路开通后交通时间缩短了一半。这条名为南(宁)友(谊关)的高速公路拉近了中国内地与中越边境地区的距离，更拉近了中国与东盟国家往来的距离。　　　　“中国——东盟自由贸易区建设推动了双方在政</t>
  </si>
  <si>
    <t>美国财长保尔森：中美战略经济对话机制卓有成效</t>
  </si>
  <si>
    <t>本报上海电 美国财政部长保尔森8日在上海表示，随着中国经济发展，包括经济关系在内的中美关系比任何时候都更加重要。双方期待在卓有成效的中美战略经济对话机制框架下展开进一步合作。　　　　保尔森是在上海期货交易所就中国加快金融货币市场改革问题发表演讲时作出以上?</t>
  </si>
  <si>
    <t>“地图族”：手捧地图玩转城市</t>
  </si>
  <si>
    <t>购物、聚餐、泡吧、旅游、娱乐，都市生活纷繁炫目，与此同时也有不少困扰——去哪儿才能吃到地道的水煮鱼，买到个性的手包，淘到令人兴奋的非洲手工艺品……如今，所有这些你都有可能在散落于网络中的各类城市地图中找到答案。　　　　而这些不再为逛街“淘宝”或是寻觅美?</t>
  </si>
  <si>
    <t>美国凯雷欲入股山东海化</t>
  </si>
  <si>
    <t>本报讯 美国凯雷投资集团正积极洽谈入股山东海化母公司山东海化集团，海化集团改制也拟引进凯雷等战略投资者。　　　　海化集团资本运营中心负责人说，目前双方正进行深入接触，具体结果估计需要几个月后才能出来。据悉，为配合凯雷入主及集团改制，山东海化正在积极酝酿推</t>
  </si>
  <si>
    <t>德国：物权法保障经济和社会发展</t>
  </si>
  <si>
    <t>物权制度是一个系统工程。在德国，它不仅是民法的规范对象，还受到宪法、行政法等各个法律部门的调整和规范。德国物权法的形成与完善经历了数百年时间，物权法对德国经济和社会的发展起到了保障作用。　　　　19世纪中期，德国社会发生了巨大变化，有关所有权制度的争论导?</t>
  </si>
  <si>
    <t>加拿大：尊重物权有利促进社会和谐</t>
  </si>
  <si>
    <t>加拿大著名物权法专家布拉德福德·莫尔斯日前在接受本报记者专访时表示，依法保护公民物权是政府的重要职能之一，也是促进“社会和谐”的重要途径。　　　　莫尔斯是加拿大渥太华大学法律系研究生院院长，30多年来一直致力于物权法等领域的法律研究。对中国物权法的立法进?</t>
  </si>
  <si>
    <t>中国新法案将使中国企业更具竞争力</t>
  </si>
  <si>
    <t>本报布鲁塞尔电 荷兰鹿特丹市市长伊万·奥普斯泰坦6日对中国人大即将审议的物权法草案和企业所得税法草案表示赞赏，称这有利于中国企业更好地参与国际竞争。　　　　奥普斯泰坦在接受记者书面采访时说，取消外企优惠税率将使中国企业更具竞争力，有利于中国产品提高质量和?</t>
  </si>
  <si>
    <t>全球股市大幅震荡的背后</t>
  </si>
  <si>
    <t>在经历了一周左右的大幅震荡后，6日亚洲、欧洲和美国的主要股市均出现反弹，在本轮全球股市大跌中受到冲击的投资者得到一个喘息的机会。究竟是哪些因素导致全球股市近来大幅下跌？管理层和投资者可从本轮全球股市调整中汲取什么教训？全球股市的未来走势如何？　　　　目前</t>
  </si>
  <si>
    <t>中国人怎么打碎了储蓄罐？</t>
  </si>
  <si>
    <t>47%的中国人说他们只将月末剩余的部分投入储蓄。几乎有1/3的人说，他们根本不存钱。这样的结果表明，精打细算和推后消费的模式正在过时，并成为老一辈过日子的特征。　　　　香港上海汇丰银行最近对六座亚洲城市的中等收入人群的储蓄与消费模式进行了调查，它们是香港、吉?</t>
  </si>
  <si>
    <t>英国：伦敦“雾都”雾不在</t>
  </si>
  <si>
    <t>由于污染，英国伦敦曾以“雾都”闻名于世。经过数十年的努力，伦敦终于拨开浓雾见蓝天。如今，人们已难以想像当年迷离晦暗的雾中情景。　　　　伦敦雾消散，得益于英国人痛下决心整治污染。英国政府1956年首次颁布“清洁空气法案”，并据此对城市居民的传统炉灶进行大规模?</t>
  </si>
  <si>
    <t>加强对外资并购的引导和规范</t>
  </si>
  <si>
    <t>比利时英博啤酒收购福建雪津啤酒、美国高盛收购肉类食品企业双汇、花旗集团收购广发银行，以及美国凯雷与装备制造业龙头徐工机械的收购拉锯战……2006年，外资并购大戏不断上演。外资并购，如今再次成为两会上代表热议的话题。　　　　“政府工作报告提出，对外资并购要加?</t>
  </si>
  <si>
    <t>跟随两会热点  把脉股市动向</t>
  </si>
  <si>
    <t>自2月27日中国股市暴跌以来，全球股市一片凄风惨雨，全局环境的恶化也同时反作用于国内股市。近日沪深两地市场上众多主力机构也出现了较大的分歧，在此情况下，大盘于进退徘徊之间甚感困惑与茫然。　　　　国内市场近一年多来的红火表现，以及近期以如此暴涨暴跌的姿态迎接</t>
  </si>
  <si>
    <t>核心问题是对公司价值的判断</t>
  </si>
  <si>
    <t>本周一，全球金融市场特别是亚洲股市再次出现连锁反应，其中，香港恒生指数大跌777.13点，跌幅达到4%，日经225、雅加达、吉隆坡、马尼拉等股指跌幅也都超过3%，受此影响，深沪B股市场分别下跌了6.38%和6.90%，A股市场也有不小的跌幅。目前大家的热门话题是“中期调整”，那么</t>
  </si>
  <si>
    <t>跨国公司纷涌中国搞研发</t>
  </si>
  <si>
    <t>在写字楼林立的北京海淀区上地，有一座中式建筑显得十分别致。这是一家丹麦生物科技公司：诺维信公司。建筑设计师是一位对中国文化有特殊兴趣的丹麦人。他设计了灰墙、绿瓦、红漆柱子，四围天井和深深的庭院。　　　　在这座传统风格浓厚的中式庭院中，从事的却是生物技术?</t>
  </si>
  <si>
    <t>海外媒体评说我国科研经费增长</t>
  </si>
  <si>
    <t>不久前，经济合作与发展组织在发布的《2006年度科学、技术和工业展望》报告中称，按照购买力平价计算，预计到2006年底中国的研发投入总额将超过1360亿美元，有望超过日本，成为仅次于美国的世界研发投入第二大国。　　　　这份报告迅速引起西方世界的注意。《华尔街日报》?</t>
  </si>
  <si>
    <t>和谐发展——聚焦山东荣成</t>
  </si>
  <si>
    <t>背景：荣成概况　　　　山东省荣成市位于山东半岛最东端，三面环海，海岸线长近500公里，与韩国、日本隔海相望，是中国距离韩国最近的城市。荣成总面积1392平方公里，人口66.6万，拥有三个省级开发区和旅游度假区，两个一类开放港口。　　　　改革开放以来，荣成成为中国</t>
  </si>
  <si>
    <t>德国：实行“国民待遇”依旧吸住外资</t>
  </si>
  <si>
    <t>德国对外国资本基本实行“国民待遇”，在税收和投资激励方面同德国企业没有区别。虽然在德国多达600多项的各种经济和投资促进措施中，没有一项涉及对外国投资者的优惠，但德国对外资的吸引力依旧巨大。　　　　德国的一整套投资促进措施包括投资津贴、优惠贷款和提供担保等</t>
  </si>
  <si>
    <t>日本:多种优惠措施吸引外资</t>
  </si>
  <si>
    <t>按照《日本公司法》，外国独资、合资企业与日本国内企业享受同等待遇。但是，由于日本在20世纪90年代初经济出现严重衰退，日本政府成立了专门的吸引外资研究机构，通过修改法律和出台一系列优惠措施，促进外国投资者对日本进行直接投资。　　　　日本政府在1994年成立了“?</t>
  </si>
  <si>
    <t>能下“金蛋”的母鸡没钱养</t>
  </si>
  <si>
    <t>两年前，旅居法国的华商张云逢怀揣着7位在海外做生意的朋友筹集的一笔创业资本回到故乡北京，在中关村开办了“索琅国际有限公司”。可张云逢说：“我现在仿佛走进了冬天，越来越觉得冷，越来越觉得底气不足。”　　　　摆在张云逢面前的难题，一是自有资金用完，就算把全部</t>
  </si>
  <si>
    <t>韩国：调整外国投资者政策  优化产业结构</t>
  </si>
  <si>
    <t>韩国政府一直对内外资企业实行统一税收政策。上世纪后期，韩国凭借“低成本劳动力、低汇率”等有利条件，调整外国投资政策，使经济高速增长得以保持。　　　　在1997年经历金融危机后，韩国政府开始意识到有选择地吸引外资的重要性，随后对外资政策进行了一些调整，于1998?</t>
  </si>
  <si>
    <t>中国市场：日本企业海外发展引擎</t>
  </si>
  <si>
    <t>“中国有巨大的市场前景。在海外事业中，我们把中国市场作为企业海外发展的引擎。”松下电器产业株式会社社长大坪文雄如是表示。　　　　松下电器产业有关人士介绍，2003年度松下电器海外销售额占54%，首次超过了日本国内。当年松下电器海外业务收入中有400多亿元来自中国?</t>
  </si>
  <si>
    <t>澳大利亚企业赶搭中国发展快车</t>
  </si>
  <si>
    <t>“中国是我们这个时代最为成功的经济体之一，全世界没有一个国家能够忽视其快速发展带来的机遇。”这是澳大利亚外交贸易部网站上的一句话，也道出了该国企业近年来重视同中国发展经贸关系的切身体会。　　　　2002年，澳大利亚赢得了向中国广东省供应液化天然气的合同，总?</t>
  </si>
  <si>
    <t>麒麟啤酒3亿元参股杭州千岛湖25%股权</t>
  </si>
  <si>
    <t>本报讯 杭州千岛湖啤酒有限公司与麒麟(中国)投资有限公司(简称麒麟啤酒，下同)日前在杭州联合举行新闻发布会宣布，麒麟啤酒采用股份转让和单向增资的方式注资3.0518亿人民币参股杭州千岛湖啤酒25%的股份，合资后千岛湖啤酒控股75%，总资产达12.14亿元人民币。　　　　日本?</t>
  </si>
  <si>
    <t>融资套利致美元下跌</t>
  </si>
  <si>
    <t>周五纽约汇市尾盘，欧元兑美元从周一尾盘的1.3182美元升至1.3193美元，美元兑日元则从周一尾盘的120.57日元跌至116.85日元。美元从1.2297瑞士法郎跌至1.2163瑞士法郎，英镑则从1.9632美元跌至1.9440美元。　　　　周二，纽约汇市美元对日元出现了一年多以来的单个全球交易?</t>
  </si>
  <si>
    <t>我国动画产业陷入“双重怪圈”</t>
  </si>
  <si>
    <t>近年来，我国国产动画片产量正在大幅度增长，1993年至2003年，生产总数仅为4.6万分钟，然而到了2006年，产量达到了8.2万分钟。然而，表面的繁荣难掩其背后的尴尬。2月27日中国社科院发布的文化蓝皮书《2007年：中国文化产业发展报告》认为，尽管中国动画片产量逐年增加，但在</t>
  </si>
  <si>
    <t>“海外营销”试水海南  入境旅游再次升温</t>
  </si>
  <si>
    <t>穿唐装、吃饺子、放鞭炮……中国的传统在春节时体现得最为淋漓，而选择此时来中国过年的外国人也是越来越多，从首都北京到文化名城西安，再到金融中心上海，如今外国人把目光转向了海南。　　体验浓浓的中国年味　　    美国人鲍勃·拉姆先生从大年初一开始就像海南人一?</t>
  </si>
  <si>
    <t>京津冀都市圈合作强化“四个延伸”</t>
  </si>
  <si>
    <t>本报讯 “京津冀商务部门不仅要抓住北京举办2008年奥运会的历史机遇，还要着眼于‘后奥运’时期，不断强化‘四个延伸’，把区域商业合作发展推向一个更高的水平。”　　    京津冀商务部门日前在北京联合举办了《京津冀都市圈城市商业发展报告》发布会，北京市商务局局长卢</t>
  </si>
  <si>
    <t>空客想借调整计划摆脱财务窘境</t>
  </si>
  <si>
    <t>欧洲空中客车公司2月28日公布了大规模调整计划“POWER8”的细节，整个计划凸显出公司目前面临的财务窘境。　　    空中客车拥有的订单数量够其生产5年，显然市场并不是空客最担心的问题。A380客机一再延期交货所带来的财务成本压力，以及A350宽体客机研发经费上的欠缺，这?</t>
  </si>
  <si>
    <t>美联储主席给全球股市吃“定心丸”</t>
  </si>
  <si>
    <t>本报华盛顿电 全球主要股市2月27日大跌之后，美国联邦储备委员会主席本·伯南克2月28日在国会作证时说，金融市场运行良好，美国经济将适度增长。当天收盘时，纽约三大股指全面回升。　　    伯南克说，此前一天股市的大调整并非由单一因素引起，综合考虑各种新公布的经济数</t>
  </si>
  <si>
    <t>空客公布大规模调整计划</t>
  </si>
  <si>
    <t>本报巴黎电 欧洲空中客车公司总裁加卢瓦2月28日正式公布空客大规模调整计划的细节。频频引发争议的“POWER8”计划终于揭开神秘面纱。　　    空客2月28日发布公告称，通过“POWER8”计划公司将创建全新的生产和经营结构，并使公司正确应对美元疲软、竞争日益激烈及A380延期</t>
  </si>
  <si>
    <t>亚太主要股市跌势放缓</t>
  </si>
  <si>
    <t>尽管美联储主席本·伯南克2月28日的讲话拉动纽约股市当天出现反弹，但亚太部分主要股市3月1日连续第三天拉出阴线。不过，跌幅已经大幅放缓，另外一些亚太股市则开始止跌回升。　　    3月1日收盘时，日本东京股市日经225指数较前一交易日下跌150.61点，收于17453.51点，跌?</t>
  </si>
  <si>
    <t>海外纷称中国带动全球股市下跌</t>
  </si>
  <si>
    <t>继全球股市遭遇“黑色星期二”后，2月28日亚太地区及欧洲主要股市继续下挫。海外一些媒体称，是中国股市的急跌引发了全球股市的“多米诺效应”。但多位市场分析人士认为，此次全球股市大跌有其内在原因。　　    2月27日，全球股市普遍暴跌。先是中国、马来西亚等亚太地区?</t>
  </si>
  <si>
    <t>中国制造未来该制造什么？</t>
  </si>
  <si>
    <t>美国联邦通信委员会(FCC)日前对外公开消息称，依据FCC的法规进程，2007年3月1日之后，在美国国内销售的所有电视机都必须是数字电视，而且不管哪个国家、地区的彩电企业，要出口电视到美国市场，都要符合ATSC(数字电视)标准的技术规范。如果按照对韩国电视企业的收费标准(每台</t>
  </si>
  <si>
    <t>新年禽流感在全球卷土重来</t>
  </si>
  <si>
    <t>进入2007年以来，禽流感在亚洲、欧洲、非洲的多个国家呈现卷土重来之势。这也验证了世界卫生组织此前的判断，即禽流感病毒已在很多地区的禽类中扎根，短期内根除禽流感十分困难。　　    在新一轮禽流感疫情中，引起卫生界高度关注的国家是英国和尼日利亚。在英国，欧洲第?</t>
  </si>
  <si>
    <t>“依附经济”趋势警示“低级要素”引资之弊</t>
  </si>
  <si>
    <t>浙江临海是中国模具业的集聚地，这里集中了上千家模具企业。当地企业主纳闷的是，为啥最初在“小打小闹”阶段，日本企业将其纳入了全球产业链，并在生产过程中进行一定的技术转移；而现在，当他们向高端市场进发时，却遭到了境外买家的“围堵”，在设计、技术甚至市场方面均?</t>
  </si>
  <si>
    <t>外资首次参股国内大型设计院  3000亿元市场面临激烈竞争</t>
  </si>
  <si>
    <t>外资参股的中国市政工程西北设计研究院有限公司2月初在兰州成立。　　    在美国AECOM技术集团并购中国市政工程西北设计研究院部分股权后，作为一家大型国有设计咨询企业的中国市政工程西北设计院，成为中国第一家引进全球著名设计公司作为战略股东的大型综合设计院。　?</t>
  </si>
  <si>
    <t>汽车厂商看重二手车市场</t>
  </si>
  <si>
    <t>据中国汽车流通协会的最新统计，2006年我国二手车交易量达到190.59万辆，同比增长31.5%。这是我国二手车销售增幅连续第三年超过新车销售增幅。　　    2006年我国二手车销售增幅高于新车6.27个百分点。但是，二手车交易量仅相当于当年新车销量的26.4%。美国是全球第一大汽?</t>
  </si>
  <si>
    <t>法国：以信息化推动农业良性发展</t>
  </si>
  <si>
    <t>在法国克勒兹省的一个小农场，50来岁的农场主莫妮卡的一家和她的80多头牛平静幸福地过着每一天。上网已是莫妮卡每天生活中必不可少的内容之一，因为正是互联网技术给农场经营带来了便利和高效率。　　    上世纪90年代，莫妮卡每天的生活十分忙碌，工作也很繁杂，她最重要?</t>
  </si>
  <si>
    <t>美国：高科技孕育“精确农业”</t>
  </si>
  <si>
    <t>给耕地施肥对农民来说似乎是件再普通不过的事。通常，农民会把肥料均匀地播撒在耕地里。如今在美国，卫星技术和电脑程序相结合的“全球定位系统”能帮农民确定自己的耕地哪些区域肥料充足、哪些区域肥料欠缺，从而使他们“有的放矢”地施肥，不仅降低了生产成本，而且也更有?</t>
  </si>
  <si>
    <t>以色列：因地制宜发展高效农业</t>
  </si>
  <si>
    <t>通过开发和广泛利用科学技术，以色列克服了本国土地贫瘠、水资源匮乏等不利因素，因地制宜发展农业，使沙漠中盛开鲜花、四季里蔬果飘香变成现实，从而成为世界上发展高效农业的典范。　　    以色列地处干旱和半干旱地区，恶劣的自然条件对农业发展十分不利。以色列因此制?</t>
  </si>
  <si>
    <t>日本：大力提升农产品国际竞争力</t>
  </si>
  <si>
    <t>日本劳动力成本高、耕地少，加之日本近年来少子化和老龄化突出，农村人口逐渐减少，日本农业发展面临严峻考验。为此，日本政府在强调土地精耕细作的基础上加大了现代农业的规模化发展，并加快高附加值现代农业的开发，大力提高日本农产品在国际市场的竞争力。　　    本报?</t>
  </si>
  <si>
    <t>新西兰：创新促使畜牧业不断发展</t>
  </si>
  <si>
    <t>畜牧业在新西兰的经济发展中一直占有重要地位，而在经营理念和方式方面的进步与创新，则使新西兰畜牧业的现代化水平不断提高。　　    由于国内市场有限，新西兰在发展畜牧业方面始终面向国际市场。在政府的主导下，国内三大乳业公司于2001年合并为新西兰最大的乳产品企业?</t>
  </si>
  <si>
    <t>广东省对东盟出口钢材价格不断攀升</t>
  </si>
  <si>
    <t>本报广州电 我国钢铁工业基础相对薄弱的广东省，近年来钢材出口也呈高速增长的态势，特别是中国与东盟启动自由贸易区建设以来，广东迅速扩大了对东盟的出口，并且价格也一再攀升。　　    据广州海关统计，广东钢材对东盟市场的出口由加入世贸前的2万吨迅速增至2006年的39.</t>
  </si>
  <si>
    <t>石狮水产企业“热追”欧盟注册认证</t>
  </si>
  <si>
    <t>本报福州电 欧盟市场越来越受到福建省石狮市水产品企业的青睐。记者日前从石狮检验检疫部门获悉，继去年年底石狮市日祥海洋食品有限公司首家获得欧盟注册认证后，石狮现又有多家水产品企业力图跨入欧盟门槛，检验检疫部门正帮助其中一家条件较成熟的企业进行整改，组织推荐。</t>
  </si>
  <si>
    <t>企业“走出去”须提防国家风险</t>
  </si>
  <si>
    <t>中国加入世贸组织以来，越来越多的中国企业开始进军海外市场，由于投资目的国存在政治、经济、金融、战争等不可预知的因素，因而如何尽可能地规避海外风险成为海外投资的重要课题。从2005年起，政府有关部门、一些投资企业及不少学者就开始探讨“国家风险”这一重要课题。?</t>
  </si>
  <si>
    <t>法国经济受“企业全球化”困扰</t>
  </si>
  <si>
    <t>据全球著名数据供应商Markit集团统计，2006年巴黎股市CAC40指数成分股公司的分红总额达到创纪录的255亿欧元，预计今年将增至316亿欧元。　　    但这种牛气冲天的场面与法国低迷的经济状况形成极大反差。法国国家统计与经济研究所最新公布的数据显示，2006年法国经济增长率</t>
  </si>
  <si>
    <t>欧盟订计划倡导学习多种语言</t>
  </si>
  <si>
    <t>本报布鲁塞尔电 随着保加利亚和罗马尼亚今年起正式加入欧盟，欧盟的官方语言增至23种。欧盟委员会23日公布《促进学习多种语言的战略计划》，鼓励在欧盟范围内学习使用多种语言。　　　　这是欧盟第一次就语言问题制订战略计划。欧盟于今年初设立了专门机构负责语言事务。</t>
  </si>
  <si>
    <t>“外汇保证金交易”走俏日本</t>
  </si>
  <si>
    <t>自上世纪90年代初泡沫经济破灭以后，日本长期以来一直实行超低利率政策。在这种背景下，除必要的储蓄、购买国债和股票以及信托投资外，越来越多的日本国民愿意把多余的钱投资于像在24小时便利店买东西一样方便的“外汇保证金交易”。　　　　所谓“外汇保证金交易(FX交易)?</t>
  </si>
  <si>
    <t>外语能力不足挡住欧盟企业赚钱路</t>
  </si>
  <si>
    <t>本报布鲁塞尔电 欧盟委员会23日公布的一份调查结果显示，大约1/10的欧盟中小企业曾因外语能力不足而痛失赚钱机会。　　　　在接受调查的近2000家欧盟中小企业中，195家承认曾有因外语障碍而丢掉商机的惨痛教训。其中37家眼睁睁地看着买卖从眼皮底下溜走，另有54家企业失去?</t>
  </si>
  <si>
    <t>美国：原油成本唱主调  汽油价格随行就市</t>
  </si>
  <si>
    <t>2006年，国际原油价格波澜起伏，美国汽油价格变动之大更是有如乘坐过山车。美联社评出的去年全美十大经济新闻中，就包括“汽油价格在2006年夏天达到每加仑3.04美元高位”这一条。该价格让美国开车族心惊胆战，也沉重打击了美国高油耗汽车的销售。　　    但美国汽油价格并?</t>
  </si>
  <si>
    <t>比利时巧用税收杠杆应对油价涨跌</t>
  </si>
  <si>
    <t>比利时本国并不出产石油，一切消费均依赖进口。因此，从理论上讲，国际市场原油价格的上涨本应对比利时这个“无油国”产生巨大压力。但实际上，比利时政府、企业和消费者面对居高不下的油价并不惊慌，原因就在于比利时独特的燃油定价机制。　　    在比利时，燃油零售价中?</t>
  </si>
  <si>
    <t>莫斯科零售市场部分“解禁”与华商关系不大</t>
  </si>
  <si>
    <t>近日，国内外有多家媒体报道，莫斯科市政府计划允许外国商贩重返零售市场，令不少在俄罗斯的华商感到惊喜，但本报记者通过调查发现，媒体热炒的市场“解禁”其实是莫斯科政府一项临时措施，而且只涉及农产品及食品零售市场，与华商关系不大。　　    俄《生意人报》10日报?</t>
  </si>
  <si>
    <t>美经济将以温和方式增长</t>
  </si>
  <si>
    <t>本报华盛顿电 美国联邦储备委员会主席本·伯南克14日在国会就经济问题作证时表示，美国经济今、明两年将温和增长，通货膨胀压力将继续得到缓解，但住房市场最终降温幅度和核心通货膨胀上升风险仍需加以关注。　　    伯南克认为，总体来看，美国经济今、明两年可能将以温和</t>
  </si>
  <si>
    <t>马来西亚适时提价逐步降低油价补贴</t>
  </si>
  <si>
    <t>石油生产是马来西亚的经济支柱之一。马来西亚政府通过马来西亚国营石油公司控制着该国石油资源的勘探、开采、加工和销售等各个环节。据马国家统计局数据，马来西亚2003财年净出口石油992.2万吨，2004财年增至1079.8万吨。在去年3月底截止的马国营石油公司2006财政年度里，马?</t>
  </si>
  <si>
    <t>药害事件频发根在医药不分体制</t>
  </si>
  <si>
    <t>近年来，我国屡屡发生造成多人伤亡的大药害事件，规模较小的药害事件也不断出现。记者近期在浙江、安徽、黑龙江等省市调研时发现，一些地区群众对药品安全的诉求已经上升至健康权的高度，较难克服的制度性弊端在频发的药害事件中日益暴露。一些药品监管干部和专家认为，这些?</t>
  </si>
  <si>
    <t>美国卡万塔联手重钢  进军中国垃圾发电市场</t>
  </si>
  <si>
    <t>记者从重庆钢铁集团了解到，该集团近日与美国卡万塔控股集团(英文名：Covanta Energy Group Inc)(简称卡万塔集团)达成协议，由卡万塔集团购买其子公司重庆三峰环境产业有限公司(简称三峰公司)40%股份。据悉，这标志着卡万塔集团准备大举中国垃圾焚烧发电市场。　　    “新</t>
  </si>
  <si>
    <t>中国管理软件欲打造“世界级”企业</t>
  </si>
  <si>
    <t>随着全球化和信息化步伐的加快，一方面越来越多的中国企业正在成为“世界级”企业，另一方面全球管理软件产业中心向亚洲转移。中国管理软件业如何抓住机会，打造“世界级”管理软件企业，一时间成为业界关注的焦点。　　中国本土企业在快速成长　　    “中国已具备‘世?</t>
  </si>
  <si>
    <t>创意产业的电子商务</t>
  </si>
  <si>
    <t>互联网应用已经全方位了，即使是被认为属于创意产业的广告业。　　    在美国，传统广告基于互联网的代理业务已开始大行其道，并对传统广告代理产生了巨大冲击。以搜索巨头Google为例，为拓展其在线广告业务，早在2006年1月，Google就以12亿美元的高价收购了在线连接广告和</t>
  </si>
  <si>
    <t>美国贸易逆差去年达7636亿美元</t>
  </si>
  <si>
    <t>本报华盛顿电 据美国商务部13日公布的数据，2006年，美国商品和服务对外贸易逆差比前一年增加6.5%，达7636亿美元，连续第五年创下历史最高纪录。　　　　不过，美国贸易逆差去年的增幅明显小于2005年的17.3%和2004年的23.5%。　　　　去年，美国商品和服务出口增加12.8%?</t>
  </si>
  <si>
    <t>经济增长加快增大欧洲央行加息可能性</t>
  </si>
  <si>
    <t>本报伦敦电 据英国《金融时报》14日报道，由于去年第四季度欧元区经济增长速度加快，为了防止通货膨胀上升，欧洲中央银行可能在近期提高利率。　　　　报道说，欧盟统计局的最新数据显示，去年第四季度，欧元区经济在第三季度增长0.5%的基础上猛增了0.9%，大大超过人们此前</t>
  </si>
  <si>
    <t>国内期货市场全线上涨</t>
  </si>
  <si>
    <t>14日，国内期货市场全线上涨。　　　　伦敦铜13日上涨250美元/吨，收盘5720元/吨。沪铜704合约14日达到涨停板，上涨2080元，收盘54140元/吨。伦敦铝13日上涨107美元/吨，收盘2875美元/吨。沪铝705合约14日上涨360元/吨，收盘19730元/吨。　　　　日本橡胶14日下跌1.5日元</t>
  </si>
  <si>
    <t>外来移民撑起美国硅谷半边天</t>
  </si>
  <si>
    <t>本报讯 美国杜克大学最新对数据处理、半导体、防御系统、生物科学等行业进行的调查结果显示，在1995年至2005年成立于美国硅谷的高科技公司中，52.4%的创办团队至少有1人为外国血统，该比例远远高于全美平均水平25.3%。　　    调查结果显示，硅谷中的一些顶级公司是由外来?</t>
  </si>
  <si>
    <t>固特异开发“生物”环保轮胎</t>
  </si>
  <si>
    <t>本报讯 欧盟委员会授予固特异轮胎公司300万欧元研发基金，全力支持固特异公司开发全新环保型超低滚动阻力轮胎。值得一提的是，固特异的这项环保研发计划是欧盟“生命—环境计划”的重要组成部分。在该项目中，固特异已经开始了与德国宝马汽车公司和意大利著名市场研究公司Nov</t>
  </si>
  <si>
    <t>巴西美国拟联手抢占全球乙醇燃料市场</t>
  </si>
  <si>
    <t>负责政治事务的美国国务院副国务卿博恩斯上周末(9日)结束了对巴西的访问。这位美国国务院的三号人物访问巴西的一个重要议题，就是乙醇燃料的研发合作问题。　　    此间媒体披露，美国和巴西正在寻求建立乙醇燃料的全球生产标准，以期乙醇燃料今后能够成为像石油一样的商品</t>
  </si>
  <si>
    <t>欧盟建议进一步减少内部贸易壁垒</t>
  </si>
  <si>
    <t>本报伦敦电 据12日出版的英国《金融时报》报道，欧盟委员会将在14日发表一份报告，就进一步减少欧盟内部贸易壁垒提出新的一揽子建议。　　    根据该一揽子建议，欧盟成员国的公司在向另一成员国出口商品和服务时，无需证明该商品和服务符合进口国的监管规定。相反，进口国</t>
  </si>
  <si>
    <t>日有色金属厂商加速进入中国</t>
  </si>
  <si>
    <t>本报东京电 据《日经周报》最新报道，中国快速发展的汽车产业正在吸引越来越多的日本有色金属厂商到中国开设生产基地，为需求迅速扩大的汽车配件市场提供原料。　　    报道说，日本古河天空铝业公司投资了12亿日元(1美元约合121日元)在天津建厂，上个月该厂已开始大批量生</t>
  </si>
  <si>
    <t>气候异常　日本经济可能受损</t>
  </si>
  <si>
    <t>本报讯 日本第一生命经济研究所日前发表的一份报告显示，夏季日照不足以及暖冬等异常气候可能导致2006年日本国内生产总值(GDP)下降0.3%左右。　　    日本《读卖新闻》近日在报道中援引这家研究所有关人士的话说，异常气候可能会给整个经济带来负面影响。根据该研究所在报?</t>
  </si>
  <si>
    <t>武汉鼓风机公司登陆美国电子公告板</t>
  </si>
  <si>
    <t>本报讯 武汉鼓风机有限公司成功实施“借壳上市”计划，8日在美国电子公告板(OTCBB)证券市场挂牌，预计将于今年内“转板”纳斯达克市场。 　　    武汉鼓风机有限公司的前身是原武汉鼓风机厂，建于1958年，主要生产鼓风机、消声器。2004年，改制后的武鼓整体搬迁到东湖新技?</t>
  </si>
  <si>
    <t>洋品牌纷纷加入中国酒店市场竞争</t>
  </si>
  <si>
    <t>本报讯 来自法国的国际知名酒店管理集团雅高近日在上海宣布，将其麾下的五星级酒店品牌美爵引进这个中国大城市。　　    这是继著名的旅游城市西安之后，美爵品牌第二次现身中国内地。而在此之前，雅高所拥有的索菲特、宜必思、美居等品牌已经相继登陆中国内地市场。</t>
  </si>
  <si>
    <t>森达：从卖产品到卖品牌</t>
  </si>
  <si>
    <t>去年，欧盟理事会通过的对中国产皮鞋征收16.5%反倾销税的仲裁决定，对中国制鞋行业造成了很大影响。而作为中国工业经济联合会、中国名牌战略推进委员会评选的全国16家向世界名牌进军、具有国际竞争力的中国企业之一的森达却在逆境中成功规避欧盟反倾销，在国内国际市场高歌猛</t>
  </si>
  <si>
    <t>北京大学金融学系系主任何小锋：国企改革成功是利率市场化前提</t>
  </si>
  <si>
    <t>本报讯 北京大学金融学系系主任何小锋教授日前表示，国企改革与金融机构改革成功应是利率市场化的前提。　　    由北京大学与日本早稻田大学联合主办的“经济增长中的金融因素”论坛，近日在北京大学举行，何小锋在此论坛上做出了上述表示。　　    “为了实现金融深化，</t>
  </si>
  <si>
    <t>曲格平表示：单位GDP能耗降低目标未能实现,责任在领导</t>
  </si>
  <si>
    <t>本报讯 中华环境保护基金会理事长、我国首任环保局局长曲格平表示，2006年单位GDP能耗降低4%的目标未能如期实现，主要责任在各地有决策能力的领导人身上。　　    在2月11日中国科学院举办的《中国可持续发展总纲(国家卷)》新闻发布会上，曲格平说，目前我国的环境保护形势</t>
  </si>
  <si>
    <t>中国汽车运动产业蹒跚起步</t>
  </si>
  <si>
    <t>虽然第29届达喀尔拉力赛已经落幕，但远在非洲的塞内加尔首都达喀尔玫瑰湖畔依然硝烟弥漫。在这项堪称“世界上最为艰险”的汽车赛事中，中国共有两位车手顺利完成比赛。其中，第一次出征达喀尔拉力赛的中国三菱拉力艺车队车手刘斌，以总成绩第47位的排名打破了中国三菱拉力艺?</t>
  </si>
  <si>
    <t>产业集群：区域发展的有力支撑</t>
  </si>
  <si>
    <t>据报道，位居东南沿海地区的福建晋江市，近年来纺织服装、制鞋、建筑陶瓷、伞具、玩具等产业蓬勃发展，几大产业年均创产值总计都在600亿元以上，占当地工业的主导地位，吸纳就业人口占全市总人口50%以上，仅晴雨伞一项就创造年产值20多亿元。　　    2003年，浙江省经贸委?</t>
  </si>
  <si>
    <t>洛杉矶将巨款扩建“中国城”</t>
  </si>
  <si>
    <t>美国洛杉矶市议会近日通过决议，决定拨款3550万美元协助建设“中国城”花市广场的综合开发项目，预计工程总投资额将达1.46亿美元。　　    百老汇大街贯穿整个城区，由东向西可直达位于市中心的“中国城”。途中，记者见到了好几个新崛起的“中国城”，这些地方的街道旁布?</t>
  </si>
  <si>
    <t>美国：手机资费标准灵活多样</t>
  </si>
  <si>
    <t>目前，美国无线通信市场竞争相当激烈，四大主要运营商没有一家能绝对控制市场。美国电话电报公司旗下的移动通信公司(简称ATT移动通信公司)、韦里孙通信公司、斯普林特通信公司以及T-Mobile公司为了吸引顾客，竞相在手机话费上实行灵活多样的资费标准。　　    美国手机服务</t>
  </si>
  <si>
    <t>日本：“手机资费超市”助人轻松选择</t>
  </si>
  <si>
    <t>日本现有手机用户8500万，约占总人口的70%。日本移动通信运营商为吸引客户各出奇招，用户可以像在超市购物一样，轻松选择适合自己的手机及资费标准。　　    日本的移动通信市场基本形成目前三强鼎立的局面。实力最强的是多科莫公司，其次是爱友(AU)公司，第三是软银公司。</t>
  </si>
  <si>
    <t>马铃薯淀粉“保卫战”是怎样打赢的</t>
  </si>
  <si>
    <t>2月5日，商务部发布2007年第8号公告，终裁认定原产于欧盟的进口马铃薯淀粉存在倾销，并由此对中国的相关产业造成损害；决定自2007年2月6日起，进口经营者在进口原产于欧盟的马铃薯淀粉时，应依据最终裁定所确定的各公司的倾销幅度(17%至35%不等)向我国海关缴纳相应的反倾销税</t>
  </si>
  <si>
    <t>伯南克：缩小美国贫富差距  投资教育是关键</t>
  </si>
  <si>
    <t>本报华盛顿电 美国联邦储备委员会主席伯南克6日表示，美国人的贫富差距正在加大，解决这一问题的最明智途径是政府加强对低收入人群的教育投入，而采取贸易保护主义只会“雪上加霜”。　　    伯南克当天在对美国一地区商会发表演讲时表示，过去几十年中美国人的贫富分化问?</t>
  </si>
  <si>
    <t>欧美传统银行积极拓展网上业务</t>
  </si>
  <si>
    <t>本报讯 美国花旗银行最近以11.3亿美元收购了全球第一大网上银行英国埃格银行。此举不仅给花旗带来了300万英国信用卡用户，更重要的是为花旗开拓出一条低成本获取存款的新途径。业界人士指出，这笔交易显示出一个趋势，即网上银行的优势让传统银行看到了新的增长点，越来越多?</t>
  </si>
  <si>
    <t>巴西将继续大量进口我汽车配件</t>
  </si>
  <si>
    <t>本报里约热内卢电 由于巴西货币升值导致产业竞争力下降，巴西汽车零配件行业被迫放弃生产某些产品，改从中国进口。因此，今年巴西进口中国汽车零配件的数量和金额将在去年大幅增长的基础上进一步快速增长。　　    巴西全国汽车零配件协会的统计显示，2006年巴西从中国进口</t>
  </si>
  <si>
    <t>日本大型零售商增设处方药专柜</t>
  </si>
  <si>
    <t>本报东京电 为了适应人口老龄化的需要、吸引更多顾客，扭转销售下滑局面，日本大型零售商在现有和新增店铺中大量增设处方药专柜。　　    《日本经济新闻》日前报道，西友百货去年底在茨城县牛久市日立野牛久店内首次设立了处方药专柜。该公司表示，今后在新店开张时将延续</t>
  </si>
  <si>
    <t>7.6万件“海捞瓷”拍出300万欧元</t>
  </si>
  <si>
    <t>为期三天的中国清代商船“海捞瓷”拍卖1月31日在荷兰首都阿姆斯特丹结束，最终7.6万件瓷器拍出300万欧元，高出原来估计的200万欧元的总价。　　    索斯比荷兰分公司总经理马克·格罗说，“我们对这个结果相当满意，拍卖结果显示，收藏界对中国清代瓷器非常看好。”这次为?</t>
  </si>
  <si>
    <t>企业并购后——谁被裁？谁跳槽？</t>
  </si>
  <si>
    <t>近期，两则因并购而起的新闻尤其引人瞩目——瞩目的原因都在于失败的资源整合，以及持续至今的大幅裁员。2006年12月8日，某台湾手机厂商对外承认收购某德国厂商全球手机业务失败，随即1900名德国员工被解聘，其余1100名德国员工也在原雇主帮助下积极寻求出路，而北京所有研发</t>
  </si>
  <si>
    <t>中国企业打赢国内涉农产品反倾销第一案</t>
  </si>
  <si>
    <t>2月5日，商务部发布了2007年第8号公告，公布马铃薯淀粉反倾销案的终裁决定。裁定原产于欧盟的进口马铃薯淀粉存在倾销，并由此对中国的相关产业造成了损害。根据终裁决定，自2007年2月6日起，将对原产于荷兰艾维贝、法国罗盖特等欧盟公司进口的马铃薯淀粉，征收17%—35%不等的</t>
  </si>
  <si>
    <t>中国石油：效益与责任并重</t>
  </si>
  <si>
    <t>2月3日，“人民社会责任奖”的颁奖活动在北京人民大会堂举行，中国石油集团在20家获此奖项的中外企业中位列榜首。组织者称：“中国石油获此殊荣，表明其在履行企业社会责任方面得到全社会的充分肯定。”　　    据中国石油集团负责人介绍，作为“亚洲最赚钱的企业”，中国?</t>
  </si>
  <si>
    <t>法国金管局全面监管金融市场</t>
  </si>
  <si>
    <t>随着金融业的不断发展，法国金融市场的监管一直处于变化改革之中。2003年依据《金融安全法》成立的金融市场管理局则是法国金融业有史以来最大的一次改革。该管理局目前已成为法国金融市场最有效的守护神。　　    为加强对金融市场的监管和保护投资者的权益，2003年8月1日?</t>
  </si>
  <si>
    <t>德国“左右手”配合实施金融监管</t>
  </si>
  <si>
    <t>德国作为世界第三大经济强国，其金融服务体系发达成熟。而健全完备的法律体系和监管机构又保证了德国金融业的健康运行和发展。德国中央银行——联邦银行和2002年成立的联邦金融服务监管局相互配合，共同担负对德国金融行业的全面监管职责，成为德国实施金融监管的左右手。?</t>
  </si>
  <si>
    <t>完善体制维护新加坡金融市场稳定</t>
  </si>
  <si>
    <t>新加坡经过多年探索与实践，目前已逐步建立起一套较为完善的金融管理体制。该体制具有“严格高效”和“灵活适时”的重要特点，有力维护了新加坡金融市场的稳定，为确保新加坡经济稳步发展作出了贡献。　　    新加坡的金融管理体制过去一度强调“管制”与“审慎”的原则。?</t>
  </si>
  <si>
    <t>青藏铁路激活冬季青藏旅游市场</t>
  </si>
  <si>
    <t>“世界海拔第一的青藏铁路吸引了我，来到这里，可以亲身感受世界最高的铁路，沿途还可以观赏到雄伟的昆仑山脉，烟波浩淼的高原湖泊，还有可爱的野生动物等。这一切对我来说都充满了吸引力。”2月4日晚8时左右，在从西宁开往拉萨的客车上，来自日本东京的黑田女士对记者这样说</t>
  </si>
  <si>
    <t>韩国政府借助网上采购杜绝政府采购黑洞</t>
  </si>
  <si>
    <t>韩国政府由于在采购中存在各自为政、随意性强，缺乏统筹监管的弊端，各种腐败案件层出不穷。从2002年起，韩国政府利用韩国网络普及率高、网上金融服务成熟、政府办公普遍实现网络化的优势，将政府采购行为由传统的人际交易，改为网络交易，规定各种采购行为必须通过调达厅建?</t>
  </si>
  <si>
    <t>网络视频在美国大行其道</t>
  </si>
  <si>
    <t>美国Youtube视频网站于2005年2月才成立，然而才两岁的它就已经大红大紫，连微软公司董事长比尔·盖茨都认为，网络视频将“颠覆”电视的传统地位。　　    网络视频是互动的。在视频网站，网民们不再被动接收各类信息，而是能自制短片，随意上传并和别人分享。短片内容也包?</t>
  </si>
  <si>
    <t>“邻里中心”:打造商业服务新业态</t>
  </si>
  <si>
    <t>苏州工业园邻里中心管理有限公司借鉴新加坡经验，以政府社会管理的理念规划社区商业发展，改变以底商为普遍形式的社区商业运作模式，突出服务功能，使社区商业与大卖场实现优势互补。“邻里中心”模式，被专家称为中国第五商业业态。　　经营服务品牌　　    苏州工业园?</t>
  </si>
  <si>
    <t>美国联邦政府采购优先考虑本国的产品</t>
  </si>
  <si>
    <t>美国联邦政府每年要采购约3500亿美元的产品和服务，其中绝大部分是本国产品。美国在政府采购领域优先扶持本国工业的习惯由来已久，早在1875年就有法律规定在公共项目中要“偏向使用美国材料”。20世纪30年代，始于美国的经济大萧条席卷世界，各国纷纷采取贸易保护主义政策，?</t>
  </si>
  <si>
    <t>多头管理成了食品安全的“硬伤”</t>
  </si>
  <si>
    <t>春节临近，又恰逢地方“两会”召开，我国食品安全再次成为热议话题。　　    回顾2006年，食品领域红灯频闪：“含虫”福寿螺让人惊魂甫定，毒猪油又掀波澜；“瘦肉精”余震未褪，“苏丹红”又曝扯“蛋”；“嗑药”多宝鱼一波未平，万吨“陈化粮”一波又起。　　    天津?</t>
  </si>
  <si>
    <t>德国高效管理非经营性政府资产</t>
  </si>
  <si>
    <t>本报柏林电 如何有效管理和利用非经营性政府资产是各个国家都面临的问题。记者近日采访了德国联邦财政部有关部门后了解到，加强资产预算和资产统计，是德国提高政府公共资产使用效率、避免浪费的主要措施。　　    德国是联邦制国家，联邦政府资产的预算和统计由联邦财政部</t>
  </si>
  <si>
    <t>法国政府全力扶持个人创业</t>
  </si>
  <si>
    <t>法国国家经济与统计研究所日前公布的最新调查报告显示，法国2006年新创立企业数量再攀新高，比上一年提升3.7%达23万个。到2007年1月10日，法国完成了希拉克总统提出的“五年内新创百万企业”的目标。　　    能达到如此成绩殊为不易，政府在各方面的扶持是最重要的因素之一</t>
  </si>
  <si>
    <t>“网络小说”正在疯狂挑战我们的传统文学</t>
  </si>
  <si>
    <t>1999年，来自台湾的一名叫“痞子蔡”的网民在网上推出了一部名为《第一次的亲密接触》的小说，从此网络小说粉墨登场。　　    一路疯狂般走来，网络小说的发展之路可谓是一场挑战传统文学权威的“草根革命”，它让文学变得活力四射，让写作充满种种可能，让普通大众尝到创?</t>
  </si>
  <si>
    <t>大品牌冷对质量问题  消费者热捧奢侈品</t>
  </si>
  <si>
    <t>近来，国际名牌在中国市场的负面新闻接连不断：继浙江工商部门因产品质量问题、火烧欧洲进口高档皮鞋后；阿玛尼(ARMANI)、芭宝利(BURBERRY)、杰尼亚(Ermengildo Zegna)等顶级品牌服装又在沪被判为不合格；此后不久艾格(Etam)、维沙曼(VEROMODA)等知名品牌女装在广州被检出致?</t>
  </si>
  <si>
    <t>数量锐减质量下滑  中药资源危机凸显</t>
  </si>
  <si>
    <t>我国推行中药现代化建设多年，但实际成果并不尽如人意，至今仍没有一个产品真正打开国际市场，而韩国、日本等周边国家和地区的中药产业，发展势头却十分逼人。　　    记者近期在对中药材资源问题进行调研时，一些专家表示忧虑：由于自然生态环境遭受破坏，加之种植、加工?</t>
  </si>
  <si>
    <t>美对华出口管制新规当休矣</t>
  </si>
  <si>
    <t>562页，1斤9两；388页，1斤3两——这是什么？前一组数字是美国《出口管理条例》中文版的篇幅和重量，后一组数字是美国《出口管制商品清单》中文版的篇幅和重量。　　    众所周知，同一份文献，中文版篇幅比英文版要小得多，美国《出口管理条例》和《出口管制商品清单》中?</t>
  </si>
  <si>
    <t>环渤海地区金融整合呼声日高</t>
  </si>
  <si>
    <t>本报讯 环渤海区域经济全面发展需要强有力的金融支撑。日前，天津市有关政协委员建议，当前环渤海地区应该打破区域界限，以京津冀金融大联合为突破口，加速区域金融资源整合。　　    参加天津市政协十一届五次会议的民革委员说，推进环渤海区域金融资源整合是促进经济增长</t>
  </si>
  <si>
    <t>经济和通货膨胀客观形势决定美国利率走向</t>
  </si>
  <si>
    <t>美国联邦储备委员会1月31日决定将联邦基金利率即商业银行间隔夜拆借利率保持在5.25%不变，这是美联储自去年8月以来连续第五次作出维持现行利率水平的决定。这一决定基于近来美国经济和通货膨胀的客观形势，同样，这两个因素也将决定未来美国利率的走向。　　    目前美国的</t>
  </si>
  <si>
    <t>WTO全体成员同意全面恢复多哈回合谈判</t>
  </si>
  <si>
    <t>本报日内瓦电 世界贸易组织(WTO)1月31日在日内瓦总部召开由全体成员大使参加的会议，与会大使一致表示支持日前在瑞士达沃斯举行的世贸组织小型部长会议作出的决定，同意全面恢复多哈回合各个议题的谈判。　　    世贸组织总干事拉米在当天的会议上说，现在是全面恢复多哈回</t>
  </si>
  <si>
    <t>入主美联储一年来  伯南克扮演三“角色”</t>
  </si>
  <si>
    <t>一年前的2月1日，学术派出身的本·伯南克接替退休的“语言大师”格林斯潘，成为新一任美国联邦储备委员会主席。经过一年的锤炼，伯南克和他的决策团队已获得了华尔街的信任，格林斯潘留下的个性化烙印日渐模糊。　　    在美联储主席更迭之时，一些观察家就曾预测，在“后?</t>
  </si>
  <si>
    <t>中国企业中欧投资建厂忙</t>
  </si>
  <si>
    <t>出于政策优惠、地理位置特殊以及交通便利等诸多因素的考虑，近年来越来越多的中国企业选择在中欧地区投资建厂，以求大规模进入欧洲市场。　　    据报道，四川长虹集团斥资3000万美元在捷克小镇宁布尔克投资建厂，完全投产后每年将生产100万台平板电视机；海信集团已在匈牙</t>
  </si>
  <si>
    <t>四川白家食品商标境外遭恶意抢注</t>
  </si>
  <si>
    <t>本报讯 我国最大的方便粉丝生产企业四川白家食品公司1日称，其“白家”商标被德国欧凯公司恶意抢注，公司已启动预案开展商标品牌海外维权行动。　　    据介绍，被同一家公司抢注的商标还包括中华老字号“王致和”、洽洽和老干妈。其中，王致和商标抢注案已经于德国时间1月</t>
  </si>
  <si>
    <t>我轮胎出口将遇“高门槛”</t>
  </si>
  <si>
    <t>本报讯 我国轮胎出口的两个大市场——美国和欧盟今年将提高轮胎的技术标准，其实施将大大提高我国轮胎进入欧美市场的门槛，应引起关注。　　    2007年6月1日起，美国将实施FMVSS139轮胎测试标准，其最大特点是安全参数比现行标准更加严格，达不到新测试标准的轮胎将不能进</t>
  </si>
  <si>
    <t>欧盟汽车尾气排放新标准引发争议</t>
  </si>
  <si>
    <t>德国多家汽车制造商日前联名向欧盟委员会上书，强烈批评欧盟拟议中的汽车尾气排放标准立法建议“不切实际”，并认为这一建议将导致欧洲汽车工业竞争力下降和工人大量失业。此举使得欧盟有关各方在尾气排放标准问题上的争论再次升温。　　    这封公开信由德国三大汽车巨头?</t>
  </si>
  <si>
    <t>投资信心增强促纽约股市上升</t>
  </si>
  <si>
    <t>本报纽约电 由于投资者对美国经济增长前景的信心增强，30日纽约股市三大股指普遍上涨。　　    美国会议委员会当天公布的报告说，由于目前美国就业市场形势仍较好，今年1月份美国消费者信心指数从去年12月份的110.0上升到了110.3，为5年来最高水平。这意味着今后几个月内消</t>
  </si>
  <si>
    <t>高古瓷器境内外价格冰火两重天</t>
  </si>
  <si>
    <t>“这件来自海外的中国北宋官窑粉青鬲式炉在国际市场上有上千万美金的身价，然而如果它的来源是国内的话，价值将缩水到1/8或1/10。”中国古陶瓷学会副秘书长、河南省古陶瓷研究会会长赵青云，指着来自欧洲Ashley Park House的一件中国宋代官窑瓷器对《经济参考报》记者说，随?</t>
  </si>
  <si>
    <t>非洲欲靠科技加快脱贫</t>
  </si>
  <si>
    <t>29日至30日，第8届非洲联盟(非盟)首脑会议在埃塞俄比亚首都亚的斯亚贝巴举行。此次会议的议题之一是科学技术与科学研究对非洲发展的作用。此间分析人士认为，这一议题的确定，进一步表明了非洲国家依靠科技加快脱贫的决心。　　科技落后制约脱贫进程　　   　　    非洲?</t>
  </si>
  <si>
    <t>旧车交易或超新车  北京购车已步入成熟阶段</t>
  </si>
  <si>
    <t>从美国回到国内发展的谭先生前不久买了一辆二手宝来，他告诉记者，在美国呆了八年，他共买过四辆车，平均两年一辆，但就是没有买过新车。　　    “车就是腿的延伸，常换常新。”谭先生语气颇为轻松。其实，现在国内像谭先生这样的消费者已经不再是少数了。　　旧车交易?</t>
  </si>
  <si>
    <t>美国人为何青睐基金？</t>
  </si>
  <si>
    <t>有多少美国人对共同基金持有好感？美国基金公司的行业组织——美国投资公司协会(ICI)一项最新调查显示，有77%的受调查者认为共同基金是“受人欢迎的”，这是该项指标连续第10年高于70%，且是“911”以来最高值。　　每三个美国人中就有一人持有共同基金　　    截至2006?</t>
  </si>
  <si>
    <t>深圳平方“迎娶”全球最大二手车拍卖商</t>
  </si>
  <si>
    <t>招商局尝试进军汽车物流业的数年努力，迎来了具有实质意义的成果：由其控股深圳平方汽车园区有限公司(以下简称“深圳平方”)，与全球最大二手车拍卖商——美国美瀚公司合资成立的深圳美瀚招商机动车拍卖有限公司(以下简称“美瀚招商”)，日前在深圳平方的“汽车城”园区内正?</t>
  </si>
  <si>
    <t>商务部：美国出口管制新规定无益中美互利</t>
  </si>
  <si>
    <t>本报讯 商务部机电和科技产业司司长王琴华在29日于深圳召开的中美高技术与战略贸易研讨会上表示，美出口管制新规定无益中美高技术与战略贸易的健康发展，中国商务部希望美方认真考虑中方关切，不要出台任何不利于双边高技术和战略贸易发展的新规定。　　    去年7月6日，美</t>
  </si>
  <si>
    <t>中非贸易额跨上555亿美元新台阶</t>
  </si>
  <si>
    <t>本报讯 中国与非洲是优势互补、互利共赢的合作伙伴，近年来双边经贸往来迅速增加。据商务部提供的最新数据，2006年中非贸易额达到555亿美元，同比增长40%。中国对非洲的直接投资累计达到66.4亿美元。　　    统计显示，2006年中国对非出口267亿美元，同比增长43%；从非洲进</t>
  </si>
  <si>
    <t>德国啤酒也缺国际大牌</t>
  </si>
  <si>
    <t>去年年底，青岛啤酒股份公司总裁金志国受德国企业家协会的邀请前往巴伐利亚参观，并发表了题为“经济全球化形势下青岛啤酒的发展”的演讲。在啤酒之乡谈啤酒品牌的国际化发展，这个看似有点班门弄斧的举动却在德国当地企业中引起了震动。　　    原来，虽然德国是个地地道?</t>
  </si>
  <si>
    <t>美国电视剧因何在中国频遭冷遇</t>
  </si>
  <si>
    <t>与美国电影的风光比起来，美国电视剧在中国的遭遇似乎有些尴尬。从引进之日起，美国电视剧在中国真正走红的只有《大西洋底来的人》、《加里森敢死队》、《成长的烦恼》几部，之后就基本没有见到能够引起轰动的剧集。而这几个剧目之所以能走红，在很大程度上得益于当时中国国?</t>
  </si>
  <si>
    <t>上海：咫尺间品味百年车风采</t>
  </si>
  <si>
    <t>一天之内尽览60多辆不同时期、不同品牌的珍贵古董车，将不再是遥不可及的事——上海汽车博物馆让您在咫尺间体会汽车发展的百年历史，在移步中纵览汽车的变迁，在谈笑里领略汽车百年文化的精髓。　　许多“第一”让人大饱眼福　　    亚洲最大的综合性汽车博物馆——上海?</t>
  </si>
  <si>
    <t>我们岂能无动于衷</t>
  </si>
  <si>
    <t>反式脂肪近来成为食品安全领域点击率最高的词汇之一。2006年12月5日，美国纽约市颁布法律，禁止市内所有餐馆使用人工反式脂肪，在2007年7月前消除所有餐馆(包括连锁快餐店)里的反式脂肪。国际著名连锁公司肯德基和星巴克日前也相继宣布，在全美的连锁店将逐步停用含反式脂肪?</t>
  </si>
  <si>
    <t>美政策全国基金会:审查过严威胁外国对美投资</t>
  </si>
  <si>
    <t>本报华盛顿电 美联社24日援引一份即将发布的研究报告报道说，近年来美国联邦监管部门对外国企业在美国实施并购的审批愈发严格、频繁和费时，这将对美国吸引外国投资构成威胁。　　    据报道，美国政策全国基金会将于25日发表这份研究报告。美联社援引其提前获得的这份报告</t>
  </si>
  <si>
    <t>非法传销卷土重来  警方揭开内幕</t>
  </si>
  <si>
    <t>2006年11月13日，洛阳市公安局经济犯罪侦查支队立案查处了洛阳卢会生物科技开发有限公司(以下简称“卢会公司”)非法传销案，先后抓获了卢会公司法人卢秀珍等主要犯罪嫌疑人。经初查，此案涉及河南、四川、山西、陕西、山东、广东、江西、甘肃、河北等15个省的60多个市、县一?</t>
  </si>
  <si>
    <t>中国石油利润“流向图”浮出水面</t>
  </si>
  <si>
    <t>作为中国乃至亚洲“最赚钱”的企业，中国石油天然气集团公司的资金流向特别是其高额利润的分配一直是社会关注的焦点。中国石油集团公司负责人及有关专家在回答记者提问时，运用一组详实的数据首次向外界描绘出一幅清晰而完整的企业利润“流向图”。　　    记者从日前召开?</t>
  </si>
  <si>
    <t>布什公布美国能源新战略</t>
  </si>
  <si>
    <t>本报华盛顿电 美国总统布什在23日的国情咨文中提出“20-10”的能源新战略，即在未来十年内，美国将通过开发替代能源和提高能效，将汽油消耗量压缩20%。此外，美国将减少对进口石油的依赖，并大幅提高战略石油储备量。　　    根据布什的计划，美国能源新战略的核心部分是加</t>
  </si>
  <si>
    <t>确保能源安全：美国制定内外政策重要依据</t>
  </si>
  <si>
    <t>据有关权威统计，美国2005年每天消耗石油约2000万桶，其中近60%依靠进口。此外，美国政府预测，在未来25年美国电力需求将增长50%，这需要大量的能源。因此，如何确保能源安全已成为美国政府的一项重要任务。　　    美国财政部长保尔森认为，美国的能源安全主要存在以下四?</t>
  </si>
  <si>
    <t>信息化产品趋向移动化</t>
  </si>
  <si>
    <t>前不久，一款内嵌OCR技术的新型资料笔连同“手持OCR”的概念，在汉王科技与以色列Wizcom公司的合作中被推出。产品开发双方共同表示，新型资料笔弥补了传统OCR产品不能进行移动录入的缺陷，将全力为人们随时随地的资料录入需求而服务。　　    事实上，引起人们关注的不单是</t>
  </si>
  <si>
    <t>日元疲软“肥了”日本汽车制造商</t>
  </si>
  <si>
    <t>本报东京电 据日本《每日新闻》网站日前报道，最近一两年日元的持续疲软让日本的汽车、电机等行业的出口企业，特别是出口和海外生产两旺的汽车制造商“如沐春风”。　　    报道说，与2005年9月底1美元兑110日元的汇率相比，2006年9月底日元对美元贬值了约5日元。由此，在?</t>
  </si>
  <si>
    <t>平板价格战将是外资打中资</t>
  </si>
  <si>
    <t>新年伊始，日本松下、夏普、索尼以及韩国三星等各大彩电厂商纷纷投资增产、改进技术、开发新品，欲在平板电视市场展开新一轮的竞争。笔者认为，中国平板市场的暴风雨即将到来，在日韩平板品牌即将发动的价格战面前，国产彩电品牌的?</t>
  </si>
  <si>
    <t>龙泉考古新发现改写中国陶瓷史</t>
  </si>
  <si>
    <t>英国伦敦大英博物馆中收藏的中国龙泉青瓷，因为中国东南部山区的一项考古发掘，“身世”发生了变化。　　    中国考古学家本月20日宣布，作为中国青瓷的“集大成者”，中国龙泉青瓷的制造水准在明朝达到了第三次高峰。“这改变了以往考古界的一个判断——认为龙泉青瓷在经?</t>
  </si>
  <si>
    <t>美国高科技开发区何以留住持久竞争力</t>
  </si>
  <si>
    <t>“耐心和坚定不移地追求长远发展是我们成功的关键。” 瑞克·威德在美国著名高科技开发区——北卡罗来纳州的研究三角园内对记者说，“自开发区创办以来，我们始终遵循当初创办的初衷，不追求短期的增长。我们关心的是今后50年乃至更长期的发展规划，这可能是我们与政府主导的</t>
  </si>
  <si>
    <t>全球最大二手车拍卖公司加速在华布局</t>
  </si>
  <si>
    <t>本报讯 全球最大的二手车拍卖公司美国美瀚拍卖公司加快在华投资布局的步伐。近日，由美瀚公司和深圳的控股企业联手打造的合资公司深圳美瀚招商机动车拍卖有限公司在此间成立，这也是他们在中国成立的第二家合资公司。　　    二手车交易在国外是被普遍接受的汽车消费方式。</t>
  </si>
  <si>
    <t>中外石化巨头逐鹿中国乙烯市场</t>
  </si>
  <si>
    <t>作为与国民经济和人民生活息息相关的化工产品，乙烯的市场需求近年来呈现迅猛扩张之势。由此引得中外石化巨头加紧布局，中国乙烯工业快速发展。数据显示，2006年我国乙烯总产能突破900万吨，已成为仅次于美国的全球第二大乙烯生产国。　　    “中国经济发展太快了，乙烯产</t>
  </si>
  <si>
    <t>零售业“禁令”冲击中俄边贸</t>
  </si>
  <si>
    <t>在俄罗斯哈巴罗夫斯克边疆区经营了10年服装生意的王艳霞今年元旦后无奈地返回了自己的家乡——黑龙江省同江市。由于俄罗斯政府日前出台了整顿零售业的新政策，在俄罗斯从事零售商业的中国人里，许多人都与王艳霞一样面临着回国的选择。　　    根据俄联邦政府总理去年11月?</t>
  </si>
  <si>
    <t>国际金融机构纷纷扎根美国高科技园区</t>
  </si>
  <si>
    <t>位于美国北卡罗来纳州的研究三角园是与硅谷、波士顿128号公路齐名的美国著名高科技园之一。自1959年创立以来，研究三角园已逐步发展成以微电子和生物工程为主导的高科技园区。不过，近年来多家国际著名金融机构的进驻却成了该高科技园区的新热点。　　    业内人士称，金融</t>
  </si>
  <si>
    <t>默克尔访俄力求确保欧盟能源安全</t>
  </si>
  <si>
    <t>欧盟轮值主席国德国总理默克尔21日对俄罗斯进行了短暂访问，并同俄总统普京在俄南部黑海海滨城市索契举行了会晤。本月初，俄罗斯与白俄罗斯之间的石油争端一度造成俄对欧盟一些国家的石油供应中断，引起欧盟石油进口国的担忧。舆论普遍认为，默克尔此访的主要目的是寻求欧盟?</t>
  </si>
  <si>
    <t>两种比较优势理论与中国国情</t>
  </si>
  <si>
    <t>自从亚当·斯密1776年出版了《国民财富的性质和原因的研究》以来，比较优势原理一直是国内交易和国际交易的支配性理论。然而，历史到了1990年，美国战略竞争专家迈克尔·波特却在他的《国家竞争优势》中以其“钻石理论”对比较优势理论提出了挑战，认为比较优势理论不能解释?</t>
  </si>
  <si>
    <t>走出激励员工的误区</t>
  </si>
  <si>
    <t>人类社会发展到今天，人的需求层次已经越来越丰富，企业管理者在激励员工时如若仍囿于“以钱为本”的定式，就会走进误区。　　    二战后，日本到处呈现出破败景象，经营造船业的石川岛公司也奄奄一息。此时，土光敏夫毅然执掌石川岛公司，并使石川岛公司最终称雄世界。土?</t>
  </si>
  <si>
    <t>俄罗斯加快调整经济结构从刺激内需入手</t>
  </si>
  <si>
    <t>俄罗斯经济去年在高油价拉动下继续快速增长，黄金和外汇储备跃居世界第三位，对外贸易保持巨额顺差，全年联邦财政盈余接近2万亿卢布(1美元约合26.4卢布)。良好的经济形势为俄政府通过刺激内需来调整经济结构创造出了有利条件。　　    目前，石油出口仍是俄经济增长的主要?</t>
  </si>
  <si>
    <t>未出现严重经济安全问题</t>
  </si>
  <si>
    <t>本报讯 博鳌亚洲论坛秘书长龙永图日前在北京表示，外资并购中国企业过程中并未出现严重经济安全问题，有关争论不利于中国经济发展的内外环境。　　    在“成就创新之道”IBM 2007论坛上，龙永图说外资企业是在中国注册的企业法人，并在中国纳税，理应被看作中国企业，自然</t>
  </si>
  <si>
    <t>法国住房权新法案力争“人人有房住”</t>
  </si>
  <si>
    <t>本报巴黎电 法国政府部长会议17日通过了“可抗辩居住权”法案，承诺增加住房建设投入，在法国基本实现人人有房住。法案同时规定，国家保障合法居民的住房权，居民可通过法律手段维护自己的住房权。　　    该法案规定，政府应满足低收入者、无家可归者等人士对由政府补贴的</t>
  </si>
  <si>
    <t>专家认为:"两廊一圈"战略将改变中越小边贸历史</t>
  </si>
  <si>
    <t>本报南宁电 边贸规模小、总量少、层次低，是当前中国与越南边境贸易发展的主要矛盾。专家提出，中越两国在“两廊一圈”次区域经济合作战略上达成共识，将为中越边境贸易发展带来新机遇，改变中越“小边贸”的历史。　　    日前在广西南宁举行的第二届中国——东南亚经济合</t>
  </si>
  <si>
    <t>外资旅行社注册资本将实行国民待遇</t>
  </si>
  <si>
    <t>本报讯 我国将自2007年7月1日起，取消对外商投资旅行社设立分支机构的限制，并对外资旅行社的注册资本实行国民待遇。　　    这是国家旅游局局长邵琪伟18日在此间召开的全国旅游工作会议上宣布的。他说，入世五年来，中国已提前或如期履行了加入世贸组织谈判时有关旅游领域</t>
  </si>
  <si>
    <t>塔吉克斯坦离中国很近</t>
  </si>
  <si>
    <t>“塔吉克斯坦离中国很近。”虽然日出的时间比家乡早了足有三个小时，但第一次来北京的沙法罗夫对这座离家乡4000多公里的城市却感到十分适应，特别是看到长安街两侧飘扬的中国和塔吉克斯坦两国国旗，让他更感到了一些亲切，“我很喜欢这座城市。”沙法罗夫对记者说。</t>
  </si>
  <si>
    <t>17日，人民币兑美元中间价再次突破7.78元，这是紧接着上一个交易日中间价突破7.79元之后人民币再创新高。　　    根据中国人民银行授权中国外汇交易中心发布的公告，2007年1月17日银行间外汇市场美元等交易货币对人民币汇率的中间价为：1美元兑人民币7.7789元，1欧元兑人民</t>
  </si>
  <si>
    <t>国际油价连跌孰喜孰忧</t>
  </si>
  <si>
    <t>国际油价持续下跌将对世界经济产生积极影响。　　    国际货币基金组织总裁罗德里戈·拉托16日表示，由于油价大幅回落，世界经济面临的风险已比几个月前有所减轻，今年世界经济仍将保持快速增长。油价下跌也将使航空业等一些高耗能行业直接受益，但将使产油国和石油公司的?</t>
  </si>
  <si>
    <t>日本央行力主加息  政府官员唱反调</t>
  </si>
  <si>
    <t>日本银行是日本的中央银行，负责独立制定日本的金融政策。17日起，日本银行将召开为期两天的会议，决定是否提高利率。由于日本政府在利率问题上与日本银行看法相左，这次会议的召开十分引人关注。　　    目前日本经济复苏势头良好，但由于日本国内消费长期低迷，难以摆脱?</t>
  </si>
  <si>
    <t>CES展现中美电子产业三大差距</t>
  </si>
  <si>
    <t>近日在美国拉斯维加斯落下帷幕的国际消费电子展(CES)，在微软、英特尔等巨头狂秀新技术和产品的同时，中国电子家电企业应该透过这些现象反思中美电子产业的真正差距。笔者认为，这种差距不仅仅是技术层面的，更重要的是体现在以展会服务、技术孵化、产业融资为主体的宏观产业</t>
  </si>
  <si>
    <t>美国学术期刊强化论文审查程序</t>
  </si>
  <si>
    <t>科学容不得半点虚假，学术造假带来的负面效应会严重挫伤公众对科学研究的信任。2006年，一场韩国科学家黄禹锡及其合作者的骗局让有关学术机构颜面大跌，曾发表黄禹锡论文的《科学》杂志将这一丑闻列为“年度崩溃事件”。学术期刊如何反造假，已成为科学界必须认真面对的问题?</t>
  </si>
  <si>
    <t>克服投资风险的三大法则</t>
  </si>
  <si>
    <t>想使财富有效增值，国外的经验有三条：一是把钱放到合适的地方，二是充分享受到税务的好处。　　    具体说来，就是立即设定投资目标，马上开始投资，把钱投在股票或股票基金上。“买股票能致富，买政府公债只能保住财富。”这是美国百万富翁的共同经验。同时善用税务政策?</t>
  </si>
  <si>
    <t>东亚峰会签署《东亚能源安全宿务宣言》</t>
  </si>
  <si>
    <t>本报宿务电 第二届东亚峰会15日在菲律宾宿务国际会议中心闭幕。出席会议的东盟十国和中国、日本、韩国、印度、澳大利亚和新西兰的国家元首或政府首脑签署了《东亚能源安全宿务宣言》，提出了东亚地区能源合作的具体目标和措施。　　    签署能源安全宣言是本届东亚峰会取得</t>
  </si>
  <si>
    <t>玉米大豆强麦涨停</t>
  </si>
  <si>
    <t>15日国内期货市场除铜外其余品种均上涨，其中玉米、大豆、强麦均涨停。　　    伦敦铜周五下跌120元/吨，收盘5755元/吨。沪铜703合约周一下跌340元/吨，收盘54120元/吨。后期上行阻力55000元，下行阻力52440元一线。　　    日本橡胶周一上涨10日元/公斤，收盘263.6日元/</t>
  </si>
  <si>
    <t>台湾地区发展便利店的经验与做法</t>
  </si>
  <si>
    <t>我国台湾是世界上现代商业最富活力的地区之一。2005年台湾地区零售及餐饮业产值为新台币3.4万亿元，其中连锁业产值为新台币1.6万亿元，占零售及餐饮业总产值的47%，占台湾地区GDP的10%左右。目前台湾连锁经营企业有1424家，总店数9万多家，连锁品牌1000多个。台湾地区187种零</t>
  </si>
  <si>
    <t>国际私募基金看上中国新能源市场</t>
  </si>
  <si>
    <t>不久前，一场别开生面的项目推介会在钓鱼台国宾馆内举行：来自创新能源集团的负责人热情洋溢地介绍着他们的E-grass新能源项目，而听众席上除了国家发改委能源局有关官员外，还出现了美林集团投资副总裁、千年投资控股总监，以及世界银行集团的国际金融公司中国代表处投资官员</t>
  </si>
  <si>
    <t>低水平海外劳务暴露高风险</t>
  </si>
  <si>
    <t>四川省丹棱县顺龙乡幸福村村民文成全，是2005年5月份到苏丹务工的，根据合同，每个月的收入是4000元。以前，他从未出过国门，仅在广东、陕西、湖南、苏州等地务工，那时一年的纯收入仅8000元左右。文成全的妻子彭群霞对记者说，虽然以前在国内务工收入少一点，但毕竟是在中国</t>
  </si>
  <si>
    <t>中欧贸易：主流与支流</t>
  </si>
  <si>
    <t>据最新统计，2006年中欧双边贸易总额达2723亿美元，增幅达25.3%。欧盟继续保持中国最大贸易伙伴的地位。中欧贸易发展势头之猛，令人欣喜。　　    由于经济发展阶段不同，中欧经贸有很大的互补性。中国已是欧盟重要的出口市场，并成为欧盟的第二大贸易伙伴。正是因为经贸合</t>
  </si>
  <si>
    <t>俄方证实“友谊”输油管道全面恢复供油</t>
  </si>
  <si>
    <t>本报莫斯科电 俄罗斯石油管道运输公司副总裁格里戈里耶夫11日对新闻界证实，俄罗斯当天已全面恢复通过“友谊”输油管道向白俄罗斯及欧洲国家供应石油。　　    格里戈里耶夫说，位于俄西部布良斯克州的石油中转站于莫斯科时间11日8时22分(北京时间13时22分)开始向通往白俄?</t>
  </si>
  <si>
    <t>“统一”：欧盟委员会新能源战略关键词</t>
  </si>
  <si>
    <t>本报布鲁塞尔电 欧盟委员会10日提出一项内容广泛的新能源战略，其重点是主张制定欧盟统一的能源政策，加大可再生能源开发和温室气体减排力度。　　    欧盟委员会主席巴罗佐说：“所有欧盟成员国都面临气候变化、依赖进口原油和高油价的挑战。为保证能源供给可持续、安全和</t>
  </si>
  <si>
    <t>美国房价虽回落  工薪阶层仍犯难</t>
  </si>
  <si>
    <t>本报纽约电 一项最新研究表明，虽然2006年美国房地产市场大幅降温，但工薪阶层想要在大城市购买一套中等价格的住房仍很吃力。　　    美国非盈利组织“住房政策中心”进行的这项研究表明，工薪阶层买房难主要是因为其收入增长太慢，跟不上房产升值和贷款利率上涨的速度。</t>
  </si>
  <si>
    <t>联合国报告：到2009年　中国或成世界第一出口大国</t>
  </si>
  <si>
    <t>本报纽约电 联合国10日发布的《2007年世界经济形势与展望》报告预测，中国经济今年的增长速度将达到9%。报告说，中国自2001年加入世界贸易组织以来，年均出口增长达到20%。如果这一增长速度得以延续，到2009年，中国将成为世界第一出口大国。　　    报告指出，中国经济整?</t>
  </si>
  <si>
    <t>俄白俄两国努力化解“石油争端”</t>
  </si>
  <si>
    <t>俄罗斯经济发展和贸易部长格列夫与白俄罗斯副总理科比亚科夫9日在莫斯科举行会谈，探讨如何解决两国之间的“石油争端”，但未能达成任何协议。据俄罗斯国际文传电讯社报道，由科比亚科夫率领的白政府代表团暂时还不会离开莫斯科，俄白双方有望在10日继续进行会谈。</t>
  </si>
  <si>
    <t>委内瑞拉宣布电力电信国有化</t>
  </si>
  <si>
    <t>本报加拉加斯电　委内瑞拉总统查韦斯8日宣布，将进行电力公司和电信公司国有化。受此影响，处于历史最高点位的加拉加斯证券交易所股指9日暴跌18.66%。　　    加拉加斯证交所股指当天疯狂下跌11574点，收于50438.71点。其中，查韦斯讲话中提到的委内瑞拉国家电话有限公司股</t>
  </si>
  <si>
    <t>MP4市场呈现个性化</t>
  </si>
  <si>
    <t>随着MP4的普及，人们对MP4的需求呈现出个性化趋势，其市场细分特征也越来越明显。以法国著名MP4厂商爱可视为代表的业界领军企业都在此方面不断寻求突破，随着其第六代产品的问世，这种发展脉络已经清晰地呈现在市场面前。　　    据了解，在爱可视第六代产品没有出现之前，</t>
  </si>
  <si>
    <t>美银(亚洲)正式更名称建银(亚洲)</t>
  </si>
  <si>
    <t>本报讯(记者刘振冬) 10日，建设银行全资收购的美国银行(亚洲)正式启用新名称中国建设银行(亚洲)股份有限公司。　　    中国建设银行(亚洲)行政总裁及首席执行官钱乃骥表示，中国建行银行(亚洲)准备推行一系列业务拓展计划，计划于未来三年增加14间分行，将原有香港14间及澳</t>
  </si>
  <si>
    <t>周边市场全线下跌</t>
  </si>
  <si>
    <t>10日，周边市场全部下跌。其中日本东京股市收盘大幅下挫，日经指数创7周以来最大下跌点数，因大宗商品类股以及汽车和电子产品出口商类股遭遇新一轮抛盘。日经指数收盘跌295.37点，至16942.40点，跌幅1.7%，创下2006年11月20日以来的最大下跌点数。　　    韩国股市10日收挫</t>
  </si>
  <si>
    <t>“金色降落伞”还能撑多久</t>
  </si>
  <si>
    <t>新年伊始，美国家得宝公司就宣布，该公司董事长兼首席执行官鲍勃·纳德利辞职。业内人士普遍认为，他突然辞职主要是董事会对家得宝公司近来的业绩不满。此外，纳德利个人的高工资备受外界批评，也严重影响了公司形象。　　    然而，根据纳德利和家得宝公司达成的协议，他?</t>
  </si>
  <si>
    <t>中国夫妇情系非洲“马孔德”艺术</t>
  </si>
  <si>
    <t>“马孔德，是非洲一个民族，他们世世代代过着自然的生活。这个民族拥有庞大的雕塑艺术家群体。雕刻是他们血液里流淌出来的艺术。它们火热奔放，充满激情，以独特的魅力传播着非洲的精神与神话。”　　    走进开馆不久的长春“非洲马孔德雕塑艺术馆”，人们被这段引言吸引?</t>
  </si>
  <si>
    <t>火车提速了,铁路建设却慢悠悠</t>
  </si>
  <si>
    <t>在火车一再提速的今天，我国铁路建设进程显得慢了许多。中国投资学会副会长兼秘书长刘慧勇分析认为，从经济社会发展需求和国家实力来看，今后我国有必要、有能力将铁路建设速度，由目前年均3000多公里提高到一万公里。　　我国铁路年均建设里程不足美国百年前的1/3</t>
  </si>
  <si>
    <t>墨西哥汽车市场销量下降</t>
  </si>
  <si>
    <t>本报墨西哥城专电 根据墨西哥汽车工业协会日前公布的数字，2006年1到11月占墨西哥汽车市场70%的通用、福特、尼桑、大众和雷诺五大品牌汽车总销量同比下降4.3%。　　    其中，雷诺销量下降幅度最大，2006年1到11月仅售出18170辆汽车，与去年同期的21662辆相比，下降16.12%?</t>
  </si>
  <si>
    <t>欧洲领导人访美力求改善经贸关系</t>
  </si>
  <si>
    <t>本月4日和8日，欧盟轮值主席国德国总理默克尔和欧盟委员会主席巴罗佐先后访美。他们向美国提出了共同拯救世界贸易组织多哈回合谈判的要求。美国总统布什在会谈中表示，美欧之间在多哈回合谈判问题上消除分歧非常重要。　　    欧美经贸冲突一直不断，在一些领域甚至打得不?</t>
  </si>
  <si>
    <t>越南加入WTO  "中国制造"更具优势</t>
  </si>
  <si>
    <t>2006年11月，中共中央总书记、国家主席胡锦涛在对越南进行正式友好访问之际，与越南政府签订了11项经贸合作文件。2007年1月11日，越南将正式加入WTO，这对“中国制造”开拓越南市场无疑是一重大利好。专家建议，我国企业应瞄准越南市场需求，开发适销对路的产品，同时积极利?</t>
  </si>
  <si>
    <t>俄罗斯加入WTO  我国商品难再低价进入</t>
  </si>
  <si>
    <t>出席APEC的俄罗斯和美国代表2006年11月19日签署了俄罗斯加入WTO双边协议，从而为俄罗斯加入世界贸易组织扫清了最后主要障碍。俄罗斯一旦入世，必定会进一步完善市场机制，中国产品低价进入、削价竞争的局面将受到一定程度的遏制。　　    自上世纪90年代初以来，特别是中国</t>
  </si>
  <si>
    <t>2006年：跨国大公司病得不轻</t>
  </si>
  <si>
    <t>从索尼到柯达、从可口可乐到美赞臣、从博士伦到宝洁……2006年，这些世界知名的跨国公司、在消费者心目中保持“高质高价”形象的大品牌却频频曝出质量问题，是什么原因令他们屡遭折戟，走下质量神坛？　　症状：集体发病　　    时间追溯至2006年2月，从新加坡传来美国隐</t>
  </si>
  <si>
    <t>“孟中印缅旅游圈”设想变成现实为时不远</t>
  </si>
  <si>
    <t>从祖国西南边陲的春城昆明出发，沿着通达条件日益改善的“史迪威公路”出境经缅甸，最后到达印度名城加尔各答的“昆明——加尔各答汽车拉力赛”目前正在紧锣密鼓筹备中。有关部门透露，这一有利于构建“孟中印缅旅游圈”的大型活动有望于今年初开始实施。　　    国家旅游?</t>
  </si>
  <si>
    <t>阿迪达斯看好亚洲市场前景</t>
  </si>
  <si>
    <t>本报柏林电 世界第二大体育用品生产商德国阿迪达斯集团董事长赫伯特·海纳近日接受德新社采访时表示，该公司把亚洲看作今后几年最大的增长市场，到2010年，该集团在亚洲的营业额将由目前的20亿欧元提高到35亿欧元。　　    海纳说，在亚洲，中国是最重要的市场，到2010年，</t>
  </si>
  <si>
    <t>全球外国直接投资可望持续增长</t>
  </si>
  <si>
    <t>联合国贸易和发展会议国际投资问题专家詹晓宁博士说，受世界经济增长等因素推动，近年来全球外国直接投资(FDI)持续大幅增长，未来几年这种增长势头可望持续下去。　　    詹晓宁目前担任联合国贸发会议国际协定室主任，同时也是联合国贸发会议国际投资前景预测事务的负责人</t>
  </si>
  <si>
    <t>东北对俄铁路口岸进出口运量创新高</t>
  </si>
  <si>
    <t>本报哈尔滨电 记者从哈尔滨铁路局获悉，在刚刚过去的2006“中国俄罗斯年”中，中国东北对俄铁路口岸——哈尔滨铁路局满洲里口岸站、绥芬河口岸站进出口运量达2910.6万吨，创历史最高纪录。　　    据介绍，截至2006年12月31日18点，哈尔滨铁路局满洲里站进出口运量达到2105</t>
  </si>
  <si>
    <t>美国财政预算计划于2012年实现平衡</t>
  </si>
  <si>
    <t>本报华盛顿电 美国总统布什3日说，他将在下个月向国会提交一份5年预算计划。根据这份计划，美国联邦政府的财政预算到2012年将达到平衡。　　    布什当天在白宫与其内阁成员举行了今年第一次内阁会议后对新闻媒体说，这份计划将对政府开支进行控制，同时规定优先开支项目。</t>
  </si>
  <si>
    <t>中国压榨业面临大豆涨价风险</t>
  </si>
  <si>
    <t>中粮期货经纪有限公司总经理助理于子华日前在大连商品交易所举办的北京地区期货沙龙上发表看法说，中国压榨业所用大豆80%靠进口，而美国期货市场上大豆价格正蓄势待发，国内大豆价格不得不跟风上涨。中国压榨业面临大豆涨价风险。” 　　    于子华认为，在不出意外的情况?</t>
  </si>
  <si>
    <t>印度小企业迎来新一轮创业潮</t>
  </si>
  <si>
    <t>本报华盛顿电 据提前出版的美国《商业周刊》报道，印度正在出现一轮以“创新”为主的小型企业创业浪潮。这些新兴的小企业正在利用印度在工程、管理等领域的技术优势以取得立足之地。　　    《商业周刊》称，印度第一次创业浪潮令印度成了全球性的软件开发和商业外包工厂。</t>
  </si>
  <si>
    <t>欧佩克积极扩编意在重夺定价权</t>
  </si>
  <si>
    <t>新年伊始，非洲国家安哥拉正式成为石油输出国组织(欧佩克)第12个成员国。在新的一年里，苏丹和厄瓜多尔也将申请加入欧佩克。这标志着占全球石油产量近四成的欧佩克开始了其30多年来的首次扩大进程。　　    2006年12月14日，在尼日利亚首都阿布贾举行的欧佩克部长级会议批?</t>
  </si>
  <si>
    <t>中日航线燃油附加费下调</t>
  </si>
  <si>
    <t>本报上海电 上海航空公司近日在其官方网站发布信息称，随着国际航空油价格下跌，决定下调日本航线的燃油附加费。据悉，中国东方航空公司、日本航空公司和全日空公司等都从元旦起下调中国至日本的燃油附加费。　　    上航日本航线的燃油附加费新价涉及今年1月1日及以后出售</t>
  </si>
  <si>
    <t>华尔街谨慎看好纽约股市新一年走势</t>
  </si>
  <si>
    <t>对美国投资者而言，2006年是值得欣慰的一年。2006年纽约股市最后一个交易日，道琼斯30种工业股票平均价格指数收于12463.15点，全年上升16.3%，并20多次刷新历史最高纪录。标准普尔500种股票指数收于1418.3点，全年上升13.6%。纳斯达克综合指数报收于2415.29点，全年上升9.5%?</t>
  </si>
  <si>
    <t>言过其实 夸诞大言</t>
  </si>
  <si>
    <t>世事变化无常，难以预测。回顾历史，总有一些知名人士曾经的预言事后被证明多么“雷人”。    美国《商业周刊》29日公布有关2008年度的最不准确预测排行榜。美国总统乔治·W·布什和纳斯达克股票市场公司前董事会主席伯纳德·麦道夫榜上有名。    “一次强大而持</t>
  </si>
  <si>
    <t>国际油价何时能止跌回升?</t>
  </si>
  <si>
    <t>由于中东局势紧张引发市场投资者对原油供应感到担忧，国际油价12月29日全面反弹，纽约、伦敦两地油价收于每桶40美元之上。    但与7月11日创下的每桶147.27美元的历史最高纪录相比，国际油价在短短几个月的时间内下跌逾73%，为历史罕见。国际油价的底部到底在哪里?今后</t>
  </si>
  <si>
    <t>港口存货初减 矿石价格博弈升温</t>
  </si>
  <si>
    <t>阴霾的天空飘落着雪花，几架装卸车在来回移动，港口内停着几艘来自印度的船舶，上面满满堆放着黄褐色的矿粉。而在不远处，堆放在港口近7个月，像山头一样的铁矿石旁边，一些工人正在有条不紊地装车、发货。    29日，伴随着2008年年末一场小雪，山东省日照港铁矿石专用</t>
  </si>
  <si>
    <t>华硕笔记本电脑获绿色环保认证</t>
  </si>
  <si>
    <t>本报讯 日前，欧盟EuP(耗能产品绿色设计)绿色环保指令认证单位，为华硕N系列笔记本电脑颁出全球IT界首张认证，自此N系列电脑凭借出色环保设计可在欧盟自由流通。    据悉，N系列笔记本电脑大多数机型均配备了华硕独家节能技术“Super Hybrid En-gine”(超级混合引擎)，</t>
  </si>
  <si>
    <t>中国鞋商在美追讨货款打赢官司</t>
  </si>
  <si>
    <t>本报洛杉矶电(记者曹卫国) 来自中国广东的4家时装女鞋出口企业近日在一桩对美国进口商的诉讼中胜诉，成功追回拖欠货款近300万美元，成为当地近年来少有的中国企业胜诉并获巨额赔偿的国际贸易纠纷案例之一。    29日，4家中国企业的代理律师、美国博雄联合律师事务所的?</t>
  </si>
  <si>
    <t>国际汽车版图有可能再次发生巨变</t>
  </si>
  <si>
    <t>在美国三大汽车公司身陷泥潭的时候，全球汽车业其他巨头也纷纷发布业绩急速下滑的消息。其中，控制成本能力一向傲人的丰田公司近日也发布报告说，今年11月份该公司全球汽车销量同比下跌超过20%，创8年来最大月度跌幅。丰田预计，本财年(至2009年3月)公司将出现1500亿日元的创</t>
  </si>
  <si>
    <t>深圳“展会模式”:花开十年不败</t>
  </si>
  <si>
    <t>第十届中国国际高新技术成果交易会(高交会)日前在深圳成功落下帷幕，如今已成为亚洲激光设备制造商龙头的深圳大族激光连续参加了十届高交会。正是由于在1999年的首届高交会上获得了价值1000万元的订单，大族激光才挣下了发展的第一桶金。在互联网大名鼎鼎的深圳腾讯公司也是?</t>
  </si>
  <si>
    <t>日本四成大企业支持环境税</t>
  </si>
  <si>
    <t>本报东京电(记者钱铮) 日本环境省开展的一项调查显示，有40%以上的日本大企业赞成征收环境税，超过了持反对意见者的比例——36.9%，这是该调查实施17年来支持环境税的大企业数量首次超过“反对派”。    据日本《每日新闻》29日报道，今年的这项调查于7月份开始进行，?</t>
  </si>
  <si>
    <t>大连软件业:危机中仍要放眼海外</t>
  </si>
  <si>
    <t>在金融危机从华尔街席卷全球的冬天，依然能看到新兴经济吐露的新芽。大连这座被誉为“中国班加罗尔”的软件城市，刚刚进入12月就有新动作:在日本开设的软件园正式运营。作为中国城市开设的第一个海外软件园，此举不仅意味着大连软件产业迈上新台阶。大连市副市长戴玉林说:“?</t>
  </si>
  <si>
    <t>中国海油与台湾中油签署四项协议</t>
  </si>
  <si>
    <t>本报北京电(记者张勇)  中国海洋石油总公司总经理傅成玉与台湾中油股份有限公司董事长潘文炎近日在北京签署了《合作意向书》、《台南盆地和潮汕凹陷部分海域合同区石油合同修改协议》(简称“台潮石油合约”)、《乌丘屿凹陷(南日岛盆地)协议区联合研究协议》以及《肯尼亚9号区</t>
  </si>
  <si>
    <t>欧元成为斯洛伐克贺新年“礼物”</t>
  </si>
  <si>
    <t>2009年1月1日，斯洛伐克将加入欧元区，成为欧元区第16个国家，届时欧元将取代斯洛伐克克朗，正式进入流通领域。    近日，记者来到斯洛伐克首都布拉迪斯拉发，深深感受到斯洛伐克政府和居民迎接欧元到来的浓烈气氛。在街头高大的建筑上，巨幅欧元广告十分抢眼；在商店?</t>
  </si>
  <si>
    <t>2008，华尔街怎么了?</t>
  </si>
  <si>
    <t>上世纪30年代大萧条之后，华尔街就没像2008年这样惨过。已然成为华尔街文化代表的投资银行卖的卖、倒的倒、变的变，转眼成为历史名词。    投行倒掉标示着以其为代表的现代金融体系受重创。价格便宜、获取容易的信贷枯竭，实体经济“断血”，迫使美国政府和中央银行抛?</t>
  </si>
  <si>
    <t>“抄底”美国楼市，投资者还需三思而行</t>
  </si>
  <si>
    <t>美国房价的迅速下跌引起了各国投资者的关注，不少投资者将低迷的美国房产市场视为一次大的投资机遇。近期，国内也出现了所谓赴美“抄底”购房团。然而，美国楼市真的到底了吗?国内投资者赴美购房又存在哪些风险?    赴美“抄底”购房团人气旺    近日，记者从美?</t>
  </si>
  <si>
    <t>美国住房市场仍在寒冬中</t>
  </si>
  <si>
    <t>美国房地产市场衰退已经持续了近3年，目前仍然没有明显好转迹象，销售低迷、房屋积压、房价下跌的局面仍在继续。分析家预期，鉴于失业率高升、消费开支紧缩，美国房地产市场将继续走软。    今年以来，美国新房销售量总体保持下降趋势，其间曾因部分购房者尝试抄底等原</t>
  </si>
  <si>
    <t>人民币国际化迈出关键一步</t>
  </si>
  <si>
    <t>国务院常务会议24日决定，对广东和长三角地区与港澳地区、广西和云南与东盟的货物贸易进行人民币结算试点。分析人士认为，此举一方面有利于双边贸易水平的提高，另一方面也将有利于人民币向国际化方向的推进。    长期以来，我国对外贸易主要以美元、欧元等主要货币作?</t>
  </si>
  <si>
    <t>顺境思变</t>
  </si>
  <si>
    <t>居安思危，逆境求变，是人们普遍使用、耳熟能详的词语，意即虽然处在平安的环境里，也要想到有出现危险的可能，身处逆境，一定要设法求得改变，走出困境，取得主动。但是，仅仅有居安思危是不够的，不论是企业还是个人，还必须有居安思变、顺境思变。    美国康奈尔大?</t>
  </si>
  <si>
    <t>美国百姓“小里小气”过圣诞</t>
  </si>
  <si>
    <t>24日平安夜，各处商家店铺提早关门，今年的圣诞节购物季也宣告结束。在金融危机的冲击下，美国人的圣诞消费悄然发生变化——纷纷过起了“紧日子”，更加精打细算，尽量减少购物预算。零售商的日子不太好过。不过有分析家预测今年的节后销售要热过往年。客流量剧减购买礼物是?</t>
  </si>
  <si>
    <t>侵权责任法草案进入实质性审议</t>
  </si>
  <si>
    <t>最高国家立法机关目前正在对侵权责任法草案进行二审，这部法律草案进入了“实质性”审议阶段。这意味着继物权法之后，中国民法典的制定工作迈出了“第二大步”。    民法是治国安邦的基本规范，在西方，民法被称为“社会生活的圣经”。自20世纪50年代起，中国曾几次起?</t>
  </si>
  <si>
    <t>以开放姿态推进多层次石油储备</t>
  </si>
  <si>
    <t>中石油集团旗下的新疆油田公司12月24日传出消息，位于新疆鄯善县的一座原油储备库一期工程正式投入运营，来自哈萨克斯坦的原油开始注入10座10万立方米大罐。资深石油专家韩学功教授说，  “事实上，战略油储基地建设与中国整个石油安全战略密切相关。中央不会只考虑在东部建?</t>
  </si>
  <si>
    <t>创新型企业借势“冬泳”</t>
  </si>
  <si>
    <t>美国次贷危机引发全球性金融危机，国内许多外向型企业跌进“严寒”，如何过冬成为不少企业必须面对的现实。然而，在恶劣的气候条件下，一些行业或企业的独特“抗寒”能力，也为人们提供了启发和思考。    不久前，以研发特种计算机产品为主的研祥智能科技股份有限公司?</t>
  </si>
  <si>
    <t>乌克兰拟对进口品加征临时税</t>
  </si>
  <si>
    <t>本报基辅电(记者宋宗利 穆黎明) 乌克兰议会23日通过一项法案，规定对除紧急物资外的所有进口商品临时加征13%的关税，以改善该国国际收支平衡状况。    该法规定，加征关税的期限为6个月，期满后政府可决定是否将其有效期再延长6个月。    该法同时规定，政府不能</t>
  </si>
  <si>
    <t>IMF首席经济学家:须尽快刺激需求</t>
  </si>
  <si>
    <t>本报巴黎电(记者芦龙军) 据法国《世界报》23日报道，国际货币基金组织(IMF)首席经济学家奥利维尔·布兰查德在接受该报专访时说，鉴于金融危机对实体经济的影响加剧，各国政府必须尽快加大刺激内需的力度，以避免出现全球性大萧条。    布兰查德认为，目前全球面对的是?</t>
  </si>
  <si>
    <t>孟加拉国手机用户达4396万</t>
  </si>
  <si>
    <t>本报达卡电(记者王雪梅) 孟加拉国电信监管委员会日前公布的数据显示，今年11月份孟六大手机运营商新增手机用户49万，使得全国手机用户人数增加至4396万，占总人口1.5亿的29.3%。    数据显示，目前孟前三大移动运营商Grameenphone、Banglink、Aktel的用户数分别是2083?</t>
  </si>
  <si>
    <t>机器人也要有“德性”</t>
  </si>
  <si>
    <t>“机器人保姆”会否给一些“较虚弱的群体”带来威胁？……面对越来越多的机器人融入人类日常生活，科学家开始对其伦理道德产生担忧。英国一名科学家撰文呼吁各国政府尽快联手出台机器人道德规范。　　　　性能改善，价格下降，销量翻番　　　　随着技术的迅速发展，机器?</t>
  </si>
  <si>
    <t>欧洲电影同中国观众亲密接触</t>
  </si>
  <si>
    <t>12月1日至20日，由欧洲联盟欧洲委员会驻华代表团与法兰西共和国驻华大使馆共同主办的首届“中国—欧洲联盟电影节”在北京举行。包括《玫瑰人生》《末代独裁》《潘多拉》在内的23部来自欧盟国家的优秀电影的集体展示，为众多的中国观众了解多元化的欧洲电影打开了一扇窗。</t>
  </si>
  <si>
    <t>单亲母亲、农村失地妇女就业受关注</t>
  </si>
  <si>
    <t>张淑萍，一名普通的农家妇女，一个偶然的机会，使她干起了家政服务。上午在一家幼儿园打零工，下午在一家澳大利亚家庭兼职，多年的辛勤工作使得这位农家妇女收入逐年增加，家庭经济条件也得到了明显改善。如今，张淑萍开办了一家“百合家政服务中心”，主要面向高档别墅区培?</t>
  </si>
  <si>
    <t>普京：廉价天然气时代即将终结</t>
  </si>
  <si>
    <t>本报莫斯科电 俄罗斯总理普京23日在莫斯科出席世界天然气出口国论坛第七届部长级会议时说，廉价天然气时代即将终结。　　　　俄塔社援引普京的话报道说，由于现有的气田资源逐渐枯竭，而未来具有利用前景的气田又远离消费中心，“天然气勘探、开采和运输的费用无疑将上涨”</t>
  </si>
  <si>
    <t>俄罗斯：从避风港到重灾区</t>
  </si>
  <si>
    <t>从上半年连创历史新高到下半年迅速滑向深渊，2008年的俄罗斯股市全年跌幅超过70%，走势可谓惨烈。　　　　上半年，国际油价节节攀升，初级产品价格连连上涨，令俄政府和企业双双增收。3月份总统权力的平稳交接，更消除了投资人对政局不稳的担心，股市一路放量上涨，5月19日</t>
  </si>
  <si>
    <t>法国股市风险与机遇并存</t>
  </si>
  <si>
    <t>2008年注定会在巴黎股市投资者记忆中留下深深的印记。这一年，单日涨跌幅、单周涨跌幅等纪录均被刷新。年初至今，巴黎CAC40股指下跌42.76%，多数成分股股价惨遭腰斩。　　　　今年巴黎股市跌势最为惨烈的时期是9月雷曼兄弟倒闭之后，从9月16日至11月21日，巴黎CAC40股指不?</t>
  </si>
  <si>
    <t>铁矿石现货价出现持续上涨势头</t>
  </si>
  <si>
    <t>本报上海电 钢价的企稳和中小钢厂的纷纷复产是中国钢铁业近期的两大热点，在此现象带动下，前期经历大幅下滑的铁矿石现货价也出现小幅上扬。　　　　据联合金属网22日提供的数据显示，天津港到岸的品位63.5%印度粉矿报价为每吨630元，这一价位较11月初上涨了近20%。由于当?</t>
  </si>
  <si>
    <t>“淘客”推广  导购新模式缓解就业压力</t>
  </si>
  <si>
    <t>近日，亚洲最大的网络零售商圈淘宝网正式推出了一项全新的网络营销模式——“淘客推广”，通过这一平台，任何网民都可以帮助淘宝网商销售商品，从中赚取佣金。　　　　有预测称，一两年内，网上的“人肉营销大军”将超过百万，至少将为国内提供10万个直接就业机会。淘宝网?</t>
  </si>
  <si>
    <t>基础设施特许经营实践面临多方难题</t>
  </si>
  <si>
    <t>“政府的钱毕竟是有限的，如何在大型基础建设项目上引入社会资金，将成为今后工作的重点。”在近日中央财经大学主办的“2008公共采购国际论坛”上，北京市发改委法规处处长韩晓芳表示。　　　　据了解，随着国家四万亿投资计划公布之后，各地政府铁路、公路大型基础项目也?</t>
  </si>
  <si>
    <t>科学发展练就“防寒术”</t>
  </si>
  <si>
    <t>全球金融危机的猛烈冲击波，给以外贸和制造为主的中国不少企业带来了阵阵寒意。作为亚洲大型家用塑料制品制造商——总部位于浙江的利时集团却未雨绸缪，练就了一套应对“寒流”的“保暖术”，他们将科学发展观融入企业的经营管理，通过创新带动企业转型升级，在应对“经济寒?</t>
  </si>
  <si>
    <t>应帮助返乡农民工渡过难关</t>
  </si>
  <si>
    <t>11月初，人力资源和社会保障部组织六个调研组赴部分沿海地区和中部劳动力输出省市进行调研。人保部官员表示，目前调研得到的农民工返乡率与往年相比“略显突出”，但是构不成所谓的“返乡潮”。农业部根据固定观察点最近对10个省市的数据调查，得出农民工提前回流量占农民工?</t>
  </si>
  <si>
    <t>巴黎银行投行部门损失惨重</t>
  </si>
  <si>
    <t>本报巴黎电 自去年次贷危机引发全球金融危机之后，法国巴黎银行一直给人置身危机之外的感觉。然而，根据16日晚巴黎银行公布的数据，其投行部门在短短的两个月里就损失近16亿欧元。　　　　巴黎银行宣布，今年前11个月其投行部门市场交易业务亏损7.1亿欧元，其中包括前纳斯?</t>
  </si>
  <si>
    <t>民航业:高油价走了,低客座率来了</t>
  </si>
  <si>
    <t>在云南祥鹏航空有限责任公司(简称“祥鹏航空”)首席市场官王新宇眼中，中国民航业2008年集体遭遇了“滑铁卢”：受石油涨价和客座率下降双重打击，传统三强负债率显著上升，上市公司业绩全部亏损，民营航空更是苦苦挣扎在是否停航的生死线上。　　　　前三季受困高油价　?</t>
  </si>
  <si>
    <t>海湾国家巨额资金“进退两难”</t>
  </si>
  <si>
    <t>受益于国际油价连年上涨，中东产油国近年来积累了巨额财富。在金融危机不断蔓延的情况下，这笔财富曾被西方寄予厚望。但受油价大跌以及金融危机影响，究竟是对全球经济施以援手，还是回收资金确保本国发展，海湾产油国目前面临困难选择。    国际油价近期暴跌导致产油?</t>
  </si>
  <si>
    <t>美国降息令日本央行承压</t>
  </si>
  <si>
    <t>本报东京电 据《日本经济新闻》网站最新消息，美联储再次降息、开始实施事实上的零利率政策令日本央行蒙受巨大压力，日本央行将在18日和19日的金融政策会议上商讨相应对策。    由于目前日本央行维持着0.3%的银行间无担保隔夜拆借利率，美联储开始实施事实上的零利率后</t>
  </si>
  <si>
    <t>欧洲央行明年1月可能暂停降息</t>
  </si>
  <si>
    <t>本报法兰克福电 据德国媒体报道，欧洲央行行长特里谢16日表示欧洲央行在进一步降息方面将有所限制，暗示1月份可能会暂停降息步伐。　　　　特里谢对媒体说，10月份以来欧洲央行已经降息175个基点，从目前阶段看，再度降息将是有限制的。他表示央行将重点关注已经作出的降息</t>
  </si>
  <si>
    <t>洗洗手，你会更宽容</t>
  </si>
  <si>
    <t>英语中的一句谚语说:整洁近于美德。英国科学家通过实验证明，整洁与美德确实有关，一个人双手是否清洁会影响他的道德判断。    心理洁净 待事宽容    英国(心理学》杂志12月号刊文介绍了普利茅斯大学心理学家西蒙妮·施纳尔女士及其同事共同研究的成果。</t>
  </si>
  <si>
    <t>中国汽车业如何应对“第二汽车世纪”巨变</t>
  </si>
  <si>
    <t>1908年，比利·杜兰特建立了通用汽车公司。100年后的2008年岁末，由于美国参议院否决了对通用等车企的140亿美元的救援方案，通用汽车的“第二世纪”还没开始就蒙上了倒闭的阴影。    金融危机已经对实体经济的健康造成巨大破坏。作为制造业的代表，全球汽车业受金融危?</t>
  </si>
  <si>
    <t>欧佩克拟大幅减产求自保</t>
  </si>
  <si>
    <t>石油输出国组织(欧佩克)成员国于当地时间17日在阿尔及利亚西部城市奥兰举行部长级特别会议，商讨国际原油市场形势，拟定最新生产计划。    为应对油价急剧下跌的趋势并平衡原有的供求关系，欧佩克在10月份已作出了每天减产150万桶的决定。在经历11月以来油价持续下跌后</t>
  </si>
  <si>
    <t>日本“银发族”犯罪激增</t>
  </si>
  <si>
    <t>日本政府法务省11月公布的一份白皮书显示，65岁以上老年人口数量过去20年增长1倍，而他们的犯罪率却增长5倍。    警方说，老年人感觉与社会脱节、孤单是导致“银发族”犯罪激增的原因之一。法务省已建议政府采取措施改善这一状况。    创下纪录:老年人成盗窃主体</t>
  </si>
  <si>
    <t>美联储年内最后一次例会或将再次降息</t>
  </si>
  <si>
    <t>美国联邦储备委员会(美联储)于当地时间15日和16日召开年内最后一次货币政策会议，讨论是否采取2007年9月以来的第11次降息行动。市场普遍预期，美联储此次可能将基准利率降低50个基点至0.5%，甚至更低。如果预测无误，这将是自1954年联邦基金利率有记录以来的最低水平。</t>
  </si>
  <si>
    <t>必和必拓中国办公室获节能环保国际认证</t>
  </si>
  <si>
    <t>本报讯 (记者王莉) 全球最大的多元化自然资源公司必和必拓日前宣布，其位于上海的中国区总部“绿色”办公室已获得由美国绿色建筑协会颁发的“能源与环境设计先锋奖”(LEED)黄金级认证。据悉，这是中国的商业办公室首次在能源的智能应用和环境保护设计等方面获得该级别认证。$</t>
  </si>
  <si>
    <t>欧洲能源市场将面临艰难复苏</t>
  </si>
  <si>
    <t>本报讯 (记者王莉) 全球领先的管理咨询、技术咨询和外包服务供应商凯捷日前发布第十版欧洲能源市场观察(EEMO)报告。该报告预测，由于信贷紧缩导致电站、电力线路和天然气管道建设投资放慢，欧洲能源供应安全将在全球金融风暴后受到严重威胁，且欧洲能源市场在本轮经济衰退后?</t>
  </si>
  <si>
    <t>麦道夫欺诈案直戳美证券业监管“软肋”</t>
  </si>
  <si>
    <t>美国纳斯达克股票市场公司前董事会主席伯纳德·麦道夫因涉嫌欺诈被捕。在这个传奇人物被戴上手铐押走，并由此引出一个可能长达20年、高达500亿美元的投资骗局之后，华尔街又一次被震动了。　　　　一个拥有近半个世纪“白璧无瑕式”从业记录的投资专家，一种并不新鲜的欺骗</t>
  </si>
  <si>
    <t>美国大学生硅谷遇冷</t>
  </si>
  <si>
    <t>受全球金融危机影响，美国一些怀揣梦想的大学毕业生在硅谷找工作时屡屡碰壁，一些人不得不选择继续学习，以增加自己的“市场竞争力”。    困境    路透社报道说，硅谷各家公司都在降低成本，削减入门职位。20多岁的年轻人开始发现大学毕业证书不再是他们在高科?</t>
  </si>
  <si>
    <t>金融危机祸及慈善业就业</t>
  </si>
  <si>
    <t>英国金融业遭遇“寒冬”，不少失业的金融人才希望在慈善机构寻觅职位。但慈善业自身难逃金融危机冲击，职位数目大幅度减少，难以接纳求职者。    求职申请大增    路透社3日报道，全球已有大约18万金融人才失业。其中一部分人改行当起数学等理工科教师，另外一部</t>
  </si>
  <si>
    <t>美国报业遭遇“滑铁卢”</t>
  </si>
  <si>
    <t>受金融危机影响及来自互联网的挑战，美国报业日益走入前所未有的瓶颈。昔日报业帝国在艰难跋涉中寻求出路。　　　　美国著名脱口秀节目主持人约翰·斯图尔特在节目中如此调侃美国报业现状。他在现场自问自答：“什么东西是黑颜色加白颜色而且快要完蛋了呢？报纸！”　　?</t>
  </si>
  <si>
    <t>波兹南会议应给气候谈判确定政治导向</t>
  </si>
  <si>
    <t>本报波兰波兹南电 《联合国气候变化框架公约》秘书处执行秘书伊沃·德博埃尔11日说，在距离哥本哈根气候变化大会只有12个月之际，波兹南会议必须给气候变化谈判一个积极的开端，给谈判进程确定清晰的政治导向。　　　　德博埃尔在此次气候变化大会高级别会议开幕式上说，自</t>
  </si>
  <si>
    <t>俄罗斯将取消户口制度</t>
  </si>
  <si>
    <t>本报讯 据俄罗斯《晨报》日前报道，俄罗斯政府正在考虑取消居民居住地登记制度，以刺激劳动力的流动，使人们更容易找到工作。　　　　报道说，在金融危机情况下，劳动力的流动性会增加，不少俄罗斯人因失业需要迁居到其他城市找工作，政府为了给这些人创造便利条件，正在计</t>
  </si>
  <si>
    <t>瑞典出资扶持本国汽车工业</t>
  </si>
  <si>
    <t>本报斯德哥尔摩电 瑞典政府11日宣布，将专门拨款280亿瑞典克朗(1美元约合8.23瑞典克朗)用于实施扶持本国汽车业的一揽子计划。　　　　瑞典政府当天发表一份新闻公报说，这一专项拨款将主要用于节油和环保汽车技术的研发。为此，政府将动用30亿瑞典克朗成立一个国有的汽车研</t>
  </si>
  <si>
    <t>取消政策障碍是中医生存之机</t>
  </si>
  <si>
    <t>中医要生存并取得发展，离不开各级政府的投入和政策扶持。在当前卫生事业投入普遍不足的情况下，中医界并不指望能有特别的投入，更希望能获得与西医平起平坐的同等政策。　　“120”不到中医院　　　　“120”成了当地人民医院的专车。江苏丹阳中医院副院长丁家祥?</t>
  </si>
  <si>
    <t>金融海啸冲击欧盟“规矩”</t>
  </si>
  <si>
    <t>面对金融危机和接踵而至的经济衰退，欧盟内部正在掀起一场“反叛”浪潮。在欧盟成员国纷纷要求“松绑”的呼声中，维系欧盟经济融合的诸如政府补贴规则和财政纪律等“规矩”日益受到考验。　　　　欧盟委员会8日出台了新的金融救助计划审批规则，其基本用意就是放宽对成员国</t>
  </si>
  <si>
    <t>欧盟与加拿大将对等“开放天空”</t>
  </si>
  <si>
    <t>本报布鲁塞尔电 欧盟委员会9日宣布已与加拿大草签航空协定，协定正式签署后双方将进一步开放航线并实现航空业投资自由化。　　　　欧盟委员会当天发表声明说，根据协定，欧盟成员国的航空公司将可以经营从欧盟任一机场往返加拿大任一机场的航线，反之亦然。与此同时，欧盟?</t>
  </si>
  <si>
    <t>富士通将生产每秒108万亿次的超级计算机</t>
  </si>
  <si>
    <t>本报东京电 日本富士通公司日前宣布，该公司已经接到理化研究所的订单，要为这家日本惟一的自然科学综合研究所生产一台理论峰值运算速度达每秒108万亿次浮点运算的超级计算机。　　　　根据富士通公司提供的新闻公报，新超级计算机系统是由大规模并行计算、大容量记忆运算?</t>
  </si>
  <si>
    <t>韩国IT产品出口额急降三成以上</t>
  </si>
  <si>
    <t>本报首尔电 韩国政府日前发表报告说，由于全球需求锐减，今年11月份韩国的IT产品出口额比去年同期急降三成以上，这是今年以来韩国IT产品出口额第三个月出现同比下降。　　　　韩联社援引韩国知识经济部当天发表的报告说，11月份，韩国半导体、手机、显示器等IT产品出口额猛</t>
  </si>
  <si>
    <t>美短期国债贴现率再创新低</t>
  </si>
  <si>
    <t>本报纽约电 据美国财政部9日公布的数据，当天财政部发行的4周短期国债贴现率为零，这是自2001年政府开始发行此种债券以来贴现率首次跌至零。　　　　由于投资者纷纷选择购入安全性更高的美国国债避险，当天美国财政部发行的300亿4周短期国债受到追捧，竞标资金高达1260亿美</t>
  </si>
  <si>
    <t>联合国气候变化大会仍未化解减排分歧</t>
  </si>
  <si>
    <t>联合国气候变化大会8日继续在波兰西部城市波兹南进行。目前，发展中国家之间立场非常接近或基本一致，而发达国家与发展中国家在长期合作行动的“共同愿景”以及发达国家2012年后减排目标上分歧依旧。　　金融危机不应是阻碍减排借口　　　　法国代表团官员布里斯·拉隆德</t>
  </si>
  <si>
    <t>金融危机使世界经济处于历史“转折点”</t>
  </si>
  <si>
    <t>今年下半年爆发的金融海啸，不仅席卷了美国，还且波及全球。在危机冲击下，发达经济体身陷衰退，世界经济举步维艰，国际金融格局正在发生变化。　　　　此次金融危机肇因是美国住房市场泡沫破裂引发次级住房抵押贷款违约导致次贷危机，随后危机蔓延至整个金融领域，并扩散?</t>
  </si>
  <si>
    <t>“2008年度健康总评榜”揭晓</t>
  </si>
  <si>
    <t>本报讯 历时两个月、千万网民参与投票的“2008中国健康年度总评榜”日前揭晓。据悉，“中国健康年度总评榜”由39健康网联合多家媒体于2007年开始举办并形成了专业、权威的品牌效应。　　　　与上届相比，无论是网友线上票选，还是线下投票，协和医院、北京军区总医院、中日</t>
  </si>
  <si>
    <t>重庆将抢占电动汽车行业标准制订话语权</t>
  </si>
  <si>
    <t>本报重庆电 记者从重庆市发改委获悉，重庆将构建起一个国家级、世界级的电动汽车及其关键零部件研发和制造基地，抢占电动汽车行业标准制订话语权。　　　　据悉，重庆将与美国丹佛市共建官方平台，由长安、福特两家汽车企业负责电动汽车专用电动机、电动汽车整车的研发、制</t>
  </si>
  <si>
    <t>美国汽车工业将消亡</t>
  </si>
  <si>
    <t>本报斯德哥尔摩电 2008年诺贝尔经济学奖得主克鲁格曼7日称，救助行动可能无法扭转美国汽车工业消亡的发展趋势。　　　　这位美国普林斯顿大学经济学教授在此间举行的记者招待会上说，随着日本和欧洲汽车制造商的拥入，美国通用、福特和克莱斯勒三大汽车公司在美国市场上的?</t>
  </si>
  <si>
    <t>主动安全技术引导汽车理性消费</t>
  </si>
  <si>
    <t>本报讯 近日，在一汽-大众汽车有限公司(以下简称一汽-大众)举办的“驱动未来——动静之间，安全尽在掌控”产品技术沟通会上，来自一汽-大众产品部的技术专家与媒体一起围绕汽车的安全性能和操控性能进行了广泛深入的探讨。    据了解，在欧美国家，预防式的主动安全技?</t>
  </si>
  <si>
    <t>我国与巴西商讨深海油田合采</t>
  </si>
  <si>
    <t>本报巴西利亚电 巴西矿业和能源部长洛邦8日透露，巴西和中国方面正在就合作开采巴西最近发现的盐下层深海油田事宜进行商讨。　　　　洛邦说，除中国外，巴西也在和阿联酋等国进行接触。这些国家也有意在这一巨型油田的开采上投资。　　　　洛邦估计，开采这一位于海平面?</t>
  </si>
  <si>
    <t>长效碳铵：中国对全球碳减排的巨大贡献</t>
  </si>
  <si>
    <t>随着全球温室效应的加剧，人类环境和经济可持续发展面临着严峻挑战。作为最主要的温室气体——二氧化碳，其减排技术越来越受到世界各国的重视。前美国能源部矿能司小型企业高智技术发展项目主任、资深能源专家向哲愚博士近日接受记者采访时表示：“由中国人发明的碳铵和长效?</t>
  </si>
  <si>
    <t>全球能源企业急于抢滩伊拉克</t>
  </si>
  <si>
    <t>虽然战争的硝烟仍笼罩着伊拉克上空，全球的石油企业却已迫不及待，冒着危险抢滩百废待兴的伊拉克石油市场。本月5日至7日，首届伊拉克国际能源博览会在戒备森严的巴格达国际机场会议中心举行，吸引了众多能源企业积极参与。　　外企踊跃参展　　　　为期三天的石油?</t>
  </si>
  <si>
    <t>世界自然基金会认为：减排不会削弱竞争力</t>
  </si>
  <si>
    <t>本报波兰波兹南电 世界自然基金会日前在此间发表一项研究报告说，工业界认为应对气候变化的政策对竞争力有消极影响的看法毫无道理，工业化国家不必担心减排会导致竞争力减弱。　　　　世界自然基金会发表的研究报告强调，严格的二氧化碳排放上限对产品成本的影响有限，应对</t>
  </si>
  <si>
    <t>学过中文的美国候任财长</t>
  </si>
  <si>
    <t>在美国政治架构中，财政部在内阁的地位仅次于国务院。目前，金融危机成为压倒一切的最大挑战，在此背景下，外界对财长的关注度显然要高于国务卿。按照奥巴马的提名，现美联储成员、纽约联储行行长蒂莫西·盖特纳将接替保尔森成为美国新财长。　　　　盖特纳让人眼前一亮，?</t>
  </si>
  <si>
    <t>欧盟被迫为成员国救市“松绑”</t>
  </si>
  <si>
    <t>本报布鲁塞尔电 迫于来自成员国的压力，欧盟委员会8日出台了新的金融救助计划审批规则，放宽了对成员国救助金融机构的补贴限制。　　　　欧盟委员会当天在一份声明中说，考虑到当前金融危机已波及实体经济，因此金融救助不应局限于拯救陷入困境的金融机构，而是可以用来帮?</t>
  </si>
  <si>
    <t>欧盟制药行业“黑幕”</t>
  </si>
  <si>
    <t>药品是用来治病救人的，制药公司除盈利外的另一个目的是为民造福。但欧盟委员会日前公布的一份初步调查报告发现，欧盟范围的制药行业内存在的竞争“黑幕”令人吃惊。制药商为了压制其他竞争对手实现最大限度地盈利，不惜采用各种手段阻止或延迟对手的药品上市。后果是药价居?</t>
  </si>
  <si>
    <t>“救市”成今年最热门词汇</t>
  </si>
  <si>
    <t>韦伯斯特在线词典网站公布了2008年美国热门词汇排行榜，“救市”(bailout)一词名列首位。这一排行榜从一定侧面反映了大部分美国人日常生活中最关心的话题。    法新社援引《韦氏大词典》出版商、美国梅里亚姆·韦伯斯特公司特约编辑皮特·索科洛夫斯基的话报道，在本月</t>
  </si>
  <si>
    <t>WHO制定三聚氰胺限量标准</t>
  </si>
  <si>
    <t>本报日内瓦电 世界卫生组织(WHO)日前表示，除了婴儿配方奶粉之外，大多数食品中含有微量的三聚氰胺不会对身体造成伤害，但该组织与美国和欧盟共同制定了监管者应实施的严格限量标准。　　　　世界卫生组织5日在加拿大首都渥太华召开了一次食品安全专家会议。与会人员决定，</t>
  </si>
  <si>
    <t>佳士得香港秋拍总成交额逾11亿港元</t>
  </si>
  <si>
    <t>为期五天的佳士得香港秋季拍卖会3日晚落下帷幕，70%的拍品成交，总成交额约11.3亿港元。佳士得亚洲区总裁安德鲁·福斯特说，当前艺术品成交率不可避免受到经济形势影响，但这次拍卖仍亮点频现，市场势头仍比较强劲。　　　　佳士得此次秋拍艺术品阵容强大，包括传统工艺品?</t>
  </si>
  <si>
    <t>美国金融风暴与高管薪酬机制变革</t>
  </si>
  <si>
    <t>近几个月，由次贷危机引发的美国金融风暴愈演愈烈，其影响范围和深度还在进一步扩大，人们仍旧看不到这场风暴的尽头。在经济下滑、企业倒闭、失业增加、收入减少、资产缩水等连锁反应中，人们惶恐不安，或许还想不明白，在市场经济体系如此成熟的美国，怎么还会出现如此严重?</t>
  </si>
  <si>
    <t>广西参与大湄公河次区域合作取得良好成效</t>
  </si>
  <si>
    <t>本报南宁电 广西壮族自治区主席马飚近日表示，近年来广西积极参与和大湄公河次区域(GMS)国家在各个领域的合作，取得了良好成效。　　　　今年上半年，广西与大湄公河次区域经济合作除中国之外的其他五国双边贸易总额达到18.63亿多美元，其中，广西与越南进出口贸易额达17.7</t>
  </si>
  <si>
    <t>为何美国煤矿安全事故少发生</t>
  </si>
  <si>
    <t>前不久，由国家安全生产监督管理总局、国家煤矿安全监察局共同主办的煤矿瓦斯防治技术国际研讨会在安徽淮南召开。有100多位国内外专家学者被邀请参会。　　　　会上，美国矿山安全健康局法规标准司司长西尔维告诉记者，在美国煤矿安全事故很少发生，而且死亡人数也几极少。</t>
  </si>
  <si>
    <t>“拙”到好处便是巧</t>
  </si>
  <si>
    <t>我国的茅台酒首次参加巴拿马博览会时，由于知名度低，起初无人问津，虽经参展人员努力推销，成交量仍甚少。眼看博览会就要降下帷幕了，我方参展人员不甘空手而归，急中生智，故意打翻了一瓶茅台酒，顿时整个大厅酒香扑鼻，沁人心脾，许多客商纷纷与茅台酒厂签订了大批的供货?</t>
  </si>
  <si>
    <t>英格兰银行缘何再次大幅降息</t>
  </si>
  <si>
    <t>英国央行——英格兰银行4日宣布，将其基准利率从3%调低至2%，降息幅度高达100个基点。至此，英国基准利率达到了1951年以来的最低水平。　　　　此间分析人士指出，目前英国经济的衰退程度实在令人担忧。第三季度，英国GDP比上个季度下降了0.5%，而第四季度预计下滑的程度会</t>
  </si>
  <si>
    <t>维持汇率的稳定是最好选择</t>
  </si>
  <si>
    <t>第五次中美战略经济对话于12月4日至5日在北京举行。美国财政部长保尔森将最后一次以财长身份，率领多位部长级官员出席对话。　　　　也许是巧合，本周连续三天，人民币汇率频频下挫。有预期认为，保尔森将促中国继续人民币升值的步伐，并采取更多措施刺激国内需求，减少对?</t>
  </si>
  <si>
    <t>中国与东盟需携手渡难关</t>
  </si>
  <si>
    <t>面对美国金融危机不断蔓延，中国已明确提出与东盟国家携手，应对全球金融危机。　　　　日前出席第五届中国—东盟博览会的国务院副总理王岐山在中国—东盟商务与投资峰会上建议，在四方面加强中国与东盟的经贸合作：深化贸易和投资合作，加强次区域合作，完善合作机制，共?</t>
  </si>
  <si>
    <t>保险业远程交易模式将形成潮流</t>
  </si>
  <si>
    <t>本报讯 业界人士表示，金融业的“银、证、保”三大领域中，银行和证券业早已普遍使用电话或网络等远程交易模式，目前保险业也开始使用远程交易模式，预计将很快形成潮流。　　　　平安集团新渠道总经理卢跃日前向媒体透露，去年平安在业界率先开办车险电话直销业务，业务迅</t>
  </si>
  <si>
    <t>应降低全球原油库存以稳定油价</t>
  </si>
  <si>
    <t>本报阿尔及尔电 石油输出国组织(欧佩克)轮值主席、阿尔及利亚能源和矿业部长沙基卜·哈利勒2日在这里表示，为了稳定国际市场油价，有必要将全球原油库存从56天需求量降至52天需求量。　　　　哈利勒说，过去5年来全球原油库存的平均水平是52天需求量。减少4天需求量，在6个</t>
  </si>
  <si>
    <t>四大利好聚首  A股放量反弹</t>
  </si>
  <si>
    <t>12月3日，受外围股市回暖、汇金再度增持建行、机构入市资金比例提高以及交易所出手规范大小非等利好消息刺激，A股市场大幅收高。沪指以20日均线为支撑，轻松占领1900点，深成指收复7000点大关，并再创近期反弹新高。两市成交量继续放大。 　　　　由于美国联邦储备委员会延</t>
  </si>
  <si>
    <t>美国奶粉三聚氰胺事件跟进调查</t>
  </si>
  <si>
    <t>美国食品和药物管理局25日说，发现一款美产婴儿奶粉含微量三聚氰胺，但含量极低，不会给人体健康带来任何风险。　　　　美联社援引食品和药物管理局检测数据报道，美赞臣Enfamil LIPIL补铁婴儿奶粉含微量三聚氰胺，雀巢Good Start强化补铁婴儿奶粉含微量三聚氰酸，即三聚氰</t>
  </si>
  <si>
    <t>丑陋的“绿色”建筑</t>
  </si>
  <si>
    <t>“绿色”建筑由于具有环保、节能和不影响人体健康等特点而备受推崇。但美国《新闻周刊》文章指出，媒体宣传可能把“绿色”建筑吹捧得太过美好。    一方面，实现“绿色”过程复杂，广告中所谓“绿色”建筑可能只是“看上去很美”；另一方面，“绿色”当属建筑的实用功?</t>
  </si>
  <si>
    <t>日本：较高燃油税率带来经济型轿车繁荣</t>
  </si>
  <si>
    <t>本报东京电 在日本，小排量经济型轿车备受大众青睐，较高的燃油税制度功不可没。　　　　日本作为世界汽车大国，汽车已经相当普及，包括上班族在内的日本人大多拥有自己的汽车，但他们平时都充分利用公共交通，很少自己开车。其中原因除了日本拥有便捷快速的公共交通外，高</t>
  </si>
  <si>
    <t>联合国发展筹资会议闭幕</t>
  </si>
  <si>
    <t>本报多哈电 联合国发展筹资问题后续国际会议2日晚间在卡塔尔首都多哈落下帷幕。　　　　在为期4天的会议期间，与会的国家首脑和代表对2002年联合国在墨西哥蒙特雷通过的有关北部发达国家向南部贫穷国家提供援助的《蒙特雷共识》的执行进展进行了评估，讨论了执行中遇到的各</t>
  </si>
  <si>
    <t>美国：较低燃油税率导致汽车消费畸形</t>
  </si>
  <si>
    <t>本报洛杉矶电 与世界上许多通过征收燃油税来抑制能源消耗、促进环保的国家相比，美国把燃油税定得很低，且许多年一成不变。这刺激了美国汽车产业发展，但也带来人们盲目追求大排量车的消费畸形。　　　　目前美国全国平均的燃油税率大约是每加仑汽油47美分(合每升12.4美分)</t>
  </si>
  <si>
    <t>提高“危机基金”上限和存款最低担保额度</t>
  </si>
  <si>
    <t>本报布鲁塞尔电 欧盟27国的财政部长2日同意，将欧盟“危机基金”的上限从120亿欧元提高到250亿欧元，以更好地帮助成员国应对金融危机。　　　　欧盟成员国的财长当天在布鲁塞尔举行月度例会。他们表示，鉴于当前欧盟成员国面临严峻的经济形势，因此有必要提高“危机基金”?</t>
  </si>
  <si>
    <t>中国公民应注意赴瑞签证变化</t>
  </si>
  <si>
    <t>本报日内瓦电(记者杨京德)中国驻瑞士大使馆领事部28日就瑞士加入申根区提醒中国公民注意来瑞签证的变化。    瑞士将从今年12月12日起正式加入申根区，同时取消与其他申根国家之间的陆路边境检查。但在明年3月29日之前，来自申根国家的旅客抵达瑞士机场入境时，仍须接受</t>
  </si>
  <si>
    <t>欧盟出台反增值税欺诈行动计划</t>
  </si>
  <si>
    <t>本报布鲁塞尔电 欧盟委员会1日提出一项短期行动计划文件，旨在加强欧盟范围内的税收管理，更好地打击增值税欺诈行为。　　　　文件就防止或识别税务欺诈行为以及追回税款问题提出了几点建议，内容包括：为防止利用欧盟税务制度进行欺诈，在欧盟范围内出台一个管理纳税人登?</t>
  </si>
  <si>
    <t>2008年联合国气候大会开幕</t>
  </si>
  <si>
    <t>本报波兰波兹南电 《联合国气候变化框架公约》缔约方第14次会议1日上午在波兰历史名城波兹南开幕，这标志着为期12天的2008年联合国气候变化大会正式拉开帷幕。　　　　波兰总理唐纳德·图斯克在大会开幕式上说，本次会议将主要讨论包括温室气体减排的中期和长期承诺、如何?</t>
  </si>
  <si>
    <t>中药抗心律失常研究推动中药国际化</t>
  </si>
  <si>
    <t>本报讯 (记者崔静) 记者从日前召开的第四届国际络病学大会北京分会上获悉，我国开展的首例中药抗心律失常循证医学研究日前全面完成，这项研究打破了中成药难以通过西方主流医学科研方法进行疗效评价的瓶颈，有助于推动中药国际化进程。    这项循证医学研究以河北以岭?</t>
  </si>
  <si>
    <t>云南加快通向印度公路建设</t>
  </si>
  <si>
    <t>本报昆明电(记者李倩徐晓蕾) 记者近日从云南省交通厅了解到，随着中印关系进入发展快车道，云南也加快了通向印度的公路建设，在连接中国云南一缅甸一孟加拉-印度的公路运输通道中，云南境内已基本建成高等级公路。    据云南省交通厅外办副主任马德芬介绍，云南与缅甸?</t>
  </si>
  <si>
    <t>美国 燃油税:多用多付费</t>
  </si>
  <si>
    <t>美国被称为“车轮上的国家”，不仅汽车便宜，养车成本也极低，即便大多数贫困家庭也可以不太费力地负担至少一辆私车。    美国政府除了向车辆拥有者每年收取数额不高的牌照费外，其余税费则通过征收燃油税来实现。燃油税分为联邦税和州税。联邦税顾名思义其税率是全国?</t>
  </si>
  <si>
    <t>痼疾犹在破“茧”难言</t>
  </si>
  <si>
    <t>联合国气候变化大会12月1日在波兰波兹南开幕。尽管作为“巴厘岛路线图”谈判进程中的一个关键节点，波兹南会议对明年年底各方能否在丹麦哥本哈根达成新的全球气候变化协议至关重要，但种种迹象表明，在设立温室气体减排中期目标和技术转让等关键问题上，本次大会很难取得突破</t>
  </si>
  <si>
    <t>差强人意的“黑色星期五”</t>
  </si>
  <si>
    <t>尽管美国的商家使出各种招数促销，但是面对不乐观的经济预期和低于预期的减价幅度，消费者变得比以往更加精打细算，今年零售商“黑色星期五”的销售成绩很可能令人失望。　　　　“黑色星期五”是美国感恩节（１１月最后一个星期四）后的第一天，标志着传统圣诞节购物季的?</t>
  </si>
  <si>
    <t>市场或将结束单边下跌格局</t>
  </si>
  <si>
    <t>过去的一个月，美国乃至全球金融市场可能经历了近20年来最大的变化，美国救市法案虽获通过，但需要时间运作和产生效果；同期的国内市场也经历了数次宏观政策的调整，A股的发展前景仍然存在着诸多的不确定因素。　　　　在这个多变的局势之下，国内资本市场乃至国际经济形势</t>
  </si>
  <si>
    <t>农民工返乡,寒意悄然来袭</t>
  </si>
  <si>
    <t>太平洋彼岸的一只蝴蝶扇动翅膀可能在此岸形成台风。由美国华尔街引起的金融风暴不仅席卷了全球金融业，在我国沿海地区务工的成千上万农民工的生活也深受冲击。　　　　据农业部最近对安徽、广东等11个劳务输出、输入大省120个村的典型调查，今年10月底在沿海发达地区就业的</t>
  </si>
  <si>
    <t>商业温室失沃土  体育难作不凋花</t>
  </si>
  <si>
    <t>等着美国政府掏钱救命的通用汽车公司日前宣布，今年年底将终止与世界高尔夫球第一人泰格·伍兹(Tiger Woods)的代言合约，比原先约定的时间提前了一年。这种事情发生在“老虎”身上，对国外那些只靠市场养活的体育产业来说，无疑是极为糟糕的暗示：在全球经济渐显疲态之际，连</t>
  </si>
  <si>
    <t>照明企业改变思路找出路</t>
  </si>
  <si>
    <t>本报讯　近日，从国内照明龙头企业雷士传出消息，将在年内向渠道商提供两亿元市场授信额度，以提高企业市场竞争力。据了解，这个数字几乎等于很多国内中等规模照明企业一年的销售业绩。　　　　雷士照明总裁助理石勇军证实了这一消息。他透露，雷士此次两亿元授信的对象涵?</t>
  </si>
  <si>
    <t>发达国家将普陷衰退  失业人数或猛增</t>
  </si>
  <si>
    <t>经济合作与发展组织在25日公布的半年度经济展望报告中指出，明年发达国家，尤其是美国和欧元区国家将陷入较严重经济衰退。伴随经济收缩，今明两年发达国家失业人口或将增加800万。在这一“非常时期”，各经济体应进一步推行刺激性货币和财政政策。　　　　经合组织预计，其</t>
  </si>
  <si>
    <t>奥巴马预算团队“省”字当头</t>
  </si>
  <si>
    <t>美国当选总统贝拉克·奥巴马25日连续第二天召开新闻发布会，提名国会预算局局长彼得·欧尔萨格出任白宫下属美国行政管理和预算局局长。　　　　奥巴马说，欧尔萨格将主持梳理政府预算，砍掉不该花钱的项目，把资金用到国计民生需要的地方去。　　　　同一天，美国政府宣?</t>
  </si>
  <si>
    <t>美国汽车巨头何以走到破产的边缘?</t>
  </si>
  <si>
    <t>位于“汽车城”底特律的通用汽车公司、福特汽车公司和克莱斯勒公司是美国工业和制造业的重要象征。然而近来，汽车“三巨头”的首席执行官们连续在美国参众两院作证，乞求给予250亿美元紧急贷款，帮助他们渡过危机，免于破产的境地。　　　　美国汽车业“三巨头”齐声乞讨，</t>
  </si>
  <si>
    <t>明年中国GDP增长降为7.5%</t>
  </si>
  <si>
    <t>11月25日，世界银行在北京发布的最新《中国经济季报》称，到目前为止，国际金融和经济动荡对中国经济的影响还处在可控范围内，预计2009年中国GDP增长为7.5%左右。中国的刺激内需政策是2009年保持增长的关键。    7.5%的经济增长速度足以保证中国劳动力市场对工作岗</t>
  </si>
  <si>
    <t>奥巴马“重量级新政”呼之欲出</t>
  </si>
  <si>
    <t>面对当前严峻的经济形势，一向保持低调的美国当选总统奥巴马加快了在经济政策上的运筹帷幄。24日奥巴马公布了新政府经济团队人选，并承诺上任后将推出大规模经济刺激计划，备受期待的奥巴马“新政”呼之欲出。　　　　根据奥巴马的提名，现任美国联邦储备委员会成员、纽约?</t>
  </si>
  <si>
    <t>国际油价大幅回落 成品油走私死灰复燃</t>
  </si>
  <si>
    <t>随着国际油价大幅回落，近期国内成品油价格已远远高于国际市场，沿海地区沉寂多时的成品油走私活动死灰复燃。市场分析人士表示，我国打击成品油走私活动需要多管齐下，一方面要进一步加大缉私力度，另一方面尽快改革现行成品油价格体制。    国际油价连创新低，成品油?</t>
  </si>
  <si>
    <t>沿海人才退守内陆 就业观念悄然转变</t>
  </si>
  <si>
    <t>本报讯 (记者王炳坤 陈光明) 减薪、裁员、倒闭……随着沿海地区一些企业受到金融风暴冲击，不少求职者开始将目光投向内陆市场。记者近期采访注意到，地处东北的辽宁省受求职者的关注度明显提升，“先就业再择业”的观念也越来越被人认可。    在很多大学毕业生的印象中</t>
  </si>
  <si>
    <t>熊市求生术:寻找抵御危机的资产保值工具</t>
  </si>
  <si>
    <t>起自去年的美国次贷危机，在今年愈演愈烈，进而引发金融危机，损害实体经济。这场“金融海啸”重创了全球金融资产，普通老百姓也未能摆脱资产大幅缩水的困境。对此，投资专家建议投资者在资产价格大幅波动的市况下学习“熊市求生术”，选择利用那些稳健或下跌也能赚钱的资产?</t>
  </si>
  <si>
    <t>奥巴马将曝经济班底名单</t>
  </si>
  <si>
    <t>本报讯 据外电报道，美国当选总统奥巴马将于美国东部时间２４日宣布其新政府经济团队人选，届时将提名纽约联邦储备银行行长蒂莫西·盖特纳出任财长，同时提名劳伦斯·萨默斯领导白宫国家经济委员会。　　　　报道称，此消息由奥巴马过渡团队华盛顿时间２２日晚透露。</t>
  </si>
  <si>
    <t>与乌克兰再斗“气”  俄罗斯威胁明年断供</t>
  </si>
  <si>
    <t>本报讯 据法新社报道，俄罗斯天然气工业股份公司发言人22日说，若不签署新合同，该公司将从明年1月1日起停止向乌克兰输送天然气。这一威胁可能会影响对欧洲的天然气输送。　　　　天然气工业股份公司发言人谢尔盖·库普里扬诺夫对俄罗斯新闻-24电视台说：“我们希望避免出?</t>
  </si>
  <si>
    <t>国内期市部分品种初步走出独立行情</t>
  </si>
  <si>
    <t>郑州商品交易所理事长王献立近日在接受本报记者专访时表示，金融危机的冲击更加凸显了我国期货市场规避风险的作用。王献立表示，我国小麦、棉花、菜油等期货品种的价格波幅均比美国芝加哥期货交易所小，并初步走出了独立行情，对稳定农产品现货价格发挥了积极作用。未来应加?</t>
  </si>
  <si>
    <t>美国私营按揭保险业对我国的启示</t>
  </si>
  <si>
    <t>编者按:私营按揭保险是一种针对信用违约的保证保险，对美国房地产市场的繁荣发挥了积极的作用。在次贷危机中，尽管该行业遭受了比较严重的承保损失，但由于政府的税收支持政策、计提特殊准备金的监管要求、单一产品线经营的防火墙机制等因素的积极作用，整个行业的业务增长没</t>
  </si>
  <si>
    <t>一、对直销经营方式的基本认识　　    我国直销立法的前提，是要对直销经营方式有一个基本的认识。　　　　首先，规范的直销是市场经济条件下商品分销方式之一。　　　　从直销经营模式的产生和发展以及在许多国家的具体实践可以看到，规范的直销是一种客观的商业存在?</t>
  </si>
  <si>
    <t>金融危机给中国期货市场提供发展空间</t>
  </si>
  <si>
    <t>随着次贷捅破美国金融市场长期累积的巨量泡沫，包括次贷在内的金融衍生品成为“过街老鼠”。而许多专家、学者在接受记者采访的时候表示，不能因为金融危机而否定衍生品市场的功能，特别是期货市场作为衍生品市场的一部分，与次贷相关衍生品有着很大不同。北京证监局副局长孙?</t>
  </si>
  <si>
    <t>世卫组织将出台更严厉控烟措施</t>
  </si>
  <si>
    <t>本报德班电 世界卫生组织《烟草控制框架公约》缔约方第三次会议日前在南非德班举行。此次会议是在全球烟草危害进一步加重的背景下举行的。　　　　在为期5天的此次会议上，各缔约方将为《烟草控制框架公约》第11条拟定实施准则，该条款要求在烟草制品包装上以文字或图片明?</t>
  </si>
  <si>
    <t>反补贴规则掣肘  欧盟救车企犯难</t>
  </si>
  <si>
    <t>当大西洋彼岸的美国正在为如何拯救汽车巨头争论不休时，如何拯救同样因为金融危机而陷入困境的欧盟汽车业也成了欧盟的“烫手山芋”。　　　　由于金融危机和接踵而至的经济下滑造成需求锐减，欧盟汽车厂商和它们的美国同行一样面临销量急剧下滑的困境，再加上信贷紧缩带来?</t>
  </si>
  <si>
    <t>新加坡推出指导原则避免大量裁员</t>
  </si>
  <si>
    <t>本报新加坡电 新加坡人力部、全国雇主联合会及全国职工总会19日发表联合声明，宣布推出修改后的管理过剩人力资源指导原则，旨在帮助企业削减成本和进行重组，以便更好地应对目前经济衰退所带来的影响。　　　　根据这一声明，指导原则积极鼓励企业在与工会商讨后，先通过其</t>
  </si>
  <si>
    <t>实现无障碍旅游值得期待</t>
  </si>
  <si>
    <t>近日，60多名游客兴高采烈地踏上了从云南省西双版纳傣族自治州开往老挝琅勃拉邦的旅游大巴，成为这条旅游专线的首批游客。　　　　随着中国-东盟自由贸易区和大湄公河次区域经济走廊建设的不断推进，作为面向东盟的“桥头堡”，云南积极完善交通基础设施建设、提升旅游服务</t>
  </si>
  <si>
    <t>欧洲汽车业“寒风”中等待救援</t>
  </si>
  <si>
    <t>一场金融危机以及随之而来的经济下滑正让欧洲汽车行业感受到阵阵“寒意”。和大西洋彼岸的美国同行一样，陷入困境的欧盟汽车厂商们也在翘首企盼着政府伸出援手。　　　　欧洲厂商“三面受敌”　　　　欧洲汽车制造商协会近日公布的数据显示，今年10月份，欧洲市场上的新?</t>
  </si>
  <si>
    <t>语文教育一定要“保卫”汉语</t>
  </si>
  <si>
    <t>针对目前国内学生“重英语、轻汉语”的现象，天津市国学研究会副会长、南开大学教授艾跃进提出，要重视语文教育，“保卫”汉语。　　　　艾跃进说，语言是民族文化的载体和表现形式。美国、英国等使用英语的发达国家，在世界上的文化影响力、政治影响力和经济财富，与英语?</t>
  </si>
  <si>
    <t>复审、诉讼并举  中国鞋企实施反倾销“两线作战”</t>
  </si>
  <si>
    <t>既应诉复审又继续诉讼，针对欧盟委员会近期宣布将对中国以及越南产皮鞋的反倾销措施进行“日落复审”的决定，中国鞋企决定对欧盟反倾销实施“两线作战”。　　反倾销税继续维持中国鞋业面临挑战　　　　欧盟委员会宣布将对中国以及越南产皮鞋的反倾销措施进行“日落复审?</t>
  </si>
  <si>
    <t>冰岛与欧盟就存款冻结纠纷达成协议</t>
  </si>
  <si>
    <t>本报斯德哥尔摩电 雷克雅未克消息：冰岛政府16日宣布，它已与欧盟一些成员国就解决储户存款被冻结的纠纷达成指导原则，从而为冰岛获得国际援助应对金融危机清除一大障碍。　　　　冰岛政府在其网站上发表声明说，在欧盟现任轮值主席国法国的倡议下，冰岛与欧盟的一些成员国</t>
  </si>
  <si>
    <t>国际金融峰会：和谐背后的激烈较量</t>
  </si>
  <si>
    <t>国际金融峰会在一片和谐中闭幕了。对于峰会成果，美国总统布什称取得了“成功”，法国总统萨科齐则说欧洲显示了“团结”。但在这场拉开国际金融新秩序序幕的峰会上，表面的妥协并不能掩盖背后的激烈交锋。　　　　交锋的焦点，就集中在如何改革，尤其是具体到如何加强金融?</t>
  </si>
  <si>
    <t>欧盟：美救助汽车业勿踏WTO“雷区”</t>
  </si>
  <si>
    <t>本报布鲁塞尔电 欧盟委员会主席巴罗佐日前表示，如果美国政府出台的汽车业救助措施违反世界贸易组织(WTO)规定，欧盟将考虑诉诸世贸组织争端解决机制。　　　　巴罗佐在接受法国“欧洲第一电台”采访时说，欧盟正在密切关注美国政府可能出台的汽车业救助方案。尽管方案尚未?</t>
  </si>
  <si>
    <t>已故富豪:永恒的形象就是财富</t>
  </si>
  <si>
    <t>现实中的人们身陷“熊市”，天国里的富翁却仍处“牛市”。美国《福布斯》杂志10月28日公布“2007年已故名人收入排行榜”，位居前13位的已故名人，过去一年总共赚了1.94亿美元。    其中，美国著名摇滚歌手“猫王”埃尔维斯·普雷斯利以5200万美元的年收入蝉联冠军，比?</t>
  </si>
  <si>
    <t>日本知名拍卖行来港举行首次海外拍卖</t>
  </si>
  <si>
    <t>日本历史最悠久的伊斯特拍卖公司日前在港宣布，将于11月24日和25日在港举行旗下首次海外拍卖会，并首次与中国机构合作举行慈善拍卖，希望以香港为基点增加伸向中国内地、台湾以及整个亚洲的触角。　　　　在伊斯特拍卖公司首次海外大型拍卖会中，“西方艺术和珠宝”、“亚?</t>
  </si>
  <si>
    <t>美国民主党誓救汽车业巨头</t>
  </si>
  <si>
    <t>美国汽车工业传统三巨头眼下面临严重生存危机，正紧急游说国会、白宫和当选总统贝拉克·奥巴马过渡团队，希望得到财政救助。　　　　同为民主党人的奥巴马和众议院议长南希·佩洛西15日都表态愿救三巨头。民主党人可能因此与白宫及国会共和党人正面冲突。　　　　当选之?</t>
  </si>
  <si>
    <t>全美最大名酒拍卖行逆市赴港秋拍</t>
  </si>
  <si>
    <t>继今年5月在香港举行亚洲最大名酒拍卖会后，美国规模最大、历史最悠久的葡萄酒拍卖行阿克·梅罗尔及康迪特公司于15日在香港举办本年度第二场大型名酒拍卖会，并称将采取一系列措施应对全球经济下滑引起的葡萄酒市场变化。   　　　　这家拍卖行总裁兼拍卖总监约翰·卡蓬介?</t>
  </si>
  <si>
    <t>实施更为积极主动的对外开放战略</t>
  </si>
  <si>
    <t>2008年11月1至2日，中国(海南)改革发展研究院与德国技术合作公司共同主办第64次中国改革国际论坛“中国改革的下一步:变化与选择”。来自国内外近400位专家学者参加了本次论坛，会议就中国改革的下一步，尤其是国际金融危机背景下的对外开放战略选择进行了集中而深入的专题讨?</t>
  </si>
  <si>
    <t>继续保持经济平稳 较快增长的对策建议</t>
  </si>
  <si>
    <t>今年以来，我国经济总体保持平稳较快增长态势。但是，美国次贷危机引发的全球性金融危机正在向其他国家和地区蔓延，国际经济环境中不确定因素和潜在风险明显增多，对我国经济的影响逐步显现。在这种国际环境和背景下，要确保我国经济继续保持平稳较快增长，各级政府要坚定信?</t>
  </si>
  <si>
    <t>美国救市方案变更  拟助消费信贷减压</t>
  </si>
  <si>
    <t>美国政府官员12日宣布放弃7000亿美元金融救援计划的核心内容之一，不再像先前计划那样动用这笔巨款购买金融机构的不良资产。　　　　在考虑以其他方式帮助银行的同时，政府正研究给消费信贷领域“减压”的方式。　　　　美国财政部长亨利·保尔森当天在新闻发布会上说，?</t>
  </si>
  <si>
    <t>全球贸易融资形势严重恶化</t>
  </si>
  <si>
    <t>本报日内瓦电 世界贸易组织总干事拉米12日警告说，受金融危机影响，近来全球贸易融资形势严重恶化，而且今后几个月这种恶化可能会进一步加剧。　　　　拉米是在当天举行的一次贸易融资问题专家会议结束之后向世贸组织各成员代表通报相关情况时发出上述警告的。　　　　拉</t>
  </si>
  <si>
    <t>积极财政政策将从五方面着力</t>
  </si>
  <si>
    <t>本报讯 国务院常务会议近日决定对财政政策做出重大调整，实行积极的财政政策，这是继1998年中国为应对亚洲金融危机实施积极的财政政策之后，再次转向实施积极的财政政策。财政部有关负责人接受记者采访时表示，中国实施的积极财政政策将主要着力五方面。　　　　一是加大投</t>
  </si>
  <si>
    <t>美国法院判决在华财产行吗</t>
  </si>
  <si>
    <t>1978年10月，美籍华人Judy女士和同为美籍华人的Michael先生在美国内华达州结婚。结婚后，双方陆续以个人或双方名义购买了上海市静安区三套住房及一个地下车位。2006年6月，夫妇俩身陷债务诉讼，被上海静安法院判处应共同偿还30万美元的债务。上海静安法院执行该案过程中，将?</t>
  </si>
  <si>
    <t>中国企业:并购西方企业正当其时</t>
  </si>
  <si>
    <t>业内人士提醒，中国企业在进入发达国家之前，应做好充分的前期准备，包括尽可能准确定义项目、收集投资行业部门的相关信息，分析包括市场份额、竞争对手、价格定位等国外市场信息，要学会参观，通过参观和考察了解国外文化和商业氛围，最好能参观一下当地展会，以便对当地和?</t>
  </si>
  <si>
    <t>欧盟委员会拟立法加强监管信用评级机构</t>
  </si>
  <si>
    <t>本报布鲁塞尔电 欧盟委员会12日提出一项立法建议，对向欧盟境内提供信用评级服务的机构加强监管，杜绝因信贷危机引发的金融危机再次发生。　　　　该项立法建议要求所有为欧盟境内金融机构提供信用评级服务的机构必须获得欧盟监管机构的营业执照，并要求信用评级机构加强内</t>
  </si>
  <si>
    <t>法加快频率出台刺激经济政策</t>
  </si>
  <si>
    <t>随着金融危机蔓延到欧洲且愈演愈烈，法国经济受到了巨大影响。在金融危机和经济大幅减速的双重压力下，法国政府频繁出台政策和措施，希望能够尽量稳定经济形势。　　　　今年年初法国还持乐观态度，认为次贷危机对法国实体经济的影响不会太大。然而从第二季度开始，银行惜?</t>
  </si>
  <si>
    <t>美国汽车业巨头面临生死考验</t>
  </si>
  <si>
    <t>11日美国第一大汽车制造商通用汽车公司的股价再次暴跌至每股3美元以下，创出1943年4月以来的最低纪录。与此同时，美国第二大汽车制造商福特汽车公司的股价跌至每股1.8美元。以当日收盘价计算，两家汽车巨头的总市值之和仅剩下60亿美元。　　　　据华尔街分析师估计，若按照</t>
  </si>
  <si>
    <t>松下电器和三洋电机就合作事宜开始协商</t>
  </si>
  <si>
    <t>本报东京电(记者刘浩远) 日本松下电器产业公司和三洋电机公司日前联合发布新闻公报，双方就资本和业务合作开始磋商。    公报说，本次商讨开展资本和业务合作由松下提出，以三洋成为松下的子公司为前提，通过资本、业务合作，实现双方经营经验和经营资源的共享，使两社</t>
  </si>
  <si>
    <t>欧洲审计团首次认可欧盟预算执行情况</t>
  </si>
  <si>
    <t>本报布鲁塞尔电 欧盟最高审计机构——欧洲审计团10日通过欧盟委员会2007年度预算执行报告，这是欧洲审计团14年来首次认可欧盟预算执行情况。　　　　欧洲审计团的年度审计报告显示，去年欧盟预算总额约为1140亿欧元，从所有重要方面来看，其支出基本符合要求。　　　　此</t>
  </si>
  <si>
    <t>经济寒流难挡菲律宾人消费热情</t>
  </si>
  <si>
    <t>在马尼拉的“亚洲商城”，工作人员正忙着布置一棵两层楼高的圣诞树，欢快的圣诞颂歌、热情洋溢的笑容、尽情购物的消费者，让人难以相信全球正面临经济寒冬。    当地华人开玩笑说，在菲律宾做什么事都迟到，只有过节来得比别国早。不少家庭从10月起就开始购置圣诞节装?</t>
  </si>
  <si>
    <t>欧洲航空机票“挥泪大降价”</t>
  </si>
  <si>
    <t>本报讯 (记者方烨)  “挥泪大降价”、“自杀价”等以往小商贩惯用的销售口号，现今在欧洲航空领域成为现实。面对内忧——油价高涨，外患——金融风暴，欧洲航空掀起了近乎史上最大的机票降价风潮。    据连月发布的生产运营数据显示欧洲各主要航空公司从8月开始的载客?</t>
  </si>
  <si>
    <t>海外上市公司非系统性风险大增</t>
  </si>
  <si>
    <t>最近一段时间以来，包括中国金属、永隆实业、中国印染等在内的一批中国海外上市公司相继出现了长期停牌或面临清盘的现象。尽管导致这些企业出现危机的原因各不相同，但中国海外上市公司频繁被曝生存陷入困境表明，随着美国金融危机对实体经济的冲击逐渐显现，系统性风险下，?</t>
  </si>
  <si>
    <t>重启财政利器 刺激经济增长</t>
  </si>
  <si>
    <t>面对日益严峻的全球经济形势，中国在过去的一个半月三次减息，货币政策空间日渐缩小。在此情况下，一些国内外学者提出，应当借鉴当年应对亚洲金融危机时的经验，重拾积极财政政策的“利器”，刺激经济增长。    扩张财政正当其时    在出席9日由中央财经大学金融</t>
  </si>
  <si>
    <t>欧盟将向冰岛提供少量资金支持</t>
  </si>
  <si>
    <t>本报布鲁塞尔电 欧盟委员会发言人10日说，欧盟将向遭受金融危机重创的冰岛提供少量资金支持。　　　　欧盟委员会发言人约翰内斯·莱滕贝格尔表示，冰岛已正式向欧盟委员会提出请求，希望欧盟提供资金帮助，欧委会将就此与冰岛展开协商，但前提是冰岛必须在双边层面上就拖欠</t>
  </si>
  <si>
    <t>节能环保，期待政策细化</t>
  </si>
  <si>
    <t>“中国的节能环保在理念和目标上非常正确，今后在具体措施上也值得期待。”日立(中国)有限公司总经理川野薰对中国和日本的节能环保都有强烈的感受，也有自己的观察角度。    节能环保是川野薰最感兴趣的话题。这不仅是因为就其个人而言，应对全球气候变暖已成为一种信?</t>
  </si>
  <si>
    <t>美国汽车巨头陷绝境求援手</t>
  </si>
  <si>
    <t>受金融危机影响，通用汽车公司等多家美国大型汽车制造企业面临严重资金困难，已向政府和国会请求援助。　　　　民主党领导人8日呼吁政府向处于险境的美国汽车工业“输血”。　　　　美国最大的汽车制造企业通用汽车公司7日说，经济低迷导致公司10月份出现25年来销售最为?</t>
  </si>
  <si>
    <t>实现住有所居的政府职责及角色定位</t>
  </si>
  <si>
    <t>以人为本决不是“以富人为本”    按照意大利经济学家帕累托的“二八原理”对市场作出的解析，20%的富人消费了80%市场份额的商品。因此，几乎所有商家在进行市场决策时，都不能忽略这20%的富人和他们所占有的80%的市场。房地产开发商也不例外，而且要获得高利润、高回?</t>
  </si>
  <si>
    <t>英美德三国城市转型之路</t>
  </si>
  <si>
    <t>资源型城市的转型问题，是一个世界性的难题，一些老工业基地和资源型城市的衰落，使这些地区的人们不得不面对出路的重新选择。这是一个艰难、痛苦而漫长的过程，英美德等国家在几十年前已经开始了这一过程。    英国:    开展工业遗产旅游    英国是最早开</t>
  </si>
  <si>
    <t>从“金融危机与我们毫无关系”说起</t>
  </si>
  <si>
    <t>今年以来，美国金融危机席卷全球，使不少银行面临生死考验，然而，法国的一些小银行却在这场风暴中能够独善其身，甚至说出:“金融危机与我们毫无关系”。    法国小银行为什么在世界金融危机四伏中不受影响，他们安全经营的秘诀在那里?    其实，在这场全球性的?</t>
  </si>
  <si>
    <t>对华经贸政策不会发生大的变革</t>
  </si>
  <si>
    <t>美国民主党总统候选人贝拉克·奥巴马在当地时间4日举行的总统选举中击败共和党对手约翰·麦凯恩，当选第56届美国总统，并将成为美国历史上首位非洲裔总统。    继麦凯恩发表承认失败的讲话30分钟后，奥巴马在伊利诺伊州芝加哥市向自己的支持者发表讲话称，“美国已迎来</t>
  </si>
  <si>
    <t>全球金融改革应强化监管力度</t>
  </si>
  <si>
    <t>本报布鲁塞尔电 欧盟成员国财政部长4日在布鲁塞尔举行月度例会，就即将召开的全球金融峰会协调立场，并表示全球金融改革应强化金融监管。　　　　欧盟轮值主席国法国经济、财政与就业部长克里斯蒂娜·拉加德在会后举行的新闻发布会上说，法国拟订的一套包括11点建议的改革?</t>
  </si>
  <si>
    <t>近期黄金波动异常剧烈</t>
  </si>
  <si>
    <t>11月5日，国内金市出现小幅上涨，其中黄金延期Au(T+D)收报167.26元/克，较前一交易日结算价涨5.41元/克，上海期货交易所主力Au0906收盘于每克164.02元，较上日结算价每克上涨5.87元。    但国内金市只一日小幅的反弹不能掩盖国际金市近期连续的下跌行情。受美国大选结?</t>
  </si>
  <si>
    <t>股市放量大涨  市场压力犹存</t>
  </si>
  <si>
    <t>11月5日，沪深市场一扫往日阴霾，双双强劲收高。受美国大选刺激，美股带动亚太市场大幅飙升，加上我国交通运输部门酝酿5万亿元投资计划的消息，内外因素共振提升了市场信心，两市双收上影中阳线，再现普涨的喜人景象。　　　　外围市场方面，全球股市迎来了“美国时刻”。?</t>
  </si>
  <si>
    <t>开采投资力度降低  高油价或卷土重来</t>
  </si>
  <si>
    <t>受美国金融危机恶化和扩散的影响，国际油价近几个月一路下滑。目前国际油价已从7月时的每桶147美元跌至65美元之下，短短3个月时间跌了一半多。　　　　然而，3日在阿联酋首都阿布扎比召开的一个国际石油会议上，阿联酋能源部长哈米利在会议开幕致辞时却说：“众所周知，低?</t>
  </si>
  <si>
    <t>三大指标全面疲软  欧洲经济不容乐观</t>
  </si>
  <si>
    <t>根据欧盟委员会3日公布的秋季经济预测报告，源于美国的金融危机已使欧洲经济陷入衰退。面对投资、消费和出口三项指标的全面疲软，欧洲经济前景充满不确定性，且存在继续恶化的风险。　　　　欧盟委员会每年发布的春季和秋季经济预测报告是该机构两个重要的经济预测报告。刚</t>
  </si>
  <si>
    <t>日本下年度最优先发展蓄电池研究</t>
  </si>
  <si>
    <t>本报东京电 日本政府的综合科学技术会议10月31日对中央各部门申报的2009年度预算概算中与科技相关的新项目进行了优先度的评级，经济产业省的“革新型蓄电池尖端科学基础研究”获评惟一一个最高的S级。　　　　参与评级的新项目共有85个。综合科学技术会议对这些项目分4个等</t>
  </si>
  <si>
    <t>400余辆长城精灵轿车出口阿尔及利亚</t>
  </si>
  <si>
    <t>本报石家庄电 日前，700辆长城汽车装船出海，销往阿尔及利亚，此次出口的品种以长城精灵轿车为主，占据出口产品的60%，其余为迪尔皮卡。据长城汽车国际贸易部介绍，今年以来，仅长城精灵在非洲的出口量已近2000辆。　　　　长城汽车公司国际贸易非洲部总经理郑国庆介绍说，</t>
  </si>
  <si>
    <t>法国10月份家用新车销量锐减7.3%</t>
  </si>
  <si>
    <t>本报巴黎电 随着金融危机的蔓延和居民购买力的下降，今年10月份法国家用汽车销量比去年同期下降超过7%。法国本土品牌新车销量降幅大于外国品牌，其市场份额也有所下降。　　　　法国全国汽车制造商协会3日公布的数据显示，今年10月份法国家用新车销量为17.5万辆，比去年10?</t>
  </si>
  <si>
    <t>全球十大上市公司排名发生巨变</t>
  </si>
  <si>
    <t>本报巴黎电 金融危机从去年下半年开始爆发，而令大型上市公司真正感到“痛”的是今年前10个月。随着股价不同程度地下跌，各大上市公司的市值普遍缩水，全球前10大上市公司的排名也发生了巨变。　　　　根据法国《费加罗报》日前公布的数据，截至去年年底，按市值计算的全球</t>
  </si>
  <si>
    <t>全球资本聚焦中国风电市场</t>
  </si>
  <si>
    <t>尽管美国次贷危机引发的金融海啸席卷全球，但作为实体经济中的朝阳产业之一，风能正在成为全球资本追逐的新热土，而中国风电市场则被视作其中潜力最大的市场。　　　　在以“世界风能赢在中国”为主题的2008北京国际风能大会暨展览会暨第四届全球风能大会上，来自全球的风?</t>
  </si>
  <si>
    <t>应对危机：欧盟预算改革势在必行</t>
  </si>
  <si>
    <t>“在这次金融危机中没有人能够幸免，对于所有人来说这是个难熬的漫长冬天，而财政预算在这其中需要扮演很重要的角色。”来华访问的欧盟委员会负责财政规划和预算事务的委员格里葆丝凯特10月31日在对外经贸大学作出了如上表示。　　　　在这场以“全球危机，改变世界——预?</t>
  </si>
  <si>
    <t>英首相游说产油国  求援手助全球救市</t>
  </si>
  <si>
    <t>正在海湾地区访问的英国首相布朗力促海湾国家提供资金援助，以帮助国际货币基金组织(IMF)提高应对金融危机的救援能力。他还表示，欢迎这些国家主权基金到英国投资。　　　　布朗1日开始对海湾地区进行为期4天的访问，到访的国家包括沙特阿拉伯、卡塔尔和阿联酋。美国《华盛</t>
  </si>
  <si>
    <t>重视植物固醇摄入有助预防心血管疾病</t>
  </si>
  <si>
    <t>本报讯 (记者杨步月) “‘高胆固醇血症’被公认为是引发心血管疾病的元凶之一，而通过摄入与胆固醇的化学结构类似的植物固醇，可以有效地阻止人体肠道对胆固醇的吸收，从而预防心血管疾病的发生。”美国华盛顿大学医学教授理查德·奥斯特鲁德博士日前在北京告诫中国公众说。$</t>
  </si>
  <si>
    <t>德中金融合作潜力无限</t>
  </si>
  <si>
    <t>近年来，德国资本市场上“中国元素”随处可见。吸引中国企业上市，推出股市上的中国指数，设立中国概念基金，中德资本市场互动频繁，联系密切，各得其利。　　　　自２００７年３月份山东工友成为第一家在德国上市的中国企业以来，一年多时间里已经有１０余家中国公司在德?</t>
  </si>
  <si>
    <t>A股市场将延续抵抗式下跌</t>
  </si>
  <si>
    <t>A股市场之所以在近期全球反弹中走势疲弱，最主要的因素是前期“抗跌”。而最近美国、欧洲股市的反弹，只是严重超跌后的一次强力技术性反弹，反弹结束后将延续原有的趋势继续调整。    A股市场在1800点至2330点整理了33个交易日，累计成交19598亿元，在该平台内换手率为</t>
  </si>
  <si>
    <t>品牌弱势:中国企业的“短板”</t>
  </si>
  <si>
    <t>前不久，某国际知名杂志和传播机构共同发布“2008全球最佳品牌排行榜”，中国品牌无一上榜，而在一项美国民意调查中，三星、丰田竟被误认为中国品牌。业内人士认为，品牌将成为中国企业参与国际竞争所面临的致命“短板”，中国品牌弱势亟待改变。    中国大企业缺席全?</t>
  </si>
  <si>
    <t>降息风潮席卷全球</t>
  </si>
  <si>
    <t>众多国家跟进降息    当地时间29日，美联储决定将联邦基金利率即商业银行间隔夜折借利率下调0.5个百分点，这是美联储在三周时间里连续第二次以同样幅度降息。    在美联储宣布降息之前，中国人民银行宣布再次下调存贷款基准利率0.27个百分点。29日当天，挪威也再</t>
  </si>
  <si>
    <t>家电业内外交困进入寒冬</t>
  </si>
  <si>
    <t>日前，中国家电协会理事长霍杜芳表示，我国家电业今年以来面临严峻形势，生产、销售、出口增幅均出现明显下降。投资机构甚至认为家电出口的疲软将持续到2010年。    赛迪顾问股份有限公司白电分析师杨松强认为，家电行业增幅大幅下滑是行业发展的一个必然趋势，除美国?</t>
  </si>
  <si>
    <t>网商电脑能行多远</t>
  </si>
  <si>
    <t>联想、阿里巴巴以及英特尔IT三强日前宣布联合研发的首台中小企业电子商务电脑正式面市。经过半年等待，这批被业内称为网商电脑的新产品终于瓜熟蒂落。不过，这款被三方寄予厚望的产品，能在多大程度上帮助中小企业跨越电子商务发展“起步难”瓶颈，抵御国际贸易风险，尚需时?</t>
  </si>
  <si>
    <t>金融风暴难规避 拉美经济亦飘摇</t>
  </si>
  <si>
    <t>“随着金融危机在全球范围内加剧扩散，拉美国家抗风险能力和风险预知能力即使较以往大大增强，但没有一个国家能够独善其身。”    世界银行常务副行长胡安·何塞·达布近日对拉美媒体表达了上述看法。他认为，美国市场需求不振，全球出口市场萎缩，信贷资金近乎枯竭，?</t>
  </si>
  <si>
    <t>美国城市房价加速下跌</t>
  </si>
  <si>
    <t>本报芝加哥电 标准普尔公司28日发布的凯斯-席勒住房价格指数显示，8月份美国20个大城市的房价较去年同期下跌16.6%，跌幅大于7月份的16.3%，继续呈现加速下跌态势。　　　　标普/凯斯-席勒住房价格指数是由经济学家卡尔·凯斯和罗伯特·席勒等人开发的。它衡量独栋房屋售价?</t>
  </si>
  <si>
    <t>上海地铁图书馆丢书:素质之殇还是阅读之幸</t>
  </si>
  <si>
    <t>上海地铁9号线在全国率先试行的地铁图书馆运行两个月来，可谓损失惨重，开馆时准备的四万册图书杂志已经流失了一万多册，令地铁管理者措手不及。    连日来，此事在上海乃至全国引起关注与争议。有人感慨地铁图书流失显示出我国公民道德素质的缺失。但记者调查发现，地</t>
  </si>
  <si>
    <t>全球美元回流美国</t>
  </si>
  <si>
    <t>受美国准备推出又一轮经济刺激方案的提振，28日人民币兑美元持续下挫，美元兑人民币汇率中间价报6.8369，高于27日的6.8360。数据显示，过去三个月中，欧元兑美元跌幅约21%；英镑也下挫22%左右，在上周触及1.53美元下方的六年低点。    在美元升值预期下，美元从许多国?</t>
  </si>
  <si>
    <t>英国人 回归乡村将“自给自足”进行到底</t>
  </si>
  <si>
    <t>在英国，“自给自足”的生活已不再是遥远的梦想，乡村生活成为新时尚，城市迁往农村居住的人数已经超过进城人数。    尽管在乡村置地、种菜和养牲畜没那么简单，但一些都市人仍希望将自给自足的生活方式进行到底。    城里人享受田园乐趣 农村人同样受益匪浅</t>
  </si>
  <si>
    <t>国际油价骤跌：中国经济的利好还是利空？</t>
  </si>
  <si>
    <t>石油输出国组织(欧佩克)近期大幅减产的决定未能止住国际油价下跌势头。继上个交易日盘中暴跌7%后，纽约商品交易所原油期货价格27日持续下跌，收于每桶63.22美元，为近17个月以来最低收盘价格。与今夏每桶147.27美元的历史高点相比，国际油价跌幅已达57%。　　　　在全球金?</t>
  </si>
  <si>
    <t>奇瑞与俄罗斯合作生产的轿车开始正式销售</t>
  </si>
  <si>
    <t>本报莫斯科电 中国奇瑞汽车公司与俄罗斯的塔甘罗格汽车厂合作生产的第一批汽车开始销售，使用的是俄罗斯的Vortex汽车商标，售价为38万卢布至43万卢布(1美元约合26卢布)，其车型相当于过去奇瑞在俄罗斯组装和销售的fora。　　　　塔甘罗格汽车厂位于俄罗斯南部海港城市，今?</t>
  </si>
  <si>
    <t>彭博社:新兴市场经济下滑将威胁欧洲经济</t>
  </si>
  <si>
    <t>本报讯 彭博社28日发表文章说，由于近年来欧洲经济与新兴市场经济的联系愈加紧密，新兴市场经济一旦下滑将对欧洲经济构成巨大威胁。　　　　近年来，欧洲经济对美国的依赖度不断下降，对新兴市场的依赖度不断加大。2006年欧洲对美国出口占其GDP的比例不到4%，而对新兴市场?</t>
  </si>
  <si>
    <t>“中国金属”停产整顿</t>
  </si>
  <si>
    <t>受全球金融危机和钢材市场价格波动的影响，投资建厂于江苏常熟市的台资企业中国金属(百慕大)集团有限公司10月7日生产停顿。　　　　中国金属集团公司是在新加坡上市的台资企业，下辖常熟科弘材料科技公司、常熟星岛新型建材公司等5家企业，注册外资4.31亿美元，职工2177人?</t>
  </si>
  <si>
    <t>经营不善:近代合资银行纷纷倒闭</t>
  </si>
  <si>
    <t>提要:近代中外合资银行虽然资金实力较为雄厚，还享有一定的政治特权，而且在一段时间内也曾获得了程度不等的发展，但大多数银行的经营仍然不成功，最后被迫陷入停业倒闭的境地。    中法实业银行首启停业之门    整个20世纪20年代是近代中国金融业曲折发展历程中</t>
  </si>
  <si>
    <t>俄将对进口轿车车身征高额关税</t>
  </si>
  <si>
    <t>本报莫斯科电(记者熊伊眉)综合俄罗斯媒体消息:俄罗斯政府日前公布了745号决定，从11月14日起对进口轿车车身征收15%的高额关税，每个车身的最低税额不得低于5000欧元。    专家认为，这一决定实际上是禁止外国公司在俄罗斯进行SKD组装(即半散件组装)，因为这种半散件组?</t>
  </si>
  <si>
    <t>金融危机下国内的健康产业依然“健康”</t>
  </si>
  <si>
    <t>“投股票、基金的都赔了，保值的黄金也有风险。最后回头来看还是医药行业的防御能力比较强。”中信证券医药行业高级分析师贺菊颖说。　　　　全球金融风暴下的国内健康产业，没有出现纺织、玩具等制造业岌岌可危的迹象，反而如金秋桂花暗香浮动。17日，北欧最大实业控股公?</t>
  </si>
  <si>
    <t>美联储新融资计划：再投5400亿美元救市</t>
  </si>
  <si>
    <t>美国金融危机是流动性危机，货币市场出了问题是此次危机恶化的根本原因之一。因此，只有货币市场恢复正常，才能走出危机。　　　为支持货币市场投资者并缓解短期债务市场承受的巨大压力，美国联邦储备委员会（美联储）于当地时间21日宣布了一项新的融资计划。根据该计划，?</t>
  </si>
  <si>
    <t>家电企业应对欧盟“绿色壁垒”有对策</t>
  </si>
  <si>
    <t>本报广州电(记者陈晓建) 随着欧盟“能耗产品生态设计要求指令”(EUP指令)第一批实施细则前不久出台，这意味着我们熟悉的照明、空调、冰箱等耗能产品如不积极应对，将被欧盟拒之门外。根据中山的经验，我国家电企业只要深入了解EuP指令的要求，并在技术上、设计上、原材料上进</t>
  </si>
  <si>
    <t>东盟市场：“合同有暂缓,但还没退单”</t>
  </si>
  <si>
    <t>“合同有暂缓，但还没退单。”正在召开的第5届中国———东盟博览会上，一家参展企业负责人董有义这样描述在金融海啸影响下的东盟市场。 　　    交易馆内人潮涌动，博览会第一天就接纳了上万人的专业采购商团队。在当前内外双压的经济形势下，开拓和发展像东盟这样的新兴?</t>
  </si>
  <si>
    <t>金融危机：幕后黑手如何作用？</t>
  </si>
  <si>
    <t>金融危机毫不含糊地铺天而来，全球经济在下行，监管信用也在下降。美国人开始购买保险柜把存款换成黄金锁在家中，以此来应对还未知的一切。危机的多米诺骨牌被次贷推开，蔓延至整个金融机构，人们都在等待，下一个倒下的将是谁？从金融衍生品的过度泛滥，到评级机?</t>
  </si>
  <si>
    <t>金融危机拖累中国车市今年难圆“千万”梦</t>
  </si>
  <si>
    <t>随着美国金融危机加深、经济衰退临近，美国车市陷入15年来最严重的下滑。美国是全球第一大汽车生产国和最大的汽车市场，今年前三季度，美国新车销量同比下降超过20%。欧洲、日本等发达国家的汽车市场，无一例外陷入低迷不振。金融危机下的全球车市低迷不振，对中国车市将带来</t>
  </si>
  <si>
    <t>伯南克证词暗示美国下周降息</t>
  </si>
  <si>
    <t>美国联邦储备委员会(美联储)主席伯南克20日投了民主党一票。他当天在美国国会众议院预算委员会作证时指出，美国经济前景仍然非常地不确定，经济疲软可能持续几个季度，同时表示赞同美国国会考虑出台新的经济刺激方案。此前，众议院(由民主党把持)议长南希·佩洛西?</t>
  </si>
  <si>
    <t>进口葡萄酒“抢滩”中国市场</t>
  </si>
  <si>
    <t>近日，在湖南长沙举办的秋季全国糖酒会上，来自法国、德国、意大利、西班牙等十几个国外的代表、代理商、经销商带来了200多个国外酒庄品牌参展。一些进口葡萄酒参展商表示，十分看好中国的葡萄酒消费市场。    尽管白酒仍然是糖酒会的主角，然而众多进口葡萄酒商精心布</t>
  </si>
  <si>
    <t>WTO：全球反倾销调查数量猛增</t>
  </si>
  <si>
    <t>本报日内瓦电 世界贸易组织20日在一项声明中说，今年上半年全球新发起的反倾销调查数量比2007年同期增长了39%，而新实施的反倾销措施也比去年同期增加6%。来自世贸组织秘书处的数据显示，今年1月至6月，世贸组织成员共发起85项新的反倾销调查，明显多于去年同期的6</t>
  </si>
  <si>
    <t>欧盟为何力推国际金融新秩序</t>
  </si>
  <si>
    <t>欧盟轮值主席国法国总统萨科齐和欧盟委员会主席巴罗佐日前访问美国，为改革国际金融体系寻求美国总统布什的支持。对于仍在金融危机中苦苦挣扎的欧盟来说，此时力推建立国际金融新秩序虽有避免危机重演之意，但更深层次上意在改变长期由美国主导的国际金融体系。    这?</t>
  </si>
  <si>
    <t>美司法当局调查信贷违约互换市场</t>
  </si>
  <si>
    <t>本报纽约电 美国联邦检察官米歇尔·加西亚和纽约州总检察长安德鲁·科莫20日宣布，他们已展开不同寻常的联合行动，以调查信贷违约互换(CDS)市场是否存在问题。这一市场出现的风险被认为是引发美国信贷危机的原因之一。科莫办公室的一位拒绝透露姓名的官员称，此次?</t>
  </si>
  <si>
    <t>韩国“野鹅族”面临经济困境</t>
  </si>
  <si>
    <t>在韩国，母亲带着孩子出国留学、父亲留守家中挣钱养家的家庭被称为“野鹅族”。受近来全球金融危机影响，不少韩国“野鹅族”纷纷遭遇经济困境。为保证孩子留学不受影响，许多“野鹅族”家长不得不过上节衣缩食的生活。    金兴国(音译)是一名演艺人员，现年49岁。像不?</t>
  </si>
  <si>
    <t>中国启动明年法兰克福书展主宾国活动</t>
  </si>
  <si>
    <t>本报法兰克福电 中国新闻出版总署副署长李东东19日从2008年法兰克福国际书展主宾国土耳其主委会负责人穆埃盖·索埃克曼手中接过“主宾国卷轴”，这标志着中国作为2009年法兰克福国际书展主宾国活动全面启动。李东东说，今天意味着中国作为2009年法兰克福书展主宾国</t>
  </si>
  <si>
    <t>黄鸣当选国际太阳能学会副主席</t>
  </si>
  <si>
    <t>本报讯 皇明太阳能集团董事长黄鸣日前成功当选为国际太阳能学会副主席，并将作为中国当选国际太阳能权威机构要职第一人，参加国际太阳能学会年度理事会及2008欧洲太阳能大会。“黄鸣担任国际太阳能学会副主席，将‘皇明模式’在全球范围内推广，有望推动世界可再生</t>
  </si>
  <si>
    <t>金融风暴波及实体经济  A股热点生变</t>
  </si>
  <si>
    <t>由美国次贷危机所引发的金融海啸，正在像瘟疫一样迅速向全球蔓延。尽管各国政府频频制定救市政策，但随着金融危机向实体经济的浸透和蔓延，包括股市在内的资本市场也旋即跌入了冰冷的深渊。面对全球范围内金融风暴对实体经济的冲击，业界权威人士的观点是，就全球?</t>
  </si>
  <si>
    <t>残疾人如何成为职场“白领”？</t>
  </si>
  <si>
    <t>北京残奥会赛场之外的一个话题至今还引人深思：为何我国许多残疾人运动员从事的是手工艺工人、保洁员、福利厂工人等较简单的工作，而许多西方国家的残奥选手比赛之余的身份，却是翻译、大学老师、IT技术人员等“脑力劳动者”？残疾人未必就是职场上的弱者。他们很?</t>
  </si>
  <si>
    <t>从美国金融危机看我国推动科学发展</t>
  </si>
  <si>
    <t>正当我国高层领导聚集北京，运筹帷幄，研讨科学发展之际，美国爆发了有史以来最大的金融危机。继美国“房利美”和“房地美”由政府接管之后，拥有156年历史的雷曼兄弟申请破产，百年老店美林被收购，全球最大的保险公司美国国际集团被美国政府接管。虽然美国国会已紧急通过了</t>
  </si>
  <si>
    <t>祸福相依</t>
  </si>
  <si>
    <t>金融危机，全球一片愁云惨雾。每天早晨打开电视，满耳朵听的都是坏消息，不是美国银行倒闭、公司裁人，就是全球股市暴跌、财富缩水，咱们这边虽说没那么热闹，可股市一跌再跌，投资者损失惨重，也够让人闹心的。想想不久以前，世界经济还是一派繁荣红火的景象，股?</t>
  </si>
  <si>
    <t>金融危机令欧美银行业重构版图</t>
  </si>
  <si>
    <t>从美国蔓延到欧洲的金融危机打乱了国际银行业的格局，有的银行因倒闭而消失，有的银行前途未卜，也有些银行则利用金融危机迅速扩张。谁的资金多谁就能在“规模制胜”的今天变得更加强大。金融危机自去年夏季至今愈演愈烈，欧美各大银行命运迥异。雷曼兄弟轰然倒地?</t>
  </si>
  <si>
    <t>中韩雇佣许可制劳务合作进入实施阶段</t>
  </si>
  <si>
    <t>本报讯 记者从中韩雇佣许可制说明会上获悉，随着中韩雇佣许可制劳务合作进入实施阶段，首批输韩劳务人员韩国语水平考试将在年内举行。据介绍，中韩雇佣许可制劳务合作是由双方政府主管部门各自指定一家不以盈利为目的政府公共机构从事劳务人员的派遣和接收工作，禁</t>
  </si>
  <si>
    <t>欧盟决定放宽会计准则</t>
  </si>
  <si>
    <t>本报布鲁塞尔电 欧洲议会和欧盟成员国政府15日决定修改欧盟现行会计准则中有关按市值计算资产价值的规定，以帮助金融机构更好地应对当前的金融危机。根据这一决定，银行等金融机构将不必再按当前市值记录资产负债表上的资产价值，允许金融机构将违约风险考虑在内对</t>
  </si>
  <si>
    <t>世行否认为东盟基金提供资金</t>
  </si>
  <si>
    <t>本报马尼拉电 世界银行东亚与太平洋地区副行长亚当斯16日发表声明，否认世行将为拟议中的东盟应对金融危机基金提供资金。声明说，世行随时准备对东亚国家应对金融危机提供帮助，但并未预期设立一个地区性应对金融危机的基金，世行也未就向该基金提供资金问题在地区</t>
  </si>
  <si>
    <t>默克尔：德国经济面临困难</t>
  </si>
  <si>
    <t>本报柏林电 德国总理默克尔15日在联邦议会发表政府声明时表示，德国正面临经济发展的困难阶段。她说，世界经济正在经受自上个世纪大萧条以来最严峻的考验。但她坚信，德国不会陷入长期的经济不景气，德国企业有能力抵御当前这场金融危机。她说，欧盟国家</t>
  </si>
  <si>
    <t>国内再生金属产业亟待发展</t>
  </si>
  <si>
    <t>本报讯 (记者刘振冬)  “发达国家再生铜产量占铜材消费量的比例普遍在50%以上，再生铝占铝消费量的比例普遍在60～70%，日本甚至达到98%以上；而我国07年再生铜产量占铜材消费量的比例仅29.2%，再生铝占原铝消费量的比例仅22.9%。”中国有色金属工业协会再生金属分会会长王恭?</t>
  </si>
  <si>
    <t>中国大冰箱欧洲再遭“撞衫”</t>
  </si>
  <si>
    <t>本报讯 有着70多年历史的德国柏林消费类电子展(IFA)于日前落下帷幕。令人惊讶的是，在本届展会上，海尔展出的法式对开门冰箱再次遭遇“撞衫”——德国利勃海尔、韩国三星也相继推出与海尔法式对开门冰箱类似的产品。这也是海尔法式对开门冰箱于2007年4月在全球上市后，第三次</t>
  </si>
  <si>
    <t>欧洲家用电器品牌“探路”中国市场</t>
  </si>
  <si>
    <t>本报上海电 近日，欧洲家电品牌BEKO在上海开展为数千名上海市民免费洗衣的活动，以展示其洗衣机与烘干机的高品质与持久性。主办方表示，此次活动是BEKO品牌在中国第一次大型品牌宣传活动，旨在增加BEKO在竞争激烈的中国家电市场的占有率。BEKO于2006年进入中国市场</t>
  </si>
  <si>
    <t>大陆赴台游遇冷  旅行社缩短行程</t>
  </si>
  <si>
    <t>新竹茶叶、台南关庙凤梨、能歌善舞的台湾阿美族舞蹈演员，再加上精心制作的阿里山、日月潭等台湾标志性景观展示牌，10月14日下午，当记者走进由台湾海峡两岸观光旅游协会(以下简称“台旅会”)举办的首场台湾观光旅游说明会会场时，不禁被会场内浓郁的台湾风情所吸引。一位阿?</t>
  </si>
  <si>
    <t>美国2008财年财赤高达4550亿美元</t>
  </si>
  <si>
    <t>本报华盛顿电 美国财政部14日公布的数据显示，受经济下滑、救市开支猛增等因素影响，2008财年美国政府财政赤字达到创纪录的4550亿美元，接近于上一财年的三倍。根据财政部的数据，在今年9月30日结束的2008财年，美国政府财政收入为2.524万亿美元，但开支则达到了2.</t>
  </si>
  <si>
    <t>日本央行开始回收资金</t>
  </si>
  <si>
    <t>本报东京电 日本中央银行——日本银行连续19个工作日向短期市场注入大量资金后，流动性不足问题大大缓解，15日该行实施公开市场操作从市场回收1万亿日元资金。当天，在市场资金供需矛盾缓解的背景下，外资银行融资困难的局面大为改善，隔夜拆借利率水平稳定在日本?</t>
  </si>
  <si>
    <t>韩国“设计先行”给了我们许多启示</t>
  </si>
  <si>
    <t>语言净化机器人、单人潜水艇、娱乐机器人、网络香水瓶……这些充满时尚科技概念的韩国设计名作，在第五届中国国际中小企业博览会暨中韩中小企业博览会同期举办的韩国设计展上，吸引了国内外大批客商和同行前往驻足观看。举国机制强壮韩国设计产业根据英国设?</t>
  </si>
  <si>
    <t>欧盟峰会寻求联合救市方略</t>
  </si>
  <si>
    <t>欧盟27国领导人15日至16日将在比利时布鲁塞尔举行首脑会议。据透露，面对持续动荡的金融市场，欧盟各国领导人将在此次峰会上寻求联合应对金融危机的策略。而根据原计划，此次峰会本应解决爱尔兰否决《里斯本条约》遗留的难题。早在去年夏天美国次贷危机爆发之初，?</t>
  </si>
  <si>
    <t>救市措施密集绽放  全球股市相继井喷</t>
  </si>
  <si>
    <t>受各国政府和央行同步出台救市举措等利好消息的刺激，全球股市13日出现令人震撼的上涨：纽约股市在八连阴之后强劲反弹，13日纽约股市三大股指均暴涨11%以上；巴黎CAC40创下自股指创立以来的最大单日涨幅；拉美股市当天也全线暴涨……受美国纽约股市暴涨和各国积极?</t>
  </si>
  <si>
    <t>应对金融危机：各出其谋  各尽其力</t>
  </si>
  <si>
    <t>面对愈演愈烈的金融危机，世界多国逐渐走出恐惧无助的阴影，纷纷出台救市措施。日本：政府和央行冻结股票据《日本经济新闻》网站最新消息，在全球股市暴跌的背景下，日本政府和央行将临时冻结所持金融机构股票，暂停出售，以避免给市场造成更大压力。?</t>
  </si>
  <si>
    <t>国际社会应共同稳定世界经济大局</t>
  </si>
  <si>
    <t>本报华盛顿电 中国财政部副部长李勇12日在华盛顿举行的世界银行和国际货币基金组织联合发展委员会第78届会议上发言，呼吁国际社会加强合作，维护世界经济稳定大局。李勇指出，国际金融危机持续蔓延，已经对全球发展和减贫产生重大不利影响。国际社会应当正确判断形</t>
  </si>
  <si>
    <t>海南节能项目可申请欧投行低利率贷款</t>
  </si>
  <si>
    <t>本报海口电 从海南省财政厅获悉，为促进该省节能减排的发展，海南省财政厅近期正积极争取欧洲投资银行长期优惠资金，该省的节能减排项目，将有机会申请不低于1亿元人民币额度的长期优惠贷款。据介绍，欧洲投资银行贷款是一种成本极低的优惠贷款。项目贷款的币种可?</t>
  </si>
  <si>
    <t>年底前国内煤炭供需基本平衡</t>
  </si>
  <si>
    <t>本报讯 受美国经济下滑和国内经济增速减缓的影响，国内煤炭市场短期受阻，进而影响钢铁、电力、水泥和化肥四大耗煤行业对煤炭的需求。国内产能会有一定增加，但这种态势将维持一段时间，今年后几个月煤炭供需基本平衡。中国煤炭运销协会顾问武承厚日前指出，此前，</t>
  </si>
  <si>
    <t>金融危机戕害美国实体经济</t>
  </si>
  <si>
    <t>到目前为止，总额高达7000亿美元的金融救援方案仍未显现出投资者期待中的“救市”效力，导致美国股市跌势难止。面对如此窘境，美国多位高官日前不得不承认，金融市场动荡正在伤害实体经济。一些经济学家悲观地指出，美国经济未来几个季度可?</t>
  </si>
  <si>
    <t>香港苏富比秋拍破多项纪录</t>
  </si>
  <si>
    <t>4日开槌的香港苏富比2008年秋季拍卖会8日闭幕，总成交额达到10亿9778万9750港元，成为香港苏富比历年来第三高总成交纪录。    本季拍卖珍品约1690件，包括中国及东南亚艺术品、珠宝及腕表。其中，中国瓷器及工艺品拍卖会之总成交为4.58亿?</t>
  </si>
  <si>
    <t>景气度下滑影响四大行业预期</t>
  </si>
  <si>
    <t>受累于国内外经济形势的影响，市场近来对上市公司业绩的担忧也逐渐加剧。已经开始进入披露期的上市公司前三季度报表，成为近期投资者所关注的一个焦点。    与此同时，中金公司、国泰君安等机构密集调低了多个行业的投资评级。总体看，在美国?</t>
  </si>
  <si>
    <t>民国初始  兴办合资银行成时尚</t>
  </si>
  <si>
    <t>$T提要：民国成立后，在北京政府时期曾经出现过一个设立银行的高潮，国内大多数的重要银行均兴办于此阶段。这次发展高潮还有一个显著特点，就是在成立的众多银行中，中外合资银行的比重较高，先后涌现出中法实业、中华汇业、中华懋业、华义、华威等20余家银?</t>
  </si>
  <si>
    <t>加强发展中国家适应气候变化能力</t>
  </si>
  <si>
    <t>本报讯(记者肖婧)10月9日，“东亚峰会气候变化适应能力建设研讨会”在京召开，中国科技部部长万钢表示，中国愿与东亚峰会各成员国在气候变化的观测与检测技术、温室气体减排技术、以及适应气候变化技术等领域开展广泛的合作与交流。     同时，会上首次发布了中国关于?</t>
  </si>
  <si>
    <t>欧洲央行搭救商业银行</t>
  </si>
  <si>
    <t>本报法兰克福电 欧洲中央银行9日发表声明说，将向商业银行提供不限额短期贷款，以进一步增加市场流动性和维持金融市场稳定。根据这份声明，欧洲央行将以公开拍卖的形式以3.75%的基准利率向商业银行提供期限为一周的短期贷款，但对总的拍卖金额不设限制。只要市场需</t>
  </si>
  <si>
    <t>俄为股市设立涨跌幅新限制</t>
  </si>
  <si>
    <t>本报莫斯科电 为防止证券市场大幅震荡，俄罗斯联邦金融市场局对股市涨跌停作出最新规定。新规定要求：一旦股指涨跌幅达到5%，市场至少中止交易一小时；一旦股指涨跌幅达到10%，市场将全天停止交易。此外该机构对个股也规定了涨跌幅限制。个股股价涨跌幅达到10%，将</t>
  </si>
  <si>
    <t>三大国际组织关注主权财富基金</t>
  </si>
  <si>
    <t>本报讯 联合国贸发会议经济事务官员梁国勇日前接受本报记者专访时介绍说，UNCTAD(联合国贸发会议)、IMF(国际货币基金组织)和OECD(经济合作与发展组织)正在分别从不同的方面对于近期来活跃于国际资本市场的国家主权财富基金给予关注。中国的中投公司也成为被关注对象之一。?</t>
  </si>
  <si>
    <t>金融危机或致国内保险业洗牌</t>
  </si>
  <si>
    <t>美国次贷危机已经演变为一场全球性金融风暴，国内保险业也深受其累。10月8日，国内三大保险股均深幅下跌，中国人寿、中国平安跌幅超过9%。对此，许多业内人士和专家表示，金融危机是挑战亦是机遇，尤其是对市场的领先者，可能是一次价值发现和兼并的良机。对于中国</t>
  </si>
  <si>
    <t>保发展  我国打出货币财政组合拳</t>
  </si>
  <si>
    <t>本报讯(记者刘振冬)　仍无停歇迹象的华尔街金融风暴8日当天引发世界主要经济体纷纷采取行动施以救援：就在美联储、欧洲央行等主要央行宣布减息的当天，我国央行也宣布了降息举措。    10月8日晚间，中国人民银行宣布，自10月15日起下调存?</t>
  </si>
  <si>
    <t>冰岛面临“国家破产”急向俄罗斯求援</t>
  </si>
  <si>
    <t>冰岛金融业在这次全球信贷危机中损失惨重，加之这一狭小岛国的金融业近些年发展过快、过大，导致冰岛面临“国家破产”危险。冰岛政府7日宣布，将寻求从俄罗斯借债40亿欧元以渡过难关。西方国家政经分析师认为，北大西洋公约组织成员向俄求助的做法“罕见”且“具地</t>
  </si>
  <si>
    <t>铁矿石涨价或成单相思</t>
  </si>
  <si>
    <t>与之前巴西方面强硬的涨价态度不同，巴西淡水河谷(CVRD)近日已派专人陆续走访我国各大钢厂，考察我国钢厂实际运行情况。“他们是来收集信息的，并将对钢厂能够接受的矿石价格做出新的估计。”一位业内人士告诉记者。当前，由于我国铁矿石现货矿、钢材价格不断走低?</t>
  </si>
  <si>
    <t>中投初出茅庐  需谋定而后动</t>
  </si>
  <si>
    <t>日前由联合国贸发会议公布的《2008年世界投资报告》指出，全球外国直接投资的一个新特征是主权财富基金作为直接投资者的出现。金融危机愈演愈烈之时，作为中国的主权财富基金，刚刚庆祝一周年生日的中投公司在这个特殊的时间点再次为人们所关注。一年间，在私墓股权投资基金?</t>
  </si>
  <si>
    <t>三大劣势削弱我国电子信息产业国际竞争力</t>
  </si>
  <si>
    <t>本报武汉电 尽管我国成为世界电子信息产品制造中心，步入世界电子产业大国行列，但与美国、日本等世界电子信息产业强国相比仍存在明显差距。专家分析，三大劣势影响了我国电子信息产业国际竞争力的提升。近日在武汉发布的《中国电子信息产业国际竞争力报告》上显示</t>
  </si>
  <si>
    <t>欧洲议会放行欧盟能源气候计划</t>
  </si>
  <si>
    <t>本报布鲁塞尔电 欧盟委员会7日说，欧洲议会环境委员会已通过欧委会提出的欧盟能源气候一揽子计划中的3项主要内容，这些内容分别涉及温室气体减排交易机制、减排任务的分配、碳捕捉与储存。欧盟委员会负责环境事务的委员斯塔夫罗斯·季马斯认为，欧盟能源气候一揽子</t>
  </si>
  <si>
    <t>法拟建欧中“万里货运线”</t>
  </si>
  <si>
    <t>本报巴黎电 在未来3年内，法国国营铁路公司计划推动建立一条法国至中国的“万里货运线”。届时，铁路货运将利用费用比航空低、时间比海运短的优势，将商品通过铁路在法国和中国之间运转。《费加罗报》7日透露，法国国营铁路公司总裁吉约姆·佩皮9月底拜访了俄罗斯?</t>
  </si>
  <si>
    <t>世界经济论坛全球竞争力新榜出炉</t>
  </si>
  <si>
    <t>本报日内瓦电 世界经济论坛8日公布的《2008-2009全球竞争力报告》显示，美国虽受金融危机影响，但仍是全球最具竞争力的经济体。此外，瑞士和北欧国家的竞争力排名继续靠前，中国大陆的排名首次进入前30位。今年的报告共涵盖134个经济体，多于去年的131个。竞争力排</t>
  </si>
  <si>
    <t>阿根廷重申能抵御金融动荡</t>
  </si>
  <si>
    <t>本报布宜诺斯艾利斯电 阿根廷中央银行行长马丁·雷德拉多7日强调，阿根廷经济基础坚实，金融体系健康，完全能够应对国际金融市场动荡的冲击。雷德拉多当天参加了美国商会在此间举行的一个经济论坛。他在发言时指出，近年来阿根廷政府一直执行稳健的财政和货币政策?</t>
  </si>
  <si>
    <t>首个轻型商用车双品牌项目启动</t>
  </si>
  <si>
    <t>本报郑州电(记者　田建军)由中日双方合资组建的郑州日产汽车有限公司新工厂，9月29日在郑州经济技术开发区正式破土动工。此举标志着我国首个由郑州日产实施的“东风”和“NISSAN”轻型商用车双品牌项目已全面启动。    郑州日产总经理郭振</t>
  </si>
  <si>
    <t>上半年我国短期外债余额占比再创新高</t>
  </si>
  <si>
    <t>本报讯(记者张莫)　根据国家外汇局7日公布的数据，截至2008年6月末，我国外债余额为4274.32亿美元(不包括香港特区、澳门特区和台湾地区对外负债)，比上年末增长14.40%。其中，中长期外债余额为1620.67亿美元，比上年末增长5.56%，占外债余额</t>
  </si>
  <si>
    <t>AIG出售菲律宾子公司</t>
  </si>
  <si>
    <t>本报马尼拉电 美国国际集团(AIG)菲律宾子公司菲美人寿公司高层日前说，AIG已决定出售该公司，10余家国内外买家已表示有意收购。菲美人寿首席执行官库伊西亚在6日召开的新闻发布会上没有透露买家的详细信息，但他说与公司接洽的这些买家都是信誉度较高的国际知名集?</t>
  </si>
  <si>
    <t>国际金融动荡  中国如何“独善其身”？</t>
  </si>
  <si>
    <t>美国次贷危机引发的这场金融危机正如一团迷雾笼罩了全球。人们把目光锁紧美国的同时，更多地在关注新兴国家的表现。    欧盟、日本等主要经济体纷纷出台救市举措，美国政府3日也通过了7000亿美元的金融救援方案，但目前各方市场的反应冷淡。一</t>
  </si>
  <si>
    <t>未来12年太阳能光伏产业将保持高速增长</t>
  </si>
  <si>
    <t>本报武汉电 近日中国机电产品进出口在武汉发布的《中国电子信息产业国际竞争力报告》上显示，目前太阳能光伏发电已广泛用于航天、通讯、交通、居民照明等领域，未来12年太阳能光伏产业将保持高速增长。《报告》中提出，在太阳能的有效开发和利用中，光伏产业是最具</t>
  </si>
  <si>
    <t>欧佩克油价上周再度下跌</t>
  </si>
  <si>
    <t>本报维也纳电 据欧佩克秘书处6日公布的数据，受国际原油市场价格持续下滑的影响，石油输出国组织(欧佩克)市场监督原油一揽子平均价格上周再度出现回落，降至每桶90.01美元，比前一周下降了8.27美元。上一周，国际油价持续走低，欧佩克油价也出现了连续5个交易日下?</t>
  </si>
  <si>
    <t>中联重科正式完成对CIFA收购</t>
  </si>
  <si>
    <t>中联重科与意大利机械制造商CIFA的“联姻”几个月来传出了各种消息，双方均表态认为这是一个双赢的结合。9月28日，中联重科联合弘毅投资、高盛、曼达林基金与CIFA在长沙正式签署收购交割协议，正式完成了对CIFA股份的全额收购。世界三大混凝土机</t>
  </si>
  <si>
    <t>法德英意呼吁欧盟各国共御金融危机</t>
  </si>
  <si>
    <t>为期一天的欧盟四国小型峰会4日晚在法国巴黎总统府结束，法国、德国、英国和意大利四国领导人就应对当前的金融危机达成共识。他们表示，欧盟各国应协调合作，通过扶持金融机构、加强监管、惩罚问题企业领导人等方式，恢复欧盟金融秩序和市场信心。随着金融危机从美</t>
  </si>
  <si>
    <t>油价走势将与供求关系吻合</t>
  </si>
  <si>
    <t>石油输出国组织(欧佩克)轮值主席、阿尔及利亚能源和矿业部长哈利勒4日说，投机性交易者曾对国际原油市场造成恶劣影响，但随着这部分交易者退出市场，未来几个月国际市场油价走势将反映供求基本面。哈利勒说，受美国金融危机等因素影响，目前世界主要原油消费国的日</t>
  </si>
  <si>
    <t>“三吉利”四打反倾销的启示</t>
  </si>
  <si>
    <t>国家商务部不久前发布的今年第55号公告中,决定对原产于美国的进口邻苯二酚所适用的反倾销措施进行倾销及倾销幅度期中复审调查。这是商务部应连云港三吉利化学工业有限公司今年6月23日提出的请求做出的。    三吉利公司面对欧盟、美日等国的企业对中国市场的倾销,已连续</t>
  </si>
  <si>
    <t>中国概念股大规模回购股票</t>
  </si>
  <si>
    <t>在全球金融动荡时刻，中国互联网界在一年一度的全行业大会上热议IT企业的处境与预期。记者从会议上了解到，在境外上市的中国IT概念股已经在回购公司股票，避免公司股价持续下行。美国金融风暴“席卷”IT界业界同时认为，美国金融风暴将影响到国内互联网公司?</t>
  </si>
  <si>
    <t>奶粉事件与良心</t>
  </si>
  <si>
    <t>闹得沸沸扬扬的三鹿奶粉事件，牵扯的厂家似乎不少，连名牌企业蒙牛、伊利、光明等也被查出有产品含三聚氰胺，想起前些天家人去超市购买酸奶，还特地叮嘱非蒙牛、伊利的不买，现在想来真有种上当受骗的感觉。苏丹红、孔雀石绿、地沟油、瘦肉精、劣质药……，如今又?</t>
  </si>
  <si>
    <t>克莱斯勒2010年量产电动汽车</t>
  </si>
  <si>
    <t>本报讯 美国克莱斯勒有限责任公司24日宣布与ENVI机构针对公司三大品牌——克莱斯勒、Jeep和道奇，推出三套以量产为目标的电力驱动技术。克莱斯勒将选择其中一款在2010年投产，推向北美市场，并于2010年之后推广至欧洲市场。到2009年，克莱斯勒还将向政府、商业、公</t>
  </si>
  <si>
    <t>法国电力拟购英国能源公司</t>
  </si>
  <si>
    <t>本报巴黎电 法国电力公司24日宣布斥资150多亿欧元收购英国能源公司。本次交易如成功，将是法电公司历史上最大一次并购。该项收购可以强化法电欧洲第一大电力供应商地位。此外，英国能源公司是英国最大的核能运营商，英国80%的核电站归该公司经营，法电希望通过收购</t>
  </si>
  <si>
    <t>甲骨文进军硬件业</t>
  </si>
  <si>
    <t>本报讯 软件业巨头甲骨文公司24日在美国旧金山推出了一款“数据库机器”和一款小型存储产品，这是甲骨文公司创办31年来首次推出计算机硬件产品。这两款产品均由惠普公司生产，旨在帮助企业用户以更快的速度获取存储在甲骨文数据库软件上的信息。其中，“数据库机器</t>
  </si>
  <si>
    <t>IMF：全球金融市场趋稳</t>
  </si>
  <si>
    <t>本报首尔电 据韩国消息人士透露，国际货币基金组织(IMF)认为，自美国雷曼兄弟公司申请破产保护至今，全球金融市场已明显趋于稳定，但“潜在风险”依然存在。韩联社援引消息人士的话报道，日前在一次由其主要成员国官员出席的会议上，IMF货币和资本市场部门主管海梅</t>
  </si>
  <si>
    <t>中资金融机构海外抄底需谨慎</t>
  </si>
  <si>
    <t>美林被收购、雷曼兄弟宣布破产、保险巨头美国国际集团被政府接管……最近一段时间，华尔街经历了一场前所未见的金融海啸，西方众多金融机构和企业股价大幅缩水，这使得中国金融机构和企业纷纷计划“海外抄底”。业内人士认为，美国次贷危机何时见底尚难预料，中资机构海外并?</t>
  </si>
  <si>
    <t>山东电建进军中东电力行业</t>
  </si>
  <si>
    <t>本报安曼电 山东电力建设第三工程公司23日在安曼与约旦萨姆拉电力公司签署电厂扩建合同，迈出了进军中东电力行业的第一步。据介绍，该项目是萨姆拉电力公司二期工程，位于首都安曼以北约35公里的扎尔卡地区。中方将为约方增设两台余热锅炉、1台发电量为100MW的汽轮</t>
  </si>
  <si>
    <t>我与爱沙尼亚签署海运协定</t>
  </si>
  <si>
    <t>本报里加电 据塔林消息，中国政府与爱沙尼亚政府24日在爱沙尼亚首都塔林签署了《中华人民共和国政府和爱沙尼亚共和国政府海运协定》。这一协定在《中国-欧盟海运协定》的基础上，进一步明确了中爱双边海员证件、船舶证书的承认以及海难救助等内容，明确了在船员入?</t>
  </si>
  <si>
    <t>实现千年发展目标：发达国家要兑现承诺</t>
  </si>
  <si>
    <t>来自１５０多个国家的领导人２５日聚首纽约联合国总部，出席由联合国秘书长潘基文召集的千年发展目标高级别会议。这是世界各国领导人自２０００年制定千年发展目标以来首次对目标进展情况进行审议。在当前千年发展目标总体进展情况不佳的背景下，各方更应抓住机遇，制定对策?</t>
  </si>
  <si>
    <t>陈德铭对话曼德尔森引人关注</t>
  </si>
  <si>
    <t>作为中国第一大贸易伙伴、技术引进第一大来源地和外资累计第四大投资方，欧盟此次委派贸易委员曼德尔森9月24日至27日访华，确有重大意义。在24日参观中国知识产权中小企业信息服务平台之后，25日举行的中欧第23次经贸混委会才是曼德尔森此行的重点。而经贸混委会上，中国商务</t>
  </si>
  <si>
    <t>“走出去”开展中俄木材加工合作</t>
  </si>
  <si>
    <t>今年4月1日，俄罗斯政府将原木出口关税税率提高至25%，且每立方米不低于15欧元。受这一政策影响，我国重要的进口木材集散地——黑龙江省绥芬河口岸原木进口量今年以来同比大幅下降。有关人士建议，政府部门应积极鼓励境外木材加工业的发展壮大，推动中俄木材深加工合作，以保</t>
  </si>
  <si>
    <t>沃尔玛支持“中国发展市场”</t>
  </si>
  <si>
    <t>本报讯 沃尔玛公司日前加盟由世界银行牵头的第二届“中国发展市场”活动，承诺资助民间组织开展“可持续发展项目”。“发展市场”是世界银行的一个创意，目的是发现和支持来自民间的自下而上的发展创新项目，资助项目实施和产生效益，并推广扩大。“中国发展市场”</t>
  </si>
  <si>
    <t>微软将大规模回购股票</t>
  </si>
  <si>
    <t>本报纽约电 在不少美国企业为资金不足困扰之时，微软公司22日宣布大型股票回购计划。微软当天表示，计划在未来5年回购最多400亿美元公司股票。根据路透社披露的数据，截至今年6月底，微软公司持有237亿美元现金。同日，惠普和耐克也宣布回购股票，其回购</t>
  </si>
  <si>
    <t>金融救援计划：美府院谈判有进展</t>
  </si>
  <si>
    <t>本报华盛顿电 美国媒体22日报道说，美国政府与国会关于金融救援计划具体条款的谈判取得很大进展。美国众议院金融服务委员会主席巴尼·弗兰克说，政府已同意在金融救援计划中增加救助购房者和加强国会对有关方面的监管等内容。一位熟悉谈判内情的政府官员</t>
  </si>
  <si>
    <t>G7：将尽全力阻止金融危机恶化</t>
  </si>
  <si>
    <t>本报华盛顿电(记者胡芳) 西方7国集团（G7）财政部长和央行行长22日发表声明表示，将竭尽全力阻止目前这场威胁世界经济健康和稳定的金融危机进一步恶化。据美国财政部当天在其网站上公布的一份声明，7国集团当天上午举行了电话会议，支持美国政府为阻止危机恶化所采</t>
  </si>
  <si>
    <t>法公布限制卖空金融股名单</t>
  </si>
  <si>
    <t>本报巴黎电 继19日发布限制卖空金融股法令后，法国金融市场管理局22日公布了限制卖空金融股名单，共15只银行、保险等金融股榜上有名。金融市场管理局的名单中包括农业信贷、兴业银行等银行股，也有安盛、安联等保险股，还包括一些再保险公司和保险经纪公司，纽约-?</t>
  </si>
  <si>
    <t>英主要房贷供应商或遭收购</t>
  </si>
  <si>
    <t>本报伦敦电 据英国部分媒体最新报道，英国主要住房贷款供应商——布拉德福德-宾利银行可能面临被收购命运。英国政府已明确表示将全力保证英国金融市场稳定。因此，行业人士分析，如果布拉德福德-宾利银行最终走投无路，英国政府将会积极为其寻找买家。无论是汇丰银</t>
  </si>
  <si>
    <t>改善电能质量有助提升亚洲制造业竞争力</t>
  </si>
  <si>
    <t>本报讯 由欧盟亚洲投资计划联合资助的欧盟-亚洲电能质量项目(APQI项目)日前在我国正式启动。这一项目由国际铜业协会(中国)贯彻执行，为期32个月，旨在通过提供知识和电能质量管理增强亚洲制造业竞争力。“APQI项目将在中国、印度、泰国、马来西亚、印度尼西亚、越?</t>
  </si>
  <si>
    <t>荷兰禁止“裸卖空”金融股</t>
  </si>
  <si>
    <t>本报布鲁塞尔电 据海牙消息，为稳定金融市场，荷兰财政部决定从22日起禁止“裸卖空”金融机构的股票。据荷兰媒体报道，荷兰财政大臣博斯21日在荷兰公共电视台宣布了上述决定。该禁令从22日凌晨生效，为期3个月。博斯表示，从最近发生的金融市场风暴中可以看到，投?</t>
  </si>
  <si>
    <t>特殊时刻特殊地点的重要会谈</t>
  </si>
  <si>
    <t>上周，在动荡的国际金融形势下，中美举行了第19届商贸联委会。中国国务院副总理王岐山、美国商务部部长古铁雷斯和贸易代表施瓦布共同主持会议，会议虽然也不乏争论和摩擦，但最终仍达成广泛共识，取得积极成果。这是一次特殊的会谈，用王岐山副总理的话说，这是在?</t>
  </si>
  <si>
    <t>西方主要央行或开放外汇资产抵押融资</t>
  </si>
  <si>
    <t>本报东京电 据《日本经济新闻》21日报道，由于担心民间金融机构目前面临的资金问题长期化，日美欧主要央行正在探讨引入一种新制度，允许金融机构以外汇资产为担保向中央银行进行融资。目前，各国央行一般都只认可本币形式的资产作担保，在这种情形下外资金融机构很</t>
  </si>
  <si>
    <t>日本央行连续紧急注资</t>
  </si>
  <si>
    <t>本报东京电 据共同社报道，日本央行——日本银行22日上午再次通过公开市场操作向短期金融市场注资1.5万亿日元(约106.9日元合1美元)。自本月16日以来，日央行已史无前例地连续5个交易日、共分8次对市场进行注资，总额达到12.5万亿日元。此外，日本央行22?</t>
  </si>
  <si>
    <t>海外“种地”国家战略亟待建立</t>
  </si>
  <si>
    <t>在国际粮价不断上涨、粮食安全问题日益严峻的背景下，到非洲、东南亚和拉美地区“种地”成为一些国家政府和企业的战略选择。我国一些省份和企业也正在探索海外“种地”的有效模式。重庆老挝农业园于2004年建立，承担着农业企业“走出去”、三峡移民剩余劳动力转移和对老挝农?</t>
  </si>
  <si>
    <t>董事局里的性别革命遭女性“阻力”</t>
  </si>
  <si>
    <t>$F新闻链接$E　　$T为什么挪威能做到?    有人认为，像配额法这样的社会和商界革命，只能在斯堪的纳维亚半岛上那些历来有着平等传统的国家才能获得成功，尤其是在有着丰富石油资源和优越福利制度的挪威。　　上个世纪60年代，北海发</t>
  </si>
  <si>
    <t>融资融券预期为股市增资5000亿元</t>
  </si>
  <si>
    <t>在上周取消双边征收印花税等三个重大利好后，A股市场可望迎来又一大利好。日前，记者从多家机构了解到，证监会已经为融资融券业务做好了必要的准备，最终待国务院审批通过后即可实施。记者从证监会了解到的政策指向是，监管部门将按照市场实际需求情况，适时、有步</t>
  </si>
  <si>
    <t>中挪正式启动自贸区谈判</t>
  </si>
  <si>
    <t>本报斯德哥尔摩电 据中国驻挪威大使馆商务处提供的消息，中国-挪威自贸区谈判日前在挪威首都奥斯陆正式启动，两国贸易官员举行了第一轮谈判。中国商务部部长助理仇鸿与挪威贸工大臣布吕斯塔及挪威政府、企业和工商界代表出席了有关活动。中挪两国领导人2007年达成?</t>
  </si>
  <si>
    <t>“华尔街风暴”牵累中国金融机构</t>
  </si>
  <si>
    <t>由于知名投行雷曼兄弟申请破产、美林证券被收购、美国联邦政府宣布接管美国国际集团(AIG)，一股黑色的“华尔街风暴”正席卷全球。面对遭遇周边股市拖累连续下挫的A股市场，以及集体暴跌的银行股，担忧在中国投资者的心中油然而生：雷曼兄弟和AIG事件，会在多大程度</t>
  </si>
  <si>
    <t>美国政府救助AIG辩护</t>
  </si>
  <si>
    <t>本报华盛顿电 美国白宫发言人佩里诺17日为政府日前出资救助美国保险业巨头美国国际集团(AIG)摆脱破产厄运的行动辩护，称这一措施避免了美国经济遭受更大的损害。佩里诺说，财政部长保尔森、美国联邦储备委员会主席伯南克以及政府的其他经济顾问认为，有些公司因规?</t>
  </si>
  <si>
    <t>美国金融动荡波及印度外包业</t>
  </si>
  <si>
    <t>本报新德里电 据《印度斯坦时报》18日报道，受近期华尔街金融动荡连锁反应影响，印度的软件服务企业可能面临业务量减少和盈利下降等黯淡前景。印度近年来依托IT服务业的领先地位和成本优势成为全球业务流程外包(BPO)中心，当前，近1/3的《财富》500强企业都在印度?</t>
  </si>
  <si>
    <t>首例内贸跨境运输货物申报通关</t>
  </si>
  <si>
    <t>本报讯 20个装满了铜版纸和香烟内包装用衬纸的集装箱，近日从黑龙江绥芬河口岸出境。绥芬河口岸位于中俄边境，但是这批货物的目的地却不是俄罗斯，它们将途经俄罗斯海参崴港最终运抵上海港。这是全国首批内贸跨境运输货物。为什么要借道俄罗斯运货呢？原来，黑龙江</t>
  </si>
  <si>
    <t>亚洲应建“金融稳定对话”机制</t>
  </si>
  <si>
    <t>本报马尼拉电 亚洲开发银行行长黑田东彦18日在这里说，美国金融动荡可能会对亚洲各大商业银行产生一定程度的冲击，亚洲地区应当建立“金融稳定对话”机制，共同维护亚洲地区金融稳定。黑田东彦说，全球金融市场最近出现的动荡表明，亚洲地区各经济体迫切需要制定一</t>
  </si>
  <si>
    <t>美财政部为美联储拍卖债券筹资</t>
  </si>
  <si>
    <t>本报华盛顿电 美国财政部17日宣布，为帮助中央银行应对因当前信贷危机产生的空前贷款需求，财政部将为美国联邦储备委员会拍卖债券以筹措资金。据美国财政部官员介绍，为美联储筹资的债券拍卖被称为“补充融资计划”，将以与常规国库券拍卖同样的方式进行。首次拍卖</t>
  </si>
  <si>
    <t>中行收购法国洛希尔银行两成股权</t>
  </si>
  <si>
    <t>本报讯(记者刘振冬)中国银行和法国爱德蒙得洛希尔银行18日在法国巴黎签署协议，中行将收购洛希尔银行20%的股权，成为洛希尔家族之后的第二大股东。本次投资的完成仍有待获得相关监管机构的批准。　　根据投资协议，中国银行将获得参与</t>
  </si>
  <si>
    <t>“金融飓风”：刮到中国了吗？</t>
  </si>
  <si>
    <t>雷曼兄弟陷入绝境申请破产保护，AIG(美国国际集团)财务形势危急接受纽约联邦储备银行提供的为期两年、额度为850亿美元的有抵押循环贷款，美林证券被美国银行收购，算上半年前贝尔斯登被摩根大通收购，“金融飓风”刮倒了一批赫赫有名的华尔街巨头。中国金融市场受?</t>
  </si>
  <si>
    <t>第63届联大会议关注粮食和气候</t>
  </si>
  <si>
    <t>本报纽约电 第63届联合国大会会议16日下午在纽约联合国总部拉开帷幕。在联大会议厅，联大主席、尼加拉瓜前外交部长德斯科托·布罗克主持召开了新一届联大的第一次全体会议。他在会议上发表致辞说，世界粮食危机、联合国改革和气候变化等将是本届联大关注的重点问题</t>
  </si>
  <si>
    <t>淡水河谷欲取消亚洲优惠价格</t>
  </si>
  <si>
    <t>巴西淡水河谷公司总裁罗杰·阿格内利日前表示，该公司目前正在与亚洲厂商进行谈判，希望取消目前针对亚洲的优惠价格，使之与欧洲价格一样。阿格内利指出，目前由于补贴亚洲厂商的运输费用，卖到亚洲的铁矿石价格与卖到欧洲的价格之间存在12%至13%的价格差，这种情?</t>
  </si>
  <si>
    <t>美国政府摇摆于“救”与“不救”之间</t>
  </si>
  <si>
    <t>眼下，华尔街甚至整个美国都笼罩在金融风暴的阴云之下。美国第四大投资银行雷曼兄弟公司15日被迫申请破产、第三大投资银行美林证券公司无奈被美国银行收购，美国保险业巨头美国国际集团16日又因濒临破产被政府接管。有了此前对贝尔斯登和房?</t>
  </si>
  <si>
    <t>美众议院为近海石油开采“开绿灯”</t>
  </si>
  <si>
    <t>在国会中出于劣势的共和党说这是一个“骗局”，因为据估计，美国近海180亿桶石油储量中，约88%位于距岸50英里的范围内，而这部分仍禁止开采。本报华盛顿电 美国众议院16日晚通过一项法案，允许石油公司在征得邻近州政府同意的情况下、在距岸50英里(80公里)以外的海</t>
  </si>
  <si>
    <t>“开学消费”：怎一个“高”字了得？</t>
  </si>
  <si>
    <t>随着新学期的开始，中小学生开始了新一轮的消费高峰。售价几百元的纳米书包、近百元的高档铅笔盒、韩国进口的笔记本越来越多地出现在中小学生的书包里，一些孩子更是请客送礼比阔气，而一些家长则勒紧腰带为孩子投入。教育界人士认为，一味宠溺孩子“高消费”，可能会扭曲孩?</t>
  </si>
  <si>
    <t>AIG：拯救行动正在进行中</t>
  </si>
  <si>
    <t>美国纽约州州长戴维·帕特森15日说，陷入困境的美国国际集团(AIG)已获准借用其子公司的200亿美元资产来自救。帕特森说，纽约州政府有关部门已经就以上方案达成协议。他还透露，纽约州主管保险业的官员已经要求美国联邦政府为AIG提供额外资金。 美国州一?</t>
  </si>
  <si>
    <t>一个青岛港  七年节电够10万户居民用一年</t>
  </si>
  <si>
    <t>“亚洲二号”拖轮停靠在青岛港老港区，海水很蓝，岸边看不见飘浮的垃圾，船舱里出奇的干净，有空调，工作环境很舒服。“15艘与‘亚洲二号’一样的拖轮和15艘辅助船舶担负着青岛港今年3亿吨吞吐量进出港大船开靠任务。”青岛港集团轮驳公司经理李</t>
  </si>
  <si>
    <t>英国经济正步入衰退</t>
  </si>
  <si>
    <t>本报伦敦电 英国工业联合会15日发出警告说，英国经济正在步入衰退期。该机构预测，今年第三季度英国国内生产总值(GDP)将缩减0.2%，第四季度缩减0.1%。今年全年英国GDP增幅将从原先预计的1.7%降至1.1%；明年则从原先预计的1.3%降至0.3%，为1992年以来最小增幅。</t>
  </si>
  <si>
    <t>日产柴油工业与沃尔沃共同开发环保型卡车</t>
  </si>
  <si>
    <t>本报东京电 据《日本经济新闻》15日报道，日产柴油汽车工业公司将与瑞典沃尔沃卡车公司共同开发低污染的卡车，预计2009年在日本上市。据报道，日本有望从2009年开始实施新的汽车尾气排放标准，将对尾气中的氮氧化物和粒状物质含量进行更加严格的限制，欧美国家也将</t>
  </si>
  <si>
    <t>亚行下调亚洲发展中经济体经济增速</t>
  </si>
  <si>
    <t>本报马尼拉电 总部设在马尼拉的亚洲开发银行16日发表报告说，受发达经济体经济增长速度放慢等因素影响，今明两年亚洲发展中经济体经济增长预计将分别只有7.5%和7.2%，低于该机构4月份预测的7.6%和7.8%。亚行当天在中国香港发表了更新版的《2008年亚洲发展展望》报?</t>
  </si>
  <si>
    <t>核电人才争夺战悄然打响</t>
  </si>
  <si>
    <t>年轻的中国核电人让外国专家羡慕今年1月，上海核工程研究设计院的工程师李岗和他的同事们一起，来到世界最先进的核电技术拥有者——美国西屋公司接受培训。作为中美合作建设全球首台第三代技术AP1000核电站的合作协议之一，西屋公司将为中国培训设计建造</t>
  </si>
  <si>
    <t>“流血的星期天”煎熬华尔街</t>
  </si>
  <si>
    <t>正当飓风“艾克”袭击美国得克萨斯州之际，一场来势更为凶猛的金融“飓风”14日登陆华尔街。证券业巨头美林证券公司被收购，全球最大保险公司美国国际集团可能出售资产，华尔街第四大投行雷曼兄弟公司发表声明，申请破产保护。当天，美国一些媒体以醒目的标题“流?</t>
  </si>
  <si>
    <t>世行报告：全球营商环境大幅改善</t>
  </si>
  <si>
    <t>世界银行及其下属的国际金融公司10日联合发表了《2009全球营商环境报告》。报告显示，在2007至2008年度，全球监管改革进程加速，营商环境大幅改善。全球：大幅改善报告说，从2007年6月至2008年6月，全球有113个经济体共实行了239项改革。其中，阿塞拜疆是营?</t>
  </si>
  <si>
    <t>中国将成全球最大奢侈品市场令人汗颜</t>
  </si>
  <si>
    <t>商务部预计，到2014年，我国将成为全球最大的奢侈品市场，占全球总量的23%左右。统计显示，目前我国奢侈品市场的年销售额占全球市场份额的18%，是世界第三大奢侈品消费国，仅次于美国和日本。据世界奢侈品协会统计，去年中国人的奢侈品消费已经达到80亿美元，消费人群达到总?</t>
  </si>
  <si>
    <t>欧佩克小幅减产  油价应声反弹</t>
  </si>
  <si>
    <t>石油输出国组织(欧佩克)轮值主席、阿尔及利亚能源和矿业部长哈利勒10日凌晨宣布，欧佩克将在40天内将原油日产量削减52万桶。受欧佩克宣布减产的影响，纽约市场基准原油期货价格在10日亚洲电子交易时段止跌回升。小幅减产是折中选择哈利勒是在?</t>
  </si>
  <si>
    <t>三菱电机将从废旧家电中回收塑料</t>
  </si>
  <si>
    <t>本报东京电 日本三菱电机公司日前公布说，该公司从事回收废旧家电中的塑料循环再利用的一家新工厂将于2009年秋投产。据日本《读卖新闻》网站日前报道，目前废旧塑料回收循环再利用工厂多采用目视和手工作业分选可再利用的塑料，而新工厂将采用静电分选技术，这样就能挑选出更</t>
  </si>
  <si>
    <t>巴黎机场启用新航站楼</t>
  </si>
  <si>
    <t>本报巴黎电(记者芦龙军) 法国航空公司和巴黎机场集团9日举行剪彩仪式，庆祝戴高乐2号机场G航站楼(戴2G)投入使用。该航站楼承担法航巴黎至其他申根国家二线城市一些航线的客运接待，其最大特点是方便、快捷。新航站楼承担的客运接待任务是法航的20条中短途航线。由?</t>
  </si>
  <si>
    <t>日本修改“新经济成长战略”</t>
  </si>
  <si>
    <t>本报东京电 日本经济产业省9日公布“新经济成长战略”修正案，确定集中财力提高资源效率和以高附加值产品进军海外市场为主的两个基本战略，以应对资源价格上涨和全球经济多极化的形势。经济产业省说，之所以修改2006年制定的“新经济成长战略”，是因为现在的国内?</t>
  </si>
  <si>
    <t>大型中国商贸中心将落户斯图加特</t>
  </si>
  <si>
    <t>本报斯图加特电 一座现代化的中国商贸中心大厦，即将于明年年底在德国巴符州首府斯图加特近郊落成。9月9日到10日，该中国商贸中心首次进行面向全球华商的前期招商说明会。中国商贸中心地理位置优越，离斯图加特市中心不足20分钟车程。商贸中心于2006年开始策划筹备</t>
  </si>
  <si>
    <t>索尼发布蓝光DVD新机</t>
  </si>
  <si>
    <t>本报东京电 日本索尼公司日前宣布，将从本月27日开始陆续将六款新一代蓝光(Blu-Ray)制式的DVD刻录机投入市场。索尼公司发布新闻公报称，此次推出的新DVD机采用了新开发的“CREAS”回路技术，可对压缩过程中损失的色阶等色彩信息进行还原，再现鲜艳且不失真的高画质</t>
  </si>
  <si>
    <t>美国财赤今年将达4070亿美元</t>
  </si>
  <si>
    <t>本报华盛顿电 美国国会预算局9日预测，美国政府财政赤字在去年创下过去5年的最低水平后，今年将上升到4070亿美元，而明年则可能达到创纪录的4380亿美元。国会预算局还估计，政府接管美国两大住房抵押贷款融资机构房利美和房地美后，财政赤字可能进一步攀升。</t>
  </si>
  <si>
    <t>油价回落打压海湾地区股市</t>
  </si>
  <si>
    <t>本报科威特电 海湾地区产油国各大股市自今年年初以来，特别是在近一段时间剧烈震荡，7个股市中的5个出现不同程度的下跌。据此间媒体报道，沙特阿拉伯股市和迪拜股市自今年以来跌幅分别达到25%，阿布扎比股市下跌8.4%，巴林股市下跌5.1%，阿曼股市下跌2%。?</t>
  </si>
  <si>
    <t>台湾银行业“登陆”暗潮涌动</t>
  </si>
  <si>
    <t>正在中国投洽会期间举行的“海峡两岸金融合作与发展专题研讨会”上，来自海峡两岸银行业界的100多名代表汇聚一起。会议透露的种种信息表明：两岸关系新形势下，台湾银行业界正在酝酿一轮“登陆潮”。　　台湾银行业过度“拥挤”</t>
  </si>
  <si>
    <t>欧盟批准一种转基因大豆进入市场</t>
  </si>
  <si>
    <t>本报布鲁塞尔电 欧盟委员会8日批准了一种转基因大豆进入欧盟市场的申请，同意将这种大豆用于生产、加工食品以及饲料，批准的有效期为10年。这种A2704-12型转基因大豆由德国拜耳作物科学公司开发成功。欧盟委员会当天在一份公报中说，欧洲食品安全局的评估认为这种?</t>
  </si>
  <si>
    <t>海合会将批准货币联盟协定</t>
  </si>
  <si>
    <t>本报阿布扎比电 海湾合作委员会(海合会)秘书长阿提亚日前在接受阿联酋《海湾新闻报》专访时表示，海合会成员国将在今年11月在阿曼首都马斯喀特举行的峰会上批准货币联盟协定。阿提亚说，在马斯喀特峰会上，海合会成员国还将宣布成立一个货币委员会，这个货币委员会</t>
  </si>
  <si>
    <t>RIM手机在美市场份额逾五成</t>
  </si>
  <si>
    <t>本报华盛顿电 专业市场调查机构国际数据公司(IDC)8日发布报告说，今年第二季度，黑莓手机制造商RIM公司在美国智能手机市场的占有率超过50%，而其竞争对手苹果和PALM公司的市场份额均有所下降。报告显示，第二季度RIM公司在美国智能手机市场的占有率从前一季度的44.</t>
  </si>
  <si>
    <t>油价未触“警戒线”欧佩克难有大动作</t>
  </si>
  <si>
    <t>石油输出国组织(欧佩克)于当地时间9日晚在维也纳举行部长级会议，讨论国际市场原油供求形势，同时决定新的生产政策。此前，伊朗和委内瑞拉等欧佩克成员国对近期油价大幅下跌表示担忧，呼吁欧佩克减产以避免油价过度下跌。但该组织第一大成员国沙特阿拉伯石油和矿产</t>
  </si>
  <si>
    <t>阿根廷钢铁集团将在墨建厂</t>
  </si>
  <si>
    <t>本报墨西哥城电 墨西哥新莱昂州州长冈萨雷斯8日说，阿根廷特尔尼翁钢铁集团将投资42亿美元在该州首府蒙特雷市新建钢厂，以满足墨西哥和拉美市场对钢材日益增长的需求。冈萨雷斯说，目前墨西哥钢材消耗的1/4依靠进口，而特尔尼翁钢铁集团投资新建的钢厂将填补这一缺</t>
  </si>
  <si>
    <t>我国自主品牌电动轿车首次完成“美式碰撞”</t>
  </si>
  <si>
    <t>本报哈尔滨电 由哈尔滨哈飞汽车工业集团有限公司参与研发的“哈飞赛豹”纯电动轿车，日前成功完成了符合美国高速公路安全保险协会标准的正面40%偏置碰撞测试。据悉，这是我国自主品牌纯电动轿车首次完成美国标准的碰撞测试。经专业人士检验，碰撞测试后模拟人头部?</t>
  </si>
  <si>
    <t>白宫：接管“两房”是必要行动</t>
  </si>
  <si>
    <t>美国政府发言人佩里诺8日表示，美国政府接管美国两家最大的住房抵押贷款融资机构——房利美和房地美是必要行动。佩里诺说，由于这两家机构对住房市场有着非常巨大的影响，也考虑到其商业操作行为，政府向来强调它们可能导致系统性风险，“多年来”一直要求国会建立</t>
  </si>
  <si>
    <t>东北亚：亟待多边合作  破解能源困局</t>
  </si>
  <si>
    <t>东北亚是近年来世界上经济发展最具活力的地区之一，经济的快速发展也引起能源需求量的增加，东北亚地区特别是中日韩三国成为能源消耗大国，对能源进口依赖程度日益加深。在第四届东北亚博览会上，东北亚能源安全和未来发展前景成为备受关注的话题。专家认为，在当今能源日益?</t>
  </si>
  <si>
    <t>A股独跌  警惕市场“诱空风险”</t>
  </si>
  <si>
    <t>9月8日，在美国政府启动史上最大救市行动的刺激下，亚洲区股市多数给出正面回应，周边股市出现大涨，日经、恒指涨幅都超过了3%。相比之下，A股市场却未对内外利好予以太多理会，两市跌幅均超过2.5%，成为全球股市一道独特的“风景”。</t>
  </si>
  <si>
    <t>伊朗石油部长:国际市场石油供给过剩</t>
  </si>
  <si>
    <t>本报维也纳电 伊朗石油部长诺扎里8日称，国际石油市场上原油供应明显过剩，石油输出国组织(欧佩克)正在权衡供求关系，以决定是否减产。诺扎里是在此间出席欧佩克定于9月9日在维也纳举行的部长级会议前夕作上述表示的。欧佩克将在此次部长级会议上讨论国际市场原油?</t>
  </si>
  <si>
    <t>华裔在美国商界“长袖善舞”</t>
  </si>
  <si>
    <t>在上周召开的美国少数族裔企业高峰会上，华裔企业家的精明能干、华裔企业的蓬勃发展，受到与会各界的高度关注。而作为一个得天独厚的条件——中国经济的快速发展，中美经贸关系的不断深化，更为熟谙两国国情的华裔企业家提供了广阔的发展空间。华裔在美国商界可谓?</t>
  </si>
  <si>
    <t>国际油价大跌  能源板块“苦”中有“乐”</t>
  </si>
  <si>
    <t>此前袭击美国的飓风古斯塔夫，并未能阻止国际油价下跌的脚步，目前纽约市场10月份期货价已经击穿每桶110美元，与今年7月份最高每桶147美元相比，下跌了30多美元，跌幅超过了25%。国际油价的持续下跌，对全球缓解通货膨胀压力是个好消息，但同时也令投资者对于经济?</t>
  </si>
  <si>
    <t>欧佩克既想挺油价  又怕背恶名</t>
  </si>
  <si>
    <t>美国《纽约时报》5日发表文章说，随着油价回落，石油输出国组织(欧佩克)正考虑减产以支撑油价。而沙特近日启动的石油增产计划则遭到欧佩克很多成员国的反对。欧佩克选择非正式减产文章指出，国际原油价格近7周之内下跌了1/3，而且大有跌破每桶100美元心理大?</t>
  </si>
  <si>
    <t>欧元区经济已触底明年将复苏</t>
  </si>
  <si>
    <t>本报罗马电 欧洲央行行长特里谢6日说，欧元区经济已经触底，预计明年将开始逐步复苏。特里谢当天在意大利科莫湖出席一个经济论坛，他在会议期间接受意大利电视台采访时说：“按照我们刚刚公布的统计，欧元区经济在今年第二和第三季度已触底。”据欧盟统?</t>
  </si>
  <si>
    <t>侯德榜：“侯氏制碱法”的创造者</t>
  </si>
  <si>
    <t>摘要：侯德榜，我国重化学工业的开拓者。他于上世纪20年代突破氨碱法制碱技术的奥秘，主持建成亚洲第一座纯碱厂；30年代领导建成了我国第一座兼产合成氨、硝酸、硫酸和硫酸铵的联合企业；四五十年代又发明了连续生产纯碱与氯化铵的联合制碱新工艺，以及碳化法合成氨流程制碳?</t>
  </si>
  <si>
    <t>两种消费观的“PK”</t>
  </si>
  <si>
    <t>吵吵了一年多的美国次贷危机，最近又因不少地方银行相继倒闭重新引起人们的关注，真是成也萧何，败也萧何，原想在卖房子上大发一笔的银行家们，不料最终却栽在房子上。美国银行因房地产而倒闭，让人想起一个曾经在我们这边广为流传、与买房子有关的故事，大意是说?</t>
  </si>
  <si>
    <t>规范收费公路应重在公共性质的回归</t>
  </si>
  <si>
    <t>昨天，交通运输部联合国家发改委、财政部共同颁布《收费公路权益转让办法》，标志着冻结了两年之久的收费公路权益转让将重新开启。(9月4日《京华时报》)提起公路，让人心情很复杂。从这个词的含义看，它姓“公”，应当是政府提供的公共产品。传统意义上，政府提供?</t>
  </si>
  <si>
    <t>美国将按需投放战略石油储备</t>
  </si>
  <si>
    <t>本报华盛顿电 美国总统布什3日说，只要受到“古斯塔夫”飓风影响的公司提出申请，美国政府将继续投放战略石油储备。正在南部飓风灾区视察的布什当天说，已有公司申请使用战略石油储备，美国政府也已批准了上述申请。根据美国能源部提供的资料，提出申请?</t>
  </si>
  <si>
    <t>思路比资源更重要</t>
  </si>
  <si>
    <t>近有两件事使笔者感慨颇深：一是原产于我国的名贵中药材杜仲，日本在10年前才开始种植，而今已将我国弃而不用的杜仲树叶开发加工成“杜仲茶”，由于这种茶具有利尿等多种保健功能，时下已成为日本市场上最受欢迎的茶饮料。日本一家生物工程公司，每年仅杜仲茶一项就获销售收?</t>
  </si>
  <si>
    <t>全球最先进核电技术落户中国三问</t>
  </si>
  <si>
    <t>去年3月，随着中美间两份重要协议《核岛供货合同框架协议》和《技术转让合同的框架协议》的签署，美国西屋公司和绍尔公司组成的西屋联合体在我国的第三代核电招标中正式中标，AP1000成为三代核电自主化依托项目所选择的技术路线，世界上最</t>
  </si>
  <si>
    <t>福田辞职或影响日本经济政策延续性</t>
  </si>
  <si>
    <t>本报东京电 日本首相福田康夫9月1日宣布辞职。分析人士认为，在目前日本经济不景气的情况下，首相的频繁更替有可能影响日本经济政策的延续性，这将成为日本经济新的不确定因素。分析人士认为，不管由谁来继任首相组阁，新内阁都可能迫于解散众议院进行大选的压力，</t>
  </si>
  <si>
    <t>通胀失控将导致全球经济“硬着陆”</t>
  </si>
  <si>
    <t>本报布宜诺斯艾利斯电  美国纽约联邦储备银行执行副行长特伦斯·切克奇2日警告说，如果世界主要经济体无法遏制通货膨胀上涨的势头，全球经济出现“硬着陆”的风险将大大增加。切克奇在此间出席关于全球金融局势和经济发展前景的研讨会时发表讲话说，美联储的经济学</t>
  </si>
  <si>
    <t>飓风考验美国应对灾害能力</t>
  </si>
  <si>
    <t>“古斯塔夫”飓风1日登陆墨西哥湾沿岸的美国路易斯安那州，美国联邦政府的灾难应急能力自3年前的“卡特里娜”飓风后再次面临重大考验。“卡特里娜”飓风为美国政府带来了深刻教训。这次，为防止灾难重演，美国总统布什根据美国国家飓风中心预报的“古斯塔夫”飓风?</t>
  </si>
  <si>
    <t>我国禽肉产品“破垒”返欧</t>
  </si>
  <si>
    <t>欧盟日前决定恢复对中国熟制禽肉产品的进口，包括诸城外贸、青岛九联在内的九家山东企业获准向欧盟出口熟制禽肉产品，获准对欧出口的中国工厂名单于9月2日生效。这标志着停止了六年的中国禽肉产品突破欧盟技术壁垒重返欧盟市场。记者采访了解到，近年来山东禽肉出?</t>
  </si>
  <si>
    <t>OECD调整主要发达国家经济增长率</t>
  </si>
  <si>
    <t>本报巴黎电 总部设在巴黎的经济合作与发展组织(OECD)2日公布了主要发达国家的经济增长预期，除调高美国的经济增长率之外，欧洲和日本的经济增长率均被调低。其中，美国今年的经济增长率由原来的1.2%调高至1.8%，从而成为主要发达国家中经济增速最快的国家；欧元区?</t>
  </si>
  <si>
    <t>美次贷危机三大教训应引以为戒</t>
  </si>
  <si>
    <t>自上世纪80年代“里根革命”(Reagan Revolution)以来，美国政府一直朝减少市场干预的方向发展。但愈演愈烈的美国次贷危机，却迫使美国政府出重手救市，其刚实施的住房援助法案，某种程度上更是一种“准国有化”行为。美国一些经济学家批评说，布什政府现在的做法，</t>
  </si>
  <si>
    <t>美海岸沿线地区全面警戒迎战飓风</t>
  </si>
  <si>
    <t>袭击墨西哥湾的飓风“古斯塔夫”于当地时间9月1日早登陆美国，美国石油产业的损失备受关注，而其他行业也岌岌可危。其中，新奥尔良的支柱产业如旅游、船运和产糖业都受到巨大威胁，可能出现数十亿美元经济损失。美国总统布什已提前宣布路易斯安那、得克萨斯、密西?</t>
  </si>
  <si>
    <t>G20会议讨论全球经济问题</t>
  </si>
  <si>
    <t>本报里约热内卢电 20国集团(G20)官员8月31日在巴西里约热内卢举行闭门会议，讨论全球经济减速和通胀压力上升等问题。当天来自20国集团成员国经济部部门和央行的官员参加了这一闭门会，会议不对媒体开放。会后一位匿名官员表示，会议主要讨论了如何应对全</t>
  </si>
  <si>
    <t>英国房价创7年来最大同比跌幅</t>
  </si>
  <si>
    <t>本报伦敦电 据彭博社9月1日报道，总部设在伦敦的房地产研究机构Hometrack发表最新报告说，由于国内经济增长停滞，8月份英国平均房价再度下滑，同比跌幅为7年来最高水平。报告说，8月份英格兰和威尔士地区平均房价跌至每套16.7万英镑(约合30.5万美元)，比去年同期下</t>
  </si>
  <si>
    <t>墨西哥湾停产将推升油价</t>
  </si>
  <si>
    <t>已升级为四级飓风的“古斯塔夫”正向美国石油和天然气重要产区墨西哥湾逼近，预计会在当地时间9月1日晚或2日登陆美国。截至8月30日中午，墨西哥湾地区3／4以上的离岸油气平台已经暂停。    据悉，暂停海上油气生产、撤回设施和人员的企</t>
  </si>
  <si>
    <t>日企全力抢占太阳能电池市场</t>
  </si>
  <si>
    <t>在全球能源资源价格飙升和温室气体减排压力不断增大的形势下，作为可再生能源的太阳能电池市场需求将进一步增加。为此，日本企业纷纷提高太阳能电池产量、扩大出口能力，与欧洲企业展开竞争，以期重新夺回在全球太阳能市场的霸主地位。目前，全球太阳能电池生产企?</t>
  </si>
  <si>
    <t>日美将联手监控期货投机资金</t>
  </si>
  <si>
    <t>本报东京电 据《日本经济新闻》电子版28日报道，日本经济产业省将加强与美国商品期货交易委员会的合作，共同监控商品期货市场的投机资金流入情况。报道说，今年9月份，经济产业省将与美国商品期货交易委员会交换备忘录，在监控商品期货市场投机资金的流入方面实现?</t>
  </si>
  <si>
    <t>新一轮联合国气候变化谈判“破冰”</t>
  </si>
  <si>
    <t>新一轮联合国气候变化谈判27日在加纳首都阿克拉闭幕。会议在一些关键问题上取得重要进展，这增强了各方在2009年年底联合国气候变化大会上达成协议的信心。本次会议旨在为2009年年底的哥本哈根联合国气候变化大会拟订基础文件。哥本哈根会议将就2012年后应对气候变?</t>
  </si>
  <si>
    <t>美国经济第二季度增长3.3%</t>
  </si>
  <si>
    <t>本报华盛顿电 美国商务部28日公布的初步修正数据显示，今年第二季度美国经济按年率计算增长了3.3%，增速快于原来估计的1.9%，也大大高于今年第一季度0.9%的增速。这是美国经济自去年第三季度以来的最好表现。受次贷危机影响，美国经济去年第四季度出现了0.2%的负增</t>
  </si>
  <si>
    <t>加拿大拟大规模测绘北极意在气资源</t>
  </si>
  <si>
    <t>加拿大总理斯蒂芬·哈珀26日说，将发起大型北极测绘项目，为开发这一地区能源做准备。哈珀定于当天率内阁成员访问北部地区，发表有关国家安全的声明。5年投资1亿美元根据这一项目，加政府计划5年内投资1亿美元，绘制加拿大北部能源和矿藏地图。?</t>
  </si>
  <si>
    <t>海合会成员国慎对转基因食品</t>
  </si>
  <si>
    <t>本报阿布扎比电 据阿拉伯联合酋长国《海湾新闻报》27日报道，日前在阿联酋首都阿布扎比出席海湾合作委员会(海合会)成员国磋商会议的官员说，海合会成员国将通过立法控制转基因食品进口。报道说，海合会成员国的代表和阿联酋食品专家在会上讨论了控制转基因食品进口</t>
  </si>
  <si>
    <t>阿根廷总统重申经济风险可控</t>
  </si>
  <si>
    <t>本报布宜诺斯艾利斯电 阿根廷总统克里斯蒂娜26日强烈批评西班牙中央银行对阿根廷经济的负面评估报告，并重申阿根廷经济稳步增长，风险完全在可控范围内，阿政府将继续目前的经济发展模式。西班牙央行日前在一份评估报告中认为，阿根廷发展模式存在巨大隐忧，经济“</t>
  </si>
  <si>
    <t>二季度更多美国银行陷入困境</t>
  </si>
  <si>
    <t>本报华盛顿电 美国联邦储蓄保险公司26日公布的数据显示，今年第二季度，在美国大约8500家银行中，有117家银行出现在“问题银行”名单上，远高于第一季度的90家，创2003年年中以来的最高纪录。数据还显示，今年第二季度，全美银行盈利仅为50亿美元，比去年同期的368</t>
  </si>
  <si>
    <t>飞檐走壁成时尚  “跑酷”族在行动</t>
  </si>
  <si>
    <t>有人把城市的水泥丛林比喻成“死亡坟墓”，因为它限制了人类活动。现如今，许多国家的城市中活跃着这么一群飞檐走壁的“健儿”，他们把整个城市视为游乐场：时而像轻功高手，从两层楼高的建筑物上潇洒地跳到地面上；时而如同蜘蛛侠，手脚“吸”在墙壁上向上爬；时而又好似忍?</t>
  </si>
  <si>
    <t>听,奥运转播背后的中国脚步声</t>
  </si>
  <si>
    <t>1984年，中央电视台第一次转播美国洛杉矶奥运会。因为价格昂贵，亚洲很多国家和地区一起出钱购买了奥运会转播权，香港TVB出钱最多，所以，很多国家和地区电视台都不去洛杉矶，而到香港TVB电视台制作节目。中央电视台共6个人去了香港，在香港电视台里看着电视画面解说开幕式。</t>
  </si>
  <si>
    <t>德国个税八成来自高收入人群</t>
  </si>
  <si>
    <t>本报法兰克福电 德国联邦统计局25日公布的数据显示，约占德国纳税人总人数1/4的高收入人群缴纳了德国将近80%的个人所得税。数据显示，2004年德国约3500万名个人所得税缴纳者共缴纳个人所得税约1810亿欧元。其中，年收入超过3.75万欧元的高收入人群当年缴纳的个人所</t>
  </si>
  <si>
    <t>卢永军：乡镇企业转型发展应贴近“三农”</t>
  </si>
  <si>
    <t>本报哈尔滨电(记者程子龙) 农业部乡镇企业局副局长卢永军日前在总结我国乡镇企业30年的发展时表示，我国乡镇企业在新形势下应从转型发展、贴近“三农”和集聚发展三个方面做足文章。卢永军说，我国乡镇企业首先应坚持转型发展，优化产业结构。乡镇企业要加快转型调</t>
  </si>
  <si>
    <t>委与墨西哥水泥公司重启谈判</t>
  </si>
  <si>
    <t>本报加拉加斯电 委内瑞拉政府和墨西哥水泥公司于25日重新开始国有化谈判。委内瑞拉副总统卡里萨莱斯说，当天的谈判涉及接管和过渡问题，听证会后将讨论水泥厂的估值。卡里萨莱斯表示，政府希望与墨西哥水泥公司达成协议。墨西哥水泥公司、法国拉法基水泥</t>
  </si>
  <si>
    <t>韩国起亚推出紧凑型新车</t>
  </si>
  <si>
    <t>本报讯 韩国最大汽车制造商现代汽车公司下属的起亚汽车集团日前推出新款紧凑型Forte轿车，起亚希望借助这款节能车在高油价的背景下拉动销售。据介绍，这款紧凑型Forte轿车最大马力为124，是起亚在2003年11月推出赛拉图后的又一款1.6升的车型。起亚集团计划在未来为</t>
  </si>
  <si>
    <t>菲律宾汽车年销量有望达12.5万辆</t>
  </si>
  <si>
    <t>本报马尼拉电 菲律宾汽车制造商理事会会长伊丽莎白·李日前说，尽管油价上涨对欧美汽车销售市场产生重大冲击，但菲律宾的汽车销售量却仍在稳步增长，今年有望实现12.5万辆的销售目标。根据菲律宾汽车制造商理事会提供的数据，今年1至7月，菲律宾汽车销售量达73290?</t>
  </si>
  <si>
    <t>美国住房市场尚未见底</t>
  </si>
  <si>
    <t>美国全国房地产经纪人协会25日公布了占美国住房销售总量80%以上的旧房销售量的相关数据。数据显示，美国旧房销售量7月份比6月份增加3.1%，超过市场预期。但分析人士认为，美国住房市场仍未见底，住房价格还将继续下跌。首先，虽然7月份旧房销售量比6月份有所增加，</t>
  </si>
  <si>
    <t>美国经济前景仍不明朗</t>
  </si>
  <si>
    <t>本报纽约电 据美联社25日报道，次贷危机爆发以来，美国经济大幅减速，经济前景迷雾重重。目前经济学家们对美国经济前景的判断可以用四个字母的形状来形容：U、V、W、L。U型表示经济将缓慢减速，到达底部后逐步上升，美国1990年至1991年经济衰退即呈现此种特征。V型</t>
  </si>
  <si>
    <t>德国宝马提高在美汽车售价</t>
  </si>
  <si>
    <t>本报柏林电 德国豪华汽车制造商宝马汽车公司日前宣布，由于原材料成本上涨，在美国销售的宝马汽车将提价2.1%。宝马公司当天在公司网页上发布声明称，从10月起在美国销售的宝马汽车将提价2.1%。提价的原因主要是钢材价格上涨，以及欧元对美元升值。到今年7月为止，?</t>
  </si>
  <si>
    <t>辽阳石化：一个CDM项目的中国样本</t>
  </si>
  <si>
    <t>作为中国石油集团公司首个CDM项目，辽阳石化公司氧化二氮减排CDM项目日前接到《联合国气候变化框架公约》秘书处通知，该项目已通过《联合国气候变化框架公约》CDM执行理事会公示，首批99.4803万吨碳指标获准交易。中国作为全球CDM项目的重要市场，目前已有200多个C</t>
  </si>
  <si>
    <t>荷兰旅游业整合资源吸引中国客</t>
  </si>
  <si>
    <t>本报讯 荷兰旅游会议促进局执行主管约斯·范弗兰肯23日在北京举行的荷兰喜力之家旅游、体育以及投资推介活动上表示，荷兰旅游业将整合更多旅游资源，以吸引中国游客。约斯表示，荷兰旅游部门及相关私营企业即将在航班承载能力、宾馆接待、旅游线路设计、签证便利程</t>
  </si>
  <si>
    <t>美国人“隔岸”欣赏北京奥运</t>
  </si>
  <si>
    <t>北京奥运会辉煌闭幕。两个多星期的盛会，让世界目光聚焦北京、聚焦中国。身处海外，采访、闲聊中，也都自然离不开奥运话题。在某种程度上，奥运呈现了一个全新的中国，也改变了许多外国人对中国的理解。从下述三个生活片断，或许可见一斑。话题一：转播模式8</t>
  </si>
  <si>
    <t>世界经济格局正发生深刻变化</t>
  </si>
  <si>
    <t>受美国次贷危机冲击，目前发达经济体经济增长速度明显放缓。与此同时，新兴市场经济体表现出较好的抵御外部冲击能力，成为推动世界经济增长的重要力量。一些美国经济学家认为，随着新兴市场经济体的崛起，世界经济格局正在发生深刻变化。美国经济战略研究所所长克?</t>
  </si>
  <si>
    <t>中国旅游业借力“奥运”加快发展</t>
  </si>
  <si>
    <t>“场馆、道路、美食和中国文化……北京带给我的惊喜太多了。我回国后一定邀请我的朋友再来北京旅游。”作为法国击剑队的教练的夫人，朱莉去过很多奥运承办城市，但谈起北京，他的语调依然充满着激动和向往。    打破多项世界纪录的“鸟巢?</t>
  </si>
  <si>
    <t>山东煤矿开采难度加大</t>
  </si>
  <si>
    <t>本报济南电 受煤层埋藏地质条件限制，山东省内煤炭开采难度近年越来越大，一些矿井开采井深超过千米。据山东省煤炭工业局局长卜昌森近日介绍，位于泰山脚下的新汶矿业集团一处矿井深度达到1350米，排出的矿坑水烫脚，是迄今为止亚洲最深的矿井。卜昌森说，目前在澳</t>
  </si>
  <si>
    <t>诺奖得主魅力感染中国经济学人</t>
  </si>
  <si>
    <t>德国林道第三届诺贝尔经济学奖获得者大会23日结束，四天的经历让来自58个国家和地区的299名年轻经济学子获益匪浅，这其中包括了27名中国的经济学人。四天里他们聆听大师们的学术报告、参与分组交流讨论，与大师共进晚餐。斯蒂格利茨、纳什、蒙代尔等这些可以在教科</t>
  </si>
  <si>
    <t>越南通胀率达17年来最高</t>
  </si>
  <si>
    <t>本报讯 据美联社报道，越南政府25日公布的数字显示，越南8月份通货膨胀率达到28.3%，创17年来最高纪录。推动通货膨胀率上升的主要原因是食品、运输、住房和建材价格飙升。与去年同期相比，8月份越南食品价格上涨44.15%，住房和建材价格上涨27.4%，运输费用上涨25.6</t>
  </si>
  <si>
    <t>美国民用油价明显回落</t>
  </si>
  <si>
    <t>本报纽约电 美国伦德伯格调查公司24日公布的调查报告显示，随着国际市场原油价格回落，美国汽油平均售价在过去两周内每加仑下跌了15美分。伦德伯格公司在对全美7000个加油站进行调查后发布报告称，美国普通汽油全国平均价格22日降至每加仑3.70美元，中质和优质汽油</t>
  </si>
  <si>
    <t>营销奥运，中国企业得失几何？</t>
  </si>
  <si>
    <t>$F编者按$E    $T奥运闭幕，在回味激情、品味欢乐的同时，众多国人都在思索、盘点奥运给中国留下的沉甸甸的财富。这里有令世人惊叹的场馆，有提升城市竞争力的基础设施等等有形资产，更有许多无形财富。本报仅从经济方面入手，盘点?</t>
  </si>
  <si>
    <t>日本合成能将人造氨基酸正确折叠成蛋白质的酶</t>
  </si>
  <si>
    <t>本报东京电(记者钱铮)　日本理化研究所和东京大学日前宣布，两家机构共同合成了能将人造氨基酸正确折叠成蛋白质的融合酶。这项成果将可能带来多种拥有新功能的蛋白质，贡献于生物技术、医药等行业。    上述两家机构共同发表新闻公报说，?</t>
  </si>
  <si>
    <t>全球半数经济体面临衰退</t>
  </si>
  <si>
    <t>本报伦敦电 据彭博社报道，高盛集团驻伦敦经济专家比尼特·帕特尔近日在给客户的一份报告中称，信贷危机爆发一年来，全球半数经济体正面临经济衰退。这份报告认为，美国、日本、欧元区15国和英国“或已陷入衰退，或将在未来几个月内面临巨大衰退风险”。</t>
  </si>
  <si>
    <t>欧佩克成员国：全球原油供应充足</t>
  </si>
  <si>
    <t>据海湾新闻网最新报道，伊拉克石油部长沙赫里斯塔尼近日说，目前全球的石油供应可能略超过需求。沙赫里斯塔尼说：“目前，石油市场供求相当，甚至供应略多于需求。”不过，他拒绝预测9月份即将举行的石油输出国组织(欧佩克)会议是否会决定减产。他说，减产要首先参</t>
  </si>
  <si>
    <t>普京高度评价俄罗斯经济形势</t>
  </si>
  <si>
    <t>本报莫斯科电 俄罗斯总理普京21日在联邦政府会议上高度评价俄罗斯今年上半年社会经济发展状况，认为俄经济形势总体上“非常不错”。国际文传电讯社援引普京的话说，俄罗斯今年上半年国内生产总值增长8%，投资增长16.9%，工资水平增长13%，居民实际收入增长8.1%，经</t>
  </si>
  <si>
    <t>日本家电商上调白色家电出厂价</t>
  </si>
  <si>
    <t>本报东京电 据《日本经济新闻》网站最新消息，日本各大家电制造商将从本月底开始大规模上调冰箱、洗衣机、空调等白色家电出厂价格。报道称，三菱电机冰箱新品价格最高将上调5%；夏普的洗衣干燥机将涨价一成左右；松下的冰箱、洗衣机和空调的部分产品也将上调出厂价</t>
  </si>
  <si>
    <t>英最大机场运营商或卖机场</t>
  </si>
  <si>
    <t>本报伦敦电 由于涉嫌市场垄断，英国竞争委员会20日要求英国最大机场运营商BAA出售旗下部分机场。英国竞争委员会当天公布的初步调查显示，BAA的机场所有权结构“已给乘客和航空公司带来不良后果”。BAA在英国经营7个机场，其中包括伦敦的希思罗机场、盖特威克机场和</t>
  </si>
  <si>
    <t>“两房”股价重挫亟待白宫伸援手</t>
  </si>
  <si>
    <t>由于市场预计美国两大抵押贷款融资巨头房利美、房地美难以筹集足够资本应对次贷危机损失，美国政府可能对两家公司实施接管，20日两家公司股价继续暴跌，房利美下跌近27%，房地美下跌22%。法新社的文章称，自去年8月美国次贷危机全面爆发以来，“两房”股价跌幅均已超过90%。$</t>
  </si>
  <si>
    <t>日本央行承认日本经济形势“疲软”</t>
  </si>
  <si>
    <t>本报东京电 日本中央银行——日本银行20日发布月度经济评估报告，将其对目前日本经济形势的判断概括为“疲软”，而其上个月的判断为“进一步放缓”。这是日本央行10年来首次对经济形势作出“疲软”的判断。日本央行行长白川方明19日表示，由于石油和原材料成本上升</t>
  </si>
  <si>
    <t>我可再生能源投资显现更大吸引力</t>
  </si>
  <si>
    <t>本报伦敦电 英国《金融时报》19日报道，安永公司新近发表的一份报告指出，在全球可再生能源投资吸引力排名中，中国超过英国排名第四，而英国则从原先的第四跌至第六。安永是根据各国在可再生能源领域的市场和基础设施发展情况进行排名的。它认为，中国风能发电产业</t>
  </si>
  <si>
    <t>委内瑞拉可能建议欧佩克减产</t>
  </si>
  <si>
    <t>本报加拉加斯电(记者尹南　张笑然)　委内瑞拉能源和石油部长拉米雷斯19日说，如果国际油价继续下滑，委内瑞拉将在今年9月份举行的石油输出国组织(欧佩克)会议上提出减产建议。    拉米雷斯说，如果发现油价有下滑的趋势或动力，委内瑞?</t>
  </si>
  <si>
    <t>保尔森：美国从中国经济崛起中受益</t>
  </si>
  <si>
    <t>本报纽约电 美国财政部部长保尔森19日说：“中国经济持续增长对于全球经济增长具有重要意义，对于美国也是有益的。”保尔森19日在一次媒体电话会上对记者说，美国和中国以及国际社会在中国成功融入世界经济的进程中都将受益。在电话会上，保尔森说，中国</t>
  </si>
  <si>
    <t>发展中国家利用废水灌溉农田有利也有弊</t>
  </si>
  <si>
    <t>2008年瑞典斯德哥尔摩“世界水周”论坛于18日开幕。国际水资源管理研究所当日发表的调查报告认为，发展中国家利用废水灌溉农田既有利也有弊。国际水资源管理研究所在报告中指出，研究人员对拉丁美洲、中东、亚洲和非洲53个城市进行调查后认为，利用废水能保证灌溉?</t>
  </si>
  <si>
    <t>一位英国人与中国京剧15年的缘分</t>
  </si>
  <si>
    <t>8月12日，在北京著名的湖广会馆大戏楼，观众们欣赏到了一段短暂但又不同寻常的猴戏表演。演出的主角不是中国某位京剧名角，而是一位来自英国的47岁男子。    他叫格法，来中国15年，学习中国京剧15年，现在是北京京剧院一名正式演</t>
  </si>
  <si>
    <t>美国向WTO投诉欧盟对高技术产品征税</t>
  </si>
  <si>
    <t>本报华盛顿电 美国政府18日宣布，由于此前和欧盟就部分高技术产品关税问题的磋商无法达成协议，美国已于当天要求世界贸易组织(WTO)成立专家小组就这一问题进行裁决。美国贸易代表施瓦布当天表示，欧盟对电脑显示器、机顶盒和多功能复印机等高技术产品征税违背了世?</t>
  </si>
  <si>
    <t>日本央行维持现行利率不变</t>
  </si>
  <si>
    <t>本报东京电 日本中央银行——日本银行19日宣布，继续将银行间无担保隔夜拆借利率维持在0.5%的水平不变。日本央行在当天举行的金融政策决策会议后发表声明说，国际金融市场动荡、美国及全球经济下滑、日本居民消费需求不振和物价可能继续上涨仍是日本经济面临的主要</t>
  </si>
  <si>
    <t>天气异常造成法国部分水果价格飙升</t>
  </si>
  <si>
    <t>本报巴黎电 由于天气异常，法国杏、桃等部分水果今年大幅减产，进而导致水果价格飙升。法国农业部18日公布的一份评估报告显示，今年法国杏的产量预计为8.5万吨，比去年减产近1/3，比2003年至2007年的平均收成减少45%。桃的产量预计为28.6吨，比去年低21%，比过去5?</t>
  </si>
  <si>
    <t>英国房价遭遇6年来最大跌幅</t>
  </si>
  <si>
    <t>本报伦敦电 英国最大房产网站Rightmove 18日发布的房价调查报告显示，英格兰和威尔士地区8月份的房屋要价同比下降4.8%，为2002年8月开始编撰该数据以来最大跌幅。英国8月份平均房屋要价为每套22.98万英镑(约合42.69万美元)，月环比下跌2.3%，创去年12月以来最高月?</t>
  </si>
  <si>
    <t>西门子在阿根廷涉嫌行贿遭查</t>
  </si>
  <si>
    <t>本报柏林电 据德国媒体报道，阿根廷政府15日突击搜查了德国西门子公司在布宜诺斯艾利斯的办公室，以调查西门子在上世纪90年代阿根廷梅内姆政府期间的行贿行为。报道称，根据法庭文件，西门子涉嫌向阿前总统梅内姆直接行贿1600万美元，而包括对其他官员在内的行贿总</t>
  </si>
  <si>
    <t>德国电信拟精简呼叫中心业务</t>
  </si>
  <si>
    <t>本报柏林电 据最新一期德国《焦点》周刊报道，欧洲最大电信运营商德国电信计划将其在德国国内的呼叫中心减少一半。报道称，德国电信首席执行官莱尼·奥伯曼已经向有关人员告知了即将实施的裁员计划。预计该公司将于21日发表相关声明。据悉，德国电信希望</t>
  </si>
  <si>
    <t>雷曼兄弟本财季或“转盈为亏”</t>
  </si>
  <si>
    <t>本报纽约电 美国《华尔街日报》17日援引分析师的预测报道说，华尔街投行雷曼兄弟公司本财年第三季度(至8月底结束)将亏损至少18亿美元，而原先预期为略有盈利。报道透露，雷曼兄弟正考虑在本月提前发布第三财季业绩报告。该公司通常在9月中旬发布这一报告。</t>
  </si>
  <si>
    <t>市场动荡冲击日本人正常生活</t>
  </si>
  <si>
    <t>去年夏季爆发的美国次贷危机引发了全球性金融市场动荡，并导致石油、矿产、粮食等价格暴涨，这给能源资源匮乏、食品自给率低、经济对外依存度高的日本带来了巨大冲击，日本老百姓今夏的生活也因此受到影响。日本内阁府本月13日公布数据说，扣除价格变动因素，今年?</t>
  </si>
  <si>
    <t>欧佩克油价上周跌破110美元</t>
  </si>
  <si>
    <t>本报维也纳电 石油输出国组织(欧佩克)秘书处18日公布的数据显示，上周欧佩克市场监督原油一揽子平均价为每桶109.73美元，比前一周下跌了6.16美元，为欧佩克平均油价连续第6周下滑。数据显示，上周欧佩克平均油价比今年7月第一周创下的每桶138.31美元的欧佩克油价</t>
  </si>
  <si>
    <t>宽进严出：泰国拒绝再吃“热钱”的亏</t>
  </si>
  <si>
    <t>最近一年来，泰国股市只要出现较大波动或者跨境资本比例突然提升，一些本地金融家就会敦促中央银行或投资促进委员会介入调查，生怕“热钱”搅乱市场。这是1997年金融风暴给泰国金融界带来的后遗症，同时也体现了泰国金融界的危机防范意识大为增强。1997年金融危机?</t>
  </si>
  <si>
    <t>法国：“热钱”难寻投机机会</t>
  </si>
  <si>
    <t>法国近年来一直鼓励外资进入法国市场，仅有一些具有战略意义的行业和龙头性质的企业在吸引外资时受到限制。但是，由于外资主要是直接投资，法国也没有期货交易市场，因此资本的投机机会不多，导致“热钱”在法国难以立足。有关数据显示，进入法国的外国资本绝大部?</t>
  </si>
  <si>
    <t>冯如：我国首位飞机制造家和飞行家</t>
  </si>
  <si>
    <t>提要：1909年9月22日，在美国旧金山奥克兰机场上空，中国第一个飞机制造家、飞行家冯如驾驶着自制的飞机飞上了蓝天。这是继1903年美国人威尔伯·莱特和奥维尔·莱特兄弟成功地进行了人类首次机械飞行后的又一次创举。它向世人宣告：中国人的智慧和才能绝不在其他民族之下，西</t>
  </si>
  <si>
    <t>沃尔玛明年向巴西投资10亿美元</t>
  </si>
  <si>
    <t>本报巴西利亚电 沃尔玛集团巴西地区负责人埃克多·努涅斯13日在巴西利亚宣布，2009年该集团在巴西的投资将达到18亿雷亚尔(约合10.6亿美元)。努涅斯是在与巴西总统卢拉会面时宣布这一决定的。努涅斯说，沃尔玛集团在2009年计划在巴西新开80至90家店铺，创造就业机会</t>
  </si>
  <si>
    <t>救灾物资回收有了制度保障</t>
  </si>
  <si>
    <t>为了加强救灾物资管理，提高救灾物资的回收水平和使用效率，防止救灾物资的浪费，日前，民政部根据国家现行有关政策规定制定出台《救灾物资回收管理暂行办法》(以下简称《办法》)，对救灾物资的回收管理和利用作出详细规定。(8月12日中新网)     应当看到，《办法》出?</t>
  </si>
  <si>
    <t>通用汽车债券评级又遭下调</t>
  </si>
  <si>
    <t>本报纽约电　国际权威信用评级机构穆迪公司13日宣布，考虑到在美国本土销量持续下跌对现金流产生的负面影响，该公司决定将通用汽车公司的债券评级下调至垃圾级。    穆迪宣布将通用汽车的债券评级从“B3”降至“Caal”，下调后的?</t>
  </si>
  <si>
    <t>美石油需求量日均减80万桶</t>
  </si>
  <si>
    <t>本报华盛顿电 美国能源部本周早些时候公布的数据显示，由于驾驶里程减少，今年上半年，美国石油总需求量平均每天减少80万桶，是近26年来的最大降幅。美国运输部13日说，由于油价上涨，美国人6月驾车里程比去年同期减少122亿英里(约合196亿公里)。运输部?</t>
  </si>
  <si>
    <t>银行业振兴还须靠自己</t>
  </si>
  <si>
    <t>看了贵报7月11日登的叶建平写的“‘贱卖’其实是一味苦药”深有感触！7月13日《参考消息》第4版登的《亚洲时报在线》“中国成为外国银行盈利‘新引擎’”！又联想到美国宾厄姆顿大学教授詹姆斯·彼得拉斯写的“中国：高增长率与自由化的高风险，惟一选择？”(见2007年10月5日</t>
  </si>
  <si>
    <t>全球小麦产量将创新纪录</t>
  </si>
  <si>
    <t>本报芝加哥电 美国农业部12日发布农产品月度供需报告预测，2008/09年度全球小麦产量将达到创纪录的6.708亿吨，比上年度增加6020万吨，较上月预测值上调了650万吨。报告对欧盟、印度、俄罗斯、乌克兰和美国的小麦产量预测均有所上调。其中，对欧盟产量预测比上月预?</t>
  </si>
  <si>
    <t>日本经济或正面临衰退风险</t>
  </si>
  <si>
    <t>本报东京电 日本内阁府13日公布的初步统计数据显示，去除物价变动因素，今年第二季度日本国内生产总值比第一季度下降0.6%，按年率计算下降了2.4%。这是日本经济去年第二季度以来再次出现负增长。数据显示，今年第二季度，日本出口比上季度减少2.3%，个人消费下降0.</t>
  </si>
  <si>
    <t>BP因格俄冲突关闭油气管道</t>
  </si>
  <si>
    <t>本报伦敦电 由于格鲁吉亚和俄罗斯爆发军事冲突，英国石油公司(BP)12日关闭了两条途经格鲁吉亚的原油和天然气管道。BP称，这两条管道并没有因军事冲突而遭受破坏，关闭管道是出于安全考虑。关闭的第一条管道是西线出口原油管道，总长830公里，输油能力为每天15.5万?</t>
  </si>
  <si>
    <t>国际金融市场不会很快回稳</t>
  </si>
  <si>
    <t>本报法兰克福电 欧洲央行管理委员会成员、德国央行行长阿克塞尔·韦伯12日表示，由于金融动荡的源头美国房地产市场仍在调整，金融市场不会很快回稳。韦伯预测，美国房地产市场可能要到明年才会见底，危机有可能从房贷向学生贷款等其他信贷领域扩散。韦伯还表示，由</t>
  </si>
  <si>
    <t>万国邮联通过邮政发展新战略</t>
  </si>
  <si>
    <t>本报日内瓦电 第24届万国邮政联盟大会12日在瑞士日内瓦闭幕，大会通过了新的世界邮政发展战略。万国邮联国际局总局长爱德华·达扬说，新通过的世界邮政发展战略包括4个目标：促进世界邮政服务现代化，促进邮政领域改革，改善邮政服务，加强邮政安全。本?</t>
  </si>
  <si>
    <t>英国正式恢复向我出口畜产品</t>
  </si>
  <si>
    <t>本报伦敦电 英国环境、食品和乡村事务部12日宣布，英国已经正式恢复向中国出口牲畜以及畜产品。该政府机构说，中国方面已经解除了英国向中国出口牲畜和畜产品的禁令，凡去年7月7日至今年8月7日期间外生产并获得出口许可证的相关产品，都可以向中国出口。</t>
  </si>
  <si>
    <t>慕尼黑再保险或继续减记资产</t>
  </si>
  <si>
    <t>本报法兰克福电 世界第二大再保险公司德国慕尼黑再保险12日表示，截至6月底，公司证券类资产未实现损失达27亿欧元，显示公司下半年仍有较大可能继续减记资产。据当地媒体报道，今年上半年股票市场表现不佳是公司投资收益大幅下降的主要原因。慕尼黑再保险是世界最?</t>
  </si>
  <si>
    <t>国际油价连跌不止  初级产品受累显“熊”</t>
  </si>
  <si>
    <t>国际原油期货价格11日延续近期颓势，盘中创下14周以来最低纪录。同样受全球经济下滑及需求预期降低等悲观因素影响，黄金、大豆等初级产品期货价格震荡走低，多数已经跌入“熊市”。“利好”难改颓势11日开盘后，国际油价一度因格鲁吉亚与俄罗斯在南奥塞梯问?</t>
  </si>
  <si>
    <t>法首家旅游专属拼车网站面世</t>
  </si>
  <si>
    <t>本报巴黎电 法国首家旅游专属拼车网站11日正式面世。据该网站管理公司“旅游革命”发布的公告，这一拼车网站只面向广大旅游爱好者，希望可以通过网络帮助广大“旅友”实现更加廉价的旅程。谈起之所以会创办这样的拼车网站，“旅游革命”公司市场开发部负责人说：“</t>
  </si>
  <si>
    <t>坦桑尼亚部分机动车将“油改气”</t>
  </si>
  <si>
    <t>本报达累斯萨拉姆电 坦桑尼亚国家石油发展公司日前透露，从明年2月起，行驶在坦桑尼亚最大城市达累斯萨拉姆的部分机动车将以天然气为能源，替代汽油或柴油。据当地媒体报道，该公司执行总裁尤纳·基拉哈内说，公司正在达累斯萨拉姆的闹市区和高档住宅区安装2个天然</t>
  </si>
  <si>
    <t>三菱日联欲购美UNBC银行</t>
  </si>
  <si>
    <t>本报东京电 据《日本经济新闻》网站最新报道，三菱日联银行集团正在研究收购美国地方银行加利福尼亚联合银行(UNBC)35%的股份，使其成为该集团的全资子公司。三菱日联目前已经持有UNBC约65%的股份，此次的收购方案是通过公开招股方式取得UNBC其余35%的股份。报道说?</t>
  </si>
  <si>
    <t>奔驰拟提高巴西分厂产能</t>
  </si>
  <si>
    <t>本报里约热内卢电 梅塞德斯-奔驰公司11日宣布，计划未来3年在巴西投资15亿雷亚尔(1美元约合1.6亿雷亚尔)，扩大其巴西工厂卡车、大型客车以及汽车零部件的生产能力。据巴西圣保罗州通讯社报道，奔驰公司将对位于巴西圣保罗州圣贝尔纳多-杜坎普的工厂生产线进行扩建?</t>
  </si>
  <si>
    <t>新加坡经济增速跌至5年低点</t>
  </si>
  <si>
    <t>本报新加坡电 新加坡贸易和工业部11日发表声明说，今年第二季度新加坡国内生产总值(GDP)比去年同期增长2.1%，增幅远低于第一季度的6.9%，为5年来最低。不过，这一结果高于新加坡政府7月份预期的1.9%，也好于经济学家预测的2%。新加坡贸工部还预计，今年?</t>
  </si>
  <si>
    <t>美国总统大选：互送绰号攻对手能源政策</t>
  </si>
  <si>
    <t>“不博士”是谁？“口袋先生”又是哪个？提供一点儿暗示，两个人都是美国政坛炙手可热的人物——当中必有一位成为下届美国总统。答案就是奥巴马和麦凯恩。自然，在大选年的如火如荼气氛中，他们的绰号都是对方封的。这都跟他们的能源政策有关?</t>
  </si>
  <si>
    <t>美国IT企业融资难</t>
  </si>
  <si>
    <t>本报纽约电 汤姆森-路透公司公布的最新统计数字显示，由于投资者规避风险，将资金投向更有把握的行业，今年年初以来美国只有3家IT企业进行了首次公开募股(IPO)，筹集资金5.31亿美元。技术类公司曾一度引领美国企业IPO浪潮，但随着网络泡沫破灭，这股热潮趋于平复并</t>
  </si>
  <si>
    <t>日本公布应对通胀的紧急草案</t>
  </si>
  <si>
    <t>本报东京电 据共同社报道，在能源及食品价格高涨推升国内通胀压力的背景下，日本政府11日公布了其应对通胀的紧急经济刺激计划草案。按日本首相福田康夫的话说，该草案的制定“旨在保障国民的生活”，主要内容包括下调高速公路费、向农业和渔业领域从业者发放补贴以</t>
  </si>
  <si>
    <t>美财长称尚无向“两房”注资计划</t>
  </si>
  <si>
    <t>本报华盛顿电 美国财政部长保尔森日前表示，目前尚无向美国两大住房抵押贷款融资机构——房利美和房地美注资的计划。保尔森是在接受美国NBC电视台采访时作出上述表示的。美国国会近日投票表决通过住房援助法案。根据该法案，美国财政部将可向房利美和房地美提供足?</t>
  </si>
  <si>
    <t>中国有望成世界第一大制造国</t>
  </si>
  <si>
    <t>本报伦敦电 据英国《金融时报》11日报道，由于美国经济增长减速，2009年中国有望超过美国成为世界第一大制造国，比原先预期的要提前4年。这是美国权威研究机构GlobalInsight预测的。该机构预计，明年全球制造业的增加值将达11.783万亿美元，中国将占据17%，美国?</t>
  </si>
  <si>
    <t>摩托罗拉在美销售又拔头筹</t>
  </si>
  <si>
    <t>本报讯 根据权威市场研究公司StrategyAnalytics 11日提供的数据，今年第二季度，在美国手机市场的销售大战中，摩托罗拉公司继续夺魁，LG则超过其国内劲敌三星电子而跃居第二。尽管许多分析人士曾预计，摩托罗拉在国内市场的手机销量将被对手们超过，但第二季度该</t>
  </si>
  <si>
    <t>专家认为:回落的油价近期可能反弹</t>
  </si>
  <si>
    <t>科威特石油问题专家拉希德·阿米里10日说，由于中东和中亚地区局势紧张，近期持续回落的国际油价可能出现反弹。阿米里在接受媒体采访时说，近来伊朗核问题的谈判陷入僵局，伊朗多次威胁，如遭遇军事打击，将考虑封锁霍尔木兹海峡，这将刺激油价回升。霍尔木兹海峡?</t>
  </si>
  <si>
    <t>泛北合作正遭受严峻考验</t>
  </si>
  <si>
    <t>$T“泛北合作，已经成为东盟在全球经济放缓的事实面前，寻求另一种保障自身经济得以持续发展的良方。”新加坡国立大学东亚研究所高级研究员仝月婷说。$E    2008泛北部湾经济合作论坛近日在广西北海举行，涉及泛北</t>
  </si>
  <si>
    <t>美国反垄断“六亲不认”</t>
  </si>
  <si>
    <t>世界钢铁生产巨头米塔尔公司去年在美国遭遇了麻烦。美国司法部当时裁定：米塔尔公司在美国同时并购马里兰州和西弗吉尼亚州两大钢铁生产企业，有市场垄断嫌疑，因此米塔尔必须出售其中的一家企业。到手的优质并购资产必须拱手让出，这让米塔尔无奈的裁定，依据的就?</t>
  </si>
  <si>
    <t>日本发明廉价燃料电池催化剂</t>
  </si>
  <si>
    <t>本报东京电 日本九州大学一个研究小组日前开发出一种含镍和钌的新型催化剂，可帮助大幅降低燃料电池的成本。据日本媒体10日报道，燃料电池在“发电”过程中，需要用昂贵的白金作催化剂，从氢元素中分离出电子，这使得燃料电池的成本居高不下。而这种新催化剂的主要</t>
  </si>
  <si>
    <t>法国百年别墅有望成世界最贵私宅</t>
  </si>
  <si>
    <t>本报巴黎电 由于已经签下高达5亿欧元的出售意向，法国南部蓝色海岸地区滨海阿尔卑斯省一幢建于20世纪初的别墅有望成为世界上成交价最高的私人住宅。据法国《尼斯晨报》报道，这幢花园式建筑是比利时国王利奥波德二世于1902年修建的，包括一个面积为8公顷的花园和数</t>
  </si>
  <si>
    <t>日本上市企业面临经常利润下滑局面</t>
  </si>
  <si>
    <t>本报东京电 据《日本经济新闻》网站最新消息，美国经济减速、日元升值、原油及资源价格上涨等因素令日本企业承受的压力越来越大，预计本财年(截至2009年3月)日本上市公司经常利润可能会下降9.2%，超过财年初预计的5.6%的降幅。报道称，如果确如预料，这将是日本上?</t>
  </si>
  <si>
    <t>一掷千金！  各国代表团奥运花费大比拼</t>
  </si>
  <si>
    <t>@@@俄罗斯：@@@    仅房费就达4700万元人民币    从已知的报道消息来看，俄罗斯奥运代表团是参加29届北京夏季奥运会最敢“花”的。奥运期间，他们仅房费一项就要达到4700万人民币，全部费用估计将超过1亿人民币。    俄罗斯奥运代?</t>
  </si>
  <si>
    <t>矿产品价格走高矿业巨头获利</t>
  </si>
  <si>
    <t>本报讯 在对铁矿石和金属需求强劲增长以及矿产品价格走高的推动下，巴西矿业巨擎淡水河谷公司二季度利润大幅增长，另一家国际矿业巨头瑞士斯特拉塔公司上半年收益也好于预期。据路透社6日报道，由于铁矿石价格高涨，巴西淡水河谷公司今年二季度净利润达50.09亿美元</t>
  </si>
  <si>
    <t>欧盟预计今年粮食大丰收</t>
  </si>
  <si>
    <t>本报布鲁塞尔电 欧盟委员会7日预测，得益于适宜的天气条件和耕种面积的增加，欧盟今年粮食生产有望实现大幅增收。据估计，欧盟今年全年粮食总产量将达到3.01亿吨，比去年增产4300万吨，增幅为16%，明显高于过去5年的平均增幅。从单位产量来看，欧盟今年平均每公顷?</t>
  </si>
  <si>
    <t>欧洲央行维持欧元区主导利率不变</t>
  </si>
  <si>
    <t>本报柏林电 由于欧元区经济同时面临通货膨胀压力上升和经济增长速度放慢双重威胁，欧洲中央银行7日在德国法兰克福举行会议后宣布，将欧元区主导利率维持在4.25%不变。今年7月3日，由于欧元区通胀率不断攀升，欧洲央行曾宣布，将欧元区主导利率由4%提高至4.25%。?</t>
  </si>
  <si>
    <t>伦敦投资局在华举办推介活动</t>
  </si>
  <si>
    <t>本报讯 英国官方外国直接投资服务机构——伦敦投资局日前宣布，将于2008年北京奥运会及残奥会期间在华举办一系列推介活动。伦敦投资局将在位于北京什刹海的“伦敦馆”举办4项大型活动。“伦敦馆”由伦敦市市长办公室、伦敦投资局、伦敦发展署及其他机构携手建立。$</t>
  </si>
  <si>
    <t>多重压力“逼”美联储维持利率不变</t>
  </si>
  <si>
    <t>本月5日，美国联邦储备委员会决定，将联邦基金利率(即商业银行间隔夜拆借利率)保持在2%的水平不变。这是继6月25日宣布维持利率不变后，美联储再次作出这一决定。而此前，美联储曾连续7次下调利率，降息幅度共计3.25个百分点。如果说美联储6月份维持利率不变主要是?</t>
  </si>
  <si>
    <t>南非：法治科技并重铸就矿山安全</t>
  </si>
  <si>
    <t>世界著名矿业大国南非上世纪50年代至80年代曾经历过严峻的矿山安全形势，当时每年矿井事故死亡人数都在千人以上。通过长期的严格依法治理安全隐患和大量采用科技手段提高矿山安保水平，如今南非在矿山安全管理、安全设备技术开发、矿井救援、瓦斯抑爆、百万吨死亡率等方面均?</t>
  </si>
  <si>
    <t>全球航空运输业经营遇“寒流”</t>
  </si>
  <si>
    <t>本报巴黎电  随着全球经济增速放缓，多项数据显示全球航空运输业经营活动出现恶化。6月份，全球航空客运量增幅创下5年来新低，货运量则出现负增长。法国《回声报》援引国际航空运输协会的最新数据称，今年6月份全球航空客运量仅比去年同期增加3.8%，货运量则下降0.</t>
  </si>
  <si>
    <t>出口坏账激增  出口企业急需防身法门</t>
  </si>
  <si>
    <t>出口坏账是出口企业的噩梦，今年以来，越来越多的中国出口企业身陷这场噩梦之中，其导火索是2007年下半年爆发的美国次贷危机，而究其根源则在于企业内部管理。提升风险意识和管理，增强自身谈判地位，已成为出口企业的当务之急。次贷危机激增出口坏账“从年?</t>
  </si>
  <si>
    <t>日本粮食自给率13年来首度回升</t>
  </si>
  <si>
    <t>本报东京电 日本农林水产省5日公布的统计数字显示，2007财年(截至今年3月)日本粮食自给率从上财年的39%升至40%，为13年来首次上升。据共同社报道，日本农林水产大臣太田诚一当天召开新闻发布会说：“这是一个令人鼓舞的迹象。我们将在生产和消费两方面付诸努力以确</t>
  </si>
  <si>
    <t>奥巴马呼吁白宫释放战略石油储备</t>
  </si>
  <si>
    <t>本报华盛顿电 美国民主党总统竞选人贝拉克·奥巴马4日在密歇根州兰辛市发表演讲，呼吁美国释放部分战略石油储备以平抑油价，他同时推出了一项旨在降低美国原油进口依赖度的10年规划。奥巴马当天开始了他在密歇根州、俄亥俄州和印第安纳州的“能源和经济”竞选之旅?</t>
  </si>
  <si>
    <t>法国兴业银行二季度盈利大减</t>
  </si>
  <si>
    <t>本报巴黎电 法国第二大银行兴业银行5日发布财报说，由于证券业务出现严重亏损，今年第二季度该行利润额比去年同期大跌63%。财报显示，当季兴业银行实现利润6.44亿欧元(1欧元约合1.56美元)，而去年同期为17.4亿欧元。其中，证券部门第二季度减记资产5.8亿欧元，导致</t>
  </si>
  <si>
    <t>国产公交车首次取得欧盟认证</t>
  </si>
  <si>
    <t>本报杭州电 中国·青年汽车集团生产的两款公交车日前取得了欧盟认证证书，成为首家可进入欧盟市场销售公交车产品的国内汽车企业。总部在浙江金华市的中国·青年汽车集团是中国汽车企业中惟一横跨客车、卡车、轿车领域的民营汽车工业集团。据青年汽车集团市场总监刘</t>
  </si>
  <si>
    <t>火电大省山东遭空前“电荒”</t>
  </si>
  <si>
    <t>“电太紧张了！上周四、周五连续两天全天停电，企业订单因生产不连贯被迫推迟交货。”说起当前的限额用电，山东耶莉娅集团进出口公司总经理贾怀俊多少有些无奈。尽管一些国外客户早已见惯不怪，但他还是担忧如果这种“电荒”局面蔓延下去，会导致大量订单飞到东南亚等其他国?</t>
  </si>
  <si>
    <t>判断经济衰退比预测下任总统还难?</t>
  </si>
  <si>
    <t>判断美国经济是否陷入衰退，可能比预测奥巴马、麦凯恩谁能成为下任美国总统更难。因为经济问题错综复杂，数据往往相互矛盾，再加上许多不可预测的因素夹杂其中，要想作出准确判断，实在不容易。精明老道如格林斯潘者，也在衰退问题上莫衷一是。去年2月，格老语出惊</t>
  </si>
  <si>
    <t>日本政府资助企业海外找矿</t>
  </si>
  <si>
    <t>本报东京电 据《朝日新闻》网站消息，为确保日本国内铁矿石及煤炭等重要资源的稳定供应，经济产业省将通过出资或提供融资等方式支援钢铁企业及综合商社到海外寻找、开发矿藏。报道称，在矿产方面，目前日本政府已经通过石油天然气和金属矿物资源机构(JOGMEC)实施对</t>
  </si>
  <si>
    <t>欧盟批准丹麦政府救助该国银行</t>
  </si>
  <si>
    <t>本报布鲁塞尔电 据此间媒体2日报道，欧盟委员会近日决定，批准丹麦政府向在次贷危机中遭受重创的该国第八大银行——罗斯基勒银行提供紧急救助。罗斯基勒银行今年7月10日宣布，由于受美国次贷危机所引发的金融市场动荡及丹麦国内房地产价格下滑影响，该行大笔房地产</t>
  </si>
  <si>
    <t>印度拟向农民发放太阳能灯</t>
  </si>
  <si>
    <t>本报孟买电 据印度《经济时报》3日报道，印度政府计划将原来用于补贴农村居民购买灯用煤油的部分经费，用于购买太阳能灯，然后发放给农民使用。印度政府认为，这样做既可以减少空气污染，又能降低农民呼吸道疾病发病率和减轻政府进口原油的负担。有关官员表示，这?</t>
  </si>
  <si>
    <t>徐建寅：创办我国兵器工业的先驱</t>
  </si>
  <si>
    <t>提要：在晚清这样一个动荡不安、逐步向近代蹒跚迈进的时代，徐建寅不仅成长为一位杰出的科技专家，并以非凡的敏锐性和先导性，把西方先进的科学技术介绍、引进到中国来，为中国近代科技和兵器工业的发展作出了重大的贡献。他一生共译书27部，著书4部，另有论文10篇。他的光辉</t>
  </si>
  <si>
    <t>阿联酋航空启动全新环保计划</t>
  </si>
  <si>
    <t>本报迪拜电 总部位于阿联酋迪拜的阿联酋航空日前在接收其首架高效能空客A380飞机之际，向全世界宣布了一系列促进节能环保的全新计划。该环保计划命名为“Emvironment”，内容涵盖了阿联酋航空集团启用的全新节能环保政策，阿航全球职员的环保意识行动，公司内部减?</t>
  </si>
  <si>
    <t>伊比利亚航空与英航合并</t>
  </si>
  <si>
    <t>本报马德里电 西班牙第一大航空公司伊比利亚航空与英国航空公司7月29日在马德里宣布，双方在条件均等与平等基础上正式开启合并进程。两大航空公司合并完成后，就收入而言将成为世界第三大航空公司。两公司合并之后将组建一个新公司，双方原股东的持股也将按比例转?</t>
  </si>
  <si>
    <t>布什再次敦促国会允许近海石油开采</t>
  </si>
  <si>
    <t>本报华盛顿电 美国总统布什7月30日表示，为应对高油价，美国必须增加国内石油产量。他再次敦促国会尽快废除有关禁止在美国近海开采石油的法律禁令。布什当天在白宫记者会上说，美国民众正遭受高油价之苦，为增加国内石油产量以平抑油价，他已经解除了有关禁止在美?</t>
  </si>
  <si>
    <t>俄罗斯出版第一份中国汽车专刊</t>
  </si>
  <si>
    <t>本报莫斯科电 《中国汽车》杂志日前在莫斯科出版发行，这是俄罗斯第一份全面介绍中国汽车工业和中国汽车在俄销售情况的专刊。这份杂志由俄罗斯“大熊猫”公司出版，首期发行2.5万册，内容涉及中国车市动态、车辆性能介绍以及中国汽车在俄罗斯市场的现状和前景分析?</t>
  </si>
  <si>
    <t>多哈回合谈判命途多舛再受挫</t>
  </si>
  <si>
    <t>世界贸易组织为拯救多哈回合谈判举行的小型部长级会议29日在瑞士日内瓦未能就农业和非农产品市场准入等争议问题取得突破，谈判破裂。有代表称，美国和印度在农产品特殊保障机制上拒绝让步，是谈判破裂的一个主要原因。美国则更被怀疑是在有意“拖后腿”。拯救多哈谈判?</t>
  </si>
  <si>
    <t>多哈回合谈判“众口难调”危机四伏</t>
  </si>
  <si>
    <t>本报日内瓦电 原定一周内结束的世界贸易组织主要成员部长级会议２８日进入第二周。此次会议在历经８天马拉松式谈判后依然危机四伏。虽然世贸组织总干事拉米认为，经过过去一周的谈判，与会成员取得了重大进展，但他的这种乐观情绪很快就被美国对印度和中国的横加指</t>
  </si>
  <si>
    <t>欧盟批准玛氏收购箭牌</t>
  </si>
  <si>
    <t>本报布鲁塞尔电 欧盟委员会28日称，鉴于收购行为对欧盟市场影响有限，已批准美国玛氏公司收购美国箭牌公司。欧盟委员会调查认为，玛氏公司主要生产糖果巧克力，而箭牌公司主营口香糖，虽然两家公司均生产蔗糖类糖果，但其主打产品没有交叉，合并后仍将面对激烈的市</t>
  </si>
  <si>
    <t>美四大银行支持“资产担保债券”计划</t>
  </si>
  <si>
    <t>本报华盛顿电 美国最大四家银行28日发表联合声明，表示支持美国财政部长保尔森提出的发行资产担保债券以缓解当前信贷紧缩问题的计划。美国银行、花旗集团、摩根大通和富国银行在联合声明中称：“随着美国资产担保债券市场的发展，我们期待成为(此类债券的)首要发行</t>
  </si>
  <si>
    <t>丰田决定下调今年全球生产计划</t>
  </si>
  <si>
    <t>本报东京电 据《日本经济新闻》网站最新消息，丰田公司已经决定下调集团今年的全球生产计划(包含大发工业公司和日野汽车产量)，由当初的995万辆下调至950万至960万辆。受原油价格高企影响，美国市场大型车销售下滑，丰田公司已经被迫收缩了美国及日本国内的汽车生?</t>
  </si>
  <si>
    <t>下财年美政府财赤将达4820亿美元</t>
  </si>
  <si>
    <t>本报华盛顿电 白宫行政管理和预算局28日发布报告预测，由于经济疲软及政府大量退税，下一财年美国政府财政赤字将会达创纪录的4820亿美元。白宫此前曾预测，在今年9月30日结束的本财年赤字将为4100亿美元，而从今年10月1日开始的下一财年赤字为4070亿美元。</t>
  </si>
  <si>
    <t>曼德尔森博客揭秘“绿屋”会议</t>
  </si>
  <si>
    <t>本报日内瓦电 本次世界贸易组织部长级会议紧张而繁忙，欧盟贸易委员曼德尔森却抽空撰写博客日记，人们也因此能有机会了解被称为“绿屋”会议的种种神秘。此次部长级磋商只邀请了30多个世贸组织的主要成员，它们都对多哈回合谈判进程具有较大影响，并尽可能代表了</t>
  </si>
  <si>
    <t>高油价逼迫美国百年车企全面转型</t>
  </si>
  <si>
    <t>一辆汽车，一个人，一段历史传奇。这辆车就是T型车，这个人就是亨利·福特，这个传奇就是亨利·福特发明的T型车彻底改变了美国，成就了美国“车轮上的国度”的美誉。1999年美国汽车工业评选“世纪之车”时，T型车众望所归名列榜首。今年是T型车诞生100周</t>
  </si>
  <si>
    <t>法国电力将巨资收购英国能源</t>
  </si>
  <si>
    <t>本报伦敦电 法国电力公司(EDF)将联合英国Centrica公司收购英国最大的核能运营商——英国能源公司，收购价有望高达120亿英镑。据悉，EDF可能以每股大约775便士的价格进行收购。今年5月，英国能源公司董事会拒绝EDF每股680便士的收购要约。英国Centrica公司是英国最?</t>
  </si>
  <si>
    <t>“金砖四国”跨国企业对外直接投资势头强劲</t>
  </si>
  <si>
    <t>本报讯 由剑桥大学制造学院撰写、全球管理咨询、技术咨询和外包服务供应商凯捷参与的《新兴跨国企业：飞速变化的全球制造业》研究报告近日出炉。报告强调，来自“金砖四国”(BRICs，即巴西、俄国、印度和中国)制造业的新兴跨国企业越来越倾向通过并购实现业务增长?</t>
  </si>
  <si>
    <t>美国主妇装饰“洞洞鞋”  创利2000万美元</t>
  </si>
  <si>
    <t>卡骆驰(Crocs)鞋圆头阔身、鞋面有透气小孔，这款被戏称为“洞洞鞋”的凉鞋风靡全球，而它的副产品鞋面饰花也同样广受追捧。3年前，美国一名家庭主妇为哄逗孩子在“洞洞鞋”鞋面小孔装饰饰品，她的这一不经意作成就了一个堪与卡骆驰品牌本身相媲美的企业，并为她创利2000万美?</t>
  </si>
  <si>
    <t>国际油价回落  牛市基础有望重塑</t>
  </si>
  <si>
    <t>上周以来，美元展开了全面反弹，国际油价也出现了高台跳水，在这些敏感经济因素变化的影响下，包括美国股市、欧洲股市以及亚太股市等主要市场在内，均做出了积极反应。A股市场外加奥运情绪的感染和维稳信号的刺激，市场人气也有所提振。在接受记者采访的时候，多家</t>
  </si>
  <si>
    <t>谁该为餐桌上的“生态债”买单</t>
  </si>
  <si>
    <t>从欧洲人在中国发现茶叶开始，一个庞大的全球食品购销网络便逐渐形成。近年来，全球食品的流通量达到前所未有的水平：过去五年，世界第一大食品进口商欧盟从世界各地进口的食品增加了20%；2000年至2006年，美国的食品进口量几乎翻番。如今，品尝异国风味食品已不再</t>
  </si>
  <si>
    <t>陈启沅：我国第一家机器缫丝厂创始人</t>
  </si>
  <si>
    <t>$F提要$E：$T18世纪产业革命后，意大利、法国等欧洲国家开展科学养蚕，改进丝绸机械，成为近代丝绸机器工业的发源地。中国丝绸工业最先走入近代化的则是缫丝工业。1873年由广东华侨商人陈启沅创办的继昌隆缫丝厂，标志着中国近代机器工业的开端。</t>
  </si>
  <si>
    <t>对空置房要不要征税</t>
  </si>
  <si>
    <t>$T开场白：最近一段时间，有关“欧洲向闲置房开战”的消息引发了众人的关注，针对我国一些城市存在的大量空置商品房和一直在高位运行的房价，也有人士建议用征税方式对其“下药”，以更有效地调控房价，提高社会资源的利用率。这种方式是否可行?大家不妨</t>
  </si>
  <si>
    <t>亚洲最赚钱的银行如何赚钱</t>
  </si>
  <si>
    <t>最新一期的香港《亚洲周刊》公布了2008年度的“亚洲银行三百”排名榜，中国工商银行继去年以60多亿美元的纯利首次成为亚洲最赚钱的银行，一举改写日本银行业在亚洲一枝独秀的历史之后，今年又以年纯利逾106亿美元蝉联亚洲最赚钱银行。据分析师测算，只要维持平稳增长，工行很</t>
  </si>
  <si>
    <t>中东资本市场融资额大增</t>
  </si>
  <si>
    <t>本报开罗电 据阿拉伯金融网站最新报道，今年上半年，各企业在中东资本市场通过首次公开募股(IPO)共融资86.9亿美元，比去年同期大幅增长80%。阿拉伯金融网站援引安永会计师事务所的数据说，今年第二季度在中东地区资本市场上通过IPO共实现融资47.2亿美元，比一季度?</t>
  </si>
  <si>
    <t>高油价令美航空业步履艰难</t>
  </si>
  <si>
    <t>本报讯 持续上涨的油价令美国顶级航空公司第二季度蒙受巨额损失。各航空公司被迫削减航班和员工，并调高票价和增加额外收费。据法新社报道，美国第二大航空公司联合航空公司今年第二季度亏损27亿美元；美国航空业领头羊美国航空公司损失达14亿美元；达美航空公司亏</t>
  </si>
  <si>
    <t>“海外农业”成海湾国家投资香饽饽</t>
  </si>
  <si>
    <t>虽然海湾国家近年来石油收入暴增，但该地区平均每年需要投入约100亿美元进口各类食品，食品价格上涨已成为该地区通货膨胀不断加剧的重要因素。据世界银行统计，全球食品价格3年内翻了一番。面对不断攀升的食品价格，除采取措施寻求短期控制物价外，海湾地区国家(90</t>
  </si>
  <si>
    <t>美参议院推进抑制石油期货投机法案</t>
  </si>
  <si>
    <t>本报华盛顿电 美国参议院22日投票决定推进由民主党提出的一项抑制石油期货市场投机的法案。当天参议院以94比0的投票结果为进一步立法扫除了程序性障碍。据此，美国商品期货交易委员会(CFTC)将对原油市场的投机资金设立一定限制措施。虽然当天的投票结果?</t>
  </si>
  <si>
    <t>拉米呼吁WTO成员加强实质性磋商</t>
  </si>
  <si>
    <t>本报日内瓦电 世贸组织总干事拉米23日敦促正在出席该组织小型部长会议的各方对多哈回合谈判更具紧迫感，加强实质性磋商并作好互相妥协的准备，以便在本次会议上取得理想的成果。世贸组织发言人罗克韦尔在媒体吹风会上说，拉米当天对各成员代表表示，各方应将精力更</t>
  </si>
  <si>
    <t>全球或将进入新一轮加息周期</t>
  </si>
  <si>
    <t>近日，亚洲开发银行、国际货币基金组织(IMF)等国际组织纷纷发布报告，提醒各国(特别是新兴和发展中经济体)警惕通货膨胀压力进一步上升。与此同时，美国、欧盟、日本等发达经济体的央行官员也在讲话中透露，抑制通胀压力的必要性愈加明显。新一轮加息周期或将拉开序幕。</t>
  </si>
  <si>
    <t>C-NCAP如何塑造公信力</t>
  </si>
  <si>
    <t>今日本版推出了本报驻外记者对海外NCAP的组织架构、运作方式等的报道。他山之石，可以攻玉。在C-NCAP(中国新车评价规程)在国内遭到广泛质疑的背景下，国外成熟的、具有公信力的碰撞测试值得我们虚心学习和借鉴。日本的新车评价规程由国土交通省和汽车事故对策机构?</t>
  </si>
  <si>
    <t>日本新车评价规程公正且权威</t>
  </si>
  <si>
    <t>日本的新车评价规程始于1995年。现在的测试项目共有五项，包括测试车辆安全性能的100%重叠率的正面碰撞(Full-overlapFrontalCrash)测试、正面偏置碰撞(OffsetFrontalCrash)测试、侧面碰撞测试、刹车性能测试以及评价汽车撞上行人可能对行人造成伤害程度的行人头部保?</t>
  </si>
  <si>
    <t>美国新车安全测试体系升级</t>
  </si>
  <si>
    <t>美国的新车评价规程始于1979年，由联邦政府交通部下属的“国家公路交通安全局(NHTSA)”按照“五星安全评级体系”负责操作，测评项目多年来不断改进。现在每年该局都会对新的小汽车和卡车车型进行一系列的翻滚和碰撞测试，并按五个星级分别得出正撞、侧撞和翻滚安全级别，标示</t>
  </si>
  <si>
    <t>Euro  NCAP的权威得到厂商认可</t>
  </si>
  <si>
    <t>创始于1997年的Euro NCAP(Euro New Car Assessment Programme Test)欧洲新车评估组织，是汽车界目前最具影响力的安全评定机构之一。Euro NCAP以其相对独立的运营模式、公开公正的分级标准以及严谨科学的测试方式，已成为各汽车生产商认可的权威。Euro NCAP由欧洲五</t>
  </si>
  <si>
    <t>粮价上涨加剧世界性饥饿状况</t>
  </si>
  <si>
    <t>联合国粮农组织总干事雅克·迪乌夫21日在古巴哈瓦那说，粮食价格上涨是加剧世界性饥饿状况的罪魁祸首。迪乌夫在哈瓦那大学发表讲话说，由于国际粮食价格上涨，世界饥饿人口增加了5000万人，如果这种趋势持续下去，饥饿人口还将进一步增加。他指出，国际?</t>
  </si>
  <si>
    <t>东盟将努力应对食品及能源挑战</t>
  </si>
  <si>
    <t>本报新加坡电 东盟国家外长及代表21日对持续上涨的石油与食品价格所带来的严重挑战与影响表示关切，强调有必要加强地区合作以有效应对这一挑战。他们在当天举行第41届东盟部长级会议后发表的一份联合声明中说，他们对最近石油价格持续上涨给东盟国家经济造成的严重</t>
  </si>
  <si>
    <t>世行行长呼吁抵制保护主义抬头倾向</t>
  </si>
  <si>
    <t>本报华盛顿电 世界银行行长佐利克20日表示，要想多哈回合谈判取得突破，各方就必须抵制目前保护主义抬头的倾向。佐利克在当天发表的一份声明中说，让多哈回合谈判取得进展，对世界贸易组织成员来说具有“前所未有的重要性”，当前世界经济面临粮食、石油价格飙升以</t>
  </si>
  <si>
    <t>美国“两房”困境为何威胁经济大局</t>
  </si>
  <si>
    <t>近来，美国两大房贷机构——房利美和房地美深陷困境，投资者因此对美国金融市场的担忧不断加深。受此影响，纽约股市许多银行股被抛售。分析人士认为，新一轮金融动荡使美国次贷危机前景更加复杂，对世界金融稳定构成严重威胁，美国政府因此面临新的考验。引发新一?</t>
  </si>
  <si>
    <t>沈飞参与庞巴迪C系列研发生产</t>
  </si>
  <si>
    <t>本报法恩伯勒电 中国沈阳飞机工业集团公司15日与加拿大庞巴迪宇航公司签署合同。合同规定，沈飞公司将参与庞巴迪C系列中、短程飞机的设计、生产、组装和售后支持4个环节的工作。下属中国航空工业第一集团公司的沈阳飞机工业集团公司表示，其母公司早在2007年4月份?</t>
  </si>
  <si>
    <t>“中国网购排行榜”出炉</t>
  </si>
  <si>
    <t>本报杭州电 亚洲最大的网络零售商淘宝网联合权威第三方分析机构易观国际日前共同推出了“中国网购排行榜”，以期为国内网络消费者提供权威准确的消费指南，为大小厂商提供市场风向标。“中国网购排行榜”是一个真实、准确、全面的网络消费群体行为数据库，由系列榜</t>
  </si>
  <si>
    <t>欧盟通过渔业紧急补贴方案</t>
  </si>
  <si>
    <t>本报布鲁塞尔电 欧盟成员国渔业部长15日通过一套紧急补贴方案，拟筹集20亿欧元帮助欧盟渔业部门应对当前的高油价困境。根据这套方案，欧盟将从欧洲渔业基金中拿出14亿欧元，用于在未来几年内为渔业部门提供短期扶持，并将筹集6亿欧元作为渔业紧急补贴。?</t>
  </si>
  <si>
    <t>厄委两国将合资兴建大型炼油厂</t>
  </si>
  <si>
    <t>本报基多电(记者郝云甫)　厄瓜多尔总统科雷亚和来访的委内瑞拉总统查韦斯15日在马纳维省的埃尔阿罗莫共同出席了两国合资兴建炼油厂的揭幕仪式。    据报道，拟建的太平洋炼油厂项目预计投资额达60亿美元，将在2010年开始兴建，建设期为</t>
  </si>
  <si>
    <t>限制针对“两房”和券商的股票卖空行为</t>
  </si>
  <si>
    <t>本报纽约电 美国证券交易委员会(SEC)主席考克斯15日说，为防止部分投资机构利用卖空机制操纵股价，将限制投资者卖空美国两大房贷机构和券商股票。考克斯对美国参议院银行委员会说，投资者在卖空两大房贷机构房利美和房地美及券商股票前，必须借入股票。因此，这项?</t>
  </si>
  <si>
    <t>美国面临通胀上升经济下行双重考验</t>
  </si>
  <si>
    <t>“经济增长前景存在重大下行风险”，而“通胀前景面临的上升风险增加”，这是美联储主席伯南克15日向美国国会参议院银行委员会进行陈述时对美国经济形势作出的最新判断。与美联储6月份货币政策声明中所作的“经济下行风险有所下降”的判断相比，伯南克此次对经济前景的描述似</t>
  </si>
  <si>
    <t>胡同“奥运人家”  让外国人体验北京文化</t>
  </si>
  <si>
    <t>有百年历史的雕花卧龙榻，长辈才能坐的太师椅，木架上铜质的脸盆……13日，来自美国华盛顿的罗尼·莱斯一踏进北京什刹海南官房胡同39号，就被这座四合院的魅力深深吸引。“住在这里的人真幸运，时刻跟历史同在。我也非常想住这儿，特别是那张有百年历史的大床，”他笑着说。$</t>
  </si>
  <si>
    <t>布什解除开采美国近海石油行政禁令</t>
  </si>
  <si>
    <t>美国总统布什14日宣布解除在美国近海开采石油的行政禁令，并希望国会采取类似措施废除相关法律禁令，以应对国际油价不断攀升的局面。行政解禁美国石油储量丰富，是石油生产大国。据美国能源部情报局公布的统计数字，美国已探明石油储量超过209亿桶，居世界第</t>
  </si>
  <si>
    <t>越南经济动荡对我国有三点启示</t>
  </si>
  <si>
    <t>本报讯 7月15日社科文献出版社举办的《2008年越南蓝皮书》发布会上，与会的有关专家学者认为，中国应从最近越南的经济动荡中得到三点启示。有关专家认为，越南经济动荡给中国带来的启示首先是“严格控制外资进入非生产领域”。广西社会科学院副院长古小松指出，国?</t>
  </si>
  <si>
    <t>标致雪铁龙使出浑身解数应对成本上涨</t>
  </si>
  <si>
    <t>本报巴黎电 原材料价格飙升及人员支出大幅上涨，给身处欧元区的法国车商造成了巨大的成本压力。标致雪铁龙使出浑身解数应对成本上涨，包括节省开支、上调汽车售价、海外设厂、推出新车型等等。节省开支。早在去年5月，标致雪铁龙集团就推出了“Cap2010”重振计划，</t>
  </si>
  <si>
    <t>美房贷巨头困境引发次贷危机第四波冲击</t>
  </si>
  <si>
    <t>近日，美国两大住房抵押贷款融资机构——美国联邦国民抵押贷款协会(房利美)和美国联邦住宅抵押贷款公司(房地美)陷入困境。分析人士认为，次贷危机由此进入了更加动荡的阶段。盘点过去一年次贷危机的发展过程，可以说市场已感受到了四波冲击，而且危机早已从最初的次贷领域，?</t>
  </si>
  <si>
    <t>欧盟将对短信漫游费强制限价</t>
  </si>
  <si>
    <t>本报布鲁塞尔电 欧盟委员会15日宣布，它将于今年10月出台立法建议，对漫游文字短信费实施强制限价。数据显示，欧盟手机用户每年在欧盟范围内跨国发送的文字短信数量约为25亿条，其费用约比国内高出10倍。据统计，2007年10月至今年3月间，欧盟跨国漫游发?</t>
  </si>
  <si>
    <t>欧盟对我国铝箔展开反倾销调查</t>
  </si>
  <si>
    <t>本报布鲁塞尔电 欧盟委员会近日宣布，对中国、巴西和亚美尼亚出口到欧盟的铝箔展开反倾销调查。欧盟委员会在近期的官方公报中宣布了这一决定。欧盟委员会说，它于今年5月28日收到了欧洲金属业协会关于涉案产品的反倾销申诉。按照规定，欧盟委员会应在收到申诉的45?</t>
  </si>
  <si>
    <t>伊朗宣布发现新油田</t>
  </si>
  <si>
    <t>本报德黑兰电 伊朗石油部长诺扎里13日宣布，伊朗已在该国西南部胡齐斯坦省发现了一座地质储量为11亿桶原油的新油田，其可采储量约为2.33亿桶。据伊朗国家电视台报道，诺扎里当天在内阁会议结束后对媒体说，这座新发现的油田位于胡齐斯坦省安迪梅什克市附近。按美国</t>
  </si>
  <si>
    <t>贝塔斯曼为何在中国“走麦城”</t>
  </si>
  <si>
    <t>7年前，在中国跨入世贸组织前夕，贝塔斯曼这个名字曾被视为即将逐步放开的中国出版业的最大威胁。出乎意料的是，苦心布局中国13年后，贝塔斯曼却不得不接受折戟沉沙的事实，关闭零售门店和书友会，无奈撤退。贝塔斯曼的离去，究竟意味着什么？无奈的大</t>
  </si>
  <si>
    <t>欧盟最大“绿色壁垒”启动  中国企业“群起而攻”</t>
  </si>
  <si>
    <t>今年6月起，欧盟《关于化学品注册、评估、许可和限制法案》(简称REACH法规)进入预注册阶段。面对这座欧盟有史以来设置的最大技术性贸易壁垒，中国企业纷纷进入“应对进行时”。REACH壁垒森严中国检验检疫REACH解决中心研发部部长梅玲笑介绍说，REACH法规整合</t>
  </si>
  <si>
    <t>权衡效益和保障粮食安全是一项挑战</t>
  </si>
  <si>
    <t>联合国世界经济监测部主任洪平凡近日在接受本报记者专访时指出，目前世界粮食危机的核心是高粮价使贫困国家和贫困人群买不起所需粮食，而负责援助他们的世界粮食组织又在财政上捉襟见肘，当务之急是发达国家需要增加人道援助以缓解危机。洪平凡说，与2006年相比，2</t>
  </si>
  <si>
    <t>英国中央维持基准利率不变</t>
  </si>
  <si>
    <t>本报伦敦电 英国中央银行——英格兰银行10日决定，将基准利率维持在5%不变。这一决定符合分析人士此前的普遍预期。分析人士认为，目前英格兰银行一方面需要加息以抑制通胀，另一方面则需要降息以刺激经济增长，因此在利率问题上处于两难境地。英格兰银行</t>
  </si>
  <si>
    <t>欧盟将拆分大型天然气企业</t>
  </si>
  <si>
    <t>本报斯特拉斯堡电 欧洲议会9日通过了有关开放天然气市场的报告，同意对大型天然气企业实施有效的“产供分离”，并为此设置了严格的条件。欧洲议会表示支持建立一个独立的传输网络运营机构，但同时认为，该机构必须拥有一个保护其资产的“独立托管人”，一个“独立?</t>
  </si>
  <si>
    <t>欧盟提出“绿色运输”立法建议</t>
  </si>
  <si>
    <t>本报斯特拉斯堡电 欧盟委员会8日提出了一项“绿色运输”的立法建议，旨在使交通运输更加环保。欧盟委员会的立法建议包括一项战略计划，这项战略计划要求使运输价格更好地反映实际成本，减少交通堵塞和对环境的破坏，提高运输效率，促进经济全面发展。欧?</t>
  </si>
  <si>
    <t>八国峰会：热点取得共识  难点仍待突破</t>
  </si>
  <si>
    <t>举世关注的八国集团首脑会议9日在日本洞爷湖闭幕。这次八国集团首脑会议包括四个主要会议，即美国、英国、法国、德国、意大利、加拿大、俄罗斯和日本八国首脑同阿尔及利亚、埃塞俄比亚、加纳、尼日利亚、塞内加尔、南非、坦桑尼亚七个非洲国家领导人举行的对话会、</t>
  </si>
  <si>
    <t>世界最大暖通空调供应商在华设制造基地</t>
  </si>
  <si>
    <t>本报广州电 世界家电业制造基地正逐步向中国等新兴市场转移。日前，美的电器与开利亚洲有限公司在广州签署协议，双方拟合资投入两亿元，建立年产能200万台以上的空调研发和制造基地。根据协议，美的电器与开利亚洲合资成立佛山市美的开利制冷设备有限公司。新公?</t>
  </si>
  <si>
    <t>低迷经济拖累美国广告业</t>
  </si>
  <si>
    <t>本报纽约电 美国广告业日前下调今年的行业增长预测，这标志着受经济发展减速影响，广告业开始走弱。全球知名广告公司互众集团(IPG)8日发表的最新预测表明，美国市场的广告支出今年涨幅将不超过2%，低于其2007年底预测的3.6%的涨幅。该公司还初步预测，2009年美国广</t>
  </si>
  <si>
    <t>主权财富基金代表聚首寻求指导方针</t>
  </si>
  <si>
    <t>本报讯 据法新社报道，全球主权财富基金的代表们9日在新加坡举行闭门会议，为寻求共同制订该种基金的指导方针做准备。据介绍，这是主权财富基金国际工作小组成立以来的第一次会议，也是主权财富基金为寻求制订被普遍接受的指导方针而进行的一系列准备之一。?</t>
  </si>
  <si>
    <t>八国集团峰会“高谈阔论”热点议题</t>
  </si>
  <si>
    <t>八国集团(G8)领导人8日在日本北海道洞爷湖举行第二天的闭门工作会议，并在会后发表声明，就共同关心的问题表明了立场。声明涉及温室气体减排、能源价格飙升、多哈回合谈判和“海利根达姆进程”等若干热点问题。温室气体减排日本首相福田康夫和欧盟委员会主席</t>
  </si>
  <si>
    <t>按照“调整市”生态新法则逆境求生</t>
  </si>
  <si>
    <t>日前，油价创新高促动人民币再度升值。随即，欧盟限制使用PFOS(全氟辛烷磺酰基化合物)的指令开始正式实施。面对接踵而至的压力，今年中国纺织服装企业的日子，过得更艰难。记者近期走访一些纺织服装企业和职业经理人时发现，很多公司面对前所未有的挑战，并没有一?</t>
  </si>
  <si>
    <t>新一代丰田普锐斯将引入太阳能动力</t>
  </si>
  <si>
    <t>本报东京电 据当地媒体报道，日本丰田汽车公司计划在其下一代普锐斯油电混合动力车上添加太阳能帆板，从而成为全球主要汽车制造商中首家使用太阳能动力的厂商。报道说，丰田计划在明年初重新设计普锐斯混合动力车时，在高端版本汽车的车顶上安装太阳能帆板，由此提</t>
  </si>
  <si>
    <t>鞍钢频频牵手世界顶级企业做大“非钢”产业</t>
  </si>
  <si>
    <t>本报讯 与英国维苏威公司合作开发耐火材料，与比利时贝卡尔特公司投资共建钢帘线工厂，与通用电气展开战略合作……今年以来，鞍钢集团频频与世界顶级企业展开合作，在“非钢”领域寻求突破。7月5日，鞍钢与维苏威中国控股有限公司签订合同，双方各按照50%的比例出?</t>
  </si>
  <si>
    <t>通用汽车拟再度裁员及出售旗下品牌</t>
  </si>
  <si>
    <t>本报华盛顿电 据《华尔街日报》7日报道，在业绩不断下滑和股价连连走低压力下，美国通用汽车正制定新的重整计划，拟进一步裁减工人，同时出售旗下多个汽车品牌。该报道援引知情人士的话说，通用董事会可能会在8月初通过裁员计划，该计划将削减数千名白领工人，通用</t>
  </si>
  <si>
    <t>日本上半年混合动力车销量大增</t>
  </si>
  <si>
    <t>本报东京电 据《日本经济新闻》报道，由于汽油价格高企，今年上半年，日本油电混合动力车销售出现迅速增长势头，丰田和本田两家汽车公司生产的混合动力车的合计销量比上年同期大增21%，达到5.1758万辆。报道预计，在高油价背景下，销售在下半年将继续看好，今年全?</t>
  </si>
  <si>
    <t>马来西亚呼吁产油国增产</t>
  </si>
  <si>
    <t>本报吉隆坡电 马来西亚总理巴达维8日呼吁世界主要石油生产国增加产量，并希望国际社会采取重组期货市场等措施，以应对目前国际市场油价飙升带来的压力。巴达维当天在吉隆坡举行的第六届发展中八国集团首脑会议开幕式上说，世界主要石油生产国在解决石油供应问题上?</t>
  </si>
  <si>
    <t>高通胀成欧元区经济首要威胁</t>
  </si>
  <si>
    <t>在欧元区15国财政部长7日举行的例会上，各国财长表达了对通货膨胀加剧的担忧，认为高通胀正取代金融市场动荡成为欧元区经济增长的首要威胁，表明不断恶化的通货膨胀形势已成为让欧元区财长们最为头痛的问题。欧元区第一大经济体德国的财政部长佩尔·施泰因布吕克对</t>
  </si>
  <si>
    <t>南非新车销量继续下滑</t>
  </si>
  <si>
    <t>本报约翰内斯堡电 南非全国汽车制造业者协会2日公布的数据显示，在刚刚结束的6月份，南非新车销售量和去年同期相比，大幅下降了21.6%。据统计，6月份南非新车销售量仅为39064辆，而去年同期的这一数值为50020辆。今年5月份，南非新车销售同比下跌23.4%，南非全国汽</t>
  </si>
  <si>
    <t>全球铁矿石价格谈判  在“复杂因素”中尘埃落定</t>
  </si>
  <si>
    <t>持续了近八个月之久的全球铁矿石价格谈判终于在“复杂因素”中尘埃落定。宝钢集团7月4日15时与其最后一个“谈判对手”——澳大利亚矿业巨头必和必拓公司就2008年度铁矿石粉矿和块矿价格达成一致。其涨幅与不久前宝钢同另一澳矿巨头力拓达成的价格“完全相同”。?</t>
  </si>
  <si>
    <t>G8首脑峰会关注国际经济热点</t>
  </si>
  <si>
    <t>八国集团(G8)领导人同非洲7国和非盟领导人对话会7日在日本洞爷湖开始举行，这标志着一年一度的八国峰会正式拉开序幕。在为期3天的会议上，与会者将讨论非洲发展、气候变化、世界经济、能源和粮食安全等热点问题。　　中国存在</t>
  </si>
  <si>
    <t>粮农组织报告：全球土地退化日益严重</t>
  </si>
  <si>
    <t>本报罗马电 联合国粮农组织日前公布的最新研究报告表明，世界许多地方的土地退化正在加剧，估计有15亿人即世界近1/4的人口受到土地退化的影响。报告说，土地退化指土地的生态系统功能和生产力长期下降，其严重性和范围在世界许多地方正在日益加大，超过20%的耕地、</t>
  </si>
  <si>
    <t>日本外汇储备重返万亿美元大关</t>
  </si>
  <si>
    <t>本报东京电 日本财务省7日公布的数据显示，截至6月底，日本外汇储备比上月增加了45.74亿美元，达到1.0015万亿美元，两个月来首次重返1万亿美元大关。财务省说，当月日本外汇储备增加的主要原因是，美元对欧元汇率下降导致日本持有的欧元资产时价上升，以及6月份黄?</t>
  </si>
  <si>
    <t>美大企业盈利或再下滑</t>
  </si>
  <si>
    <t>本报纽约电 据彭博新闻社7日报道，受次贷危机影响，在花旗、美林等美国金融企业的拖累下，今年第二季度美国大企业的利润可能再度缩水，从而使这些企业的利润连续四个季度下滑。彭博新闻社汇总分析师的预测数据显示，标准普尔500家企业第二季度的盈利同比下降11%。?</t>
  </si>
  <si>
    <t>美国人唱起了“免费汽油”经</t>
  </si>
  <si>
    <t>一些美国朋友说，现在最让人动心的广告，就是“免费汽油”！原因也简单，目前油价节节高，让美国人心惊肉跳、怨声载道，免费的午餐，自然不能错过。比如，通过特定网站订客房的顾客，最高可获得50美元的汽油卡；在明尼苏达州，一家银行给新客户的见面礼就是“50美?</t>
  </si>
  <si>
    <t>中国动画业能否拍出《功夫熊猫》</t>
  </si>
  <si>
    <t>随着威尔·史密斯主演的《全民超人》7月2日正式登陆国内电影院线，派拉蒙的动画大片《功夫熊猫》即将在热闹的争议声中“功成身退”。据统计，上映至今，《功夫熊猫》在中国的票房收入“破亿不在话下”。从10年前迪斯尼拍摄《花木兰》及其续集，到如今美国功夫熊猫?</t>
  </si>
  <si>
    <t>“台湾游”搅热台湾医疗业</t>
  </si>
  <si>
    <t>“台湾新光医院院长5日率医疗团来北京参观我们这里。”北京美兆健康体检中心有限公司总经理戴明哲告诉记者，该公司是台湾美兆集团在大陆的惟一分公司，最近台湾医疗界人士频频到企业参观。7月4日，大陆居民赴台湾旅游首发团从厦门、上海、广州等地同时出发，期待已</t>
  </si>
  <si>
    <t>加息预期下  银行理财主打短期理财产品</t>
  </si>
  <si>
    <t>在高通胀阴影下，加息可能性越来越大。在这种预期下，不少投资者把目光投向短期理财产品。与以往动辄1年、3年甚至5年的理财周期相比，现在期限3个月以内的短期理财产品开始大举占领市场。央行加息或不期而遇人民银行行长周小川日前在美国纽约表示，为了对付?</t>
  </si>
  <si>
    <t>米歇尔·索菲斯蒂：高调进军中国市场</t>
  </si>
  <si>
    <t>西装革履、配饰讲究、目光犀利而又不失和蔼——这就是奥玛仕(OMAS)公司执行董事米歇尔·索菲斯蒂(Michele Sofisti)先生留给记者的第一印象。你很难想象眼前这位职业经理人，曾是一名地理学家，在他的家乡——意大利，索菲斯蒂不但取得了博士学位，还做了整整七年的地理学家。</t>
  </si>
  <si>
    <t>边贸“遇冷”严重  政府亟待“救市”</t>
  </si>
  <si>
    <t>越南国内近期发生严重的通货膨胀，导致越盾大幅贬值。通胀引发的连锁反应，使中越边境边贸大市，广西崇左市受到很大影响。有关部门呼吁，针对边贸“遇冷”的严重情况，政府亟待继续实行边境小额贸易出口财政支持政策“救市”。越南通货膨胀“波及”崇左市边贸?</t>
  </si>
  <si>
    <t>糖尿病药文迪雅并不增加心脏病发作风险</t>
  </si>
  <si>
    <t>本报讯 记者日前从“美国糖尿病学会学术年会精粹中国行”活动中获悉，两项独立研究发现，糖尿病药物文迪雅并不增加心脏病发作和心血管病死亡的风险。文迪雅是英国葛兰素史克公司旗下畅销全球的糖尿病口服药。2007年5月，《新英格兰医学杂志》发表的一项研究结果称?</t>
  </si>
  <si>
    <t>建立全球救灾机制</t>
  </si>
  <si>
    <t>本报讯(记者张莫实习生丁静)联合国经济和社会事务部7月4日在北京发表了《2008年世界经济和社会概览》，呼吁国际社会建立多边支持的全球救灾机制，为减轻自然危害、灾后恢复和重建提供资源。《概览》指出，建立全球多边救灾机制，最终目的是发展成资金充足的贷?</t>
  </si>
  <si>
    <t>日本投资者喜爱外国债券</t>
  </si>
  <si>
    <t>本报东京电 据《日本经济新闻》报道，由于金融市场混乱、全球股市普遍下跌，日本投资者和投资机构普遍看好收益稳定、风险小的外国债券。报道援引专业调查公司QUICK·QBR的报告说，对日本国内2600只开放式基金今年上半年资金流入流出情况的调查发现，在资金净流入量</t>
  </si>
  <si>
    <t>沙特将建世界最大海水淡化项目</t>
  </si>
  <si>
    <t>本报利雅得电 据沙特阿拉伯《今日报》5日报道，沙特政府已与日本住友公司达成世界最大海水淡化项目建设协议，合同总金额约为225亿里亚尔(约合60亿美元)。据报道，该项目位于沙特东部的祖尔角地区，是目前全球规模最大的发电和海水淡化一体化工程，预计2012年建成后</t>
  </si>
  <si>
    <t>赴台旅游破题，两岸经贸涌动新机遇</t>
  </si>
  <si>
    <t>大陆居民赴台旅游首发团于7月4日启动，7月18日起正式实施。两岸经贸业内人士认为，赴台旅游及周末包机破题，将推动大陆资金入台，为两岸经贸交流合作带来新机遇。“赴台游”激活台湾经济“大陆游客赴台，千呼万唤这么多年，终于能够成行。”台湾“中华大学观</t>
  </si>
  <si>
    <t>油价创新高  道指陷熊市</t>
  </si>
  <si>
    <t>7月2日，受国际油价再创新高、就业数据难如人意等因素影响，投资者对美国经济前景表示担忧，因而纷纷抛售手中股票，被视为美国经济“晴雨表”的纽约三大股指纷纷下挫，其中道琼斯30种工业股票平均价格指数更是跌入熊市区域。美国能源部2日发表的报告显示，上周美国</t>
  </si>
  <si>
    <t>BPR：实施还是跨越</t>
  </si>
  <si>
    <t>BPR(企业流程重组)是20世纪90年代由美国的哈默博士等人提出的。从其诞生之初，关于它的争议就从未间断过，而实施后的高失败率，更是让很多企业在其面前踌躇不前。实施BPR的初衷是：为企业营造一个适应市场竞争机制的良性空间，使企业能够在激烈的竞争中占据先机。然而，最初?</t>
  </si>
  <si>
    <t>全球粮食危机给南美带来风险与机遇</t>
  </si>
  <si>
    <t>第35届南方共同市场首脑会议7月1日在阿根廷北方城市图库曼闭幕。此次会议的一大亮点是南美国家领导人意识到全球粮食危机给南美国家带来的风险和发展机遇，遏制全球范围内的投机资金活动以及扩大农业生产和出口成为南美国家共同的战略选择。造成目前全球粮价居高不?</t>
  </si>
  <si>
    <t>联合国呼吁国际社会维护全球经济安全</t>
  </si>
  <si>
    <t>本报纽约电 联合国经济和社会事务部1日发表报告，呼吁国际社会加强合作，共同维护全球经济安全。这份题为《2008年世界经济和社会概览》的报告指出，全球经济下滑、物价上涨以及就业前景不佳等问题给发展中国家，尤其是最贫困国家的经济安全带来了威胁。在发达国家?</t>
  </si>
  <si>
    <t>韩央行副行长：韩元或停止贬值</t>
  </si>
  <si>
    <t>本报首尔电 韩国央行副行长李光周近日预测，由于本国经常项目逆差将缩减，韩元与美元的比价或将止跌。油价飙升和通货膨胀令韩元贬值加速，6月份该国通胀率达到5.5%的历史新高。数据表明，韩元汇率今年上半年下降了11%，自2001年3月31日以来，亚洲地区只有泰铢的半?</t>
  </si>
  <si>
    <t>专家：后市面临两大不确定性考验</t>
  </si>
  <si>
    <t>本报讯(记者史丽)　近日，记者采访的多数专家表示，当前经济运行依然总体向好，股市会渐趋稳定。不过，在未来几个月，股市还面临国际经济金融环境变化和国内CPI走势的两大不确定性的考验。    “近期欧洲央行加息预期走强，国际油?</t>
  </si>
  <si>
    <t>沙特重申随时准备增产石油</t>
  </si>
  <si>
    <t>本报马德里电 沙特阿拉伯石油和矿产资源大臣纳伊米6月30日表示，只要市场有需求，沙特随时准备再次增加原油产量。当天抵达马德里出席世界石油大会的纳伊米在接受媒体采访时说，沙特将尽一切努力满足客户的需求，沙特也有能力将原油日产量进一步提高到1100万桶，并?</t>
  </si>
  <si>
    <t>粮油价格飙升正在使欧洲变穷</t>
  </si>
  <si>
    <t>本报布鲁塞尔电 欧盟委员会负责经济和货币事务的委员阿尔穆尼亚6月30日在布鲁塞尔说，能源和食品价格的不断飙升正在使欧洲变穷。阿尔穆尼亚在当天举行的欧洲议会经济委员会会议上说，由于欧洲对能源和多种食品的需求严重依赖进口，其价格的上涨就意味着欧洲经济体?</t>
  </si>
  <si>
    <t>亚洲股市或将面临新一轮卖压</t>
  </si>
  <si>
    <t>本报讯 投资银行花旗发布的最新研究报告说，全球性股票型基金的资金大量流出，反映出全球投资气氛薄弱。亚洲股市或将面临新一轮卖压。报告认为，全球性股票型基金一直是亚洲资本市场的重要投资力量。然而基金调研机构EPFRGlobal的数据显示，今年以来，这一类型基</t>
  </si>
  <si>
    <t>美国：车轮上国家的汽车文化</t>
  </si>
  <si>
    <t>前一阶段回国休假，发现与两年前对比，国内许多城市汽车大量增加，相对而言，行车文明却似未有多大进步。我想结合切身体会，谈谈美国的一些汽车文化，希望对建设国内汽车文明能有所借鉴。对美国人来说，汽车就是一个无法离开的朋友、伙伴、家人，或者可以说是自己?</t>
  </si>
  <si>
    <t>美国应善待主权财富基金</t>
  </si>
  <si>
    <t>本报讯 美国私募股权基金巨头黑石集团董事长兼首席执行官斯蒂芬·施瓦茨曼日前在英国《金融时报》上发表文章指出，美国应善待主权财富基金，否则后者将寻求美国之外的投资选择，从而导致严重后果。文章援引中国的主权财富基金——中国投资公司(CIC)总经理兼副董事?</t>
  </si>
  <si>
    <t>世界经济增长将出现迟滞</t>
  </si>
  <si>
    <t>本报讯 据彭博社报道，正在瑞士巴塞尔出席国际清算银行年会的阿根廷中央银行行长马丁·雷德拉多6月29日称，到今年年底全球经济增长将出现迟滞。雷德拉多表示，在巴塞尔出席为期两天年会的各国(地区)央行行长普遍认为，由于通胀加剧以及借贷成本上升，世界经济将面?</t>
  </si>
  <si>
    <t>鲁炜阐述经济软实力十大要素</t>
  </si>
  <si>
    <t>本报讯(记者黄庭满)由新华社广东分社、博鳌亚洲论坛秘书处共同主办的“科学发展南方论坛——广州增城市启动全区域公园化战略高峰研讨会”6月28日在广州举行。与会专家及政府官员认为，增城市近些年创新建设三大主体功能区、建立生态补偿机制、实施全区域公园化战略，为实践</t>
  </si>
  <si>
    <t>台湾游，游什么</t>
  </si>
  <si>
    <t>大陆居民赴台湾旅游首发团将于7月4日从上海、厦门、广州等地同时出发。连日来，北京、上海、福建等地赴台旅游报名预约十分火爆，“台湾游”已成为这个夏天最热的旅游线路。对于隔着“一湾浅浅的海峡”期盼多年的大陆同胞来说，台湾游，我们可以游什么呢？民?</t>
  </si>
  <si>
    <t>美欧CEO高收入成“灾祸”</t>
  </si>
  <si>
    <t>美国经济显现颓势之际，美国“标准普尔500”股票指数成分股企业的首席执行官(CEO)们收入继续增加。　　法国经济未见起色之时，法国上市企业的高级管理人员收入大幅度增加。    法国财政部长克里斯蒂娜·拉加德因而把上市企业高?</t>
  </si>
  <si>
    <t>土地的警告</t>
  </si>
  <si>
    <t>“2030年，谁来养活中国人？”这是美国环境学家、世界观察研究所所长莱斯特·布朗先生1994年提出的令中国人深感不安甚至愤慨的问题。布朗认为，到2030年中国总人口将达到16亿，但粮食总产量至少减少20%，届时中国将进口约3.54亿吨粮食，中国政府或许有财力购买这些粮食，但世</t>
  </si>
  <si>
    <t>张之洞：汉阳雄铁照丹青</t>
  </si>
  <si>
    <t>$F提要$E：$T清末名吏张之洞督抚湖广期间，致力发展民族工业，建成了当时亚洲第一家钢铁联合企业——汉阳铁厂，开启了我国近代钢铁工业的先河，对后世影响深远。然而铁厂的建造过程——厂址的选定、原料的勘探、经费的筹措、设备的引进、企业的管理等，?</t>
  </si>
  <si>
    <t>企业如何穿越经济低迷的沼泽</t>
  </si>
  <si>
    <t>自去年夏天美国爆发次贷危机以来，美国经济增长缓慢。对公司管理者来说，讨论美国经济是否已经处于或即将陷入衰退没有什么实质意义，重要的是公司的业务是否受到了影响。应该说，那些在海外广泛开展业务的美国跨国公司无疑会更容易度过经济不景气的时光，而那类严重依赖美国?</t>
  </si>
  <si>
    <t>SEC着手削弱信用评级机构市场作用</t>
  </si>
  <si>
    <t>本报华盛顿电 美国证券交易委员会(SEC)25日表示，其计划出台针对信用评级机构的新法规，以削弱其市场作用。这一监管动态是美国政府在次贷危机爆发并引起金融动荡后作出的最新反应。根据新规，监管机构将要求对以抵押贷款和学生贷款为基础的债券产品进行单独信用评?</t>
  </si>
  <si>
    <t>铁矿石砸了谁的脚？</t>
  </si>
  <si>
    <t>力拓搬起了铁矿石，但没有砸在自己的脚面上。继四个月前巴西淡水河谷铁矿石涨价65%至71%之后，澳大利亚力拓再次令宝钢就范，价格最高涨幅达96.5%。交战双方是反着来的。我们企业和整个市场闷闷不乐的时候，我想，力拓和紧随其后的必和必拓以及所有铁矿商</t>
  </si>
  <si>
    <t>雅虎更“愿”牵手谷歌</t>
  </si>
  <si>
    <t>本报洛杉矶电 在美国媒体盛传微软公司和雅虎公司已经恢复收购谈判之际，雅虎有关负责人25日表示，谷歌公司是雅虎更理想的合作伙伴。雅虎董事长博斯托克和首席执行官杨致远在致股东的一封信中说，雅虎更希望和谷歌合作，因为双方在网络广告业务方面的合作具有更广阔</t>
  </si>
  <si>
    <t>WTO总干事下月召集部长级会议</t>
  </si>
  <si>
    <t>本报日内瓦电(记者刘国远)　世界贸易组织总干事拉米25日决定，将于下月21日召集该组织成员贸易部长会议，力争在农业补贴及农产品和工业品关税问题上取得突破性进展。　　据一些国家驻世贸组织代表透露，拉米是在当天的一次会议上宣</t>
  </si>
  <si>
    <t>欧盟借能源对话继续敲打欧佩克</t>
  </si>
  <si>
    <t>欧盟与石油输出国组织(欧佩克)第五次能源对话会议26日在布鲁塞尔结束，但双方在如何应对高油价等问题上存在明显分歧。首先，双方在欧佩克是否应增产问题上进行了交锋。24日，在能源对话会议开始前，欧盟委员会负责能源事务的委员安德里斯·皮耶巴尔格斯便再次敦促?</t>
  </si>
  <si>
    <t>世行：发展中国家控制腐败进展显著</t>
  </si>
  <si>
    <t>本报华盛顿电 世界银行24日公布的一份报告认为，许多发展中国家在控制腐败方面已取得重要进展。这份题为《全球施政指标》的报告认为，即使在较贫困国家中，也不乏施政良好的例子。尤其是一些新兴市场经济体，在主要施政指标方面进展明显。但报告也指出，</t>
  </si>
  <si>
    <t>联合国开发计划署与国内企业首次建立合作伙伴关系</t>
  </si>
  <si>
    <t>本报讯 在公共和私营部门之间建立合作伙伴关系，让企业在商业运作外，主动成为推动社会发展和环境保护的重要力量。24日，联合国开发计划署、中国国际经济技术交流中心与云南冶金集团总公司在京签署长期合作伙伴关系协议，标志着在担负社会责任方面政企间新的合作模式的确立。</t>
  </si>
  <si>
    <t>保尔森：美国经济年底重拾升势</t>
  </si>
  <si>
    <t>正在墨西哥坎昆参加会议的美国财长保尔森24日接受媒体采访时说，虽然美国经济有所放缓，但他对经济前景持谨慎乐观态度，预计今年底美国经济将重拾升势。保尔森表示，美国经济的长期基础依然坚实，他预计美国大多数地区的房价跌势将在年底见底，但他警告称高油价可?</t>
  </si>
  <si>
    <t>中国投资环境仍然吸引德资企业</t>
  </si>
  <si>
    <t>近一两年，面对不断上涨的成本压力，一些韩资企业开始撤离中国。不过，多数欧洲企业却并不急着撤资。上海德国外贸商会今年初对上千家在华德企的调查表明，90%以上德国企业准备在近期继续扩大在中国大陆的投资，而在6年前的上次调查中这一比例为80%。德国《南德意志</t>
  </si>
  <si>
    <t>欧盟对内部市场动大手术</t>
  </si>
  <si>
    <t>新通过的内部市场改革方案将进一步打破阻碍各成员国之间货物贸易发展的技术性壁垒欧盟23日通过一套内部市场改革方案，旨在进一步打破阻碍各成员国之间货物贸易发展的技术性壁垒，尤其是为中小企业拓展跨国业务提供了便利。欧盟委员会负责企业和工业事务?</t>
  </si>
  <si>
    <t>欧盟专家：中国提高油价很明智</t>
  </si>
  <si>
    <t>本报布鲁塞尔电 长期关注中国经济的欧盟专家邓肯·弗里曼23日说，中国政府日前决定提高成品油价格是明智之举，符合短期和长远利益。弗里曼现为布鲁塞尔自由大学当代中国研究所资深研究员。他在接受本报记者采访时表示，从短期来看，中国提高成品油价格有利于保障国</t>
  </si>
  <si>
    <t>CDM：“减排量”还能有“额外收益”</t>
  </si>
  <si>
    <t>2008年6月，英国一家大型能源服务公司的亚洲首席代表寻访到中国能源、资源大省黑龙江，主动寻找合作机会同当地企业携手将这里温室气体“减排量”卖到国际市场。难道企业节能减排提高了效益，还真能换回美元、欧元和技术这些“额外收益”？在依托清洁发展机制（CDM?</t>
  </si>
  <si>
    <t>北京旅游博览会：“台湾好玩又有味”</t>
  </si>
  <si>
    <t>“来台湾旅游，不仅可以玩得好，还可以品尝到当地特色的饮食，好玩又有味。”21日，在“2008北京国际旅游博览会”五号展馆内，一位工作人员一边忙碌地向观众分发着宣传册一边告诉记者，与往年不同，由于大陆赴台旅游即将于7月开放，今年台湾团前所未有地包下了整个五号展馆，</t>
  </si>
  <si>
    <t>伊朗从欧洲撤资传闻不属实</t>
  </si>
  <si>
    <t>本报德黑兰电 伊朗经济部长侯赛因·萨姆萨尼22日说，有关伊朗因为担心新一轮经济制裁而从欧洲各银行撤回资产的报道并不属实。萨姆萨尼是在当天接受伊朗国家电台采访时作上述表示的。他说，伊朗作为世界第四大原油输出国，美国等西方国家迄今实施的经济制裁并没有给</t>
  </si>
  <si>
    <t>日企信心指数继续全面下降</t>
  </si>
  <si>
    <t>本报东京电 日本内阁府和财务省23日联合发布的今年第二季度法人企业景气预测调查结果显示，大企业、主力企业和中小企业的信心指数继续全面下降。数据显示，大企业信心指数从上季度的负9.3继续降至负15.2。其中，制造业企业信心指数为负15.1，非制造业企业信心指数?</t>
  </si>
  <si>
    <t>吉达会议务虚  鲜有实质性措施出台</t>
  </si>
  <si>
    <t>沙特阿拉伯发起的国际石油会议于当地时间22日在沙特西部港口城市吉达举行。有30多个能源大国(生产国和消费国)、4个国际组织和30家石油公司出席了本次为期一天的会议。高油价和石油增产是两大主要议题。目前，接近每桶140美元的国际油价不仅使全球通胀压力陡升，还?</t>
  </si>
  <si>
    <t>油价上调  车市周末成交冷清</t>
  </si>
  <si>
    <t>“就在20号油价上涨那天，我和我爱人决定不买福克斯，改买日韩车了。”22日下午，北京亚运村汽车市场，正在一辆现代悦动前听销售人员介绍的张银对记者说。张银在一家酒店从事管理工作，一周前，他还在亚市看福克斯三厢，准备订车。“我爱人喜欢这个美国品牌，我则?</t>
  </si>
  <si>
    <t>农业“败将”鲁冠球远洋渔业翻身</t>
  </si>
  <si>
    <t>从浙江萧山乡村的村办小厂走出来、如今已登上中国民营企业巅峰的鲁冠球是工业的“娇子”，却曾是农业的“败将”。如今，他重点开拓远洋渔业，迎来中国远洋渔业发展的新时期。　　38艘驰骋在太平洋、大西洋、印度洋、西南大西洋的金枪鱼</t>
  </si>
  <si>
    <t>校舍与“菲尔德法案”</t>
  </si>
  <si>
    <t>汶川大地震，最揪心的事之一是校舍的倒塌，四川灾区的学校遭到“灭顶之灾”。有的整幢教学楼轰然坍塌，化为瓦砾，一个个鲜活的小生命被吞噬其中。面对着一幕幕的惨景，人们在无比悲痛中进行反思，血的教训可以归结为两点：一是在制订应对地震的政策时，重点应该摆在减灾上；?</t>
  </si>
  <si>
    <t>法国重拳打击网络盗版行为</t>
  </si>
  <si>
    <t>本报巴黎电 法国政府18日将《创作与互联网》法律草案提交内阁会议讨论，拟出重拳打击网络盗版行为。针对网络盗版行为，草案规定了从简单警告到禁止网上活动的各种处罚。法国文化和通信部长阿尔巴内尔指出，法国是世界上非法下载问题最为严重的国家，唱片</t>
  </si>
  <si>
    <t>高油价将促使航空业进行调整</t>
  </si>
  <si>
    <t>本报巴黎电 空中客车母公司、欧洲航空防务和航天公司(EADS)首席执行官路易·加卢瓦18日表示，即使油价的飙升有一部分投机因素所致，但高油价时代确实已经来临。“高企的油价将迫使我们不得不重新反思一下整个航空业的未来。”空客公司目前的订单已经排到2014年，但</t>
  </si>
  <si>
    <t>荷兰超市试用指纹支付系统</t>
  </si>
  <si>
    <t>本报布鲁塞尔电 荷兰最大的连锁超市阿尔贝特·海恩17日开始启用一种新型支付系统：顾客只需用手指在扫描仪上一按，付款就自动完成。这意味着人们购物将不必携带现金和银行卡等，比以往更加方便和安全。据荷兰通讯社报道，阿尔贝特·海恩超市目前只在位于荷兰中部布</t>
  </si>
  <si>
    <t>欧盟拟补贴渔业应对高油价</t>
  </si>
  <si>
    <t>本报布鲁塞尔电 欧盟委员会17日建议放宽对成员国提供补贴的限制，以帮助陷入困境的欧盟渔业应对高油价。根据欧盟委员会的这一建议，欧盟成员国可以为单个渔业企业提供的补贴上限将由目前的三年3万欧元提高至10万欧元。此外，欧盟委员会还建议允许成员国为在渔业重?</t>
  </si>
  <si>
    <t>CFTC敦促外国交易所加强监管原油交易</t>
  </si>
  <si>
    <t>本报华盛顿电 由于投机炒作因素在当前油价上涨中扮演的角色越来越引起关注，美国商品期货交易委员会(CFTC)17日宣布，将要求提供美国原油期货合约交易的外国交易所对交易者采取更加严格的持仓限制。CFTC表示，将要求位于伦敦的ICE欧洲期货交易所对买卖美国西得克萨?</t>
  </si>
  <si>
    <t>沙特吉达会议不会作出石油增产决定</t>
  </si>
  <si>
    <t>本报华盛顿电 美国白宫发言人弗拉托16日对媒体表示，美国认为即将在沙特阿拉伯港口城市吉达召开的世界主要石油生产国和消费国会议不会作出增加石油产量的决定。弗拉托表示，目前正在欧洲访问的美国总统布什将于17日返回华盛顿，届时他将同有关官员商讨派谁代表美国</t>
  </si>
  <si>
    <t>以色列混合动力车销售增长迅速</t>
  </si>
  <si>
    <t>本报耶路撒冷电 据以色列《国土报》11日报道，自2008年以来，以色列汽车市场的混合动力车越来越受消费者追捧，以油电混合动力系统代替传统燃油引擎，从而减少能源消耗与尾气污染的概念愈加深入人心。目前已经进入以色列市场的混合动力车是丰田普瑞斯、本田思域IMA?</t>
  </si>
  <si>
    <t>美韩进口牛肉谈判重新启动</t>
  </si>
  <si>
    <t>本报华盛顿电 美国贸易代表发言人哈梅尔16日对媒体宣布，美韩两国将从当天起就韩国恢复进口美国牛肉问题重启谈判。哈梅尔说，韩国贸易谈判代表金宗埙将于16日返回华盛顿，继续就进口美国牛肉问题同美方进行谈判。哈梅尔曾在15日宣布，美国和韩国的贸易官员于13日和</t>
  </si>
  <si>
    <t>亚洲需在坚实经济基础上继续前行</t>
  </si>
  <si>
    <t>本报吉隆坡电 第17届世界经济论坛东亚会议16日在吉隆坡闭幕。与会代表指出，亚洲需要在其坚实的经济基础上继续前行，迎接目前全球所面临的食品和燃油价格上涨以及金融动荡带来的挑战。韩国外交通商部次官安豪荣在致闭幕词时说，亚洲国家目前已经通过实行市场经济实</t>
  </si>
  <si>
    <t>战略经济对话在美中关系中发挥建设性作用</t>
  </si>
  <si>
    <t>“战略经济对话在美中关系中发挥着建设性作用。”美国著名智库卡托研究所负责学术事务的副所长、中国问题专家詹姆斯·多恩在中美两国举行新一轮战略经济对话前夕接受本报记者专访时非常肯定地说道。他说，战略经济对话用比较长远的眼光来看待目前存在的问题，用完?</t>
  </si>
  <si>
    <t>韩美牛肉谈判未能达成协议</t>
  </si>
  <si>
    <t>美国贸易代表发言人哈梅尔15日对媒体表示，美国和韩国的贸易官员于13日和14日就韩国恢复进口美国牛肉问题举行了谈判，双方进行了“坦率的”会谈，但未能达成协议。韩国外交通商部16日也发表声明说，韩美两国高级贸易谈判代表已经结束在美国华盛顿就牛肉进出口争议问题举行的?</t>
  </si>
  <si>
    <t>美大企业CEO薪酬逆市走高</t>
  </si>
  <si>
    <t>本报纽约电 据美联社报道，虽然美国遭遇次贷危机，经济增速大幅放缓，但调查显示，去年美国大企业的首席执行官(CEO)薪酬却不降反升。美联社调查显示，标准普尔500指数成分股企业CEO去年中间薪酬水平为840万美元，比前年增加28万美元。这意味着这些企业掌门中有一半</t>
  </si>
  <si>
    <t>欧元区通胀压力大增</t>
  </si>
  <si>
    <t>本报柏林电 欧盟统计局16日公布，5月份欧元区消费者价格指数比去年同期增长3.7%，远超欧洲央行设定的2%通胀控制目标上限。这表明欧元区通胀压力在明显增大。数据显示，欧元区4月份通胀率为3.3%，去年5月份通胀率为1.9%。与4月份相比，5月份欧元区消费者价格指数增?</t>
  </si>
  <si>
    <t>网上购物并不“绿色”</t>
  </si>
  <si>
    <t>英国日前公布的一项市场调查显示，网上购物发展速度迅猛，网购人数、消费金额逐年递增。低价、便捷、环保，是大多数消费者青睐网购的主要原因。不过，美国环境保护署、麦肯锡咨询公司等机构的调查揭示，时下流行的网购只是“看起来节能、环保”。因为网购等网络行?</t>
  </si>
  <si>
    <t>广东烤鳗出口持续低迷</t>
  </si>
  <si>
    <t>本报广州电 广东是我国烤鳗出口的主要省份之一，近年来烤鳗业接连遭遇国外贸易壁垒，出口持续低迷。据广州海关统计，今年1至4月广东烤鳗出口1676.4吨，价值2236.5万美元，分别大幅下降68.2%和63.4%日本是全球最主要的烤鳗消费市场，广东烤鳗出口近八成销往日本。而</t>
  </si>
  <si>
    <t>加强国际科技合作和信息交流</t>
  </si>
  <si>
    <t>本报日本名护电 为期一天的首届八国集团科技部长会议15日在日本冲绳县名护市闭幕。与会代表认为，加强国际科技合作和信息交流、实现研发资源共享，对应对气候变暖、保障粮食和能源安全等至关重要。八国集团成员国和欧盟委员会的部长级代表在会后发表的声明中说，核</t>
  </si>
  <si>
    <t>非洲将再拨10亿美元帮助非洲农业</t>
  </si>
  <si>
    <t>本报内罗毕电 据此间媒体14日报道，非洲开发银行(简称非行)一名高级官员日前表示，非行将再拨款10亿美元帮助非洲国家提高粮食产量和增强农业研究，以应对日益高涨的国际粮食价格。非行副行长阿龙马·奥特在赞比亚参加一个投资会议接受媒体采访时说，非行承诺将再拨</t>
  </si>
  <si>
    <t>徐寿与中国近代造船业</t>
  </si>
  <si>
    <t>提要：1840年，西方的“坚船利炮”打开了中国闭关的国门。一批有识之士提出“师夷长技以制夷”的口号，掀起了一场救国图强的洋务运动。徐寿正是在这场运动中涌现出的杰出科学家。他与华蘅芳、徐建寅一起研制了中国第一台船用蒸汽机、中国第一艘轮船及第一艘军舰，开启了中国?</t>
  </si>
  <si>
    <t>我国成功应用XBRL于资本市场</t>
  </si>
  <si>
    <t>本报华盛顿电 美国证券交易委员会10日在其设在华盛顿的总部召开了“财务报告中的互动数据”——XBRL(可扩展的商业报告语言)应用国际圆桌会议。由于中国资本市场在推广XBRL应用上已取得令人瞩目的成绩，会议特邀中国证监会和上海证券交易所(上证所)的有关人员出席。</t>
  </si>
  <si>
    <t>欧盟敦促英国缩小赤字比重</t>
  </si>
  <si>
    <t>本报布鲁塞尔电 由于英国财政赤字水平在今明两年将超出欧盟允许的上限，欧盟委员会11日正式发出警告，并要求英国政府采取措施予以纠正。欧盟委员会负责经济和货币事务的委员华金·阿尔穆尼亚当天说，英国赤字超标既不存在特殊情况，也不是“暂时的”，因此欧盟委员</t>
  </si>
  <si>
    <t>应对变局</t>
  </si>
  <si>
    <t>自从去年美国爆发次债危机以来，全球经济便不断传出各种各样的坏消息。美元贬值、消费下降、全球性的物价上涨引发的通货膨胀、油价高烧不止、金融市场不断下跌等等。这种动荡不断地冲击着世界各地，最近的是越南，在通货膨胀的压力下，经济和金融形势急剧恶化，引起人们的普?</t>
  </si>
  <si>
    <t>3G网店颠覆传统电子商务模式</t>
  </si>
  <si>
    <t>本报讯 日前，香港斐贝国际电子商务控股集团有限公司(以下简称斐贝国际)在京发布3G模式的电子商务网站，启动斐贝大陆、斐贝香港、斐贝北美三大电子商务平台。3G网店与传统电子商务的最大区别是将互联网上购物、零库存配送与地面的实体体验服务完美融合，自身拥有庞</t>
  </si>
  <si>
    <t>欧盟就业改革打破多年僵局</t>
  </si>
  <si>
    <t>本报布鲁塞尔电 欧盟成员国10日打破多年僵局，终于就强化每周最长工作时间限制和临时工权益等就业改革问题达成一致。当天，欧盟成员国就业和社会事务部长在卢森堡举行的例会上经过一番激烈的讨价还价，最终就这两项拖延多年的改革事项达成妥协。根据新达</t>
  </si>
  <si>
    <t>八国集团财长将关注“双高”探寻出路</t>
  </si>
  <si>
    <t>美国、日本、德国、英国、法国、意大利、加拿大、俄罗斯八国财政部长将于13日参加在日本大阪召开的八国集团(G8)财长会议。分析人士预计，原油、食品价格飙升等问题将是本次G8财长会议讨论的主要议题，不过估计很难拿出什么快速的解决之道。新加坡ING金融市场公司研</t>
  </si>
  <si>
    <t>俄罗斯赶超沙特成为全球最大产油国</t>
  </si>
  <si>
    <t>本报巴黎电 总部设在巴黎的国际能源机构(IEA)10日说，2008年第一季度，俄罗斯凭借950万桶的原油日产量超过沙特成为全球第一大产油国。根据IEA提供的数据，今年第一季度，沙特的原油日产量为920万桶，美国的日产量居第三，达510万桶。伊朗位居其后，日产量为400万桶</t>
  </si>
  <si>
    <t>越南将继续控制通货膨胀</t>
  </si>
  <si>
    <t>本报河内电 据此间媒体10日报道，越南政府提出，2009年将继续控制通货膨胀，努力实现经济增长率为7%至7.5%的目标。越南总理阮晋勇日前指示有关部门认真落实各项旨在促进出口、控制进口的措施，以减少贸易逆差。同时加强市场监督，确保商品特别是居民生活必需品的供</t>
  </si>
  <si>
    <t>欧元区应加强金融系统透明度</t>
  </si>
  <si>
    <t>本报柏林电 欧洲央行9日发布半年一度的《金融稳定性回顾》报告指出，今年上半年欧元区金融系统面临的风险增加，欧元区银行应继续加强不良资产的披露，增强金融系统透明度。报告指出，欧元区金融稳定性面临的风险在过去六个月中有所增加。半年来美国次贷危机不断冲?</t>
  </si>
  <si>
    <t>伯南克：美经济陷入“严重低迷”风险降低</t>
  </si>
  <si>
    <t>本报华盛顿电 美国联邦储备委员会主席伯南克9日表示，尽管美国第二季度经济活动可能依然乏力，但其陷入“严重低迷”的风险在过去一个月左右的时间里似乎有所降低。伯南克当天晚上在马萨诸塞州举行的一次美联储会议上说，尽管5月份美国失业率上升了0.5个百分点达到5</t>
  </si>
  <si>
    <t>巴西今年汽车产量将达342万辆</t>
  </si>
  <si>
    <t>本报里约热内卢电 巴西机动车生产商协会(anfavea)的最新预测显示，预计2008年巴西汽车销量将达306万辆，比上年增长24.2%，汽车产量将达342.5万辆，同比增长15%。巴西机动车生产商协会预计，今年巴西汽车出口情况将好于此前预期，出口总量将达78万辆，同比下跌1%，?</t>
  </si>
  <si>
    <t>高油价逼美国人少开车</t>
  </si>
  <si>
    <t>美国被称为“车轮上的国家”。与小型汽车在欧洲大行其道不同，美国车素以不计油耗、追求宽敞舒适而著称，油耗颇高的多功能运动车(SUV)和皮卡在美国市场风行多年。美国汽车多的部分原因是，许多美国家庭分散居住在独幢大房子里，工作、购物、娱乐场所等都离家甚远，</t>
  </si>
  <si>
    <t>从细节体会法国人的环保意识</t>
  </si>
  <si>
    <t>家住巴黎大区克里希市的塞西尔最近收到了市政府的一封来信，由于她没有严格按规定对垃圾进行分类，市政府对她发出了警告。信中还附有一份关于垃圾分类的具体法则。塞西尔说，“前几天，我不小心将玻璃瓶和生活垃圾混在了一起。下次一定要注意，否则就要罚钱了”。$</t>
  </si>
  <si>
    <t>文化符号与传统秉承</t>
  </si>
  <si>
    <t>再过两天就是端午节，这是新中国第一个让人们正式享有假期的端午节。对此，许多人很有感慨。有人说，要不是韩国人抢先申遗了一个“端午祭”，我们也不会那么看重自己的端午节。这就好比拍卖会上有人高价拍卖了某件文物之后，我们才想起自己的床底下，原来还有件更?</t>
  </si>
  <si>
    <t>“灾害经济学”与灾后重建</t>
  </si>
  <si>
    <t>强烈地震袭击汶川，造成重大人员伤亡和财产损失。现在我们要思考的是，如何来评估这次汶川地震的经济损失？通过什么样的方式来重建灾区的家园？自上世纪50年代开始关于灾害经济的讨论以来，灾害经济学开始逐渐影响国家决策。1976年美国出版的《自然灾害风险评价与?</t>
  </si>
  <si>
    <t>重庆北碚台湾农民创业园向台商送出八个“大礼包”</t>
  </si>
  <si>
    <t>本报重庆电 自建自用住房免收建设规费；项目审批、年检等相关手续由园区无偿代办；经营期10年以上的农业生产型企业，投产后3个纳税年度内企业所得税区级分成部分100%补贴给企业……重庆北碚台湾农民创业园日前送出八个“大礼包”，鼓励台商入园投资创业。北碚区台?</t>
  </si>
  <si>
    <t>印、马提高国内成品油价格</t>
  </si>
  <si>
    <t>本报讯 鉴于国际油价持续高位运行，4日印度和马来西亚相继宣布提高国内成品油价格。从4日起，印度国内汽油价提高11%，至每升50.52卢比(1.19美元)；柴油提价9.5%，至每升34.48卢比(0.81美元)。此外，印度政府还将每罐煤气提价17%。许多印度人用于照明和生</t>
  </si>
  <si>
    <t>马来西亚华人赈灾晚会震撼人心</t>
  </si>
  <si>
    <t>2008年5月30日，美丽的马六甲海峡风平浪静，海峡东岸的马来西亚首都吉隆坡夜空依然灿烂美丽。然而，对于马来西亚的华人和所有中国人来说，这是一个悲情的夜晚，一个激昂的夜晚，一个值得全中国人感恩的夜晚。    两周时间　紧张筹备</t>
  </si>
  <si>
    <t>世贸组织成员抨击美国新农业法案</t>
  </si>
  <si>
    <t>本报日内瓦电(记者刘国远)　由发展中国家组成的“20国协调组”和由农产品出口国组成的凯恩斯集团3日在日内瓦分别发表声明，谴责美国国会上月通过的新农业法案，认为该法案与多哈回合谈判的目标和使命背道而驰。    在世界贸易组织当天?</t>
  </si>
  <si>
    <t>日本公务员使用“娱乐费”将有章可循</t>
  </si>
  <si>
    <t>本报东京电 据日本《朝日新闻》3日报道，日本总务省和财务省计划制订各省厅的通用标准，规范国家公务员“娱乐费”的使用。据报道，在日本各省厅，“娱乐费”是作为职员健康和福利卫生费用支出的“职员厚生经费”的一部分。在2008年度的预算中，日本国家公务员人均?</t>
  </si>
  <si>
    <t>英国：环保理念打造绿色生活</t>
  </si>
  <si>
    <t>漫步在英国街头，感觉是环境优美，空气清新。城市内公园中嫩绿的草坪，住宅前五颜六色的花草，街道旁合抱粗的大树……让人置身于绿的世界中。在首都伦敦，自然公园星罗棋布，无论是海德公园还是摄政公园或是肯辛顿王宫花园，随处可见蹦蹦跳跳的松鼠和休闲觅食的鸽?</t>
  </si>
  <si>
    <t>德勤：美国仍是全球技术创新中心</t>
  </si>
  <si>
    <t>本报洛杉矶电 德勤顾问公司3日公布的一项调查报告称，美国仍是全球技术创新的中心，并且这种状况短期内难以改变。这项对全球400多家风险投资机构的调查显示，尽管全球技术创新竞争日益加剧，欧洲在生命科学和清洁能源技术领域稳扎稳打，亚洲在信息技术方面表现出色</t>
  </si>
  <si>
    <t>国内最大规模绿色私募股权基金启动</t>
  </si>
  <si>
    <t>本报讯 由澳大利亚私募投资集团和北润集团共同发起设立的总额为20亿美元的绿色私募股权投资基金(GPE投资基金)近日在北京正式启动。北润集团总裁王晓东说：“GPE基金是目前国内最大规模的绿色私募股权基金。这笔基金启动后，我们将把四川灾区重建项目作为一个投资重点，尤其是</t>
  </si>
  <si>
    <t>亚洲人最信赖海尔冰箱</t>
  </si>
  <si>
    <t>本报讯 2008年，亚洲地区最受消费者信赖的品牌有哪些？信赖度最高的冰箱品牌是哪一个？日前，美国《读者文摘》第10届信誉品牌年度调查给出了答案。据最新得到的消息显示，在美国《读者文摘》第10届信誉品牌年度调查中，海尔冰箱一举夺得金牌。此次评选，金奖得主的</t>
  </si>
  <si>
    <t>奥运香港游HongKong</t>
  </si>
  <si>
    <t>走下飞机，住进酒店，观看比赛，领略维港夜景，尽享亚洲美食，玩转购物天堂……今年8月，如何才能在香港享受一个完美的奥运假期，本报《奥运特刊》一一为你解答。    观赛在香港    奥运马术项目的比赛自8月9日起，直到8月21日结束(2</t>
  </si>
  <si>
    <t>世界粮食会议聚焦“应对高粮价”</t>
  </si>
  <si>
    <t>世界粮食安全高级别会议3日在罗马开幕。在全球粮价急剧攀升之时，为期三天的会议将试图找到解决当前粮价危机的“良方”，敦促各国加大农业投入，并在加大对发展中国家农业援助和开发生物能源等问题上寻求协调立场。严峻现实会议主办方联合国粮农组织公布的数</t>
  </si>
  <si>
    <t>温州富人鲜进“富人圈”</t>
  </si>
  <si>
    <t>今年2月8日，正月初二，一个骄阳似火的下午，记者顶着阿拉伯沙漠炽热的“火球”，乘车从迪拜的市中心出发，前往迪拜的富人区——久美拉街采访。    2月的北京还是冬天，但地处阿拉伯沙漠地带的迪拜依然是赤日炎炎。当地温州人向记者介?</t>
  </si>
  <si>
    <t>法国汽车品牌日趋“海外制造”</t>
  </si>
  <si>
    <t>本报巴黎电 随着劳动成本的快速提高、欧元对美元汇率飙升，法国两大汽车品牌在本土生产汽车的比例快速下滑。它们为了节约成本和使产品更接近新市场，加快了生产任务向海外的转移。相关数据显示，雷诺集团和标致雪铁龙集团汽车本土生产比例快速下滑。今年第一季度，</t>
  </si>
  <si>
    <t>我国工人代表当选国际劳工组织副理事</t>
  </si>
  <si>
    <t>本报日内瓦电 正在日内瓦召开的第97届国际劳工大会2日下午举行了国际劳工组织理事会换届选举。在理事会工人组的选举中，中国工人代表成功当选工人副理事。共有123名工人代表参加了投票，中国工人代表以108票高票当选工人副理事。中国工人代表当选后，许多国际、区?</t>
  </si>
  <si>
    <t>标普下调美国多家知名投行信用评级</t>
  </si>
  <si>
    <t>本报纽约电 权威信用评级机构标准普尔公司2日宣布，下调雷曼兄弟、美林、摩根士丹利等美国多家投行的信用评级。标普称，下调这些投行的信用评级“反映出投资银行业持续疲软的前景”。它预计美国主要投行未来可能进一步减记资产，但减记规模可能不及过去几个季度。?</t>
  </si>
  <si>
    <t>美第四大银行CEO“下台”</t>
  </si>
  <si>
    <t>本报纽约电 美国第四大商业银行美联银行2日宣布，其董事会已要求首席执行官(CEO)肯·汤普森退休。汤普森就此成为美国次贷危机和金融动荡中又一位“负罪”离职的金融机构最高管理者。根据美联银行公告，公司董事长兰迪·史密斯将临时接任首席执行官一职。史密斯当天</t>
  </si>
  <si>
    <t>汽车总体质量四年来首次下滑</t>
  </si>
  <si>
    <t>本报讯 美国一著名汽车咨询公司近日公布的年度汽车质量调查显示，汽车总体质量四年来首次下滑，而众多豪华品牌车质量依然出色。战略眼光咨询公司总裁亚历山大·爱德华兹介绍说，这项名为“综合质量指数”的调查以20655名去年9月至11月间购买新车的美国人的问卷为基</t>
  </si>
  <si>
    <t>巴西：如美不履行WTO裁决将考虑贸易报复</t>
  </si>
  <si>
    <t>本报巴西利亚电 巴西外交部2日发表公报称，假如美国不履行世界贸易组织裁决，放弃对棉花生产进行补贴，巴西将考虑采取贸易报复手段。世贸组织上诉机构当天再次就美国与巴西之间的棉花补贴争端作出裁决，认定美国违规败诉。按照规则，美国必须按照裁决结果取消违规?</t>
  </si>
  <si>
    <t>欧元区财长未就减燃油税达成一致</t>
  </si>
  <si>
    <t>本报柏林电 欧元区财政部长会议2日在德国法兰克福举行。会议未能就采取减税措施以应对高油价问题达成一致。据报道，由于国际油价居高不下，法国总统萨科齐建议在欧洲范围内降低汽油和其他燃料油的增值税，以减少油价飞涨带来的不利影响。在当天举行的会议上，德国?</t>
  </si>
  <si>
    <t>前5个月印度股市表现欠佳</t>
  </si>
  <si>
    <t>本报新德里电 据《印度快报》2日报道，摩根士丹利资本国际公司的调查数据显示，今年前5个月印度在全球表现最差股市中名列第三。今年1至5月，印度股市下跌27.98%，跌幅仅次于土耳其和菲律宾。调查举例说，如果投资者在1月1日向股市投入100卢比，到5月底只剩下72.02?</t>
  </si>
  <si>
    <t>多哈回合谈判仍有望在今年结束</t>
  </si>
  <si>
    <t>本报利马电 世界贸易组织总干事拉米1日表示，有关全球多边贸易的多哈回合谈判仍有望在今年结束。拉米是在当天参加亚太经合组织贸易部长会议期间对媒体作上述表示的。拉米说：“我们知道如何到达目的地，我们需要快速，而且就是现在，跨过农业补贴、工业?</t>
  </si>
  <si>
    <t>节能生活风靡全球</t>
  </si>
  <si>
    <t>英国：面对水资源短缺　发起节水挑战　　地球淡水资源有限，而人们对水的大量浪费使水资源日益短缺。英国一家瓶装水生产商发出倡议，希望英国人挑战自己，用20升水过一天。一些英国居民接受了这一挑战，并记下自己用20升水过一天的</t>
  </si>
  <si>
    <t>日本专家：灾后避难需防“经济舱综合征”</t>
  </si>
  <si>
    <t>日本专家在本国救灾过程中发现，一些受灾民众由于在地震后长时间生活在拥挤的避难场所，不舒展的姿势、心理压力、脱水引起的血液浓缩都容易诱发他们出现类似“经济舱综合征”的症状。对此，专家们相继提出了一些有针对性的预防措施。</t>
  </si>
  <si>
    <t>意大利最大律师事务所入驻中国</t>
  </si>
  <si>
    <t>本报讯　意大利凯明迪律师事务所北京办事处日前开业，这意味着这家意大利最大的律师事务所正式进入中国市场。　　凯明迪律师事务所成立于1948年，目前拥有50名合伙人以及大约300名律师和税务顾问，在罗马、米兰、都灵、伦敦、纽约?</t>
  </si>
  <si>
    <t>次贷危机中的美国保险业对我国的启示</t>
  </si>
  <si>
    <t>2007年以来，以次级房贷违约率上升为导火索，美国爆发了所谓的“次贷危机”，许多对冲基金、投资银行、商业银行、政府住宅代理机构等都受到强烈冲击，并引发了全球金融市场动荡。次贷危机至今尚未结束，并且影响日益扩大。作为金融服务业</t>
  </si>
  <si>
    <t>高油价将使能源补贴难以为继</t>
  </si>
  <si>
    <t>本报伦敦电(记者陈文仙)　美国投行摩根士丹利日前发布研究报告称，虽然能源补贴有利于发展中国家经济增长，但是扭曲了全球石油需求，并导致发展中国家通胀水平被低估。高油价最终将令发展中国家能源补贴难以为继。　　报告称，目前</t>
  </si>
  <si>
    <t>中国房地产市场如何前行？</t>
  </si>
  <si>
    <t>在出席亚洲协会第18届企业年会时，来自世界各地的业界代表，在纵论中国房地产可持续发展之时，泡沫与后奥运成为热点词汇。    美中贸易全国委员会中国事务副会长溥乐伯说，通过市场调研，从需求的角度上来说，在中国特别是升级换代的需</t>
  </si>
  <si>
    <t>东京非洲发展国际会议关注粮价上涨问题</t>
  </si>
  <si>
    <t>本报日本横滨电(记者钱铮　齐威)　正在这里参加第四届东京非洲发展国际会议的非洲国家和国际机构领导人29日召开特别会议，呼吁国际捐助国及其合作伙伴继续支持非洲各国政府和区域性机构，以应对全球粮食价格高涨的严峻挑战。    联合国</t>
  </si>
  <si>
    <t>福州新目标：海峡西岸区域金融中心</t>
  </si>
  <si>
    <t>本报福州电(记者来建强)　著名侨乡、中国首批对外开放海港城市——福州将最新发展目标锁定于海峡西岸区域金融中心。　　在日前举行的第十届海交会2008亚洲投资基金(福州)峰会上，福州市邀请了凯雷投资集团、IDG技术创业投资基金、?</t>
  </si>
  <si>
    <t>企业承担不起的事情</t>
  </si>
  <si>
    <t>观察家    柏林艺术大学品牌战略学者安德列亚斯·马克说：“抵制北京奥运会是企业根本承担不起的事情。”因为，企业通过这样的体育赛事可以赢得大量观众。    日前，美国尼尔森市场研究公司公布的一份研究报告预计，与去年?</t>
  </si>
  <si>
    <t>主业在华外国公司可望首批挂牌A股</t>
  </si>
  <si>
    <t>“外国公司何时到A股市场挂牌成为当前热点，根据我们的判断，主营业务在中国的外国公司可望首批在A股市场上挂牌。”5月29日，美迈斯律师事务所亚洲区主管赵宏绚在天津召开的亚洲协会第18届企业年会上如此表示。    针对外国公司到A股市</t>
  </si>
  <si>
    <t>美国经济仍面临诸多问题</t>
  </si>
  <si>
    <t>自4月初以来，美国陆续公布了就业、贸易等方面的利好经济数据，许多经济学家调低了对美国经济出现衰退的预期，美国和欧洲的官员也纷纷就金融市场表明更加乐观的态度。　　然而，近期国际油价的再创新高和最新经济数据的出台令业内人士?</t>
  </si>
  <si>
    <t>多哈回合谈判需新兴经济体的更大让步</t>
  </si>
  <si>
    <t>本报布鲁塞尔电(记者尚军)　欧盟贸易委员彼得·曼德尔森27日表示，新兴经济体需要在非农产品市场准入方面为推动多哈回合谈判进程做出更大让步。　　曼德尔森当天在对欧洲议会贸易委员会发表讲话时说，尽管世界贸易组织目前推出的新</t>
  </si>
  <si>
    <t>澳大利亚与智利完成自贸协定谈判</t>
  </si>
  <si>
    <t>本报堪培拉电　澳大利亚贸易部长西蒙·克林27日说，澳大利亚与智利已成功完成自由贸易协定谈判，有望在7月下旬正式签署。　　克林称，该协定获得两国批准后，预计将于2009年1月开始生效。从协定生效之日起至2015年，商品贸易关税将</t>
  </si>
  <si>
    <t>爱立信预测全球手机用户数量五年内翻番</t>
  </si>
  <si>
    <t>本报斯德哥尔摩电(记者吴平)  据瑞典媒体日前报道，瑞典移动通信设备制造商爱立信公司总裁思文凯预测认为，全球手机用户数量有望在今后五年内翻番。    思文凯日前在爱立信公司举行的资本市场日活动上发表讲话说，从目前的发?</t>
  </si>
  <si>
    <t>全球风能产业发展势头强劲</t>
  </si>
  <si>
    <t>德国风能协会日前召开新闻发布会，公布了该机构对全球风能产业未来发展的预测报告。报告称，在未来10到20年内，全球风能产业将迎来黄金发展期。　　据预测，未来10年内，全球风能市场将保持每年20%的增长速度。到2017年，每年新增风电?</t>
  </si>
  <si>
    <t>韩国大型企业不从辽宁撤资</t>
  </si>
  <si>
    <t>去年以来，国内一些省份开始出现韩国在华企业撤资现象。一然而，记者在采访调查中发现，在辽韩资企业不仅没有撤离，反而有加大投资的趋势。　　韩国企业在辽投资不降反升    近年来，随着中国经济的发展和有关保护劳动者的法律法规不</t>
  </si>
  <si>
    <t>中国女子沙滩排球距奥运奖牌有多远</t>
  </si>
  <si>
    <t>世界女子沙滩排球巡回赛日本站比赛25日落幕，这是中国女子组合在北京奥运会前参加的最后一站巡回赛。田佳／王洁和薛晨／张希力发挥出色，分别获得亚军和第三名。但是，比赛中仍然暴露了中国球员发挥不稳定、心理波动大的痼疾。女子沙排被视为?</t>
  </si>
  <si>
    <t>郑商所年内推出早籼稻期货</t>
  </si>
  <si>
    <t>在有关方面的配合下，郑州商品交易所将在年内推出国内最大的农产品期货——稻谷期货。    分析人士指出，稻米是世界上一半以上人口的主食，前一段时间，国际米价大幅上涨，而近日又出现大幅下跌。两周来，美国芝加哥期货交易所(CBOT)的</t>
  </si>
  <si>
    <t>各国应加大建设海洋保护区的力度</t>
  </si>
  <si>
    <t>本报柏林电　世界自然基金会日前在德国波恩发布报告说，海洋每年为人类创造的总价值达到21万亿美元，但目前仅有0.5%的海洋区域得到保护，各国应加大建设海洋保护区的力度。　　联合国《生物多样性公约》第九届缔约方会议目前正在波</t>
  </si>
  <si>
    <t>美监管机构调查信用评级机构</t>
  </si>
  <si>
    <t>本报纽约电  美国证券交易委员会(SEC)26日表示，已开始调查标普、穆迪和惠誉三大信用评级机构。外界认为评级机构对次贷债券的错误评级是导致次贷危机的原因之一。    SEC交易和市场部主管埃里克·西里说：“我们已经向穆迪、标普?</t>
  </si>
  <si>
    <t>欧洲物流巨头大幅扩展中国业务</t>
  </si>
  <si>
    <t>本报法兰克福电　德国铁路公司26日表示，将大幅扩大其在亚洲特别是中国的物流业务。　　欧洲物流巨头——德国铁路旗下的辛克物流公司主管托马斯·利伯表示，公司计划在2010年前将在中国的业务据点增加1倍，达到70个城市。他还预计?</t>
  </si>
  <si>
    <t>通胀将迫使海合会国家放弃盯住美元政策</t>
  </si>
  <si>
    <t>本报开罗电(记者朱磊)美国美林公司日前发布报告称，通货膨胀将在未来几个月内迫使海合会国家放弃盯住美元政策，而美国可能已默许了这一改变。    报告称，预计阿联酋和卡塔尔有可能在接下来的几个月内放弃盯住美元政策，改为与一揽子货</t>
  </si>
  <si>
    <t>欧盟制订汽车安全新规</t>
  </si>
  <si>
    <t>本报讯　欧盟委员会23日提议，到2012年，欧盟成员国内所有新上市车型必须配备电子稳定控制系统(ESC)等安全系统，以减少车祸，同时降低二氧化碳排量。    根据这一提议，所有新款车辆必须在2012年前安装电子稳定控制系统；到2014年，所?</t>
  </si>
  <si>
    <t>奥地利人买车趋向小型节能环保</t>
  </si>
  <si>
    <t>本报维也纳电(记者刘钢)今年头四个月，奥地利人新购汽车的数量较去年同期增加了0.28%，但新购汽车中，小型和超小型汽车的比例明显增加。    据奥地利汽车俱乐部(OeAMTC)最新发布的数据，“超小型和小型汽车销售比例增幅显著，普通</t>
  </si>
  <si>
    <t>欧盟部分成员国反对世贸谈判新妥协方案</t>
  </si>
  <si>
    <t>本报布鲁塞尔电(记者尚军)针对世界贸易组织上周公布的多哈回合谈判关于农产品和非农产品贸易谈判的最新妥协方案，以法国为首的欧盟部分成员国26日表示强烈反对。    当天，欧盟27国外长在布鲁塞尔举行的例会上听取了欧盟贸易委员彼</t>
  </si>
  <si>
    <t>为奥运练兵  中国女足轻装上阵亚洲杯</t>
  </si>
  <si>
    <t>在广东集训了3天的中国女足5月26日从广州飞赴越南，参加即将揭幕的第16届亚洲女足锦标赛。低谷中的“铿锵玫瑰”依然牵动着国人的心。　　中国女足是以卫冕冠军的身份出征的。上届比赛中，当时并不太被看好的中国队连克朝鲜和澳大利亚队，最?</t>
  </si>
  <si>
    <t>应对气候变化和能源安全挑战</t>
  </si>
  <si>
    <t>本报阿伯丁电(记者马建国)近日召开的阿伯丁全能源年会强调各国政府有足够的政治意愿与能源产业界一道应对当今世界面临的双重挑战：气候变化和能源安全。    开幕式上，来自苏格兰政府和英国的能源领域的专家纷纷发言，呼吁在“廉?</t>
  </si>
  <si>
    <t>墨西哥震后房屋重建注重规范化</t>
  </si>
  <si>
    <t>本报墨西哥城电(记者刘健)墨西哥全国地震局有关负责人日前介绍说，墨西哥在震后房屋重建和加强建筑物抗震能力方面的一个成功做法，是充分听取专家的意见并进行规范化的管理。    墨西哥全国地震局的卡洛斯·巴尔德斯·冈萨雷斯说，房屋</t>
  </si>
  <si>
    <t>伊朗石油日产量将提高至430万桶</t>
  </si>
  <si>
    <t>本报德黑兰电(记者车玲　梁有昶)据伊朗《世界报》25日报道，伊朗石油部官员日前宣布，伊朗将在2009年3月底前将其石油日产量提高至430万桶。    该官员在一个新闻发布会上说，得益于石油部今年将完成的几个主要项目，伊朗未来石油产</t>
  </si>
  <si>
    <t>欧佩克：目前石油市场供需平衡</t>
  </si>
  <si>
    <t>本报突尼斯电(记者刘顺)的黎波里消息：据利比亚媒体26日报道，石油输出国组织(欧佩克)轮值主席、阿尔及利亚能源和矿业部长哈利勒25日晚指出，目前国际石油市场供需平衡，石油供应并不缺乏。    哈利勒在利比亚首都的黎波里对新闻界</t>
  </si>
  <si>
    <t>美国消费支出增速或再放缓</t>
  </si>
  <si>
    <t>彭博社最新公布的调查结果显示，经济学家普遍预测，在资产价格和消费者信心下滑的情况下，美国的消费支出增长步伐将进一步放缓。    据其调查结果，接受彭博社调查的经济学家的预测中间值是，美国4月份消费支出仅微增0.2%，比前一</t>
  </si>
  <si>
    <t>信贷紧缩正逐步趋缓</t>
  </si>
  <si>
    <t>本报东京电　美国财政部负责国际事务的助理部长克莱·洛厄里26日在此间的外国记者俱乐部表示，在美国联邦储备委员会和各国中央银行的共同努力下，由美国次贷危机引发的信贷紧缩正逐步趋于缓解。    洛厄里说，自去年美国次贷危</t>
  </si>
  <si>
    <t>德国创业板市场经验教训值得借鉴</t>
  </si>
  <si>
    <t>5月23日，深圳证券交易所总经理宋丽萍女士在法兰克福与德国证券交易所签署合作备忘录，双方计划在产品开发、交易平台、信息交换等方面展开一系列合作。适逢深交所筹备启动“创业板”之际，宋丽萍特别关注德交所相应板块发展的经验与教训?</t>
  </si>
  <si>
    <t>“中国制造”如何分吃联合国全球采购“蛋糕”</t>
  </si>
  <si>
    <t>文昭岱是广西一家食品生产企业的负责人，直接与联合国做生意在他看来几乎是“异想天开”。然而，当得知联合国全球采购年均高达90多亿美元、且成为它的供货商门槛并不太高时，文昭岱为未能及早进入这个市场感到莫大的遗憾。    与?</t>
  </si>
  <si>
    <t>油价高企使韩国货币政策决策犯难</t>
  </si>
  <si>
    <t>本报首尔电　韩联社25日报道说，国际市场油价飙升进一步加大韩国央行货币政策决策的难度，使其在采取措施刺激经济增长的同时不得不考虑通货膨胀方面的压力。　　韩国央行最新统计数字显示，今年第一季度韩国国内生产总值环比增长率</t>
  </si>
  <si>
    <t>美元受油价上涨打击下跌</t>
  </si>
  <si>
    <t>本周美元受到美国股市下挫和国际原油价格居高不下的打击，兑欧元下跌了1.3%，兑日元下跌了0.9%。    美元指数本周大跌1.2%，23日尾盘跌0.3%，报71.943。    纽约汇市23日尾盘，欧元报1.5766美元。美元报103.31日元。英镑报1.980</t>
  </si>
  <si>
    <t>无烟产业：东北老工业基地振兴新依托</t>
  </si>
  <si>
    <t>$T森林氧吧里的清新空气、清澈界江上的渔歌放舟、黑土地里沁人的阵阵麦香、冰雕雪塑的童话世界、雪道上皑皑的积雪、火炕上地道的东北美食、黄泥烟囱上的袅袅炊烟……扑面而来的东北风情吸引了来自世界各地的游客。    以装备</t>
  </si>
  <si>
    <t>欧盟将对WTO香蕉案裁决结果提起上诉</t>
  </si>
  <si>
    <t>本报布鲁塞尔电(记者尚军)欧盟委员会负责贸易事务的发言人彼得·鲍尔20日表示，欧盟将就世界贸易组织争端解决机制专家组日前对欧盟香蕉进口机制作出的不利裁决提起上诉。　　鲍尔在一次例行的新闻发布会上说，世贸组织有关香蕉案的</t>
  </si>
  <si>
    <t>德国房屋保险让房主“受灾不受损”</t>
  </si>
  <si>
    <t>本报法兰克福电(记者郇公弟)“天有不测风云”，一场飓风或一场地震后，千万间房屋毁于一旦，而房屋在许多普通家庭中可能是最为宝贵的财产。德国完善的房地产保险制度，却能够让房主“受灾不受损”。　　德国著名的房地产信贷银行阿</t>
  </si>
  <si>
    <t>日本：完善的救助体系保障灾后重建</t>
  </si>
  <si>
    <t>日本是一个地震等自然灾害多发国家。该国不仅在预防、救灾方面积累了不少经验，政府还通过立法和一些政策引导建立了一套较为完善的灾后重建体系，以帮助灾民尽快重建家园。    日本的救助体系以自助和政府救助为主，社会救助为辅。人们只要</t>
  </si>
  <si>
    <t>欧盟改革共同农业政策应对高粮价</t>
  </si>
  <si>
    <t>欧盟委员会20日正式推出一份欧盟共同农业政策改革草案，试图在当前国际粮食价格居高不下的情况下为农场主增产“松绑”，并通过修改农业补贴制度促使农业生产更好地以市场为指引。　　放宽增产限制　　根据这份立法建议，欧盟将彻</t>
  </si>
  <si>
    <t>美众议院授权联邦政府起诉欧佩克</t>
  </si>
  <si>
    <t>$T起诉石油输出国组织(欧佩克)操纵原油价格的议案能在美国众议院高票通过，与高油价下欧佩克拒绝增产且美国国内通胀压力激增有关。但欧佩克是否应为高油价负责，欧佩克增产能否完全抑制油价再攀高位，目前还是疑问。$E    由?</t>
  </si>
  <si>
    <t>摩根大通将保留贝尔斯登45%员工</t>
  </si>
  <si>
    <t>本报纽约电　美国摩根大通银行首席执行官杰米·戴蒙20日表示，摩根大通将保留45%的贝尔斯登员工。    戴蒙当天在公司股东年会上说，摩根大通收购贝尔斯登后，除保留45%的贝尔斯登员工外，还将裁撤部分本公司员工，但他未透露?</t>
  </si>
  <si>
    <t>WTO：中国经济保持快速增长</t>
  </si>
  <si>
    <t>本报日内瓦电(记者刘国远)世界贸易组织21日发布的《中国贸易政策评估报告》指出，过去2年中国的自由贸易和外资政策继续发挥作用，使国内生产总值年均增速超过10%，但经济发展中也存在一些值得关注的问题。　　这份报告是在世贸组织</t>
  </si>
  <si>
    <t>欧航集团放弃加价收购DRS</t>
  </si>
  <si>
    <t>本报巴黎电(记者芦龙军)空客母公司——欧洲航空防务和航天集团(欧航集团)首席执行官路易，加卢瓦20日表示，集团已决定不再为收购美国DRS技术公司加价，目前其收购报价为45亿美元。本月12日，意大利机械工业投资公司宣布出价52亿美元?</t>
  </si>
  <si>
    <t>新日铁积极开拓新兴市场</t>
  </si>
  <si>
    <t>本报东京电(记者叶佳)据共同社报道，日本最大的钢铁企业——新日本制铁公司总裁宗冈正二日前表示，新日铁将积极开拓中国、巴西、泰国等新兴市场。　　宗冈正二在接受专访时表示，新日铁与宝钢成立的合资公司将继续扩大对汽车钢板生</t>
  </si>
  <si>
    <t>中国蹦床队奥运表现值得期待</t>
  </si>
  <si>
    <t>在5月18日于日本大阪结束的国际体操联合会蹦床世界杯日本站的比赛上，中国队大获全胜，包揽了派选手参赛的全部三个项目的金牌。中国队领队、国家体育总局体操运动管理中心蹦床技巧部部长赵嘉伟认为，这个成绩说明中国队正在按照训练计划按部就</t>
  </si>
  <si>
    <t>新版妥协方案将推动多哈回合谈判</t>
  </si>
  <si>
    <t>本报日内瓦电(记者刘国远)　世界贸易组织总干事拉米20日在这里发表一项声明说，世贸组织多哈回合农业谈判主席福尔克纳和非农产品市场准入谈判主席斯蒂芬森19日晚分别公布了上述两个领域的新版妥协方案。他认为，这两项新方案将会把持</t>
  </si>
  <si>
    <t>俄新政府将优先解决农业问题</t>
  </si>
  <si>
    <t>本报莫斯科电(记者赵嘉麟)俄罗斯总理普京19日表示，新一届俄政府将优先解决农业问题，政府将采取措施确保粮食供应充足和价格稳定。　　普京当天在斯塔夫罗波尔边疆区叶先图基市召开国家农业政策会议，就发展农业提出六点建议，包</t>
  </si>
  <si>
    <t>广东汽车零件出口“低技术繁荣”</t>
  </si>
  <si>
    <t>本报广州电(记者郑天虹)　记者从黄埔海关了解到，今年1－4月，广东省出口汽车零件4.8亿美元，与去年同期相比(下同)增长61.6%，其中逾七成以一般贸易方式出口，外商投资企业出口占半壁江山，主要输往美国、日本、香港和欧盟。</t>
  </si>
  <si>
    <t>美住房信贷市场有望触底反弹</t>
  </si>
  <si>
    <t>本报华盛顿电　美国全国实业经济学协会(NABE)19日发布的调查报告显示，经济学家们预测美国住房及信贷市场年内有望触底反弹，但经济增长前景进一步恶化。    该协会在4月17日至5月1日间对52位经济学家进行了调查。结果显示，56%的受访者</t>
  </si>
  <si>
    <t>欧盟应采取措施稳定粮价</t>
  </si>
  <si>
    <t>本报布鲁塞尔电(记者尚军)　欧盟成员国农业部长19日在布鲁塞尔举行会议，一致认为欧盟在当前国际粮食价格居高不下的情况下，应采取措施稳定粮价。　　欧盟委员会负责农业和农村发展的委员玛丽安·菲舍尔·伯尔说，为应对高粮价，欧</t>
  </si>
  <si>
    <t>行业巨头主动出击  美国并购市场回暖</t>
  </si>
  <si>
    <t>尽管美国信贷市场和整体经济尚未摆脱次贷危机阴霾，但华尔街的谈判专家却重新忙碌起来，大公司的并购消息接踵而至。    美国微软公司18日发表声明说，它正与雅虎就一个替代性交易方案进行磋商。虽然这一新方案并不涉及全盘收购雅虎</t>
  </si>
  <si>
    <t>武汉开发区汽车产能逼近百万</t>
  </si>
  <si>
    <t>本报武汉电(记者熊金超)在武汉经济技术开发区成立17周年之际，又有总投资达30多亿元的七个新项目签约，其中东风渝安投资12亿元打造微型轿车生产基地。至此，集中了七家整车企业的武汉开发区，已成为我国汽车产业集中度最高的开发区?</t>
  </si>
  <si>
    <t>中国商品在美国如何做到“有品有牌”</t>
  </si>
  <si>
    <t>近10年来，中国对美国的出口增长迅速，美国市场上“中国制造”的商品很多。尽管如此，中国品牌商品仍屈指可数，往往“有品无牌”。为此，本报记者近期采访了一些美中经贸专家。他们提出了设立展销中心、自建零售渠道、充分运用美国华商团</t>
  </si>
  <si>
    <t>欧美“开放天空”第二阶段谈判开局艰难</t>
  </si>
  <si>
    <t>欧盟和美国15日在欧盟轮值主席国斯洛文尼亚开始“开放天空”第二阶段谈判，试图为大西洋两岸航空市场的完全开放清除最后障碍。由于双方在投资开放等“老大，难”问题上死结难解，一场旷日持久的讨价还价在所难免。    美国欧盟事务</t>
  </si>
  <si>
    <t>东欧国家面临严峻通胀考验</t>
  </si>
  <si>
    <t>本报基辅电　在乌克兰首都基辅举行年会的欧洲复兴开发银行18日发表声明说，通货膨胀不断上升正对东欧国家造成沉重打击，同时全球信贷危机将导致这些国家经济增长明显放缓。    声明说，目前很多东欧国家的通胀率都达到两位数，这是该</t>
  </si>
  <si>
    <t>德意志银行：美国楼市下半年将反弹</t>
  </si>
  <si>
    <t>本报柏林电　据德国媒体18日报道，德国最大商业银行德意志银行首席执行官约瑟夫·阿克曼说，次贷危机已经接近尾声，预计美国的房地产市场将在下半年出现反弹。    阿克曼说：“我相信次贷危机已经接近尾声。当然它并未完全结束，?</t>
  </si>
  <si>
    <t>日本在华受地震影响企业基本恢复正常</t>
  </si>
  <si>
    <t>本报东京电　据日本共同社最新消息，在中国汶川大地震中受到影响、一度停业的日本在华企业基本恢复了正常的生产和经营。　　据报道，位于重庆市汽车及摩托车生产聚集地附近的日本车商铃木、五十菱和其他零部件厂商的工厂因离震中较远，</t>
  </si>
  <si>
    <t>连豆期货涨跌互现</t>
  </si>
  <si>
    <t>大连商品交易所大豆期货周一振荡整理，收盘期价涨跌互现。    受阿根廷农户罢工将持续到下周，以及受该国将进一步推迟出运大豆影响，上周五CBOT大豆期货触及两个月高位。美国原油期货接近每桶128美元的纪录高位亦是支撑因素，市场对豆?</t>
  </si>
  <si>
    <t>大量中东资金涌向亚洲市场</t>
  </si>
  <si>
    <t>本报利雅得电　最近一期沙特阿拉伯《杂志》周刊发表文章说，目前中东地区的大量资金正在涌向亚洲市场。    文章援引加拿大方面发表的一份报告说，中东地区的投资者以前多投资于美国和欧洲公司，但现在情况发生了变化，他们开始转?</t>
  </si>
  <si>
    <t>进口食品屡上黑名单</t>
  </si>
  <si>
    <t>近日，国家质检总局公布了2008年1月、2月进境不合格食品名单，其中包括“可口可乐”“品客”“乐天”等国际知名品牌食品、饮料，以及部分来自意大利的橄榄油、来自法国的奶酪、来自德国的巧克力等。    近年来，进口食品凭借着“舶</t>
  </si>
  <si>
    <t>拉美欧盟商讨解决粮食危机问题</t>
  </si>
  <si>
    <t>本报利马电(记者刘国强　赵焱)第五届欧盟—拉美国家首脑会议16日晚在秘鲁首都利马闭幕。解决贫困问题是此次首脑会议的主题，与会者对目前波及全球并对拉美地区贫困人口产生巨大影响的粮食危机问题进行了讨论。    阿根廷总统克里?</t>
  </si>
  <si>
    <t>调查显示：美英食品浪费惊人</t>
  </si>
  <si>
    <t>粮食价格猛涨导致世界欠发达地区面临粮荒，而在英国、美国等发达国家，充足的供应与较高的收入让人们无须担心饿肚子。与此同时，这些国家的食品浪费问题也再次引起关注。    《纽约时报》18日报道说，美国近年并无关于食品浪费的调查，</t>
  </si>
  <si>
    <t>非行力助非洲国家应对粮食危机</t>
  </si>
  <si>
    <t>面对日益严峻的非洲粮食安全形势，作为非洲最大的地区性政府间金融机构，非洲开发银行(简称非行)正努力采取一系列措施积极帮助非洲国家应对粮食危机。　　非行行长唐纳德·卡贝鲁卡最近表示，粮价在上涨，农业所需的肥料和运输费用</t>
  </si>
  <si>
    <t>连豆期货表现强势</t>
  </si>
  <si>
    <t>本周连豆期货表现较美盘强势，在美国农业部利好消息激励下，本周一大幅跳空高开后持续上扬，截至周五收盘，连豆主力901合约期价较上周大涨208元至4530元／吨。由于本年度国内大豆供应紧缺，在此波反弹走势中，连豆近月809合约一直表现出?</t>
  </si>
  <si>
    <t>双重打击令美元走软</t>
  </si>
  <si>
    <t>16日公布的路透／密歇根大学报告显示，5月中旬美国消费者信心指数大幅下滑至1980年6月以来28年来的最低水平，远逊于预期；同时高盛集团上调了对2008年下半年油价的预期，推动全球原油价格突然飙升向最高纪录挺进。此双重打击促使投资者在</t>
  </si>
  <si>
    <t>“中心城市”与“后花园”各显风流</t>
  </si>
  <si>
    <t>日前在广西南宁举行的“联合国工业发展组织2008年全球投资促进高峰论坛”上，来自29个国家和地区近400名官员、学者将目光集中于“城市经济圈建设与外商直接投资”。作为我国西部地区年轻的经济区，广西北部湾经济区正努力通过“有形之手”规避</t>
  </si>
  <si>
    <t>联合国生态工业园经验在中国“落地开花”</t>
  </si>
  <si>
    <t>通过现代技术与企业合作，在生态工业园区内形成一个物质、能量多层循环利用，经济效益与生态效益双赢的共生体系，有利于提高欠发达地区可持续发展水平，有利于合理规划全球工业产能良性转移。日前，广西南宁市政府与联合国工业发展组织签订“?</t>
  </si>
  <si>
    <t>广西渐成中国汽车出口东盟黄金通道</t>
  </si>
  <si>
    <t>本报南宁电(记者黎蕊)南宁海关日前公布了今年前4个月广西口岸汽车产品出口东盟的数据：出口汽车产品总值2.15亿美元，比去年同期增长5.1倍。业内人士认为，广西渐成中国汽车出口东盟的黄金通道。    广西地处中国大陆东、中、西三?</t>
  </si>
  <si>
    <t>欧盟打击“避税天堂”路途崎岖</t>
  </si>
  <si>
    <t>在发生了2月的“查税风暴”后，以德国为首的部分欧盟成员国试图寻求修改欧盟现行立法，以打击欧盟公民通过列支敦士登等“避税天堂”逃税。但在14日举行的欧盟财政部长会议上，这一提议遭到卢森堡和奥地利等成员国的反对，新规依然难产。$</t>
  </si>
  <si>
    <t>让“中国制造”登上联合国采购名单</t>
  </si>
  <si>
    <t>文昭岱是广西一家食品生产企业的负责人，在他看来，直接与联合国做生意几乎是异想天开。然而，当得知联合国全球采购年均90多亿美元、且成为它的供货商门槛并不太高时，文昭岱感到莫大的遗憾。    与文昭岱一样，由于不了解联合国采购流</t>
  </si>
  <si>
    <t>市场恢复信心  美国投资者看好亚洲股市</t>
  </si>
  <si>
    <t>美国彭博新闻社日前公布的一系列最新调查结果显示，全球对次贷危机的担忧正在缓解，市场信心有所恢复，多数美国富裕投资者(家庭年收入在10万美元以上)认为目前正是建仓良机，其中亚洲股市最被看好。　　@@@全球经济信心指数继续回升@@@</t>
  </si>
  <si>
    <t>微软“叫板”欧盟凸显欧美竞争政策差异</t>
  </si>
  <si>
    <t>“美国鼓励竞争，欧洲保护竞争者”。英国《经济学家》杂志如此描述欧美竞争政策的差异。表面上看，二者似乎并没有什么不同，但对比两大经济体反垄断的不同态度，我们发现，美国更倾向于通过市场自由竞争“驯化”寡头垄断者，而欧盟则更偏重于</t>
  </si>
  <si>
    <t>保护重要产业  日本限制外资</t>
  </si>
  <si>
    <t>本报东京电(记者叶佳)　据日本媒体报道，日本政府13日勒令英国投资基金TCI停止对日本电源开发公司的股份增持计划。这是日本政府首次根据《外汇及外国贸易法》向外国投资者发出此类终止命令。    据报道，此前日本政府曾对TCI发出?</t>
  </si>
  <si>
    <t>欧美发声明促进投资环境开放</t>
  </si>
  <si>
    <t>本报布鲁塞尔电(记者张碧弘)欧盟和美国13日在布鲁塞尔举行第二次跨大西洋经济理事会会议。会后发表的联合声明说，将在全球范围内促进创造开放的投资环境，反对设置贸易壁垒和贸易保护主义。　　双方在联合声明中首次肯定了在全球营</t>
  </si>
  <si>
    <t>欧盟将解禁美国家禽肉类食品</t>
  </si>
  <si>
    <t>本报布鲁塞尔电(记者张碧弘)欧盟委员会13日在布鲁塞尔表示，它将向欧盟成员国建议解除长达11年的对美国家禽肉类食品的进口禁令。　　欧盟委员会负责企业和工业的副主席费尔霍伊根当天在与美国负责国际经济事务的总统助理丹尼尔·普赖</t>
  </si>
  <si>
    <t>塔塔快速成长凸显我国自主品牌轿车软肋</t>
  </si>
  <si>
    <t>由印度塔塔集团推出、号称世界最廉价轿车的NANO并没有像国内外媒体热炒那般出现在上个月北京车展上，但其管理高层在中国举行的博鳌亚洲论坛年会和中部投资贸易博览会上先后高调亮相，甚至不惜斥巨资成为前者的主要赞助商，已明显让人感觉到这?</t>
  </si>
  <si>
    <t>法国兴业银行高管层大变动</t>
  </si>
  <si>
    <t>本报巴黎电(记者芦龙军)法国兴业银行12日宣布，董事会正式任命弗雷德里克·乌代阿担任总经理，原总裁布东不再担任总经理职务但留任董事长一职，同时，领导层的多个职位发生了变动。　　新任总经理乌代阿只有44岁，表明新生代正开始</t>
  </si>
  <si>
    <t>跨业务并购：今年我国金融业主题</t>
  </si>
  <si>
    <t>普华永道会计师事务所13日在北京发布题为《寻求亚洲增长：指引航程》的报告，根据其在今年2月至3月间对亚洲地区281位高级行政人员的调查，显示最近全球范围内的信贷紧缩在中期不会对亚洲地区的并购交易造成影响。并预计中国金融企业?</t>
  </si>
  <si>
    <t>南非大力拓展中国旅游市场</t>
  </si>
  <si>
    <t>本报德班电(记者袁晔　梁尚刚)2008年南非旅游博览会于5月10日在南非东部海滨城市德班举行，30多家中国旅行社和媒体受南非旅游局邀请出席本届博览会。　　一年一度的南非旅游博览会是非洲规模最大的旅游产品推介和交易会，也是世界?</t>
  </si>
  <si>
    <t>联合国制订综合性战略应对粮食危机</t>
  </si>
  <si>
    <t>本报纽约电(记者王湘江　吴志强)联合国粮食问题特别工作组12日在纽约联合国总部举行首次会议，就应对全球粮食危机的策略问题进行了讨论。　　此次闭门会议在联合国秘书长潘基文主持下举行，来自联合国有关机构以及世界银行和国际货</t>
  </si>
  <si>
    <t>惠普拟收购全球第二大软件服务商</t>
  </si>
  <si>
    <t>全球知名电脑生产商美国惠普公司12日发表声明称，与全球第二大软件服务商——美国软件服务商电子数据系统公司(EDS)之间的收购谈判已到“后期阶段”。不过，两家公司表示，双方不能保证一定能够达成协议。　　据悉，惠普可能为本次?</t>
  </si>
  <si>
    <t>IMF：海湾石油国财富渗向周边地区</t>
  </si>
  <si>
    <t>本报开罗电(记者燕毅)阿拉伯金融网站13日报道，据国际货币基金组织(IMF)最新发表的一份地区展望报告说，持续大幅上扬的国际石油价格使中东和非洲地区非石油出口国广泛受益，这些国家主要受益于海湾石油出口国不断增加的对他们的直接?</t>
  </si>
  <si>
    <t>新西兰：分散风险筑起地震保险制度基石</t>
  </si>
  <si>
    <t>新西兰地震保险制度被誉为全球现行运作最成功的灾害保险制度之一，其主要特点是国家以法律形式建立符合本国国情的多渠道巨灾风险分散体系，走政府行为与市场行为相结合的道路来尽可能分散巨灾风险。　　新西兰位于环太平洋火山地震</t>
  </si>
  <si>
    <t>我国焦炭价格迎来新一轮涨价周期</t>
  </si>
  <si>
    <t>2008年以来，我国国内市场焦炭价格一路走高，主消费地上海地区二级冶金焦价格由年初的1930元／吨，走高至4月23日的2340元／吨；同期，主产地山西地区二级冶金焦价格也由1500元／吨涨至2100元。    从国内市场看，目前焦炭价格已经</t>
  </si>
  <si>
    <t>世行呼吁乌克兰取消粮食出口限制</t>
  </si>
  <si>
    <t>本报基辅电　世界银行日前呼吁素有“欧洲粮仓”之称的乌克兰立即取消对粮食出口的所有限制，称此举将有利于推动乌克兰农业的发展和缓解全球粮食危机。　　据世界银行官方网站公布的消息，世行驻乌克兰、白俄罗斯和摩尔多瓦地区代表</t>
  </si>
  <si>
    <t>微软向欧盟反垄断罚款“叫板”</t>
  </si>
  <si>
    <t>本报布鲁塞尔电(记者尚军)美国微软公司近日宣布，已就欧盟委员会今年2月对其作出的8.99亿欧元反垄断罚款向欧洲初审法院提起上诉。　　微软公司一名发言人近日在布鲁塞尔宣布这一消息时声称，此举旨在以建设性的态度，寻求总部设在</t>
  </si>
  <si>
    <t>骑自行车上下班在美渐受热捧</t>
  </si>
  <si>
    <t>美国汽油平均零售价日前涨至每加仑3.613美元，许多分析人士预计，随着夏季汽油消费高峰期的临近，每加仑4美元的大关指日可破。在此背景下，如今美国许多上班族或取出尘封已久的自行车，或买一辆崭新的自行车，以应对不断飙升的汽油价</t>
  </si>
  <si>
    <t>花旗或弃日本消费金融业务</t>
  </si>
  <si>
    <t>本报东京电　据《日本经济新闻》最新报道，作为重组计划的一部分，美国花旗集团正在考虑出售其在日本的消费金融子公司CFJ KK，或大幅削减后者规模。　　报道透露，由于受到信贷危机沉重打击，花旗计划在未来三年内剥离约4000?</t>
  </si>
  <si>
    <t>加拿大能源公司将拆分</t>
  </si>
  <si>
    <t>本报渥太华电　加拿大最大的石油和天然气公司——加拿大能源公司11日宣布，公司将拆分为两家独立的能源企业，分为一家综合性石油公司和一家天然气公司。　　加拿大能源公司在当天发布的新闻公报中说，公司董事会决定成立一家?</t>
  </si>
  <si>
    <t>哥伦比亚500兆瓦电力项目招标</t>
  </si>
  <si>
    <t>本报波哥大电(记者王帆)哥伦比亚政府日前推出一项500兆瓦电力项目招标活动，以避免2012年以后哥伦比亚因可能出现的能源短缺而被迫实行电力配给制。    哥伦比亚矿业和能源部副部长曼努埃尔·费尔南多说，此次招标活动由哥伦比亚国?</t>
  </si>
  <si>
    <t>交易商开始看涨美元</t>
  </si>
  <si>
    <t>本报讯　据彭博社最新报道，自2005年12月份以来，外汇期货交易市场的数据首次显示交易商开始看涨美元汇率。　　彭博社报道说，美国商品期货交易委员会披露的最新数据显示，截至4月29日，外汇期货交易市场上针对美元对欧元的净多头?</t>
  </si>
  <si>
    <t>大连大豆全线暴涨</t>
  </si>
  <si>
    <t>受美国农业部供需报告利好激励，大连商品交易所大豆期货12日全线暴涨，连豆期货远月合约纷纷涨停。　　持仓最大的2009年01月大豆一号合约收报4433元／吨，较上一交易日结算价上涨211元，成交342320手，持仓405048手。持仓最大的2008年0</t>
  </si>
  <si>
    <t>中国经济对日本经济影响渐增</t>
  </si>
  <si>
    <t>“由于中国经济快速增长，中国和日本的经济贸易关系日益密切，中国经济对日本经济的影响也日益增大。”日本青山学院大学国际政治经济学教授、中国经济学会副会长中兼和津次日前在接受本报记者专访时如是说。　　中兼和津次说，过去二三</t>
  </si>
  <si>
    <t>粮价高涨发达国家难辞其责</t>
  </si>
  <si>
    <t>最近一段时间，粮食危机席卷全球，粮食价格高涨使各国通货膨胀压力加大，在部分地区甚至还引起了市场恐慌和社会动荡，粮食强国美国也未能幸免。在此背景下，一些发达国家开始把矛头指向发展中国家，美国总统布什甚至把导致粮食危机的主因</t>
  </si>
  <si>
    <t>进口中国产品有利于韩国经济稳定</t>
  </si>
  <si>
    <t>近几年来，在出口增加和内需扩大的双重驱动下，韩国经济保持了每年4%至5%的稳定增长。中国是韩国第一大出口对象国和第一大进口来源国，韩国从中国进口在2008年将随着韩国经济增长而继续扩大。    据韩国海关统计，2007年韩国从中国进口</t>
  </si>
  <si>
    <t>玉米继续震荡走高</t>
  </si>
  <si>
    <t>本周，美国CBOT玉米期货先抑后扬，周度上涨2.54%。国内大连玉米连拉五星，量能稳步放大，主力901合约全周增仓87054手，强势特征明显。    美国农业部在世界供求预测报告中指出，08／09年度，全球玉米库存将降到9900万吨，创25年</t>
  </si>
  <si>
    <t>中国商品在德国市场基础稳定</t>
  </si>
  <si>
    <t>根据德国政府最新预测，今年德国经济增速预计为1.7%，明年预计将进一步降至1.2%，增幅明显低于前两年。一些德中经贸界人士日前就德国经济降温对进口中国产品的影响接受本报记者采访时表示，中国商品在德国有固定的市场基础，德国经济</t>
  </si>
  <si>
    <t>三亚城市定位面临“美丽的抉择”</t>
  </si>
  <si>
    <t>明媚的阳光、清新的空气、如虹的海湾、碧波万顷的大海、洁白柔软的沙滩、色彩斑斓的海底世界……三亚着实令人陶醉和神往。在一轮轮国际营销之后，美丽的三亚日趋国际化，吸引了越来越多的国外游客，但与此同时，阳光美景也吸引了大批“候</t>
  </si>
  <si>
    <t>中国电池行业联手击退“337调查”</t>
  </si>
  <si>
    <t>中国电池工业协会日前宣布，美国劲量公司诉中国电池企业碱锰电池专利侵权案已于近期结案，劲量公司的“709无汞碱锰电池专利’被判全部无效。这意味着持续5年之久的“337电池调查案”，以中国企业完胜告终。“337电池调查案的胜诉是协会牵</t>
  </si>
  <si>
    <t>美元企稳走强币值有望回升</t>
  </si>
  <si>
    <t>由于今年一季度美国非农业部门劳动生产率增幅大于预期，加上美联储官员的强硬言论帮助巩固了美联储可能暂停降息的观点，7日纽约汇市美元强势反弹。　　作为美元汇率“风向标”的欧元与美元比价7日中午一度创下1比1.5366的七周来最低，?</t>
  </si>
  <si>
    <t>花旗再度巨额亏损对我国房贷的警示</t>
  </si>
  <si>
    <t>最近，美国花旗银行宣布：在去年第四季度损失了98亿美元的同时，2008年度第一季继续亏损51.1亿美元。反映次贷危机继续给该行造成持续严重的经营影响。花旗集团首席执行官维克拉姆·潘迪特已经表示，计划削减该集团多达20%的成本开支，此决定可</t>
  </si>
  <si>
    <t>金融危机对美经济影响刚刚开始</t>
  </si>
  <si>
    <t>本报华盛顿电　“金融大鳄”乔治·索罗斯7日说，金融危机的“急症期”基本结束，但对美国经济的影响才刚刚开始显现。    索罗斯在出席美国对外关系委员会举办的一个活动时说，全球金融体系受到的破坏将影响到实体经济，美国经济才?</t>
  </si>
  <si>
    <t>服务外包：能否担起我国产业升级重任？</t>
  </si>
  <si>
    <t>对我国沿海发达地区来说，制造业加工贸易无疑是把“双刃剑”，在解决大量劳动力就业的同时，也招来一些国家的“非议”，而美国次贷危机更对我国制造加工贸易带来深远影响。我国如何从低附加值的“中国制造”提升为“中国创造”呢?一?</t>
  </si>
  <si>
    <t>家电企业应对新能耗壁垒尚需主动出击</t>
  </si>
  <si>
    <t>美国是我国家电第一大输出口国，但美国联邦贸易委员会修订的《器具标签法规》(ALR)已于今年2月29日生效，这为我国的输美家电设置了新的能耗壁垒。记者近来了解到，我国家电企业正在积极调整出口结构，以应对美国能耗政策的调整。不过，业</t>
  </si>
  <si>
    <t>降息？加息？两难选择考验多国货币政策</t>
  </si>
  <si>
    <t>在保持经济增长和控制通胀之间，如何找到一个恰当的平衡点，一直是各国央行最为头痛的问题。当前的形势是，一方面全球经济尚未摆脱次贷危机带来的阴影，经济面临下滑的危险；另一方面能源和粮食价格的不断攀升导致各国通胀问题日益恶</t>
  </si>
  <si>
    <t>IMF出售部分黄金储备在望</t>
  </si>
  <si>
    <t>本报华盛顿电(记者胡芳)　国际货币基金组织理事会6日批准扩大该组织的投资权力，其中包括出售403.3吨黄金储备。    理事会是国际货币基金组织(IMF)最高权力机构。据该组织当天发表的声明，在该组织185个成员国中，有176个成员国的?</t>
  </si>
  <si>
    <t>成本压力促白电企业“出海”提速</t>
  </si>
  <si>
    <t>本报广州电　国内生产成本的大幅提升，使东南亚成为产能转移新热土，白电企业“出海”提速。    继美的电器在越南空调生产线投产后，另一空调领域巨头格力电器也宣布，其在越南的生产线于4月中旬投产。此外，格兰仕也宣布计划在越南设?</t>
  </si>
  <si>
    <t>面临诸多挑战亚行改革形势不容乐观</t>
  </si>
  <si>
    <t>亚洲开发银行理事会年会6日在西班牙首都马德里闭幕。亚行67个成员的代表在会上讨论了亚行新的长期战略框架。尽管亚行未来的走向已经初见轮廓，但改革形势却不容乐观。    自1966年成立以来，亚行的重要使命就是帮助亚太地区发展中成</t>
  </si>
  <si>
    <t>中日石油巨头拟组建合资公司</t>
  </si>
  <si>
    <t>本报东京电　据日本共同社最新消息，中日两国最大的石油公司——中石油与新日本石油7日上午在东京达成协议，双方将合资组建一家专门从事石油精炼业务的公司，利用日本国内富裕的炼油能力进行石油精炼。　　据称，这是中日石油公司?</t>
  </si>
  <si>
    <t>美联储再拍卖750亿美元短期贷款</t>
  </si>
  <si>
    <t>本报华盛顿电(记者胡芳)　美国联邦储备委员会6日宣布，该委员会已于5日通过短期贷款拍卖方式再次向商业银行提供了750亿美元资金，以缓解信贷危机。　　这是美联储计划于5月份进行的两次贷款拍卖活动之一。另一次拍卖将在19日举行，</t>
  </si>
  <si>
    <t>亚行紧急援助帮成员应对粮价上涨</t>
  </si>
  <si>
    <t>本报马德里电(记者尚军　方长平)　亚洲开发银行在6日结束的年会上宣布，将向数个受到粮价上涨严重影响的亚太成员提供总额为5亿美元的紧急援助。    亚行行长黑田东彦对新闻界说，希望紧急援助可以帮助这些成员保障贫困入口的食品供</t>
  </si>
  <si>
    <t>全球背景下需合理调控流动性过剩</t>
  </si>
  <si>
    <t>自美国次贷危机爆发以来，美联储和欧洲央行采取各种措施增加市场流动性，加剧了全球流动性过剩问题。这给包括中国在内的新兴市场国家调控流动性带来了新的挑战。    而由于我国外汇储备增长过快、储蓄率偏高等原因，经济可能在相?</t>
  </si>
  <si>
    <t>麦肯锡：德国汽车业将失去其重要地位</t>
  </si>
  <si>
    <t>本报法兰克福电　麦肯锡咨询公司(McKinsey)5日发布的研究报告《德国2020》指出，德国汽车行业未来将失去其在德国国民经济中的重要地位。报告还称，德国汽车制造厂商及配件厂商未来将逐渐失去其作为“就业发动机”的这一重要特性。</t>
  </si>
  <si>
    <t>日本商社全球资源投资战略获益良多</t>
  </si>
  <si>
    <t>多年前即在全球四处出手，在石油、煤炭和铁矿石等资源领域广泛投资的日本商社终于迎来了收获季节，去年资源价格大涨让它们赚得钵满盆满。　　在2007财年(07年4月至08年3月)里，尽管各大商社的零售等其他业务经营不佳，但资源投资的丰</t>
  </si>
  <si>
    <t>现阶段不推动成立大米输出国组织</t>
  </si>
  <si>
    <t>本报曼谷电(记者凌朔　沈敏)泰国外长诺巴敦6日在接受此间媒体采访时表示，泰国在现阶段不会推动成立大米输出国组织。    诺巴敦当天在曼谷会见了来自中国、越南、巴基斯坦、印度、缅甸和泰国的有关大米贸易的代表，与他们讨论了有?</t>
  </si>
  <si>
    <t>一半以上日本消费者看好微型车燃费比</t>
  </si>
  <si>
    <t>本报东京电　据日本共同社报道，日本汽车工业会日前汇总的调查结果显示，由于重视汽车的燃费比，考虑购置微型车的日本消费者已占到被调查者的一半以上，显示高油价提高了日本人对微型车的消费倾向。　　在此项微型汽车使用情况年</t>
  </si>
  <si>
    <t>中国纺织亟待走出生存困境</t>
  </si>
  <si>
    <t>“我国纺织服装企业出口形势空前严峻!”刚从广交会上归来的山东滨州亚光毛巾有限公司副总经理付庆民对纺织业的前景十分担忧。他说：“一些国外客户开始将采购地转向孟加拉国、印度、越南等成本更低的周边国家。如果我国相关政策继续从紧?</t>
  </si>
  <si>
    <t>微软雅虎之战的输家？  赢家？</t>
  </si>
  <si>
    <t>美国微软公司CEO鲍尔默3日发表声明称，由于在收购价格上无法达成一致，微软已撤回收购雅虎公司的提议。这一决定不仅关乎微软、雅虎自身命运，也决定网络广告行业会否重新洗牌，牵涉谷歌、美国在线等多家公司的利益。    @@@难以成败论?</t>
  </si>
  <si>
    <t>青海：资源大省能否变工业强省</t>
  </si>
  <si>
    <t>进入本世纪以来，地处西北内陆欠发达地区的青海，力图摆脱资源富省、工业弱省形象，根据自身优势调整工业结构，核心竞争力逐渐显现，工业经济由长期亏损转变为持续赢利，工业发展从“质”到“量”都实现了根本性的转变。然而，青海地处高</t>
  </si>
  <si>
    <t>美航空业加速整合以求“东山再起”</t>
  </si>
  <si>
    <t>由于美国国内的航空公司过于分散，在与全球其他大型航空公司抗衡过程中渐处劣势，再加上近来宏观经济增速放缓和燃料价格持续上涨等因素的影响，造成美国多家航空公司盈利持续下滑甚至亏损。最近一段时间，美国最大的几家航空公司之间围绕</t>
  </si>
  <si>
    <t>中日韩和东盟将共同抵御金融风险</t>
  </si>
  <si>
    <t>本报马德里电(记者尚军　方长平)中日韩3国和东盟10国的财政部长4日一致同意，为筹建的共同外汇储备基金出资至少800亿美元，以帮助参与国抵御可能发生的金融危机。    当天，来自东盟10个成员国以及中日韩3国的财长在马德里结束</t>
  </si>
  <si>
    <t>科学认识汇率  实现“升值繁荣”</t>
  </si>
  <si>
    <t>本币持续升值通常会削弱出口产品的价格优势，压缩出口企业的利润空间，然而从世界历史来看，一些国家和地区如日本、韩国、台湾都曾面临更大的本币升值压力，但仍实现了“升值繁荣”。为此专家提醒广大出口企业，面对人民币升值压力，只有</t>
  </si>
  <si>
    <t>中海外中标肯尼亚机场项目</t>
  </si>
  <si>
    <t>本报内罗毕电(记者赵卓昀)肯尼亚机场管理局4日宣布，中国海外工程有限责任公司中标肯尼亚第三大城市基苏木的机场扩建项目，项目总金额达30亿肯尼亚先令(约合4800万美元)。　　肯机场管理局主席乔治·姆霍霍说，这一工程包括将基苏木机?</t>
  </si>
  <si>
    <t>美国经济陷入“微弱衰退”</t>
  </si>
  <si>
    <t>本报讯　彭博新闻社5日援引美联储前任主席格林斯潘的话说，美国经济已经陷入“微弱衰退”中，并且这—停滞状态可能持续到今年底。　　彭博新闻社报道说，格林斯潘在接受媒体采访时表示，美国经济已进入衰退状态，“但目前仅是微弱?</t>
  </si>
  <si>
    <t>亚行年会共商新战略框架</t>
  </si>
  <si>
    <t>本报马德里电(记者尚军　方长平)亚洲开发银行5日在马德里召开理事会年会，重点讨论该行在2020年前的新战略框架，以推进改革，更好地应对因粮价上涨给消除贫困努力带来的挑战。　　亚行行长黑田东彦在致开幕词时说，亚行已经为进行?</t>
  </si>
  <si>
    <t>印度兴起新“产业”  越洋追债生意火</t>
  </si>
  <si>
    <t>$T这是一个在印度新兴的行业，只需打几个电话，就能获利颇丰。印度最近兴起的追债产业，最大的市场是美国，随着美国经济增长的减速，越来越多的美国消费者陷入债务危机，印度追债公司不仅满足了美国市场的需求，还削减了美国放贷机构的讨债成本。更具有诱惑力</t>
  </si>
  <si>
    <t>机遇与挑战并存</t>
  </si>
  <si>
    <t>“无论我们在改革中遇到什么困难和问题，中国建立开放的政府采购市场的最终目标不会改变。”财政部国库司司长詹静涛日前在北京重申中国加入WTO《政府采购协议》(GPA)、开放政府采购市场的立场。　　作为中欧财金对话框架下的一项?</t>
  </si>
  <si>
    <t>泰国“大米欧佩克”提议引发争议</t>
  </si>
  <si>
    <t>2日，作为全球最大大米出口国之一的泰国政府抛出一项提议，打算联合其他4个出口大米的东盟成员国成立类似石油输出国组织(OPEC)的“大米输出国组织”(OREC)，以确保自身利益。这一提议引发极大的争议。    泰国政府发言人苏触扎2日</t>
  </si>
  <si>
    <t>微软收购雅虎陷入“拉锯战”</t>
  </si>
  <si>
    <t>美国微软公司曾向雅虎公司发出“最后通牒”，要求后者于美国当地时间4月26日前必须就微软提出的收购提议作出回应，但这一期限已过去数日。　　微软法律总顾问布拉德·史密斯28日对媒体说，微软和雅虎管理层没有在近期举行磋商的安排，?</t>
  </si>
  <si>
    <t>中国游泳没有夺金点并不代表没有冲金希望</t>
  </si>
  <si>
    <t>进入奥运年，各国泳将“集体发疯”般地改写了近20项奥运比赛项目的世界纪录；中国游泳却只更新了两项亚洲纪录和8项全国纪录。日前，中国游泳队总教练张亚东承认“我们没有夺金点”，更是引发了国人和媒体的担心。北京奥运会，中国水军的前景真</t>
  </si>
  <si>
    <t>亚洲第一锌矿股权之争谁赢在最后</t>
  </si>
  <si>
    <t>4月21日，有色金属板块两支停牌了数月的实力股驰宏锌锗和宏达股份同时复牌并双双跌停。这也意味着两家实力雄厚的有色金属“巨头”争夺亚洲第一锌矿之战暂时告一段落。    尽管在这一轮资源争夺战中，曾经创下中国第一牛股的驰宏锌锗</t>
  </si>
  <si>
    <t>美联储降息周期或近收尾</t>
  </si>
  <si>
    <t>美国联邦储备委员会将于当地时间29日至30日召开货币政策会议。分析人士普遍认为，在本次会议上，美联储可能决定将联邦基金利率(即商业银行间隔夜拆借利率)下调25个基点，降至2%，并且有可能美国本轮降息周期将暂时告一段落。    ?</t>
  </si>
  <si>
    <t>一季度我国石化行业整体效益下降</t>
  </si>
  <si>
    <t>本报讯(记者董雅俊　姜鹏)来自中国石油和化学工业协会的资料显示，今年第一季度，在国内外经济增长放缓、需求下降，美元持续贬值、美国次贷危机影响加深，国际石油基础原材料价格大幅上涨等综合因素作用下，中国石油和化工行业经济?</t>
  </si>
  <si>
    <t>联合国主要机构共商粮食危机</t>
  </si>
  <si>
    <t>本报日内瓦电　联合国秘书长潘基文于28日和29日与一些重要国际机构在瑞士首都伯尔尼召开粮食峰会，讨论日益严重的全球粮食危机。　　联合国方面表示，会议的中心议题将是“世界粮食危机以及联合国可能提供的解决办法”。　　联合</t>
  </si>
  <si>
    <t>专家建议谨慎平衡人民币汇率</t>
  </si>
  <si>
    <t>“没有政客会说‘弱势本币符合自己的国家利益’，但市场会告诉你确切的事实。”诺贝尔经济学奖得主克莱因教授并不讳言贬值对美国有利。在他看来，美国的贸易赤字从去年8月份开始逐步减少就是弱势美元的结果。　  现在，不仅仅在美国国?</t>
  </si>
  <si>
    <t>英国大英图书馆人满为患</t>
  </si>
  <si>
    <t>当一代文豪查尔斯·狄更斯伏在大英图书馆阅览室的桌子上埋头著书的时候，他恐怕不会想到，如今大英图书馆的阅览室会人满为患。　　大英图书馆是世界上最大的学术图书馆之一，藏书超过1.5亿本，包括《大宪章》和《林迪斯凡福音</t>
  </si>
  <si>
    <t>加强战略合作中欧经贸高层对话机制启动</t>
  </si>
  <si>
    <t>在与美国建立中美战略经济对话机制和与日本建立中日高层经济对话机制之后，25日，正值欧盟欧洲委员会主席巴罗佐访华之际，中欧双方共同启动了中欧经贸高层对话机制，为发展中欧全面战略伙伴关系注入了新的动力。    经贸关系快速发展</t>
  </si>
  <si>
    <t>国际化之路：有作为才能有地位</t>
  </si>
  <si>
    <t>长沙中联重科股份有限公司(简称中联重科)4月9日对外发布公告，称拟收购意大利工程机械制造商CIFA公司。中联重科董事长詹纯新自信地说：“通过收购CIFA这样全球第三大混凝土机械制造企业，我们要把中联的拳头产品混凝土机械做成世界第一。</t>
  </si>
  <si>
    <t>“专利滥诉”制约企业海外发展</t>
  </si>
  <si>
    <t>国内企业艰难的维权之路    “许多西方国家总是强调我国盗版、侵权、仿冒猖獗，动辄向我国企业挥舞知识产权大棒，扬言制裁。殊不知国外的知识产权滥用问题比起国内有过之而无不及，这阻碍了许多企业‘走出去’的步伐和创新的动力。</t>
  </si>
  <si>
    <t>创造、运用、保护、管理，一个不能少</t>
  </si>
  <si>
    <t>随着经济全球化和知识经济的发展，许多国家纷纷将知识产权上升至国家高度，并为知识产权立国提供法律保障。2005年，胡锦涛同志提出，要在2020年将中国建成创新型国家，对国内的知识产权工作提出了很高的要求。同年7月，国家知识产权战略?</t>
  </si>
  <si>
    <t>国际粮价攀高  多方应对“出招”</t>
  </si>
  <si>
    <t>随着近期国际粮价不断攀升，一些国家和组织开始着手采取对策，保障基本供给，尽力防止可能引发的粮食危机。    超市巨头限售大米    美国沃尔玛百货公司旗下的山姆会员店23日宣布，鉴于大米目前供求状况，山姆会员店开始限量销</t>
  </si>
  <si>
    <t>默多克传媒帝国在美加速扩张</t>
  </si>
  <si>
    <t>美国当地时间22日，国际传媒巨头默多克掌控的新闻集团与总部位于芝加哥的论坛媒体公司签署临时协议，同意以5.8亿美元的价格从后者手中收购纽约《新闻日报》。如果新闻集团收购《新闻日报》的计划获得监管部门通过，默多克将把三家跻?</t>
  </si>
  <si>
    <t>家电出口能否在困局中突围</t>
  </si>
  <si>
    <t>“今年家电出口交易非常难做”，这是参加第103届广交会上家电参展商的普遍反映。随着人民币升值加速，原材料价格猛涨，美国次贷危机负面影响显现，我国家电出口企业正遭遇前所未有的出口困局，家电出口能否从困局中突围?    多重不利因</t>
  </si>
  <si>
    <t>自主创新：有“内涵”才能有地位</t>
  </si>
  <si>
    <t>2007年，在世界工程机械行业展之首的德国Bauma展上，中国业界的代表——徐工、柳工、中联重科、三一集团、山河智能、安徽合力、杭州叉车、山推股份等纷纷带着自己的“拳头产品”，以占据约四分之一展位的强大阵容备受瞩目。三一重工股份?</t>
  </si>
  <si>
    <t>欧盟拟修改紧急石油储备制度</t>
  </si>
  <si>
    <t>本报布鲁塞尔电(记者尚军)欧盟委员会22日发起公众咨询活动，准备对欧盟现行的紧急石油储备制度作出修改，以更好地应对高油价时代的形势变化。    欧盟委员会说，由于地缘政治等因素，石油供应中断的风险在加剧，而从中期来看，石油供应</t>
  </si>
  <si>
    <t>空客大幅提高客机价格</t>
  </si>
  <si>
    <t>本报巴黎电(记者芦龙军)欧洲空中客车公司22日宣布，由于美元持续疲软和金属价格不断上涨，空客决定在去年“正常”涨价之后再度提高客机目录价格，其主要中远程客机单价将平均上涨200万至400万欧元。    空客在公告中表示，这是自2</t>
  </si>
  <si>
    <t>2012年全球手机出货量将达15.5亿部</t>
  </si>
  <si>
    <t>本报东京电　据《日本经济新闻》网站最新消息，日本专业市场调查公司富士Chimera综研的最新预测显示，到2012年全球手机出货量将达15.5亿部，比2007年增长36%。    预测报告称，在日本及欧美等手机已经普及的发达国家，今后手机更新的需求将继续稳</t>
  </si>
  <si>
    <t>荣威名爵首次联袂亮相  “上南整合”去向三问</t>
  </si>
  <si>
    <t>20日拉开序幕的第十届北京国际汽车展览会上，全球首发的荣威550概念车和亚洲首发的MGTF跑车引来众多惊艳目光。这是“上南合作”之后，MG名爵与上汽荣威首次联袂同台亮相。    4月1日，上海汽车已完成对南汽集团100%股权的收购工商过</t>
  </si>
  <si>
    <t>新兴市场提振美国实体经济</t>
  </si>
  <si>
    <t>美国联邦储备委员会(美联储)前后两任主席本月异口同声地说，美国实体经济在次贷危机阴影下健康发展。    现任主席伯南克月初出席国会听证会时说，除了银行和证券业，美国公司的资产负债表是“健康”的，这对整体经济形势来说是个</t>
  </si>
  <si>
    <t>贸发大会呼吁各国共同应对粮食危机</t>
  </si>
  <si>
    <t>由于长期以来世界人口增长过快，加上气候变化、能源价格上涨以及生物燃料生产扩大和近期投机行为增加等，导致国际市场粮食价格大幅上涨。正在加纳首都阿克拉举行的第12届联合国贸易和发展大会(贸发大会)呼吁世界各国行动起来，共同应对粮</t>
  </si>
  <si>
    <t>点钍成“金”：尾矿废料变核燃料资源</t>
  </si>
  <si>
    <t>积极发展核电，是我国“十一五”确定的能源战略之一。众所周知，目前核电燃料的关键成分是铀一235，其已探明的可经济开采的全球总储量是非常有限的。　　然而，根据加拿大原子能公司的研究，“轻水堆乏燃料回收铀”可以直接利用，?</t>
  </si>
  <si>
    <t>美元贬值是美国货币政策必然结果</t>
  </si>
  <si>
    <t>美元持续贬值加剧了世界金融市场的不确定性，也使中国等许多国家面临严峻挑战。世界银行高级经济学家王燕日前在接受本报记者专访时表示，美元贬值是当前美国货币政策的必然结果。    “我觉得美元贬值是一种必然趋势。这是因为目前</t>
  </si>
  <si>
    <t>外向型企业几家欢乐几家愁</t>
  </si>
  <si>
    <t>记者在日前举行的第十五届“津洽会”上走访了解到，受人民币加速升值、出口退税率调整、劳动力成本上升以及美国市场需求减弱等多重因素影响，尽管部分企业通过自主研发或销售传统工艺产品部分地规避了风险，但相当一部分中国出口企业陷入</t>
  </si>
  <si>
    <t>哈萨克斯坦：中亚产粮大国紧盯高粮价</t>
  </si>
  <si>
    <t>哈萨克斯坦总理马西莫夫日前在政府工作会议上责成农业部、工业和贸易部等相关部门，就是否对粮食出口开征关税甚至完全禁止粮食出口进行论证。可以看出，如何应对世界粮食价格波动引发的问题，已引起哈政府的高度重视。    中亚国家</t>
  </si>
  <si>
    <t>联合国首度发布创新经济报告</t>
  </si>
  <si>
    <t>本报阿克拉电(记者欧飒　邱俊)联合国20日在加纳首都阿克拉发布了《2008创新经济报告》，这是联合国第一份关于这一新兴领域的研究报告。　　这项在第12届联合国贸易和发展大会期间发表的报告指出，创新产业是全球贸易中最具活力的产</t>
  </si>
  <si>
    <t>最不发达国家呼吁解决粮价上涨危机</t>
  </si>
  <si>
    <t>本报阿克拉电(记者荆晶　邱俊)为期5天的第12届联合国贸易和发展大会(贸发大会)20日下午在加纳首都阿克拉开幕，大会主题为“全球化给发展带来的机遇和挑战”。与会的49个最不发达国家此前一天发表联合声明，呼吁国际社会达成新的共识，解决</t>
  </si>
  <si>
    <t>“网上交易、邮运出境”侵权令人关注</t>
  </si>
  <si>
    <t>本报讯(记者陆敏)2008年3月9日晚，苏州海关驻邮局办事处在江苏省靖江某个人寄往美国的一个快件中，首次查获涉嫌侵犯法国爱马仕公司在海关总署备案的HERMES商标Kelly品种手袋三个，后经专家鉴定，全部为假货。　　据苏州海关介绍，?</t>
  </si>
  <si>
    <t>欧盟“大买家”看好中国CDM项目</t>
  </si>
  <si>
    <t>本报讯(记者呼涛)　“中国各级政府在CDM项目的审批、质量检验和管理上，都更为透明、规范，这受到欧盟国家和企业的认可。欧盟‘大买家’普遍认可中国的CDM项目。”瑞典环境科学研究院项目经理南南·伦丁表示。　　在哈尔滨召开的中</t>
  </si>
  <si>
    <t>顶级珠宝“挺进”特许展</t>
  </si>
  <si>
    <t>“投入120万元，即可成为国际著名品牌珠宝加盟商”“无需加盟费，20万元市场调研基金可转为货款”“代理全球第一婚戒品牌，坐拥中国千亿珠宝市场”……在日前举行的2008中国特许展上，“I DO”全球婚戒典范、南非迈克尔钻石等国际珠宝品牌向中国投资者们抛出了绣球</t>
  </si>
  <si>
    <t>西格里紧盯国内可再生能源市场</t>
  </si>
  <si>
    <t>本报讯(记者刘振冬)　作为全球最大的碳石墨及相关材料供应商，德国西格里集团越来越关注中国的可再生能源市场。日前，该公司亚洲负责人郭海力在京表示，由于中国风电设备需求强劲，作为风电设备生产的特定原材料——碳纤维的供?</t>
  </si>
  <si>
    <t>次贷危机下金融扫盲时</t>
  </si>
  <si>
    <t>次级住房抵押贷款危机恶劣影响波及整个美国和全球金融业，影响美国以至全球经济，看似需由政府“救市”和“埋单”，实际却最终将由纳税人、即普通民众付出代价。    金融，看似高深，实则并不全然属于机构或专家行为。    金融，看似</t>
  </si>
  <si>
    <t>国际米价上涨影响不大  国产大米量足价稳</t>
  </si>
  <si>
    <t>近期国际大米价格飙升，作为国际市场大米指导价的泰国香米，3月27日报价涨幅超过30%，创下20年来的新高。随后的芝加哥期货交易所(CBOT)4月7日稻米期货行情也一路攀升，近两周来以来持续上涨的国际米价牵动人心。在经济全球化的?</t>
  </si>
  <si>
    <t>库存不足威胁  韩国粮食安全</t>
  </si>
  <si>
    <t>韩国是世界第三大粮食进口国，粮食自给率仅为27%。其中，小麦、玉米和黄豆的自给率分别只有0.2%、0.8%和11.3%。因此一旦国际粮食价格上涨，韩国国内食品价格也会随之上涨，并导致物价大幅波动。　　受近期国际市场粮食价格上涨影响</t>
  </si>
  <si>
    <t>泰国米贩囤米  “米老大”遭遇“假缺粮”</t>
  </si>
  <si>
    <t>2006年9月18日，泰国100%二级白米离岸价格每吨仅为320美元。今年4月10日，同类米价已涨至886美元。与油价相比，米价在短短一年半时间内涨幅有过之而无不及。　　然而，国际市场米价的飙升速度远远超过泰国米农的收益增长，包括出口</t>
  </si>
  <si>
    <t>全球谷物增产将缓解粮价上涨压力</t>
  </si>
  <si>
    <t>$T由于受到石油价格上扬和全球稻米库存减少等因素影响，未来全球粮食市场变化存在更多不确定性。总体看，粮价趋紧，但不会出现暴涨，而是呈现逐步上升趋势。$E　　联合国粮农组织高级经济学家方成近日在接受本报记者专访时说，全球粮食涨价是</t>
  </si>
  <si>
    <t>企业承担社会责任的规制理论借鉴</t>
  </si>
  <si>
    <t>在经济全球化新的时代背景下，企业承担社会责任已经成为不可逆转的世界潮流，2000年联合国曾为此发起了“全球契约”活动。在我国，2008年国务院国资委的第一号文就是(关于中央企业履行社会责任的指导意见)，与此同时，2008年1月召开的“第三届</t>
  </si>
  <si>
    <t>高物价增大成本压力  欧美食品商自保有术</t>
  </si>
  <si>
    <t>世界银行日前发表报告说，过去3年间(截至今年2月底)全球食品价格整体上涨了83%。食品价格的大幅上涨不仅影响到了欧美普通家庭的“菜篮子”，还威胁到食品制造商和零售商的财务报表。　　为了应对原料价格上涨带来的成本压力，同时?</t>
  </si>
  <si>
    <t>网络新阶段web3.0正渐渐走来</t>
  </si>
  <si>
    <t>本报海南电(记者王昀加　孙欢杰)　日前，在博鳌亚洲论坛2008年年会“互联网的未来”的分论坛上，与会嘉宾认为，互联网将朝着更加注重个性化的方向发展，网络新阶段web3.0正渐渐走来。    谷歌全球副总裁兼大中华区总裁李开复说，web3.0</t>
  </si>
  <si>
    <t>美财政部拟定新规严管对冲基金</t>
  </si>
  <si>
    <t>本报华盛顿电(记者刘洪)美国财政部相关委员会15日公布了一整套对冲基金“最佳行为准则”草案，目的是敦促对冲基金加强信息披露，确保金融市场稳定。　　根据该草案，对冲基金应效法上市公司，定期披露其相关资产和经营信息。此外，</t>
  </si>
  <si>
    <t>德国资助失业者海外就业</t>
  </si>
  <si>
    <t>德国是全球领先的工业出口国之一，长期向世界各地输出工艺精湛的汽车、机械设备等工业制品。　　如今，失业率攀升使德国又添一种“出口产品”。德国政府正在出资赞助安置费、路费、培训费等，帮助本国失业人员实现海外“再就业”。</t>
  </si>
  <si>
    <t>委内瑞拉国会批准征收石油暴利税</t>
  </si>
  <si>
    <t>本报加拉加斯电(记者赵晖)委内瑞拉国会15日通过一项《石油高价特殊贡献法》法案，批准委内瑞拉政府对在该国运营的石油公司征收暴利税。　　该法案规定，当北海布伦特原油的月平均价格超过每桶70美元时，委内瑞拉政府将向在该国运营</t>
  </si>
  <si>
    <t>华尔街已熬过次贷危机最严重时期</t>
  </si>
  <si>
    <t>本报纽约电　美国雷曼兄弟控股公司首席执行官理查德·富尔德15日说，次贷危机最严重的时期已经过去。　　富尔德当天在雷曼兄弟控股公司年度股东大会上说，信贷市场开始缓和，但市场环境仍具挑战性。　　另外两家投资银行的首席执</t>
  </si>
  <si>
    <t>国际粮价暴涨  土豆或担重任</t>
  </si>
  <si>
    <t>随着大米、小麦等粮食价格上涨，廉价、高产的土豆开始受到重视。联合国相关部门将士豆称为“潜在宝贝”，认为土豆将为解决人类吃饭问题发挥重大作用。　　据路透社报道，联合国已将2008年命名为“国际土豆年”，称土豆为“潜?</t>
  </si>
  <si>
    <t>北京车展将成真正意义的国际汽车业盛会</t>
  </si>
  <si>
    <t>随着中国国际展览中心新馆的启用，长期困扰北京车展的展馆面积不足矛盾得到根本缓解。即将开幕的第十届北京国际汽车展览会，展览面积超过18万平方米，成为北京车展历史上规模最大、档次最高的一届。    当前，西方主要国家汽车市场</t>
  </si>
  <si>
    <t>达美西北宣布达成并购协议</t>
  </si>
  <si>
    <t>本报纽约电　美国达美航空公司14日宣布，已经与西北航空公司达成收购协议，将组建全球最大的航空企业。    达美航空公司称，两家公司的董事会当天批准了这一收购协议。新公司总部设在亚特兰大，目前达美的首席执行官理查德·?</t>
  </si>
  <si>
    <t>摩根大通：次贷危机影响市场至少10年</t>
  </si>
  <si>
    <t>本报纽约电　美国摩根大通公司14日发布分析报告说，次贷危机对金融市场结构及定价的影响将持续至少10年，并将使中央银行拥有更大的监管权力。　　摩根大通分析师让·洛伊斯和玛格丽特·坎内拉在报告中说，市场参与者和监管者未来将</t>
  </si>
  <si>
    <t>国际汽车产业加速布局武汉“中国车都”</t>
  </si>
  <si>
    <t>本报武汉电(记者熊金超　韩冰)美国康明斯燃油系统生产基地和加拿大威斯卡特汽车零部件生产基地近日同时在武汉建成投产，再次拉开了国际汽车产业及汽车零部件巨头加快抢滩武汉“中国车都”的序幕。    武汉开发区管委会主任罗长刚?</t>
  </si>
  <si>
    <t>美国居民看淡楼市慎购房</t>
  </si>
  <si>
    <t>美国14日公布的一份最新民意调查显示，民众对本国住房市场的前景持越来越悲观的态度，半数以上美国人表示不会在可预见的将来购买房产，而且这一比例正在不断上升。    @@@看跌市场@@@    30岁的杰克逊告诉记者，虽然房价下跌对于想买</t>
  </si>
  <si>
    <t>阿根廷密切关注我国农产品需求</t>
  </si>
  <si>
    <t>本报布宜诺斯艾利斯电(记者宋洁云　冯俊扬)阿根廷中央银行14日发表声明称，阿根廷央行行长马丁·雷德拉多日前和中国人民银行行长周小川在华盛顿举行会晤，就中阿两国农产品贸易等问题举行了磋商。    声明说，在华盛顿出席国际货</t>
  </si>
  <si>
    <t>粮农组织总干事呼吁援助缺粮国</t>
  </si>
  <si>
    <t>本报里斯本电(记者童炳强)联合国粮食及农业组织总干事雅克·迪乌夫14日在里斯本呼吁国际组织向粮食需求最为迫切的国家提供援助，以帮助世界上严重缺粮的国家解决人民吃饭问题。　　粮农组织当天与欧洲职业足球联盟签署一项协议决定</t>
  </si>
  <si>
    <t>汽车电子行业需重点关注安全系统应用</t>
  </si>
  <si>
    <t>本报厦门电(记者纪振宇　康淼)在海峡两岸汽车电子产业合作论坛上，台湾拓璞产业研究所副所长张光平指出，汽车电子行业应该重点关注安全系统的应用。    张光平说，随着汽车工业的不断发展，消费者已不仅仅满足于整车的外观、性能?</t>
  </si>
  <si>
    <t>阿迪达斯在欧盟守住“三道杠”</t>
  </si>
  <si>
    <t>“阿迪达斯就像一只保护幼崽的母老虎，凶猛地保护着它的经典条纹设计。”美国《福布斯》杂志这样评价道。    4月10日，这一德国运动品牌巨头又一次赢得了保护“幼崽”的胜利。欧盟法院的有利裁决，标志着阿迪达斯的“三道杠”霸业，向</t>
  </si>
  <si>
    <t>GE厦门工厂被诬指“血汗工厂”事件调查</t>
  </si>
  <si>
    <t>美国一家非营利机构最近在其网站发布了GE公司在厦门的合资工厂“压榨工人”的种种现象，指责该厂为“血汗工厂”，在媒体引起轩然大波。记者调查采访发现，报告所指多为不实之词，背后有其自己的目的。　　一份“来路不明”的PMO报告</t>
  </si>
  <si>
    <t>国际组织关注金融稳定和粮食安全</t>
  </si>
  <si>
    <t>本报华盛顿电(记者刘洪　胡芳)中国财政部副部长李勇13日在这里表示，世界银行和国际货币基金组织(IMF)应敦促发达国家采取切实有效的措施，消除金融危机，加强市场监管，防范信用风险，实施负责任的货币和汇率政策。    李勇在当天?</t>
  </si>
  <si>
    <t>研究报告：气候变化把六大行业推进“危险区”</t>
  </si>
  <si>
    <t>本报华盛顿电　美国毕博管理咨询公司日前发布的一份研究报告指出，世界经济中的六大行业将因为气候变化所导致的环境后果而进入“危险区”。它们是航空、卫生、旅游、交通、金融服务和石油天然气行业，其中石油天然气行业受全球变暖现</t>
  </si>
  <si>
    <t>警惕全球粮价暴涨冲击波</t>
  </si>
  <si>
    <t>在世界银行和国际货币基金组织(IMF)春季年会上，许多国家部长发言时都有一个共同的要点：新的粮食危机正在形成。日益严峻的“粮荒”使许多贫穷国家民众面临饥饿威胁，不少国家也因此面临社会动荡的风险。    对发达国家来说，粮价暴涨?</t>
  </si>
  <si>
    <t>丹麦风电系统供应商看好中国市场</t>
  </si>
  <si>
    <t>本报讯(记者安蓓　张艺)丹麦风电系统供应商维斯塔斯风力系统集团公司首席执行官迪特列·英格日前说，中国已经成为继欧洲和美国之外，维斯塔斯在全球的第三大市场。    维斯塔斯是目前全球最大的风电系统公司之一，2007年的全球市?</t>
  </si>
  <si>
    <t>玉米减仓上行</t>
  </si>
  <si>
    <t>尽管美国玉米回落，14日大连玉米仍维持强势。　　901主力合约开盘1912元／吨，终盘上涨1.1%于1930元／吨收盘，全天减仓25464手。    受种植结构、养殖业以及深加工变化的趋势影响，未来玉米将长期处于偏紧状态，价格可能会维持?</t>
  </si>
  <si>
    <t>“韩流”电视剧遭遇发展“寒流”</t>
  </si>
  <si>
    <t>2000年以后，来自韩国的影视剧和音乐等大众文化迅速进入亚洲市场，形成独具特色的“韩流”现象。在“韩流”形成过程中，进入千家万户的韩国电视剧可谓功不可没，使得“韩流”迅速地渗透到每个家庭中去，让韩剧中的家长里短和缠绵情?</t>
  </si>
  <si>
    <t>“绿色”和“变革”丰富区域合作内涵</t>
  </si>
  <si>
    <t>博鳌亚洲论坛2008年年会13日下午在海南博鳌闭幕。　　本届年会主题为“绿色亚洲：在变革中实现共赢”。    中国国家主席胡锦涛在年会开幕式上发表了主旨演讲。来自澳大利亚、巴基斯坦、斯里兰卡、坦桑尼亚、智利等国元首和领导人</t>
  </si>
  <si>
    <t>美国经济不景气  各回各家找爸妈</t>
  </si>
  <si>
    <t>$T受次贷危机所累，2007年最后3个月美国经济增长明显减速，最近，美国经济再次传出走势不利的坏消息。一系列经济数据显示，在房价不振、消费者信心低落之时，美国通货膨胀势头丝毫不减、物价持续上涨。    在过去，依靠借贷，不少美国人提前享受房子、</t>
  </si>
  <si>
    <t>亚洲内衣市场增长迅速</t>
  </si>
  <si>
    <t>本报香港电(记者王敬中)国际著名内衣展商法国欧罗维特展览公司日前公布的数据显示，亚洲内衣市场增长迅速，近五年年均增幅8%，其中中国内地市场增幅高达11%。　  在日前闭幕的第二届香港国际时尚内衣展上，欧罗维特展览公司总经理</t>
  </si>
  <si>
    <t>德国楼市印证“围城说”</t>
  </si>
  <si>
    <t>近年来德国楼市的发展用钱钟书先生的“围城说”来形容最为恰当：城外的人想进去，城里的人想出来。    城里人和城外人    2003年德国只有6万套房屋成交，2004年则跃升至35万套，而掀起热潮的正是境外资本。去年前三季度，德国房</t>
  </si>
  <si>
    <t>美次贷危机对我国金融风险管理的启示</t>
  </si>
  <si>
    <t>由于我国目前经济发展存在局部过热的现象，房地产投资持续高位运行，与当年美国房地产投资过热有相似之处。因此，美国次贷危机的爆发对我国金融机构未来的风险管理有诸多启示，尤其能够对正在进行中的资产证券化等金融创新产品的发展提供?</t>
  </si>
  <si>
    <t>牧民定居：“马背上的民族”挥别游牧</t>
  </si>
  <si>
    <t>一家老小都在马上，几峰骆驼驮着蒙古包和锅碗瓢盆，三两只忠实的牧羊犬照应着羊群边吃边走。阿勒泰草原上的哈萨克族牧民，数百年来，就这样南北往返，每年搬家80余次。如今，当地政府实施的“牧民定居”工程，正在改写着这一历史。</t>
  </si>
  <si>
    <t>社会责任：不可忽视的企业竞争力</t>
  </si>
  <si>
    <t>企业社会责任问题正越来越受到关注。在国际上，联合国于2000年正式启动了“全球契约”计划。国际标准化组织于2004年启动了社会责任国际标准ISO 26000的制定工作，全球约120个国家及国际组织的400多名专家参与该标准的制定工作。一些跨国?</t>
  </si>
  <si>
    <t>五大风险考验全球经济</t>
  </si>
  <si>
    <t>国际货币基金组织(IMF)9日发布最新《世界经济展望》报告称，短期内全球经济面临下行风险，美国经济今年将出现轻度衰退，发达国家经济增长率将普遍低于潜在增长率，但新兴经济体仍能保持较快增长。总体来看，目前全球经济增长面临五大风险</t>
  </si>
  <si>
    <t>网络域名保护在先权利人</t>
  </si>
  <si>
    <t>北京市第二中级人民法院新近审结了北京易联时代网络技术有限公司分别诉贝克·麦坚时国际律师事务所、法国基德律师事务所计算机网络域名纠纷案，法院一审判决驳回原告易联时代公司关于确认涉案域名为其所有之财产的诉讼请求。?</t>
  </si>
  <si>
    <t>美将建手机短信应急预警系统</t>
  </si>
  <si>
    <t>本报华盛顿电(记者王薇　杨晴川)　美国政府9日通过一项计划，在全国范围内创建一个以手机短信为发送渠道的应急预警系统。    联邦电信委员会当天批准了这项计划，以实施2006年通过的一项建立应急系统的法案。应急预警系统预计在201</t>
  </si>
  <si>
    <t>法国为转基因作物产销开启一道门缝</t>
  </si>
  <si>
    <t>法国国民议会(议会下院)9日以微弱多数通过了一项旨在规范转基因作物种植和销售的法律草案，草案允许转基因作物在法国境内种植，但对此作出了一系列严格规定。该草案的通过表明，经过长期争论后，法国终于准备半开半掩地为转基因作物开门?</t>
  </si>
  <si>
    <t>过度开发：世界遗产保护面临挑战</t>
  </si>
  <si>
    <t>拥堵不堪、基础设施滞后、开发远远大于保护……人类800多处世界遗产中，相当一部分正面临过度开发的挑战。来自联合国世界旅游组织、联合国教科文组织以及中国、斯里兰卡、印尼、越南、马来西亚等世界多个国家的代表日前汇聚黄山，探讨世?</t>
  </si>
  <si>
    <t>两岸平板显示产业应走向更高领域整合</t>
  </si>
  <si>
    <t>在4月8日于厦门举行的第二届海峡两岸平板显示产业合作论坛上，业内人士预计今年大陆平板电视需求量将达到1200万台。业内人士指出，由于在产业上游——面板生产领域被台湾、曰、韩企业主导，大陆平板电视终端制造企业长期处在一个尴尬</t>
  </si>
  <si>
    <t>汇丰银行将拓展抵押贷款业务</t>
  </si>
  <si>
    <t>本报伦敦电　据英国《金融时报》9日报道，英国汇丰银行准备利用其竞争对手目前在抵押贷款市场上的弱势表现，大胆向英国住房拥有者提供贷款。    报道说，由于信贷紧缩导致融资成本越来越高，英国各大抵押贷款供应商因很难筹集足够资金?</t>
  </si>
  <si>
    <t>美次贷危机潜在损失预计达9450亿美元</t>
  </si>
  <si>
    <t>国际货币基金组织(IMF)8日在华盛顿发布了《全球金融稳定报告》，预计由美国次贷危机引发的全球金融动荡将造成高达9450亿美元的巨大损失。这一评估结果比此前所有经济学家和金融机构公开发表的预期都更为悲观。    这份每半年发布一次的</t>
  </si>
  <si>
    <t>“欧洲粮仓”乌克兰有望扩大粮食出口</t>
  </si>
  <si>
    <t>本报基辅电(记者穆黎明)　在全球粮价快速上涨的背景下，素有“欧洲粮仓”之称的乌克兰正在期待2008年的农业大丰收。据专家预测，今年乌有望扩大粮食出口。　　去年，因天气恶劣等原因乌克兰共收获粮食2930万吨，比前年减少14.5%。?</t>
  </si>
  <si>
    <t>CN域名注册量突破千万</t>
  </si>
  <si>
    <t>本报讯(记者张强)　在互联网经济大潮推动下，我国CN域名注册量呈现出爆炸式增长。据CNNIC最新统计数据显示：截至2008年2月底，我国CN域名注册量已突破1000万大关，注册规模直逼德国DE域名，成功晋级全球千万级域名之列。ICANN主席彼?</t>
  </si>
  <si>
    <t>美欧央行再度联手拍卖贷款</t>
  </si>
  <si>
    <t>本报讯　美国联邦储备委员会8日宣布，再度向面临流动性不足的商业银行拍卖贷款共500亿美元。欧洲中央银行同一天也宣布向商业银行拍卖贷款150亿美元。这两次拍卖贷款的利率一样，均为2.82%。　　在美国方面，这是美联储自去年12月建</t>
  </si>
  <si>
    <t>IMF：中国经济今明两年仍将快速增长</t>
  </si>
  <si>
    <t>本报华盛顿电(记者胡芳　刘洪)国际货币基金组织(IMF)9日在此间发表的最新《世界经济展望》报告预测，今明两年中国经济增长速度将有所减缓，但仍将保持快速增长势头，增长率可分别达9.3%和9.5%。　　报告说，尽管出现了某些放缓的迹</t>
  </si>
  <si>
    <t>IMF：美国经济今年将陷入轻度衰退</t>
  </si>
  <si>
    <t>本报华盛顿电(记者胡芳　刘洪)国际货币基金组织(IMF)9日发表的最新《世界经济展望)报告认为，美国经济因受住房市场危机和金融市场动荡的交叉影响将在今年陷入轻度衰退，但将于2009年开始温和复苏。　　这份半年发表一次的报告说，</t>
  </si>
  <si>
    <t>IMF预测：全球经济今年增长3.7%</t>
  </si>
  <si>
    <t>本报华盛顿电(记者胡芳　刘洪)国际货币基金组织(IMF)9日在此间发表的最新《世界经济展望》报告预测，全球经济2008年和2009年将分别增长3.7%和3.8%，明显低于去年4.9%的增速。　　这一预测与IMF今年1月份的估计相比分别下降了0.5个?</t>
  </si>
  <si>
    <t>白川方明就任日本央行行长</t>
  </si>
  <si>
    <t>本报东京电(记者刘浩远)  日本政府9日正式任命白川方明担任日本中央银行——日本银行行长，从而结束了日本央行自3月20日以来行长空缺的局面。    日本国会参议院和众议院当天早些时候表决通过了日本政府有关央行行长人选的提名，批</t>
  </si>
  <si>
    <t>奥运纪念品热销  旅游商品市场人气提升</t>
  </si>
  <si>
    <t>活泼可爱的毛绒福娃，金碧辉煌的“鸟巢”模型，古朴典雅的玉石中国印，当美国游客杰克步入北京街头一家奥运特许商店时，这些精致的奥运纪念品立刻让他兴奋不已：“这些东西代表着中国人的另一种奥运激情，让你无法拒绝。”    和杰克抱有同?</t>
  </si>
  <si>
    <t>今年全球大米产量将继续增长</t>
  </si>
  <si>
    <t>本报罗马电(记者杨爱国)联合国粮农组织近日发表公报指出，在天气条件正常的情况下，今年世界大米产量预计将增加近1200万吨，比去年增长1.8%。根据预测，亚洲所有主要大米生产国，尤其是孟加拉国、中国、印度、印度尼西亚、缅甸、菲律宾和泰国，今年产量均会有大?</t>
  </si>
  <si>
    <t>IMF：金融稳定依然面临很大风险</t>
  </si>
  <si>
    <t>本报华盛顿电(记者胡芳　刘洪)国际货币基金组织(IMF)8日在这里发表报告说，自去年10月以来，全球金融体系面临日益增大的压力，金融稳定面临的风险依然很大。　　这份半年发表一次的《全球金融稳定报告》说，信贷质量恶化、结构性信贷产</t>
  </si>
  <si>
    <t>能源需求增长强劲  中国低碳经济启程</t>
  </si>
  <si>
    <t>国际石油价格自今年年初突破每桶100美元关口后居高不下，作为仅次于美国的全球第二大石油消费国，中国能源需求引发的一系列问题一时间成为业界关注的焦点。国内外能源研究机构和专家学者目前接受本报记者采访时分析了驱动中国能源需求增?</t>
  </si>
  <si>
    <t>应对经济危机  布什甘当甩手掌柜？</t>
  </si>
  <si>
    <t>次贷危机愈演愈烈，美国经济有衰退之虞，财长保尔森和美联储主席伯南克焦头烂额，总统布什却似乎气定神闲，最近还悠哉游哉前往欧洲启动自己的“告别之旅”。一些美国媒体开始追问：经济危机下，布什总统到底在不在岗?    《纽约时报》?</t>
  </si>
  <si>
    <t>澳大利亚招标石油区块勘探</t>
  </si>
  <si>
    <t>本报堪培拉电(记者江亚平)澳大利亚政府7日宣布，决定开放该国35个近海区域供石油勘探和开发，并鼓励大公司在石油勘探方面进行投资。　　澳政府在一份声明中说，这35个勘探区位于澳大利亚西部和北部地区的5个近海盆地。澳大利?</t>
  </si>
  <si>
    <t>日本外汇储备再创新高</t>
  </si>
  <si>
    <t>本报东京电　日本财务省7日公布的报告显示，日本3月份外汇储备连续第10个月增加，3月底达到创纪录的1.01559万亿美元。    截至3月31日，日本外汇储备较前一个月增加了76.1亿美元。日本今年2月外汇储备首次突破1万亿美元大关，</t>
  </si>
  <si>
    <t>欧盟新规允许飞行途中打手机</t>
  </si>
  <si>
    <t>本报布鲁塞尔电(记者尚军)　根据欧盟委员会7日出台的一项新规定，今后在欧盟范围内乘坐飞机的旅客可以在空中使用手机。    当天出台的规定旨在为欧盟空中手机通信服务制订一套泛欧技术标准和审批程序。届时，航空公司只要从某一成?</t>
  </si>
  <si>
    <t>欧佩克油价连续第三周下降</t>
  </si>
  <si>
    <t>本报维也纳电(记者刘钢)据总部设在维也纳的石油输出国组织(欧佩克)秘书处7日公布的数据，欧佩克市场监督原油一揽子平均价上周继续下调，降为每桶97.62美元。　　这是欧佩克周平均油价在今年3月第二周达到每桶101.34美元的创纪录高?</t>
  </si>
  <si>
    <t>移民汇款巨额返乡  游子经济凸显能量</t>
  </si>
  <si>
    <t>$F相关链接$E　　$T世行报告：　　印度、中国和墨西哥2007年接收移民汇款最多　　2008年3月20日，世界银行发布　的一份有关全球移民与汇款的报告指出，2007年全年印度、中国和墨西哥是世界上接收移民汇款最多的3个国家。?</t>
  </si>
  <si>
    <t>“真香”“假香”难辨  香水瓶里有乾坤</t>
  </si>
  <si>
    <t>每个人都希望自己“更好闻一些”，这个简单的愿望竟为香水行业带来高达160亿英镑(约合319亿美元)的年收入。人们不禁好奇：一瓶小小的香水里究竟有何玄机?    利润空间惊人    英国《每日邮报》报道，一瓶香水的液体本身只占其生?</t>
  </si>
  <si>
    <t>美国经济面临三重挑战</t>
  </si>
  <si>
    <t>近来，美国经济状况成为世界各国关注的热点问题。那么，美国经济到底怎么了?美国联邦储备委员会主席伯南克日前在国会接受质询时表示，美国经济“有可能出现衰退”。这是伯南克首次公开承认美国经济面临衰退风险。与此同时，美国《纽?</t>
  </si>
  <si>
    <t>阿联酋首发中文版投资指南</t>
  </si>
  <si>
    <t>本报阿布扎比电(记者潘剑　李志平)据阿联酋通讯社4月1日报道，阿联酋对外贸易部于当天发布了该国首部中文版阿联酋投资指南。　　报道称，这部中文版投资指南是阿联酋对外贸易部贯彻阿联酋联邦政府吸引外国投资和促进对外贸易?</t>
  </si>
  <si>
    <t>法金管局认定欧航集团涉嫌两大罪状</t>
  </si>
  <si>
    <t>法国金融市场管理局4月1日宣布，空中客车母公司——欧洲航空防务和航天集团(简称欧航集团)及其部分高管涉嫌发布虚假信息和从事股票市场内幕交易。有关该案的相关资料将在近期移交巴黎检察机关。　　金管局当天发表一项公告说，</t>
  </si>
  <si>
    <t>澳铁矿石生产商FMG看好中国市场</t>
  </si>
  <si>
    <t>本报讯　澳大利亚主要铁矿石公司FMG执行董事史贵祥4月2日说，虽然美国经济今年存在衰退风险，中国钢铁出口受到影响，但他依然看好中国钢铁企业及中国铁矿石市场的发展前景。　　史贵祥说，推动中国钢铁企业发展的主要动力是近几年?</t>
  </si>
  <si>
    <t>美“统一证券和期货监管”方案遭质疑</t>
  </si>
  <si>
    <t>3月31日，美国财政部长保尔森正式抛出了美国金融监管体系改革计划。方案一出，美国期货业在对政府改变目前金融困局所做努力表示赞赏的同时，也对方案的核心内容之一——合并证券交易委员会(SEC)和商品期货交易委员会(CFTC)纷纷发出质</t>
  </si>
  <si>
    <t>伯南克：美经济上半年可能出现收缩</t>
  </si>
  <si>
    <t>本报华盛顿电(记者刘洪)美国联邦储备委员会主席伯南克4月2日在国会作证时说，美国经济在今年上半年可能出现收缩。　　伯南克同时表示，得益于布什政府的经济刺激计划和美联储的一系列积极货币政策，美国经济可望在今年下半年和明年</t>
  </si>
  <si>
    <t>IMF：全球经济增长预测被再度调低</t>
  </si>
  <si>
    <t>本报香港电(记者何柳)国际货币基金组织(IMF)4月2日在亚洲发表报告，再度将2008年全球经济增长预测调降至3.7%，为2002年以来最低增速。　　这份题为《全球及地区经济前景预测(更新)》的报告指出，美国次贷危机引发的金融动荡以令人?</t>
  </si>
  <si>
    <t>国内金价全线下跌</t>
  </si>
  <si>
    <t>美财长公布金融监管体制改革方案</t>
  </si>
  <si>
    <t>本报华盛顿电(记者刘洪)根据美国财政部长保尔森3月31日正式公布的改革方案，美国金融监管体制将进行大规模改革，其中多个机构将被裁撤，而美国联邦储备委员会的权力将极大加强。　　随着经济全球化步伐加快和金融形势出现新的变化?</t>
  </si>
  <si>
    <t>游泳队绍兴“实战演习”  谁有希望登上奥运领奖台？</t>
  </si>
  <si>
    <t>放眼世界，日前结束的欧锦赛上，法国、意大利和荷兰游泳选手联手打破六项世界纪录；澳大利亚奥运会游泳选拔赛上改写八项世界纪录。世界疯狂了。　　中国全国游泳冠军赛暨奥运会选拔赛3月30日至4月5日在浙江省绍兴市游泳健身中心举行，进</t>
  </si>
  <si>
    <t>美国人汽车消费观念受到冲击</t>
  </si>
  <si>
    <t>“从省油到根本不用油。”这是悬挂在2008纽约国际汽车展展厅内一块巨大的广告牌上的广告语，但如果借用它来形容当前美国汽车消费者的心态也许更为恰当。    长期以来，美国许多消费者在选购汽车时主要考虑车身大，舒适性、动力性?</t>
  </si>
  <si>
    <t>QDII基金亏损三成  坚守亚洲新兴市场</t>
  </si>
  <si>
    <t>根据有关机构最新统计，截至3月31日的数据，嘉实、南方、华夏、上投摩根等五只QDⅡ基金最近三个月的回报率平均是－26.76%，考虑到今年以来人民币对港币已经升值了4%左右，以人民币来衡量，这五只基金最近三个月平均亏损了30%以上。</t>
  </si>
  <si>
    <t>欧洲国债借次贷危机走俏国际市场</t>
  </si>
  <si>
    <t>近日，一则韩国国家养老基金停止购买美国国债的新闻引起全球媒体广泛关注。这家管理着2200亿美元资产的基金表示，今后将优先考虑购买欧洲的国债等风险相近，收益更高的金融资产。　　在全球金融危机风声日紧的情况下，为何欧洲国债</t>
  </si>
  <si>
    <t>英美将联合监管银行体系</t>
  </si>
  <si>
    <t>本报伦敦电(记者陈文仙)英国和美国近日达成协议，两国政府将在应对金融危机方面进行合作，并建立一个联合工作组，就如何监管银行系统提出建议。　　据英国《金融时报》3月31日报道，英国财政大臣达林和美国财长保尔森上周就此达成?</t>
  </si>
  <si>
    <t>欧美相互“开放天空”开创航空业新格局</t>
  </si>
  <si>
    <t>根据欧美领导人去年4月底在华盛顿达成的协议，欧盟和美国自3月30日开始相互“开放天空”，意味着一个横跨大西洋的航空大市场就此诞生，而欧美航空企业将面临更加激烈的竞争。    覆盖全球六成空运　　历经4年艰苦谈判达成的新航</t>
  </si>
  <si>
    <t>昆明“招商新政”招来激烈争议</t>
  </si>
  <si>
    <t>继公布领导干部电话和“瞌睡干部辞职事件”之后，昆明最近再度成为舆论关注焦点，这场新的争议只为两个字：招商。　  从明确提出“招商引资是第一政绩”，到全市动员招商引资，再到各部门抽调精干人员成立35个招商分局，分赴沿海地区开展“?</t>
  </si>
  <si>
    <t>美财政部提交金融监管体制改革方案</t>
  </si>
  <si>
    <t>为应对次贷危机爆发以来的新形势，改革相对滞后的金融监管体制，美国财政部3月31日向国会提交了一项金融监管体制改革方案。    该方案涉及多项裁撤、整合联邦监管部门计划，将赋予美联储更大权力，使之成为金融监管的核心。这将是美国?</t>
  </si>
  <si>
    <t>欧洲太阳能电池产量超日本</t>
  </si>
  <si>
    <t>本报东京电(记者钱铮)　最新数据显示，日本2007年不敌欧洲，丧失了长期保持的太阳能电池产量世界第一的位置。此外，连续7年位居全球企业太阳能电池产量榜首的日本夏普公司也被德国生产商赶超。    日本共同社日前援引美国太阳</t>
  </si>
  <si>
    <t>美财长保尔森第六次中国行将带来什么</t>
  </si>
  <si>
    <t>按照计划的行程安排，美国财政部长保尔森将于4月2日至3日访问北京。屈指算来，这已是保尔森上任未满两年时间内，第六次到访中国。频繁的访问，显示的是中美经贸关系的日益密切，也显示出美国高层对与中国关系的高度关注。    对保</t>
  </si>
  <si>
    <t>基因安全新科技能否为转基因农业“松绑”</t>
  </si>
  <si>
    <t>从美国的“星联玉米危机”、加拿大的“转基因油菜事件”到墨西哥的“玉米基因污染”，转基因农业几乎每前进一小步，都伴随着基因污染的阴影。    不过最近浙江杭州一小片水稻试验田上取得的新发明，令生物技术领域的科学家和转基因种子</t>
  </si>
  <si>
    <t>英国：对诺森罗克银行监管有误</t>
  </si>
  <si>
    <t>本报伦敦电 英国金融监管局26日发表公告，承认该机构在监管诺森罗克银行上出现失误。金融监管局表示，对诺森罗克银行缺乏直接的、专门的监管资源，当该行未能应付金融市场变数而经营模式失效时，监管机构没有对其管理进行紧密跟踪。此外，监管机构对诺森罗克银行的</t>
  </si>
  <si>
    <t>俄罗斯应对次贷危机成竹在胸</t>
  </si>
  <si>
    <t>俄罗斯政府官员和一些专家日前纷纷表示，俄罗斯经济能够免受国际能源和金融市场动荡的影响。俄罗斯当选总统、第一副总理梅德韦杰夫日前在接受英国《金融时报》采访时表示，尽管无法完全抵挡美国次贷危机在全球范围内引发的一系列后果</t>
  </si>
  <si>
    <t>“三缺”“四涨”迫使部分外资企业加速转移</t>
  </si>
  <si>
    <t>缺工，缺电，缺地!油价涨，原料涨，工资涨!在跨入“高成本时代”的东南沿海地区，面临资源环境瓶颈的部分劳动密集型外资企业加快了转移的步伐。然而记者发现，不少外资并没有流向我国的中西部地区，而是流向了越南、老挝等东南亚国家</t>
  </si>
  <si>
    <t>淡水河谷与斯特拉塔未达成收购协议</t>
  </si>
  <si>
    <t>本报里约热内卢电(记者杨立民)　世界最大铁矿石生产商巴两淡水河谷公司25日宣布，该公司与总部位于瑞士楚格的矿业巨头斯特拉塔公司(Xstrata)未能就收购事宜达成协议，有关谈判宦告结束。    淡水河谷公司发布公告称，该公司建议以?</t>
  </si>
  <si>
    <t>两大银行对美国次债危机影响表态</t>
  </si>
  <si>
    <t>本报讯(记者刘振冬　张莫)工商银行和中国银行日前分别举行2007年业绩新闻发布会，并介绍了美国的次债危机对自己的影响。    工行行长杨凯表示，次债危机对工行的影响有限。工行公布的资料显示，其持有的美国次级住房贷款抵押债券为12.2</t>
  </si>
  <si>
    <t>威士国际组织遭反垄断调查</t>
  </si>
  <si>
    <t>本报布鲁塞尔电(记者尚军)全球最大的信用卡机构之一威士国际组织(Visa)欧洲分部因为对跨国刷卡消费收取跨行交易费，26日受到欧盟委员会的反垄断调查。　　欧盟委员会在一份声明中说，威士国际组织欧洲分部对于欧盟范围内的跨国刷卡消费</t>
  </si>
  <si>
    <t>美联航放弃提高机票燃油附加费</t>
  </si>
  <si>
    <t>本报纽约电　美国第二大航空企业美联航放弃了一项提高机票燃油附加费的措施，原因是其他同行企业没有采取类似行动。　　据此间媒体25日报道，这项措施的内容是把每张往返票的燃油附加费提高10美元，实施还不足一个星期。美联航原计划通</t>
  </si>
  <si>
    <t>大阪迎来第十届中国纺织成衣展</t>
  </si>
  <si>
    <t>本报大阪电(记者刘浩远)　第十届中国纺织成衣展26日在日本大阪拉开帷幕，中国驻大阪总领事馆总领事罗田广在开幕式上指出，中国纺织成衣展已战为中日纺织业界交流的首选平台，也越来越为日本消费者所欢迎。    罗田广说，本次展会在</t>
  </si>
  <si>
    <t>美豆大涨  连豆被动跟风</t>
  </si>
  <si>
    <t>受到阿根廷农民罢工影响，CBOT美国大豆25日强劲涨停，但国内连豆表现较弱。从盘面看，多头比较谨慎，主要是本次暴跌受到的打击很大，多以观望或短线炒作为主。连豆901合约26日高开回落整理，终盘报收4270元，豆油809合约终盘报收11120元?</t>
  </si>
  <si>
    <t>欧洲央行密切关注汇市“过度”波动</t>
  </si>
  <si>
    <t>本报法兰克福电(记者郇公弟刘菁)欧洲中央银行副行长卢卡斯·帕帕季莫斯25日在此间表示，欧洲央行正在密切关注目前“过度”波动的全球外汇市场。　　帕帕季莫斯说，“在当前全球经济运行放缓的情况下，确保经济增长不会受到外汇市场过度</t>
  </si>
  <si>
    <t>北京奥运黄金品牌效应吸引世界顶级企业</t>
  </si>
  <si>
    <t>3月24日，在古希腊奥林匹亚举行了北京奥运会圣火采集仪式，这意味着北京奥运会的大幕正徐徐拉开。与此同时，众多世界顶级企业与北京奥运会融合后的黄金品牌效应，也正交相辉映。    北京奥运会赞助企业星光闪耀    2003年9月1日，国?</t>
  </si>
  <si>
    <t>我国出口肝素钠质量一直较稳定</t>
  </si>
  <si>
    <t>本报讯(记者曾亮亮　实习生宋燕)　针对美国、德国近期发生因使用肝素钠制剂致患者不良反应事件，中国医药保健品进出口商会(简称医保商会)相关负责人25日向本报记者表示，我国出口肝素钠已有30多年的历史，出口产品质量一直较稳定。</t>
  </si>
  <si>
    <t>全球经济减速对韩国经济不利</t>
  </si>
  <si>
    <t>本报首尔电　韩国中央银行——韩国银行行长李成太25日说，美国及其他主要经济体经济减速和初级产品价格上涨将对韩国产生不利影响。　　李成太说，美国和其他发达国家经济减速将损害韩国的出口。此外，由于韩国的原材料供应主要依靠进</t>
  </si>
  <si>
    <t>法国酒走高档路线以“质”代“量”</t>
  </si>
  <si>
    <t>法国著名酒商保乐力加集团近日在巴黎举行隆重仪式，推出每瓶单价达4000欧元的香槟酒。分析人士认为，这是该集团和诸多法国酒商追求以“质”代“量”的最新例证。    近年来法国酒商不再追求销量，而是力图通过提升产品档次和品牌?</t>
  </si>
  <si>
    <t>非洲国家将加强能源合作</t>
  </si>
  <si>
    <t>本报雅温得电(记者刘芳)　非洲石油生产国协会(APPA)执行主席、喀麦隆国有石油公司总经理阿道夫·穆迪基24日表示，非洲国家将进一步加强能源合作，以便更充分、更有效地利用非洲能源资源。    APPA第25届部长会议将于28日在雅温得召</t>
  </si>
  <si>
    <t>看美国如何为主权财富基金定规矩</t>
  </si>
  <si>
    <t>主权财富基金(Sovereign WealthFund，简写为SWF)不是一个新概念，但西方对SWF的高度关切，则是近两年才出现的一个新动向。其中既有贸易保护主义成分，也不乏意识形态和冷战思维作祟。    在美国，患有SwF“恐惧症”的主要是一些持保守?</t>
  </si>
  <si>
    <t>第四次石油危机是否降临</t>
  </si>
  <si>
    <t>从去年下半年持续到现在的石油涨价，已经在世界范围内引起了一系列影响：南美委内瑞拉、阿根廷等国家从事远洋捕捞的渔民在年初多次集会要求政府提供石油涨价的补贴；日本国内的一些原本提供午餐的小学为了应对能源涨价，要求小学生自带午</t>
  </si>
  <si>
    <t>英金融监管系统扩员百人盯风险</t>
  </si>
  <si>
    <t>本报讯　英国金融管理局将招聘100多名管理人员，加强对主要银行的监管，避免它们重蹈诺森罗克银行的覆辙。    英国《星期日电讯报》23日报道，这些新雇员将进入金融管理局风险、分析和监管等多个部门。同时，新雇员数量将与英国100</t>
  </si>
  <si>
    <t>沙特将尽力维护原油市场稳定</t>
  </si>
  <si>
    <t>本报利雅得电(记者李震)沙特阿拉伯石油和矿产事务最高委员会23日表示，沙特愿意保证石油供应，以维护世界原油市场的稳定，促进世界经济的持续发展。    该委员会当天在沙特国王阿卜杜拉的主持下召开会议，着重研究了国际油价高企?</t>
  </si>
  <si>
    <t>揭开部分在华韩企非法撤离的真相</t>
  </si>
  <si>
    <t>最近一段时间以来，在华投资的部分韩资企业采取非正常手段撤离。韩资企业的投资人在没有清算企业在华债务以及申报破产的情况下，秘密返回韩国，结束在华投资，只留下厂房和设备。记者近日探访了我国韩资企业较为集中的青岛、烟台等地，去</t>
  </si>
  <si>
    <t>“全球音谷”能否成为中国递给世界的新名片</t>
  </si>
  <si>
    <t>动植物、细胞都有声音吗?袋鼠、蜘蛛、熊猫许多人都熟悉，但它们的叫声您听过吗?人们能不能不用爬上珠穆朗玛峰也可以听到它山顶的风声呢?点击鼠标，能够购买这些声音吗?合肥市正联手美国华纳国际投资集团，打造以“声音标本”建立与交易、</t>
  </si>
  <si>
    <t>移动运营商欲争得4G标准主动权</t>
  </si>
  <si>
    <t>在中国3G尚未正式上马之前，中国移动运营商已加入4G测试阵营。前不久，中国移动总裁王建宙在巴塞罗那移动世界大会上表示，中国移动将携手英国沃达丰、美国Verizon，加入LTE(LTE是代表4G的技术方向之一)的测试。　　水清木华研究机构电?</t>
  </si>
  <si>
    <t>利空初步兑现  股市“雨后放晴”</t>
  </si>
  <si>
    <t>3月19日，由于受到美国股市创纪录大幅上涨的刺激，同时有传闻称相关部门将在近期宣布降低证券交易印花税，内外暖风交合给投资者带来“市场进入底部”的憧憬，使得A股市场顶着央行再次提高存款准备金率的“利空”大幅反弹，两市出现久违的全面普涨的喜人景象。上证?</t>
  </si>
  <si>
    <t>“中国制造”客车获全球同行瞩目</t>
  </si>
  <si>
    <t>本报上海电(记者潘清)  国际巨头的纷纷驻足和本土企业不断崛起，令“中国制造”日渐获得全球客车行业的瞩目。在上海举行的2008世界客车博览亚洲展览会(Busworld Asia)，成了快速发展的中国客车产业一次全方位的展示。    作为</t>
  </si>
  <si>
    <t>数据折射中美贸易新形势</t>
  </si>
  <si>
    <t>尽管中国产品质量问题曾一度在美国市场闹得沸沸扬扬，但2007年仍是中美贸易的“里程碑”年度。根据美国政府不久前公布的贸易报告，中国已超越加拿大成为美国第一大商品进口来源国，并超越日本成为美第三大商品出口对象国。    对外贸易</t>
  </si>
  <si>
    <t>美联储再次降息几无悬念</t>
  </si>
  <si>
    <t>美国联邦储备委员会(美联储)于当地时间18日召开货币政策会议，分析人士普遍预测，在本次会议上，美联储可能决定再次降低联邦基金利率(即商业银行间隔夜拆借利率)。　　@@@再降息应对下行风险@@@　　作为本次货币政策会议的重要参</t>
  </si>
  <si>
    <t>牛熊分水岭就在眼前</t>
  </si>
  <si>
    <t>美国投资银行贝尔斯登因暴发财务危机接近崩溃的消息，令次级债风暴重起波澜席卷全球股市。加上国内市场预期中国人民银行将于本周二出台不对称加息政策，使得近期萎靡不振的A股市场再度遭受重创。    分析人士指出，外围经济阴霾重</t>
  </si>
  <si>
    <t>意大利服装企业拓展中国市场</t>
  </si>
  <si>
    <t>本报讯　意大利对外贸易委员会北京办事处首席代表赖世平目前披露，将有30多家意大利服装公司携40多个品牌组成意大利国家展团，参加3月28日在北京中国国际展览中心(新馆)开幕的中国国际服装服饰博览会。参展的服装包括男女梭织服装、针织</t>
  </si>
  <si>
    <t>摩根大通将以超低价收购贝尔斯登</t>
  </si>
  <si>
    <t>美国摩根大通公司16日证实，将以总价约2.36亿美元(合每股2美元)收购美国第五大投行贝尔斯登公司。这一价格较贝尔斯登14日每股30美元的收盘价缩水93%。    据美联社报道，上述交易将以换股方式进行，且已得到美联储以及美国政府部门的批</t>
  </si>
  <si>
    <t>美环保署新规限制车船废气</t>
  </si>
  <si>
    <t>本报洛杉矶电(记者高原)　据美国媒体16日报道，美国环境保护署日前制订了旨在降低火车和船舶废气排放量的新标准。　　根据新标准，凡是以柴油为动力的火车机车必须从2014年开始逐步采用清洁发动机取代老式设备，并换用清洁燃料。拖</t>
  </si>
  <si>
    <t>油价飞涨与供求无关</t>
  </si>
  <si>
    <t>本报阿尔及尔电　据阿尔及利亚媒体16日报道，石油输出国组织(欧佩克)轮值主席、阿尔及利亚能源和矿业部长沙基卜·哈利勒当天表示，国际油价飞涨源于美元贬值以及市场投机炒作行为，与石油供求无关。　　阿尔及尔官方通讯社APS援引</t>
  </si>
  <si>
    <t>连豆再次暴跌</t>
  </si>
  <si>
    <t>17日，连豆受到美国CBOT市场重挫影响继续暴跌。　　连豆901主力合约大跌3.3%于4327元收盘，全天减仓14824手，豆油809合约11500元跌停开盘直至最后收盘，恐慌氛围浓重。    据美国商品报告显示，商品基金继续减持美国CBOT市?</t>
  </si>
  <si>
    <t>筹码的锁定性依然不强</t>
  </si>
  <si>
    <t>过去的一周，美元指数跌至71.65，国际原油价格突破110美元／桶，黄金价格突破1000美元／盎司，显示出全球投资者对美国经济衰退的担心。　　截止到3月14日，美国道·琼斯指数回落到11951点，香港H股指数跌至11891点，均已经出现向下</t>
  </si>
  <si>
    <t>日元持续升值冲击日本经济</t>
  </si>
  <si>
    <t>近来，由于美国经济增长前景暗淡，美元与西方其他主要货币的比价持续走低。纽约汇市14日尾市时，美元兑日元从前一个交易日的1比102.04降至1比99.21，交易中一度跌至1比98.88，为1995年底以来最低水平。一些日本研究机构指出，日元急?</t>
  </si>
  <si>
    <t>英政府欲售英国能源股权</t>
  </si>
  <si>
    <t>本报伦敦电(记者朱益)据英国《金融时报》15日报道，英国政府已经同英国数家最大的能源供应商进行了接触，试探它们是否对政府在英国能源公司所占的35.2%股权有兴趣。　　报道说，英国能源公司是英国最大的电力供应商，同时也是</t>
  </si>
  <si>
    <t>美元对欧元瑞士法郎创新低</t>
  </si>
  <si>
    <t>最近几周，欧元已创出一系列历史新高，上周五，美元兑欧元、兑瑞士法郎双双创出历史新低，兑日元亦触及8年低点。    美联储、加拿大央行、英国央行、欧洲央行和瑞士央行宣布了一系列提高流动性的大胆举措。这次行动导致美国股市大?</t>
  </si>
  <si>
    <t>巴阿双边贸易结算将弃美元</t>
  </si>
  <si>
    <t>本报布宜诺斯艾利斯电(记者宋洁云　冯俊扬)阿根廷中央银行官员15日说，从今年8月起，巴西和阿根廷的双边贸易将以两国的本国货币进行结算，逐步放弃以美元结算的贸易体系。　　阿根廷中央银行负责货币结算事务的官员阿尔纳尔多·博?</t>
  </si>
  <si>
    <t>美元贬值助推国际油价突破110美元</t>
  </si>
  <si>
    <t>美国上周原油商业库存和汽油库存双双增加的消息并未能削弱美元贬值对油价上涨的助推力，国际油价12日再创新高。专家认为，近期油价走势已与供需基本面出现明显背离，油价上扬趋势也许近期内难以出现逆转。　　美元探新低　油价创新高</t>
  </si>
  <si>
    <t>高外汇储备新兴国家应携手稳定币值</t>
  </si>
  <si>
    <t>本报巴西利亚电(记者赵焱　陈威华)巴西总统卢拉日前提议，拥有较多外汇储备的新兴国家应该成立统一战线，以防止本国货币过快升值。    卢拉12日在参加由英国《经济学家》杂志在巴西利亚主办的研讨会上发言时表示，他希望主要新兴?</t>
  </si>
  <si>
    <t>欧盟禁售不带“儿童锁”打火机</t>
  </si>
  <si>
    <t>本报布鲁塞尔电(记者尚军)欧盟委员会11日发布公报说，所有不带防儿童开启装置的打火机自当天起不得再在欧盟市场上销售。　　根据欧盟去年3月11日开始实施的一项儿童安全保护规定，今后所有在欧盟市场上销售的打火机都必须配备防止?</t>
  </si>
  <si>
    <t>俄拟投资修建远东天然气管道</t>
  </si>
  <si>
    <t>本报莫斯科电(记者赵嘉麟)俄罗斯计划2008至2011年，在选东地区投资修建一条连接萨哈林和符拉迪沃斯托克的天然气管道。　　据国际文传电讯社11日报道，俄天然气工业股份公司东部项目协调局局长季莫希洛夫当天表示，该公司将在和“萨</t>
  </si>
  <si>
    <t>英设立专门机构监督商业银行风险</t>
  </si>
  <si>
    <t>本报伦敦电(记者朱益)据英国《金融时报》11日报道，英国金融监管局日前宣布正在建立一个专门机构，帮助监督商业银行的风险模式。这是英国金融监管当局自诺森罗克银行危机发生以来的最新机构调整措施。　　报道说，专门机构的负责人</t>
  </si>
  <si>
    <t>日央行总裁提名遭参院否决</t>
  </si>
  <si>
    <t>本报东京电(记者叶佳)日本国会参议院12日上午否决了政府对武藤敏郎出任日本央行——日本银行总裁的提名。　　根据日本法律，日本银行正副总裁的任命必须获得国会众参两院同意。参议院当天上午召开全体会议，对政府提交的将央行副总</t>
  </si>
  <si>
    <t>西方央行联手注资  欧美股市强劲反弹</t>
  </si>
  <si>
    <t>受美联储将和欧洲中央银行等西方主要央行采取联合行动，向金融系统大规模注资消息的影响，11日欧美股市强劲反弹。　　美国联邦储备委员会11日宣布再次通过贷款拍卖方式为商业银行提供500亿美元资金，以增加市场流动性，这是美联储?</t>
  </si>
  <si>
    <t>高油价时代  德国人偏爱“汽车共享”</t>
  </si>
  <si>
    <t>国际油价持续飙升，德国汽油价格较之10年前翻了一番多。面对日益高涨的油价，有车族怨声载道。在德国许多城市，一种名为“汽车共享”的新模式开始盛行，深受人们追捧。    会员人数增加    所谓“汽车共享”，是指许多人合用一?</t>
  </si>
  <si>
    <t>中东欧有望成为世界最重要的汽车制造中心</t>
  </si>
  <si>
    <t>奥地利信贷银行日前发表的报告认为，中东欧汽车业发展迅速，产值年均增长率约达20%。    报告显示，包括俄罗斯在内，中东欧国家2006年生产汽车近500万辆，占全球总产量的7%。2000年以来该地区汽车业出口几乎增长三倍。    在中?</t>
  </si>
  <si>
    <t>国外大城市：“公交优先”各有高招</t>
  </si>
  <si>
    <t>目前，各地积极推进的“公交优先”国家战略已渐显成效，但与国际先进水平仍有一定差距。有关部门的数据显示，我国城市的公交出行分担率平均不足10%，特大型城市也仅为20%左右，明显低于欧洲等地一些大城市。　　最近在上海举行的“</t>
  </si>
  <si>
    <t>美国经济增速放缓  美元汇率持续走低</t>
  </si>
  <si>
    <t>最近，美元对西方其他主要货币汇率走低趋势加重，美元对欧元汇率更是频频创下历史新低。    美元贬值促使国际石油价格不断刷新历史新高，给本已十分严峻的美国经济形势带来新的压力；同时也可能使欧元区经济因欧元持续升值和油价飙升付</t>
  </si>
  <si>
    <t>欧盟将终止对中国聚乙烯醇的反倾销调查</t>
  </si>
  <si>
    <t>本报布鲁塞尔电(记者尚军)欧盟成员国外交部长10日通过一份草案，决定终止对产自中国大陆和中国台湾的聚乙烯醇展开的反倾销调查程序，原定征收的临时反倾销税予以免除。    由欧盟成员国外交部长通过的这份草案还有待欧盟委员会正式通</t>
  </si>
  <si>
    <t>数据显示美国经济正在开倒车</t>
  </si>
  <si>
    <t>伴随着一系列利空数据出台，美国和全球金融市场近来剧烈震荡。美国许多经济学家和政界人士郝倾向于这样一种观点——美国经济正在开倒车。不过，假如应对得当，美国经济可能在今年晚些时候重新恢复增长。    美国经济向衰退滑落，最直接</t>
  </si>
  <si>
    <t>维持原油产量旨在帮助全球经济增长</t>
  </si>
  <si>
    <t>本报阿尔及尔电(记者施建国)据此间媒体10日报道，石油输出国组织(欧佩克)轮值主席、阿尔及利亚能源和矿业部长哈利勒日前表示，最近欧佩克石油部长会议作出维持该组织产量不变的决定，旨在帮助全球经济增长。　　哈利勒说，国际市场原油</t>
  </si>
  <si>
    <t>日经股指收于两年半来最低点</t>
  </si>
  <si>
    <t>由于美国利空数据加剧了投资者对美国经济可能滑入衰退的担忧，10日日本东京股市日经225种股票平均价格指数大幅下挫，收于两年半来的最低点。　　当天，日经股指比上一交易日下跌250.67点，收于12532.13点，为2005年9月1日收于12506.97</t>
  </si>
  <si>
    <t>法国股民投资策略趋谨慎</t>
  </si>
  <si>
    <t>本报巴黎电(记者芦龙军)最新调查显示，法国人对股市及上市公司新闻的关注度有所提高。不过，由于去年夏季以来的美国次贷危机给全球金融市场造成巨大冲击，法国的股民们投资更加谨慎。　　据法国民调机构TNS—索福莱斯近期公布的一?</t>
  </si>
  <si>
    <t>玉米基因组破译影响深远</t>
  </si>
  <si>
    <t>美国科学家日前宣布，成功绘出了玉米的基因组草图。玉米如今已经不仅仅是重要的基础农作物，它还用于一系列日常食品和用品的加工，制备乙醇燃料等。因此科学家们宣称，玉米基因蓝图的绘制，将在诸多方面产生深远影响。    美国科学家小组以?</t>
  </si>
  <si>
    <t>土耳其采用欧盟会计准则</t>
  </si>
  <si>
    <t>本报安卡拉电　据当地媒体8日报道，正在申请加入欧盟的土耳其已经开始采用欧盟会计准则。　　土耳其统计部门官员说，在采用欧盟会计准则之后，土耳其的国内生产总值和人均收入数字均有较大幅度增长。　　以欧盟会计准则计算，200</t>
  </si>
  <si>
    <t>非洲经济前景总体向好</t>
  </si>
  <si>
    <t>非洲国家公布的最新经济数据显示，目前非洲经济正处在前所未有的较佳状态。除少数国家外，多数非洲国家均进入了经济稳定增长的新时期。    《非洲商业和技术评论》杂志前不久刊登文章援引国际货币基金组织的话说，非洲正处于“持续</t>
  </si>
  <si>
    <t>美国经济面临“滞胀”风险</t>
  </si>
  <si>
    <t>随着美国经济增长速度大幅放缓，加上原油等原材料价格持续上涨，有美国专家认为，美国经济面临“滞胀”风险。　　美国全球投资公司资深投资家布赖恩·希克斯日前在接受媒体采访时表示，原油等原材料价格上涨和美国经济增长速度放缓</t>
  </si>
  <si>
    <t>中国研制成功抗氧化营养大米</t>
  </si>
  <si>
    <t>本报讯(记者刘浦泉)一种名为“德润生(2EB营养米”的中国大米，日前在北京召开的“抗氧化营养研究和国民健康论坛”上受到中外专家的广泛关注。经美国农业部严格检测，这种大米抗氧化营养含量达28.78%，创造了世界粮食中前所未有的数据，已通过?</t>
  </si>
  <si>
    <t>当前中国金融战略选择的思考</t>
  </si>
  <si>
    <t>目前，中国和全球经济都面临十分复杂的局面。美国经济已经走向衰退的边缘，全球股市无视西方国家不断出台的救市措施持续下跌，次债危机不断向纵深发展，并不断引发新的问题和危机。中国国内也出现了一些问题，如物价上涨，国际收支失衡加剧，经济发展也出现了放缓的趋势。?</t>
  </si>
  <si>
    <t>从对公到零售  建设银行悄然转型</t>
  </si>
  <si>
    <t>中国建设银行在改制上市后悄然进行着一场变革，在战略投资者美国银行的帮助下，建行提出了建设“最具价值创造力的银行”的目标，将业务重点从以批发为主转向批发零售并重。为实现这一目标，建行计划年底全部完成1.4万家网点的转型。“零售业务比对公业务的挑战大得</t>
  </si>
  <si>
    <t>借次贷危机出海抄底存三大风险</t>
  </si>
  <si>
    <t>美国次贷危机爆发以来，西方众多企业和金融机构股价大幅缩水，令国内不少企业跃跃欲试“出海抄底”。但各种迹象表明，次贷危机何时见底尚难预料，我国企业急于“抄底”反而会为次贷危机买单。专家认为，国内企业当下“走出去”投资并购存在三大风险，鉴于我国巨大?</t>
  </si>
  <si>
    <t>信贷市场危机继续冲击美国经济</t>
  </si>
  <si>
    <t>美国联邦储备委员会5日发表的全国经济形势调查报告(褐皮书)称，今年以来美国经济增速放缓，部分地区通胀压力上升。美国政府及经济机构同日发表的多个经济数据也显示，房产市场萧条及信贷市场危机仍在不断冲击美国经济。这份“褐皮书”报告根据美联储所属12家联邦储</t>
  </si>
  <si>
    <t>中国：愿与国际社会一道解决世界经济问题</t>
  </si>
  <si>
    <t>走进2008年，世界经济增长可能面临持续三年的滑坡，而中国经济则将继续保持强劲的增长态势。此时，世界各国都密切关注着中国经济的发展。国务院副总理曾培炎目前在瑞士达沃斯世界经济论坛上发表特别致辞说，近一时期，全球经济发展面</t>
  </si>
  <si>
    <t>中国市场：全球经济变局中的新机遇</t>
  </si>
  <si>
    <t>尽管全球正笼罩在美国次贷危机、经济增长预期下降、全球金融市场动荡、消费者信心受挫等迷雾中，渣打银行仍乐观地看好2008年中国市场的增长潜力。其集团行政总裁Peter Sands日前预测，今年中国经济仍将保持强劲，他表示，渣打将在这一轮全球经济变局中紧抓中国机遇。Peter Sa</t>
  </si>
  <si>
    <t>中国资本的海外路径</t>
  </si>
  <si>
    <t>2007年，中国资本在全球市场留下一连串脚印，从参与黑石集团IPO，到人股巴克莱银行，再到收购南非标准银行等等一系列交易。伴随着这一串串的脚印，中国资本开始尝试国际化路径的探索。    金融资本首次出海    去年7月份，正当英国第</t>
  </si>
  <si>
    <t>俄乌“斗气”升级  或再“殃及”欧洲</t>
  </si>
  <si>
    <t>俄罗斯天然气工业股份公司(Gazprom)4日宣布，已于当晚再次减少对乌克兰的天然气供应量。乌克兰石油天然气公司(Naftogaz)当天也发表声明称，只有在乌克兰国家能源安全不受威胁的情况下，才能保证输往欧洲的天然气畅通无阻。这番表态暗示着如果争端继续升级，乌克兰?</t>
  </si>
  <si>
    <t>世界经济论坛旅游竞争力报告新鲜出炉</t>
  </si>
  <si>
    <t>本报日内瓦电 世界经济论坛4日在日内瓦公布了最新一期旅游竞争力报告，瑞士、奥地利和德国仍位列世界前三甲。中国排名第62位，比上一次排名提高了9位。世界经济论坛在公报中指出，今年对130个国家和地区的旅游竞争力评估重点放在发展旅游的同时对环境的保护上。此?</t>
  </si>
  <si>
    <t>欧盟财长会肯定主权基金重要作用</t>
  </si>
  <si>
    <t>本报布鲁塞尔电 欧盟财政部长会议4日在布鲁塞尔就主权基金的规范等问题达成共识，认为欧盟应继续对主权基金持开放态度。欧盟轮值主席国斯洛文尼亚财政部长巴尤克当天在会议结束后举行的新闻发布会上表示，主权基金在过去、现在和将来都对欧洲的发展具有重要作用，?</t>
  </si>
  <si>
    <t>美银行体系依然稳健</t>
  </si>
  <si>
    <t>本报华盛顿电 美国银行业监管部门——美国联邦储蓄保险公司董事长希拉·贝尔４日说，尽管次贷危机导致美国银行业盈利下降，但他坚持认为美国银行体系依然稳健。贝尔当天在美国参议院银行委员会有关美国银行业状况的听证会上说：“大部分机构资本依然充足。”她同时</t>
  </si>
  <si>
    <t>欧佩克维持原油日产限额不变</t>
  </si>
  <si>
    <t>本报讯在维也纳举行的石油输出国组织(欧佩克)部长级会议5日决定，维持该组织目前的原油日产限额不变。沙特石油和矿产资源大臣纳伊米在此前接受《泛阿拉伯生活报》采访时表示，当前的油价无关市场基本面，它只与存在混乱投机行为的期货市场有关。纳伊米</t>
  </si>
  <si>
    <t>丰田汽车全球化之路成功的秘诀</t>
  </si>
  <si>
    <t>最新统计数据显示，2007年丰田汽车公司共生产949.7754万辆汽车，比通用汽车公司多生产21.3万辆。这是丰田全球汽车年产量首次超过通用。丰田公司在成立至今的70多年时间里，从日本一家国内企业发展成为全球最大的汽车生产企业之一。综观其全球化历程，丰田的成绩应?</t>
  </si>
  <si>
    <t>法国“试水”博物馆免费开放</t>
  </si>
  <si>
    <t>本报巴黎电 似乎偶然，又似乎必然，几乎与中国同步，法国也于2008年初开始，就大范围的博物馆免费开放“试水”。2008年1月1日起，包括吉梅博物馆和埃库昂文艺复兴博物馆在内的法国各地14座博物馆向参观者免费开放其永久性陈列，免费“试水期”为6个月。此外，位于?</t>
  </si>
  <si>
    <t>澳大利亚基准利率升至7.25%</t>
  </si>
  <si>
    <t>本报堪培拉电 澳大利亚中央银行——澳大利亚储备银行4日宣布，将基准利率再次提高0.25个百分点，升至7.25%，为12年来最高水平。澳大利亚储备银行的加息行动与市场此前的普遍预期一致。这是过去7个月里澳大利亚储备银行第四次加息，同时也是该机构自2002年5月以来的</t>
  </si>
  <si>
    <t>全球新车热刮“跨界”风</t>
  </si>
  <si>
    <t>本报讯 在2008年北美车展以及即将开幕的日内瓦车展上，带有“CROSS”特点的新车型成为一个看点，包括宝马X6、丰田Venza、福特KUGA等在内的多款“跨界”车型将悉数登场。刚刚落幕的2008年北美国际车展上，宝马汽车发布了全球首款多功能轿跑车宝马X6，融合了SUV的多?</t>
  </si>
  <si>
    <t>俄拟再减对乌克兰天然气供应量</t>
  </si>
  <si>
    <t>本报莫斯科电 俄罗斯天然气工业股份公司4日宣布，该公司计划从当天晚间开始再次减少对乌克兰的天然气供应量，削减幅度为原供气总量的25%。由于俄罗斯前一天已减少对乌克兰25%的供气量，俄方削减供气量总幅度将升至50%。俄塔社援引俄天然气工业股份公司发</t>
  </si>
  <si>
    <t>1600亿元再融资能否落地</t>
  </si>
  <si>
    <t>3月5日中国平安(601318.SH)将召开临时股东大会。公司此前提出的“1600亿元再融资计划”能否顺利提交股东大会进行表决，以及在融资规模和融资时间上会否中途生变，成为市场关注焦点。　　“天量”融资用途的多种解读    根据此前中国?</t>
  </si>
  <si>
    <t>次贷危机成为美经济最大威胁</t>
  </si>
  <si>
    <t>本报华盛顿电　美国全国实业经济学协会(NABE)3日公布的一份调查报告显示，该协会34%的成员认为次贷危机是美国经济未来一两年里所面临的最大威胁；而在该协会去年8月份公布的一份调查报告中，该比例仅为18%，当时恐怖主义和中东地区的</t>
  </si>
  <si>
    <t>伊战改变了美应对经济危机的方式</t>
  </si>
  <si>
    <t>本报华盛顿电　诺贝尔经济学奖得主斯蒂格利茨和哈佛大学教授琳达·比尔姆斯合著的新书《三万亿美元的战争》3日在美出版。斯蒂格利茨认为，伊拉克战争是美国经济减速的原因之一，不仅妨碍了目前的经济复苏，而且改变了美国应对经济危?</t>
  </si>
  <si>
    <t>“股神”巴菲特的神算与失算</t>
  </si>
  <si>
    <t>“股神”巴菲特果真不同凡响，在股市卷起惊涛骇浪、许多公司苦不堪言之时，巴菲特执掌的美国伯克希尔·哈撒韦公司却赚得盆满钵满——该公司2007年利润高达132.1亿美元，比上年增加20%。    更重要的是，  “现金为王”依然被巴菲特奉为</t>
  </si>
  <si>
    <t>美国大学全球撒网开分校  海外办学显现财富身影</t>
  </si>
  <si>
    <t>$T摸到哈佛的金左脚，或者漫步在常青藤盟校的优美校园中，已经不是多遥远的梦想。然而，最新消息显示，美国大学正在密切关注输出教育，试图用“国际化”来让学生更好地适应正在不断变化的世界，师资力量也能得到一定的提升。要拿美国文凭，不一定彻</t>
  </si>
  <si>
    <t>1/4美国成年人：工作状态不佳“祸”起缺觉</t>
  </si>
  <si>
    <t>本报洛杉矶电(记者高原)美国疾病控制和预防中心日前发表的一份调查报告显示，受工作压力、生活无规律以及疾病等因素的影响，近1／4美国成年人饱受睡眠不足困扰，并因此影响到日常工作。　　报告称，调查发现，长期睡眠不足的美国成</t>
  </si>
  <si>
    <t>加拿大：给后代留下“可享用”的环境</t>
  </si>
  <si>
    <t>加拿大十分重视对本国整体环境进行系统保护，其中一个重要措施是，先后设立了包括国家公园在内的39个保护区，并推出了一套行之有效的管理办法。加拿大把“不影响后代享用”作为所有保护区管理的重要目标。　　早在1930年，加政府就</t>
  </si>
  <si>
    <t>美国：高科技企业“投身”环保大业</t>
  </si>
  <si>
    <t>随着全球气候变化和环境问题日益突出，美国互联网等领域的很多高技术公司对环境技术领域产生了越来越浓厚的兴趣，相关投资也出现增长势头。在控制温室气体排放方面，这些企业可谓不甘落后。位于硅谷的思科、英特尔、eBay和太阳微系统等高科技企业在这方面发挥了领?</t>
  </si>
  <si>
    <t>国际油价波动中屡创新高</t>
  </si>
  <si>
    <t>当周国际油价起伏不定，但总体呈上升态势，接连突破每桶101、102、103美元，并在2月29日纽约商品交易所电子盘中一度达到每桶103.05美元的历史新高。美元贬值、美国商业原油库存增幅超预期以及投资者逢高获利了结等因素相互交织，使当</t>
  </si>
  <si>
    <t>欧盟主权基金政策建议宽中带严</t>
  </si>
  <si>
    <t>欧盟委员会27日就主权基金提出一项政策建议。在西方国家日益对主权基金保持警惕的今天，欧盟的政策走势引人关注。纵观整份政策文件，欧盟委员会对主权基金大体持欢迎态度，主张投资开放，拒绝动用立法手段约束主权基金。但建议同时主张，应在国际范围内为主权基金?</t>
  </si>
  <si>
    <t>状若游龙的地标性建筑</t>
  </si>
  <si>
    <t>2004年3月28日破土动工，工期3年零9个月，耗资270亿元，总体建筑面积约98.6万平方米，是亚洲最大的单体建筑、全球最大的单体航站楼，这就是于2月29日正式启用的首都国际机场T3航站楼。　　状若游龙　　当你乘坐的飞机要在首</t>
  </si>
  <si>
    <t>中国鞋企国际化路径能否走通</t>
  </si>
  <si>
    <t>那厢，欧盟反倾销诉讼和成本上升导致的转型阵痛令珠三角千余鞋企倒闭；这边，继百丽国际成功上市、开始制鞋领域的全方位拓展后，奥康集团与意大利第一品牌签署合作协议，坚定迈上国际化路线……中国制鞋企业冰火两重天处境，让业内人士大呼看不懂同时，开始思考：国际化选择?</t>
  </si>
  <si>
    <t>“税收特赦”使纳税人资产由“黑”变“白”</t>
  </si>
  <si>
    <t>近来，俄罗斯媒体大张旗鼓地号召人们参加“税收特赦”，主动补缴过去偷漏的个人所得税，珍惜政府提供的这个弥补过失的机会。自2007年3月1日起，俄罗斯开始实施为期10个月的“税收特赦”活动。但是，截至2007年12月1日，官方只收到纳税人补缴的6.11亿卢布(1美元约合</t>
  </si>
  <si>
    <t>穷富利益均衡之道</t>
  </si>
  <si>
    <t>在美国，一度提高高尔夫球场税负，这无疑会增加富人支出，因为打高尔夫球的都是富人。但经济学理论告诉我们，需求弹性小的商品(服务)如食盐，提高生产者税负，企业很容易提高产品价格转移给消费者；需求弹性大的商品(服务)则不然，高尔夫球即如此。高尔夫球可打可不打，况且?</t>
  </si>
  <si>
    <t>税收重在“削富济贫”</t>
  </si>
  <si>
    <t>法国是一个高税收、高福利的国家，政府通过各种各样税率较高的税收对社会财富进行重新分配。法国的税种繁多，2007年其各项税收总收入占国内生产总值的50.8%，大大高于欧元区及欧盟的平均水平。法国的税收政策带有明显“削富济贫”“共享社会财富”的特点，其所得税</t>
  </si>
  <si>
    <t>管理不能“落地”的前因后果</t>
  </si>
  <si>
    <t>如今，管理已经成为几乎所有中国企业追逐的法宝，不论是对西方经典理论的“拿来”，还是从东方文化中的发掘，管理学正在全方位影响着中国企业管理者的思维。然而，现实的情况是，虽然各色管理理论不断渗透到企业文化中，但真正能够与企业行为有机融合的仍然不多。管理不能“?</t>
  </si>
  <si>
    <t>中国品牌对美国消费者仍有吸引力</t>
  </si>
  <si>
    <t>本报芝加哥电 总部位于美国芝加哥的曼格兰品牌咨询营销公司发布的一份调查报告显示，中国品牌产品对美国消费者仍具有相当的吸引力，但美国消费者购买中国产品意愿总体出现下降。报告说，26%的美国消费者愿意购买来自中国的品牌产品。不过，对于中国品牌，67%的消费</t>
  </si>
  <si>
    <t>美国利率下调并未减轻房贷成本</t>
  </si>
  <si>
    <t>本报华盛顿电 彭博社26日报道说，尽管由伯南克主持的美国联邦储备委员会近期的降息举措是1982年以来最为激进的，但仍无法降低大部分按揭买房人的借贷成本。今年1月30日，美联储再度降息50个基点，联邦基金利率（即商业银行间隔夜拆借利率）降至3%。而就在之前的1月</t>
  </si>
  <si>
    <t>人民币汇率再现上行趋势</t>
  </si>
  <si>
    <t>经过短短一个交易日的短暂回调之后，人民币汇率再现上行趋势。来自中国外汇交易中心的最新数据显示，27日中国外汇市场人民币对美元汇率中间价报7.1455，再度逼近2月20日创下的7.1452的汇改以来新高。中国人民银行授权中国外汇交易中心公布，2008年2月27日银行间外?</t>
  </si>
  <si>
    <t>美国小麦期货价格延续涨停态势</t>
  </si>
  <si>
    <t>本报芝加哥电 美国三大谷物交易所小麦合约价格２６日继续涨停，其中芝加哥期货交易所（CBOT）小麦首次突破每蒲式耳１２美元大关，再创历史新高。CBOT小麦涨跌限制由６０美分放宽至９０美分。５月合约早盘高开后迅速拉升至涨停，最终收报每蒲式耳１２.１４５美元，?</t>
  </si>
  <si>
    <t>中国紧固件企业积极应诉欧盟反倾销</t>
  </si>
  <si>
    <t>2007年11月9日，欧盟再次将反倾销大棒挥向中国，决定对原产于中国的钢铁紧固件发起反倾销调查。螺栓、螺母，这些平日看似不起眼的产品却关乎1700多家中国企业每年数十亿美元的出口。由嘉兴市紧固件进出口企业协会牵头的部分中国企业积极应诉，与欧盟展开了一场法律</t>
  </si>
  <si>
    <t>冬季到芬兰去玩雪</t>
  </si>
  <si>
    <t>这里是圣诞老人的故乡，这里是想象中的童话天堂。这里有美若幻影的北极光，这里有短暂却温柔的冬日暖阳。回味无穷的破冰之旅，琼楼玉宇的冰雪城堡，还有驯鹿和爱斯基摩犬……将梦幻与现实完美融合。而如果你是一个冰雪运动的爱好者，这里则是?</t>
  </si>
  <si>
    <t>奥斯卡奖80年：从黯淡到辉煌</t>
  </si>
  <si>
    <t>第80届奥斯卡奖颁奖典礼2月24日晚8点在好莱坞柯达剧院举行。历经80年风雨，在电影界久负盛名的奥斯卡奖从最初一个少有人关注的小范围活动发展成今天全球瞩目的电影盛事。由成立于1927年的非赢利性协会组织——美国电影艺术与科学学会负责评选的奥斯卡奖旨在表彰为?</t>
  </si>
  <si>
    <t>日本北海道的冰上旅游</t>
  </si>
  <si>
    <t>日本北海道东北部鄂霍次克海沿岸地区利用“浮冰”这一得天独厚的自然条件，开发了别具特色的“破冰行舟”和“冰上行走”旅游项目，吸引了众多日本国内外游客。鄂霍次克海是地球上纬度最低的能冻冰的海。每年冬天，当海水温度低于零下1.8摄氏度，海上就会自北向南形</t>
  </si>
  <si>
    <t>新能源汽车市场将成中外车企争夺焦点</t>
  </si>
  <si>
    <t>随着能源危机、环境危机的加剧，2007年以来，美国、欧盟等国家和地区纷纷出台政策鼓励新能源汽车产业的发展。中国作为世界第二大汽车消费国、第三大汽车生产国，也在逐渐完善新能源汽车鼓励政策。继2007年11月出台《新能源汽车生产准入管理规则》后，12月18日，国家发改委有?</t>
  </si>
  <si>
    <t>复兴韩国经济：李明博确定上任后最迫切任务</t>
  </si>
  <si>
    <t>在结束了长达10年的“左翼”政党执政后，韩国历史上首位具有经济背景的总统李明博25日在欢呼声中高调上任。如果真如批评人士所言，执政的“左翼”政党阻碍了韩国经济发展，那么李明博在普遍渴望经济崛起的韩国人的支持中高票当选就不足为奇。然而，美国?</t>
  </si>
  <si>
    <t>宝钢二季度价格涨盘出台</t>
  </si>
  <si>
    <t>新一年度全球海运铁矿石价格上涨65%的“标杆价”已经达成。“宝钢价格”被称作中国钢材市场的“风向标”。市场普遍关注中国最大钢铁企业宝钢今年二季度价格方案的内容。25日中午，宝钢二季度价格终于出台。不出所料，这是一个“普涨盘”，主要钢材品种吨价出现了50</t>
  </si>
  <si>
    <t>美公布主要农作物库存预测报告</t>
  </si>
  <si>
    <t>本报芝加哥电 美国农业部下属的商品评价统筹委员会日前发布报告称，由于玉米产量下降及生产乙醇燃料用玉米消费大增，美国2008/09销售年度的玉米期末库存将比上年度下降13.6%，降至12.43亿蒲式耳。报告指出，由于小麦、大豆等农作物价格涨幅高于玉米，本年度美国玉?</t>
  </si>
  <si>
    <t>高油价引发高通胀　中东各国苦甜自知</t>
  </si>
  <si>
    <t>本报安曼电 近年来国际市场油价大幅上涨，使一些石油资源丰富的中东产油国获得了巨额石油美元收入。但高油价不仅带来了财富，同时也造成通货膨胀急剧上升等问题，给中东国家的宏观经济运行和老百姓的日常生活带来了压力。实际上，通胀上升已逐渐成为许多中东国家高</t>
  </si>
  <si>
    <t>黄金价格全线上涨</t>
  </si>
  <si>
    <t>25日中国国内黄金价格全线上涨。25日，上海黄金交易所黄金Au99.95收盘于217.87元/克，上涨0.87元/克，共成交3218公斤；黄金Au99.99收盘于217.89元/克，上涨0.71元/克，共成交1894.6公斤；黄金Au100g收盘于218.06元/克，上涨1.32元/克，共成交46.6公斤；黄金Au(T+D)</t>
  </si>
  <si>
    <t>瑞士坚持银行隐私保护制度</t>
  </si>
  <si>
    <t>本报日内瓦电 瑞士政府官员24日拒绝国际上要求其放松银行隐私保护制度的呼吁。瑞士财政部长汉斯-鲁道夫·默茨在接受瑞士DRS电台采访时表示，瑞士法律并没有“怂恿”外国逃税者。在瑞士《星期日》周报刊载的文章中，默茨说，瑞士近年来采取诸多措施，改善与他国在税</t>
  </si>
  <si>
    <t>欧佩克主席坦言可能减产</t>
  </si>
  <si>
    <t>本报讯 石油输出国组织(欧佩克)轮值主席、阿尔及利亚能源和矿业部长沙基卜·哈利勒表示，第二季度国际市场原油需求估计会下降，欧佩克有可能在3月5日举行的部长级会议上决定减产。据彭博社报道，哈利勒24日在阿尔及尔对记者表示，欧佩克不希望把更多原油投放市场。</t>
  </si>
  <si>
    <t>德国查税风暴冲击“避税天堂”</t>
  </si>
  <si>
    <t>德国越刮越猛的“查税风暴”在冲击众多逃税富人同时，也正在酿成一场国与国之间的风波。欧洲小国列支敦士登公国19日指责德国非法获取列支敦士登银行的客户资料，损害了列支敦士登的主权和法律体系。而列支敦士登等所谓“避税天堂”的不透明性及其对他国?</t>
  </si>
  <si>
    <t>青稞产业化为西藏带来产业革命</t>
  </si>
  <si>
    <t>很多人都知道澳大利亚燕麦富含β-葡聚糖，其实，我国盛产的青稞才是世界上含β-葡聚糖最高的麦类作物。日前，西藏自治区农牧科学院农业研究所副所长、青稞作物研究专家强小林在对西藏75个青稞品种研究后发现，“藏青25”β-葡聚糖含量高达8.62%，是目前世界上含β-</t>
  </si>
  <si>
    <t>6124高点渐远  被套股票何时解套</t>
  </si>
  <si>
    <t>在2007年10月16日上证指数摸高6124点之后，沪深股指就步入了较长时间的调整，期间虽然经历了数次反弹，但在美国次贷危机、国内再融资风暴和机构持续减仓等因素的影响下，上证指数重心仍在逐步下移。到目前为止，被视为“牛熊分水岭”的年线再度失守，大盘距离历史高点的距离?</t>
  </si>
  <si>
    <t>高油价劲燃国际政治风云</t>
  </si>
  <si>
    <t>在过去的一周，纽约市场原油期货价格连续两天收盘时站在了每桶100美元以上，引发全球关注。英国《金融时报》专栏作家吉迪恩·拉赫曼在其专栏文章中指出，每桶100美元的油价不仅仅是个数字，它将促使世界各地的政界人士仔细考虑其政治后果。而美国《纽约时报》则直?</t>
  </si>
  <si>
    <t>象征意义大于实质影响</t>
  </si>
  <si>
    <t>本应于3月初正式公布的美国、欧盟、加拿大起诉中国汽车零部件贸易政策的WTO初裁结果，却在料峭寒风中提前泄露了消息。这是中国加入世贸组织7年以来，首次在WTO争端诉讼中遭遇不利裁决。 “WTO中国汽车零部件争端，其象征意义大于实质意义。我国相关部门和行业应抱?</t>
  </si>
  <si>
    <t>品牌缺失使中国茶“有名无姓”</t>
  </si>
  <si>
    <t>当今世界公认的三大饮料中，可乐品牌有可口可乐、百事可乐，咖啡品牌有雀巢、麦斯威尔，世界茶叶第一品牌被公认为英国立顿。中国作为茶叶的发源地，却没有在国际上叫得响的茶品牌。由于缺乏品牌效应，六七万家中国茶厂在总体实力上却敌不过一家英国立顿。品牌国茶缺位?</t>
  </si>
  <si>
    <t>欧洲超市巨头面临反垄断调查</t>
  </si>
  <si>
    <t>本报布鲁塞尔电 家乐福等欧洲大型连锁超市眼下日子不好过，其在零售市场上的强势地位正面临来自欧盟反垄断调查的威胁。在于日前开始的欧洲议会全会上，400多名欧洲议会议员联合签署了一份书面声明，要求对欧盟范围内超市巨头展开反垄断调查，目的是查明其是否滥用?</t>
  </si>
  <si>
    <t>出资不实申请破产法院不受理</t>
  </si>
  <si>
    <t>北京网联热线网络有限公司特别清算委员会向北京一中院申请公司破产。申请书中称：网联热线公司是由北京歌华文化经纪有限公司与韩国(株)太极网共同出资设立的中外合作经营企业，公司注册资本为8100万元人民币。双方合同约定，歌华公司应投资现金2430万元，占注册资本的30%。太</t>
  </si>
  <si>
    <t>欧洲航空巨头欲参与美国民航业重组</t>
  </si>
  <si>
    <t>近日，美国几大航空公司间的并购重组浪潮吸引了欧洲同业的目光，德国汉莎航空公司和法国航空-荷兰皇家航空集团均表示有意入股重组后的美国企业。由于美国民航业集中度不高，美国航空企业在与全球其他大型航空公司竞争中渐处劣势，加之航油价格不断上涨，这些企业盈</t>
  </si>
  <si>
    <t>全球金融资讯新巨头呼之欲出</t>
  </si>
  <si>
    <t>欧盟委员会１９日正式批准加拿大汤姆森集团收购英国路透集团，从而为这两家传媒巨头“联姻”完成了一道重要的审批手续。如不出意外，全球最大金融资讯提供商将于数周内诞生。汤姆森集团和路透集团均是全球领先的金融资讯提供商。去年５月，两家公司达成并购协议，?</t>
  </si>
  <si>
    <t>华录紧追蓝光DVD产业发展步伐</t>
  </si>
  <si>
    <t>日本东芝公司日前宣布退出HD-DVD业务，标志着下一代DVD制式事实上统一为由索尼公司倡导的蓝光(BLU-RAY)格式。HD-DVD和蓝光是未来高清晰度DVD的两种互不兼容的格式，由于东芝是HD-DVD的领导厂商，也几乎是唯一的HD-DVD播放机制造商，而蓝光拥有索尼、松下、飞利浦、</t>
  </si>
  <si>
    <t>中国印度将推动世界航空业发展</t>
  </si>
  <si>
    <t>本报新加坡电 首届新加坡航空展19日在樟宜展览中心拉开帷幕，共吸引了42个国家和地区的800多家公司参展，其展示的军用与民用飞机多达60多架。各界人士也对亚洲航空业的快速发展给予了充分的肯定，认为特别是中印两国航空业的发展必将带动世界航空业的发展。就参展?</t>
  </si>
  <si>
    <t>德国应对冰雪灾害有“三宝”</t>
  </si>
  <si>
    <t>早在上世纪90年代初，德国就已建立起完善的雪灾预警和应对体系。联邦和各州都组建了雪灾防治中心，由气象、电力、交通等部门共同组成，对雪灾及其他紧急情况进行预测和监控。此外，德国民间也有提供各类气象服务、应急服务及扫雪服务的商业公司，可以在冰雪天气时为民众提供?</t>
  </si>
  <si>
    <t>跨国汽车巨头在华销售业绩继续全球领先</t>
  </si>
  <si>
    <t>经济不振以及高油价，严重打击了2007年的西方汽车市场，汽车销售低迷，跨国汽车公司业绩下降。然而中国汽车市场继续蓬勃发展，2007年汽车产销首次突破800万辆，达到880万辆，同比增长超过20%，继续保持全球第二大新车市场和第三大汽车生产国的地位。众多在华投资的跨国汽车巨</t>
  </si>
  <si>
    <t>做秀？  承诺！</t>
  </si>
  <si>
    <t>2008年的2月14日，鼠年正月初八，也是西方的情人节，在许多人的回忆中是浪漫的时光，而在昆明一场遍及角落的“冲击波”却赋予了这一天别样的意味。    2月14日，昆明市召开软环境建设动员大会，对软环境建设提出新的目标。云南省委常委</t>
  </si>
  <si>
    <t>铁矿石“运费补差”谈判何时了断</t>
  </si>
  <si>
    <t>北京时间18日晚间，全球最大铁矿石生产商巴西淡水河谷公司正式宣布，它已与日本最大钢厂新日铁公司和韩国浦项公司确定了2008年度海运铁矿石“首发基准价”，价格涨幅为65%。这一涨幅基本在市场行情及市场机构的预测范围之内。宝钢集团相关负责人说，宝钢如何看待此</t>
  </si>
  <si>
    <t>欧盟20国拒绝多哈回合谈判新妥协方案</t>
  </si>
  <si>
    <t>法国农业部长米歇尔·巴尼耶18日表示，欧盟27个成员国中已有20个拒绝世界贸易组织就多哈回合谈判提出的新妥协方案，称该方案将对欧洲农业构成损害。这一表态给持续数年而毫无结果的多哈回合谈判蒙上了新的阴影。上述欧盟20个成员国日前在布鲁塞尔举行会议，讨论世?</t>
  </si>
  <si>
    <t>通胀压力或迫澳大利亚央行再加息</t>
  </si>
  <si>
    <t>本报堪培拉电 澳大利亚中央银行——澳大利亚储备银行官员19日表示，主要由于劳动力短缺导致成本上涨，今年第一季度澳大利亚通货膨胀率可能升至近4%。这一讲话使市场预计澳央行可能于近期再度加息。彭博社最近对24位著名经济学家进行了调查，其中22位认为澳大利亚央</t>
  </si>
  <si>
    <t>中国汽车关税政策符合世贸组织原则</t>
  </si>
  <si>
    <t>日前，世界贸易组织首次裁定中国对进口汽车零部件征收大额关税，违反贸易规则。而权威专家表示，中国并未违反世贸组织原则。根据现行标准，中国对等于或超过整车价值60%的零部件，征收与整车相同的关税(税率25%)，单纯零部件进口征收10%的关税。中国商务</t>
  </si>
  <si>
    <t>“双重夹击”考验美国救市措施</t>
  </si>
  <si>
    <t>为避免美国经济陷入衰退，布什政府和美联储近来出台了一系列救市措施。但从美国金融市场依然继续动荡来看，投资者对这些措施仍持观望态度，而“双重央击”则成为这些措施能否成功，尤其是美联储降息政策能否继续的重要考验。    ?</t>
  </si>
  <si>
    <t>诺森罗克“国有化”存在很大风险</t>
  </si>
  <si>
    <t>英国财政大臣达林17日宣布，陷入困境的英国诺森罗克银行将被暂时国有化。这对于正低迷的英国金融市场来说是雪上加霜。英国财政部坚持说，只是暂时将该银行收归国有，其最终会回到私有化的轨道上。在英国，私有化主宰了过去三十几年的经济历程。而诺森罗克银行被国?</t>
  </si>
  <si>
    <t>原油供需变化牵动欧佩克神经</t>
  </si>
  <si>
    <t>今年以来，石油输出国组织(欧佩克)市场监督原油一揽子平均价出现大幅波动，先是1月3日创下每桶93.78美元的历史最高纪录，之后又在1月22日跌至近3个月来最低点——每桶83.84美元。进入2月份，欧佩克油价又出现上升，并于2月14日回升至每</t>
  </si>
  <si>
    <t>小麦价格飙升  美国存量紧张</t>
  </si>
  <si>
    <t>本报伦敦电 国际市场优质春小麦价格在过去一个半月里上涨了90%，主要原因是企业消费者为确保谷物供应展开收购，以及投资者进行投机性买入。据英国《金融时报》18日报道，国际市场上用于制作面包的小麦价格15日涨至历史最高水平，达每蒲式耳19.88美元，相当于去年同</t>
  </si>
  <si>
    <t>主权基金令欧美发达经济体又爱又怕</t>
  </si>
  <si>
    <t>当美国和欧洲经济在由次贷危机引发的信贷紧缩中苦苦挣扎时，一股来自俄罗斯、中东产油国和部分亚洲国家的主权基金格外引人注目，并成为近来西方一个炙手可热的话题。树大招风在上月结束的达沃斯世界经济论坛年会上，美国财政部副部长罗伯特·金米特表示，鉴?</t>
  </si>
  <si>
    <t>灾害面前,你准备好了吗？</t>
  </si>
  <si>
    <t>洪水、飓风、地震、暴风雪……这似乎是一个自然灾害频发的年代。在自然灾害面前，生命是如此脆弱。如何应对、减少灾害损失成为各国面临的挑战。瑞士：风雪之前讲技术从加强预报到采用新装置，瑞士寻求技术帮助减少雪崩、暴风雪等自然灾害可能带来的损失。?</t>
  </si>
  <si>
    <t>退保潮催促农民工养老新办法出台</t>
  </si>
  <si>
    <t>$F编者按$E    $T春节刚过，农民工又如潮水般涌向各大城市，其社保问题再次引发关注。老有所养是人们共同的追求，对终年在外奔波、工作条件相对比较恶劣的农民工来说，这种需求更加强烈。但是，年前部分沿海地区出现的农民工退保潮却反映出社保</t>
  </si>
  <si>
    <t>推进新阶段的农村综合改革12条建议</t>
  </si>
  <si>
    <t>2007年12月8-9日，中国(海南)改革发展研究院举办“新阶段的中国农村综合改革”国际研讨会，来自中央涉农部、委、办和科研院所，22个省(市、自治区)涉农部门和政策研究机构的官员、专家学者，以及挪威从事农村发展政策研究的官员和专家，共200余人参加了会议。结合中国(海南)?</t>
  </si>
  <si>
    <t>品牌与企业尊严</t>
  </si>
  <si>
    <t>笔者在翻阅剪报时，不觉被几年前的两篇报道所吸引并感奋着。一篇是，近年来英国“立亨”洋茶涌入盛产著名龙井茶的杭州，一些饭店以洋茶专供客人饮用，而在餐后用“龙井”茶洗手解腥气，杭州人颇受刺激，于是，在全城发起了一场“国茶保卫战”，呼吁茶界同仁重振国茶之辉煌。?</t>
  </si>
  <si>
    <t>欧盟拟强化出入境管理</t>
  </si>
  <si>
    <t>本报布鲁塞尔电 欧盟委员会13日公布了一系列强化出入境管理的政策建议，包括要求非欧盟国家公民进入欧盟前需要留指纹。负责安全和司法事务的欧盟委员会副主席弗拉蒂尼13日说，新政策宗旨是既方便守法的非欧盟国家公民在欧盟境内旅行，又能阻止贩卖人口者、非法移民</t>
  </si>
  <si>
    <t>美经济刺激法案核心：以退税促消费</t>
  </si>
  <si>
    <t>美国总统布什13日签署了总额约为1680亿美元的一揽子经济刺激法案。整个法案将分两年实施，即今年先实施退税1520亿美元，明年再落实160亿美元。在近年来美国出台的法案中，少有一个法案能像一揽子经济刺激法案这样“高速”完成。布什政府1月中旬提出相关建议，国会?</t>
  </si>
  <si>
    <t>琼港联手拓展日俄英旅游客源市场</t>
  </si>
  <si>
    <t>本报海口电 海南省旅游局介绍，在“一程多站”合作模式的基础上，海南和香港将整合优化现有的旅游产品，在今年的旅游宣传促销活动中共同拓展日本、俄罗斯和英国等客源市场。近年来，海南入境旅游发展迅猛。2007年海南接待俄罗斯游客15.11万人次，同比增长76.64%；?</t>
  </si>
  <si>
    <t>IMF总裁：美经济走软会波及新兴经济体</t>
  </si>
  <si>
    <t>本报新德里电 据《印度教徒报》14日报道，正在印度进行访问的国际货币基金组织(IMF)总裁多米尼克·斯特劳斯-卡恩表示，印度等新兴经济体难以脱离可能出现的美国经济衰退的影响。卡恩说，工业化国家和新兴市场国家就像是套上轭头并驾齐驱的两匹马，新兴市场国家迟早</t>
  </si>
  <si>
    <t>委美石油纠纷触动能源市场敏感神经</t>
  </si>
  <si>
    <t>因委内瑞拉石油产业“国有化”而引发的委政府和美国埃克森-美孚石油公司的纠纷继续升级。委能源和石油部长拉米雷斯13日说，埃克森-美孚的行为不能单纯看作商业纠纷，而是美国对委政府发动“经济战争”的一个步骤。受委内瑞拉对埃克森-美孚“断油”等消息影响，纽约</t>
  </si>
  <si>
    <t>传统产业  “走出去”正其时</t>
  </si>
  <si>
    <t>不久前，雅戈尔完成了与美国KELLWOOD公司关于香港新马集团资产清单的交割手续，据悉，本次并购交易金额1.2亿美元，为迄今我国纺织服装行业最大的海外并购。与联想并购IBM个人电脑业务、TCL并购汤姆逊所引起的媒体高度关注相比，雅戈尔并购美国KELLWOOD旗下香港新马</t>
  </si>
  <si>
    <t>欧盟通过增值税改革方案</t>
  </si>
  <si>
    <t>本报布鲁塞尔电 欧盟成员国财政部长在12日召开的月度例会上正式通过增值税改革方案，其中最大的变化就是将不少原先应由服务商所在国征收的增值税，改为由发生实际服务消费的国家征收。根据这套改革方案，作为基本原则，从2010年1月1日起，欧盟企业对企业提供的服务</t>
  </si>
  <si>
    <t>欧盟经济增长仍将保持通常水平</t>
  </si>
  <si>
    <t>本报布鲁塞尔电 欧盟27国财政部长12日在这里举行例会后表示，尽管今年欧盟经济增长将会减速，但仍将保持通常的增长水平。欧盟轮值主席国斯洛文尼亚财政部长安德烈·巴尤克说，欧盟与美国的经济形势并不相同，欧盟的宏观经济不存在严重的失衡现象，住房市场和资本市</t>
  </si>
  <si>
    <t>大豆价格易涨难跌</t>
  </si>
  <si>
    <t>周三，大连豆油牛气冲天，继续快速上涨，805合约开盘11428元，终盘报收11582元，全天大涨2.12%，增仓12000手。市场一片看多，连豆和粕尽管高开低走，但受到小麦涨停的影响，仍显强势。消息面上，从2月份供需报告看，美国大豆期末库存数据下调至1.6亿蒲式</t>
  </si>
  <si>
    <t>宏观经济放缓  美国企业裁员潮涌</t>
  </si>
  <si>
    <t>全球最大汽车制造商美国通用汽车公司12日宣布，该公司去年亏损额高达387亿美元，为公司成立100年来最大的年度损失纪录。为削减经营费用，通用汽车表示，将通过签订一次性补偿协议，吸引更多员工提前退休。虽说是名义上的“提前退休”，但明眼人都清楚，这不过是通?</t>
  </si>
  <si>
    <t>国际能源机构调低原油需求增长预测</t>
  </si>
  <si>
    <t>本报巴黎电 国际能源机构在13日公布的石油月报中表示，由于全球经济，尤其是美国经济增速放缓，该机构决定调低今年全球原油需求增长预测。国际能源机构预计，今年全球日均原油需求量将为8760万桶，比原来的预测下调了20万桶。不过，国际能源机构认为今年全球原油需</t>
  </si>
  <si>
    <t>受印度黄金进口量锐减等因素影响，国际金价大幅下跌，国内金价在鼠年首个交易日也走出全线下跌的行情，铂金走势依然强劲。 13日，上海黄金交易所黄金Au99.95收盘于208.02元/克，下跌0.41元/克，共成交1168公斤；黄金Au99.99收盘于208.20元/克，下跌0.77元/克，共成</t>
  </si>
  <si>
    <t>解读美国年度《总统经济报告》</t>
  </si>
  <si>
    <t>美国总统布什11日签署由白宫经济顾问委员会起草的年度《总统经济报告》，并将把该报告提交国会审阅。布什在签署报告前举行的新闻吹风会上说，美国经济从长期来看结构稳健，但在短期内面临诸多不确定因素。他呼吁国会与白宫做出更多努力，帮助那些受到房市衰退和信?</t>
  </si>
  <si>
    <t>汽车安全“主动防御”已成研发重点</t>
  </si>
  <si>
    <t>本报讯 最近，美国公路交通安全管理局(NHTSA)出台了有关电子稳定控制(ESC)的法规。这预示着提升车辆的主动安全性能将成为未来汽车技术研发的重要发展方向。目前，中、高级车型中普遍配备有ABS(防抱死系统)、EBD(电子制动力分配系统)、TCS(牵引力控制系统)及ESP(行?</t>
  </si>
  <si>
    <t>2008日系高端小车吹响中国市场集结号</t>
  </si>
  <si>
    <t>正当业界为2007年小车市场滑坡而不知所措时，日本马自达公司的高端精品小车全新马自达2在2007年底在中国高调上市，紧随其后，日本丰田雅力士(Yaris)和本田新飞度(New Fit)，也将在2008年很快在中国上市。日系三款高端小车在中国小车市场最不景气之时同时来到中国，吹响了中国</t>
  </si>
  <si>
    <t>个性化购物顾问：让普通人变时尚</t>
  </si>
  <si>
    <t>你是否觉得自己穿得特别寒酸？或是一想到“购物”两个字就头疼？别担心，现在在一些西方国家流行的个性化购物顾问不再为富人和明星独享，他们正帮助越来越多的普通人变得时尚。苏珊·塔巴克是美国纽约一名个性化购物顾问。凭借对法国巴黎时装独到的鉴赏力，塔巴克成为?</t>
  </si>
  <si>
    <t>欧盟无需仿效美国出台经济刺激方案</t>
  </si>
  <si>
    <t>本报布鲁塞尔电 欧盟委员会主席巴罗佐11日说，欧盟经济不会受美国经济增速放缓拖累而出现衰退，因此现阶段欧盟没有必要效仿美国出台经济刺激方案。巴罗佐当天极为罕见地参加了欧元区财政部长会议。他在会前发表声明说，尽管欧盟经济肯定会因美国经济陷入困境而受到</t>
  </si>
  <si>
    <t>“第一”的内涵会如何变化</t>
  </si>
  <si>
    <t>有关数据显示，日本丰田汽车公司2007年的全球汽车销量与美国通用汽车公司基本持平，接近937万辆。但由于丰田汽车公司2007年在日本国内的销量低于预期，该公司以约3500辆之差不敌美国通用汽车公司。对于全球汽车销量第一的宝座来说，3500辆的差距几乎可以忽略不计。</t>
  </si>
  <si>
    <t>贸易摩擦向钢铁业高端蔓延</t>
  </si>
  <si>
    <t>2月1日，欧委会正式对来自中国的不锈钢板发起反倾销调查，这涉及我国太钢、宝钢、酒钢等企业对欧盟年十多万的出口量，约6.81亿美元的出口金额(按2007年的统计)。这已是去年9月以来，欧盟第五次对来自中国的钢铁类产品采取反倾销的贸易制裁手段。欧盟不承认中方为“市场</t>
  </si>
  <si>
    <t>次贷危机将推升美信用卡违约率</t>
  </si>
  <si>
    <t>本报柏林电 据德国之声电台网站近日报道，次贷危机引发的美国金融危机已经扩大至信用卡领域，信用卡违约造成的巨大亏损即将公开化，从而使还未走出次贷危机的美国经济遭受新一轮打击。报道说，美国经济的70%依靠私人消费，而且相当比例是负债消费。美国平均每户家?</t>
  </si>
  <si>
    <t>越南：压岁钱有点“变了味”</t>
  </si>
  <si>
    <t>与中国一样，越南也有过年给孩子压岁钱的习俗。按越南古老习俗，给压岁钱最初是将铜钱串起来，用红线绑成龙形或宝剑形，放在孩子的床脚或枕边，以震慑妖魔鬼怪，让孩子安心睡眠。之后压岁钱演变为新年送红包，意味着能给人们带来喜悦和幸运。在越南，大?</t>
  </si>
  <si>
    <t>韩国：引导晚辈合理使用“压岁钱”</t>
  </si>
  <si>
    <t>韩国人过农历新年，比起大年三十的守岁，更重视年初一的“祭礼和岁拜”仪式。祭礼完毕，晚辈要向父母和其他长辈磕头拜年行“岁拜”礼，而长辈则要给晚辈压岁钱。就韩国人的收入水平来说，他们给晚辈的压岁钱并不算多，通常会根据孩子的年龄段而给不同金额的压岁钱?</t>
  </si>
  <si>
    <t>马来西亚：压岁钱交父母存银行</t>
  </si>
  <si>
    <t>在马来西亚，孩子收到压岁钱一般会交给父母，由父母到银行开设专门的储蓄账户存起来。孩子成年或上大学后，父母把压岁钱储蓄账户交给他们自己打理。马来西亚人口中有1/4是华人，春节是马来西亚重要节日之一，给压岁钱也是当地华人的风俗。年轻人只要还没有结婚成家</t>
  </si>
  <si>
    <t>国外稳定物价的主要做法与经验值得借鉴</t>
  </si>
  <si>
    <t>中国古话说：“他山之石，可以攻玉。”当前物价上涨是全球性现象，原因错综复杂。各国为稳定物价，都采取了一些积极有效的措施。2007年，俄罗斯、南非、阿根廷、越南、印度尼西亚、印度和我国的消费品价格指数涨幅都超过了5%；美国、德国、英国、法国、?</t>
  </si>
  <si>
    <t>刺激经济成美货币政策着力点</t>
  </si>
  <si>
    <t>为避免美国经济出现衰退，美联储1月３０日决定将联邦基金利率即商业银行间隔夜拆借利率再降低０.５个百分点，从３.５%降到３.０%。这是美联储继1月２２日紧急降息０.７５个百分点之后再次降息，也是美联储自去年９月以来连续第五次降息，美国短期利率总计下降了２.</t>
  </si>
  <si>
    <t>北京奥运急救体现人性化服务</t>
  </si>
  <si>
    <t>奥运会期间，来自世界各地的运动员很多，如果有身材超高者需要医疗急救，北京市的医疗部门有何对策？距离国家体育场最近的奥运定点医院是中日友好医院，按计划，奥运会期间所有在“鸟巢”进行的比赛项目，其医疗保健任务都由其承担，届时这里将有一支由150至160人?</t>
  </si>
  <si>
    <t>网上购物冲击传统零售业</t>
  </si>
  <si>
    <t>在重庆一家房地产公司上班的刘丽是一个标准的80后青年，互联网对她生活的影响几乎无处不在，她的手机、衣服在网上买，甚至装修的洁具都是在网上“淘”的。像刘丽这样喜爱网上购物的年轻人似乎是一种趋势，据互联网调查机构艾瑞咨询和亚洲最大网络零售商淘宝网的调?</t>
  </si>
  <si>
    <t>日本探讨提高法定家电循环利用率下限</t>
  </si>
  <si>
    <t>本报东京电 日本环境省日前开始探讨提高作为电器生产厂家义务的冰箱、洗衣机和空调三种家电循环利用率的下限。家电循环利用率指生产厂家从废旧家电中回收并用作新产品原料的铁、铜、铝等有价物重量占废旧家电总重量的比例。家电循环利用率根据《家电循环利用法》制</t>
  </si>
  <si>
    <t>美联储再向商业银行提供巨资</t>
  </si>
  <si>
    <t>本报华盛顿电 美国联邦储备委员会29日宣布，该委员会28日再次通过贷款拍卖方式为商业银行提供了300亿美元资金，以增加市场流动性。这是美联储自去年12月份以来的第四次贷款拍卖活动。在前两次贷款拍卖活动中，美联储向商业银行提供的贷款金额均为200亿美元，贷款利</t>
  </si>
  <si>
    <t>IMF再次调低全球经济增长预期</t>
  </si>
  <si>
    <t>本报讯 鉴于美国次贷危机引发的全球金融市场动荡和美国经济增长减速，国际货币基金组织(IMF)29日发布的最新一期《世界经济展望》再次下调对今年全球经济增长的预期。IMF经济顾问、研究部门主管西蒙·约翰逊在新闻发布会上说：“受到金融市场动荡影响，连续5年扩张?</t>
  </si>
  <si>
    <t>标准普尔：美国经济衰退可能性大</t>
  </si>
  <si>
    <t>本报纽约电 全球知名信用评级及金融分析机构标准普尔公司29日表示，美国经济出现衰退的可能性很大，而亚洲股市此轮熊市周期不会太长。标准普尔下属证券研究机构负责人斯蒂芬·比格说：“随着美国住宅业萎缩以及由此引发的信贷收紧，股市投资者正面临前所未有的局面</t>
  </si>
  <si>
    <t>欧盟或下调今年欧元区经济增长预期</t>
  </si>
  <si>
    <t>本报综合报道 欧盟委员会主席巴罗佐29日表示，该委员会在下月发布最新预测报告时，可能会“小幅”下调欧元区今年经济增长预期。欧盟委员会将于2月21日发布新的经济增长预测。其在去年11月发布的秋季经济预测报告称，欧元区今年经济增长率将由去年的2.6%降至2.2%。$</t>
  </si>
  <si>
    <t>避风险英投资者逃离投资基金</t>
  </si>
  <si>
    <t>本报伦敦电 据英国投资管理联合会日前的统计数据显示，受金融市场波动、投资者对经济可能陷入衰退感到恐惧以及诺森罗克银行危机等因素的影响，英国投资者纷纷从投资基金抽回资金，2007年12月份英国零售基金的资金净流出规模达到历史最高水平。据英国《金融时报》29</t>
  </si>
  <si>
    <t>布什发表任内最后一次国情咨文</t>
  </si>
  <si>
    <t>相对以往对伊拉克战争的重点关注，美国总统布什当地时间28日晚发表的国情咨文将经济问题摆在首要位置。面对美国居民，乃至全世界对美国经济前景的担忧，布什在发表其任内最后一次国情咨文讲话时，浓墨重彩地对经济问题给予了前所未有的关注。刺激经济方案亟须出炉?</t>
  </si>
  <si>
    <t>如何对付“周日晚综合征”</t>
  </si>
  <si>
    <t>孩子不肯乖乖去洗澡、丈夫只愿在躺椅上看球赛、家务活儿永远做不完……总期待周日晚能有个宁静时光，却通常归于一片忙乱，每每无法如愿。不止你一个人陷入这样的困境。美国心理学家露丝·彼得斯博士近日通过微软—全国广播公司(MSNBC)给饱受“周日晚综合征”的人们</t>
  </si>
  <si>
    <t>快乐是什么？“世界快乐地图”告诉你</t>
  </si>
  <si>
    <t>快乐是什么？过去10年内，无数社会学家对此进行研究，答案可谓见仁见智。其中最大型的一次调查来自英国来彻斯特大学。它访问了178个国家和地区的8万多民众，推出了全球第一张“世界快乐地图”，得出的结论多少有些出人意料。丹麦：快乐是平等位居“世界快乐?</t>
  </si>
  <si>
    <t>能源紧缺阴影下的北美车展</t>
  </si>
  <si>
    <t>经济放缓、楼市下挫以及次贷危机，使人们对美国经济是否衰退担忧不已。作为美国经济支柱之一的汽车工业则面临着能源紧缺，油价高涨的困境。新年伊始，国际原油期货价格一度突破100美元一桶。在能源紧缺阴影下，一年一度的北美国际汽车展1月13日至27日在美国汽车之都底特律如?</t>
  </si>
  <si>
    <t>上海汽车整车研发全面提速</t>
  </si>
  <si>
    <t>本报讯 近日，中国整车企业旗下规模最大的汽车研究院之一上海汽车集团股份有限公司技术中心(安亭)第一期工程落成，上海汽车上千名工程技术人员已于2007年年底正式入驻。至此，上海汽车以中国技术中心(上海，南京)为中心，英国技术中心、韩国汽车研究院，一体联动的</t>
  </si>
  <si>
    <t>重组能源部：“条件基本成熟”</t>
  </si>
  <si>
    <t>随着中国能源问题的日益严峻，众多国内能源专家、企业界人士及国际能源界人士纷纷呼吁尽快重组能源综合管理部门。记者在调查中了解到，尽管还存在来自相关利益部门的种种阻力，但中国石油经济技术研究院副院长刘克雨等众多业内专家认为，组建国家能源部条件已经基本成熟。?</t>
  </si>
  <si>
    <t>法兴业银行欺诈案调查进展顺利</t>
  </si>
  <si>
    <t>本报巴黎电法国调查人员27日延长对兴业银行巨额欺诈案嫌犯、该行交易员凯维埃尔的羁押时间，并称案件调查“进展顺利”。据法新社报道，凯维埃尔于当地时间26日下午被巴黎警方拘留。调查人员27日将其羁押时间延长24小时以进行进一步的问讯，但需在28日作出决定，?</t>
  </si>
  <si>
    <t>世界“头号电脑黑客”的中国段子</t>
  </si>
  <si>
    <t>凯文·米特尼克(kevinMitnic)被誉为世界“头号电脑黑客”。这位美国电脑奇才1964年出生，其经历颇具戏剧性：13岁时编写的电脑程序简洁实用，让老师为之倾倒；15岁闯入“北美空中防务指挥系统”主机，令大人难以置信；不久破译了美国“太平洋电话公司”某地的改户密码，随意</t>
  </si>
  <si>
    <t>世行：“贸易顺差时代”将从拉美消失</t>
  </si>
  <si>
    <t>本报布宜诺斯艾利斯电 世界银行日前公布的一份报告称，随着经济增长和消费升级，拉美国家的进口额逐年增加，而其出口产品的竞争力则呈下降趋势。世行警告，拉美国家持续数年的“贸易顺差时代”即将结束，从而将对整个地区经济造成冲击。根据世行报告，从2002年开始</t>
  </si>
  <si>
    <t>世界500强首次进军云南煤矿领域</t>
  </si>
  <si>
    <t>煤炭大省云南煤炭资源丰富，然而煤炭资源开发以及煤炭市场的发展却还不够成熟。日前，云南引进了世界500强企业——韩国SK Netwoks株式会社与云南当地一家煤炭企业联合开发云南丰富的煤炭资源。云南省煤炭产销总量基本平衡，煤炭市场绝大多数由企业自行销售，煤炭价</t>
  </si>
  <si>
    <t>双重动力助俄摆脱粮食进口依赖症</t>
  </si>
  <si>
    <t>俄罗斯拥有占世界8.9%的耕地，而人口仅占世界人口的2.2%。不过，在过去相当长一段时间里，俄罗斯的粮食供应却长期依靠进口。如今，俄罗斯不仅实现了粮食自给自足，还实现了连年出口，国家粮食安全得到了较好的保证。俄罗斯实现这种转变，离不开两方面动因：市场经济的推动和?</t>
  </si>
  <si>
    <t>美国：多重措施共保种粮者利益</t>
  </si>
  <si>
    <t>为确保粮食安全，美国采取了多方面措施，其核心是保障粮食生产者利益，从而保证粮食供应稳定。具体来说，其最具代表性的措施包括农业补贴、价格支持、耕地保护、推动农业保险和储备粮食等。根据美国2002年通过的农业法案，政府对生产者的直接补贴分为两种，即直接?</t>
  </si>
  <si>
    <t>欧盟：内外两手齐抓  确保粮食安全</t>
  </si>
  <si>
    <t>欧盟的粮食安全体系是在备受争议的共同农业政策框架下构建的，其主要特点是对内通过巨额补贴维持价格稳定，对外则实行农产品贸易保护。通过这内外“两手”维护各成员国农业及农产品市场，进而保证欧盟的粮食安全。欧盟共同农业政策发端于上世纪60年代，而当时的欧?</t>
  </si>
  <si>
    <t>巴林银行丑闻再现  交易员豪赌输掉71亿美元</t>
  </si>
  <si>
    <t>担任世界最大衍生交易市场领导角色的法国第二大银行兴业银行24日曝出该行历史上最大违规操作丑闻。一名交易员在未经授权情况下大量购买欧洲股指期货，最终给银行造成49亿欧元(约合71.4亿美元)损失。这是世界银行业迄今因员工违规操作而蒙受的单笔最大金额损失，这?</t>
  </si>
  <si>
    <t>房地产经纪人：美国房地产秩序的维护者</t>
  </si>
  <si>
    <t>在美国，旧房(或称二手房)销售占整个房地产销售的85%，美国人讲买房，主要就是买二手房。但不管买卖新房或旧房，地产商基本不直接出马，房地产经纪人发挥着非常重要的作用，也成为房地产市场秩序的最直接的参与者和维护者。据在美国从事房地产交易10余年的经纪人李</t>
  </si>
  <si>
    <t>白领英雄时代终结</t>
  </si>
  <si>
    <t>在公司辛勤工作、不问报酬加班加点、与同事和客户交际到凌晨才回家，这是日本白领典型的生活写照。第二次世界大战结束以来，无数日本工薪族人才日复一日这样工作，以勤恳、顺从和对企业的忠诚换得优厚待遇。作为回报，企业为员工提供培训、支付高额退休金并签订接近“终身制?</t>
  </si>
  <si>
    <t>兴业银行再敲金融业风险管理警钟</t>
  </si>
  <si>
    <t>就在全球主要金融市场因美国次贷危机爆发新一轮动荡之际，本月24日法国银行业巨头兴业银行传出因雇员非法交易而遭受49亿欧元损失的巨额欺诈案。此案创下了有史以来个人欺诈行为涉及金额的最高纪录，并再次引发了有关全球金融业风险管理的讨论。据报道，这个名为热?</t>
  </si>
  <si>
    <t>诺基亚迁厂逼德国正视全球化</t>
  </si>
  <si>
    <t>芬兰诺基亚公司日前宣布，将于今年夏天关闭其位于德国波鸿市的手机厂，将生产转至人工成本较低的罗马尼亚。这一消息在德国引起轩然大波：工人抗议、政府谴责，就连欧盟领导人也出面讲话。但诺基亚公司明确表示，该公司不会改变这一经过慎重考虑所作出的决定。波鸿?</t>
  </si>
  <si>
    <t>IPhone进中国须迈几道政策门槛</t>
  </si>
  <si>
    <t>2007年以来，iPhone成为时尚一族的流行词汇之一。这个由美国Apple(苹果电脑)公司生产的集音乐播放器和移动电话功能为一体的手持终端，在欧美市场得到了众多消费者追捧。　　iPhone能否正式进入中国市场，近来引起广泛关注。Apple公</t>
  </si>
  <si>
    <t>世界经济论坛关注美国经济走向</t>
  </si>
  <si>
    <t>一年一度的世界经济论坛年会定于23日在瑞士滑雪胜地达沃斯拉开帷幕。尽管今年年会的主题被选定为“合作创新的力量”，听起来更像是一个科技研讨会，但全球经济无疑会成为与会者关注的焦点之一。在为期5天的会议期间，约2500名全球著名政界和商界人士将就全球经济形势和对策发</t>
  </si>
  <si>
    <t>紧急降息凸显美国经济问题严重性</t>
  </si>
  <si>
    <t>鉴于近来一系列不尽如人意的经济指标，美国联邦储备委员会再次降息本在预料之中。但22日美联储在下周召开货币政策决策例会之前宣布紧急降息，却是很多人没有想到的。这是自“9·11”事件后第一个交易日以来，美联储首次采取紧急降息行动，而0.75个百分点则是1984年10月以来的</t>
  </si>
  <si>
    <t>美联储救市政策还需市场逐步消化</t>
  </si>
  <si>
    <t>美国联邦储备委员会22日宣布大幅降息，美国股市为此跌幅收窄，但市场上观望阴霾一时难散。本报记者就此采访了奥本海默基金管理公司董事总经理李山泉。李山泉指出，美联储22日突然降息超出市场预期，市场原来以为美联储降息的幅度最多不过0.5%，而美联储降息幅度却?</t>
  </si>
  <si>
    <t>“可持续时装”成时尚界新宠</t>
  </si>
  <si>
    <t>服装原材料进口大国美国正兴起一股“可持续时装”潮流，以崇尚环境保护和健康为宗旨，利用回收材料或全线由本土生产服装。全球连锁零售商沃尔玛的采购顾问科拉尔·罗丝说，“可持续时装”带给人们的是大脑革命，是一种让设计师更有社会责任心的环保时尚。无?</t>
  </si>
  <si>
    <t>美国对中国产石墨电极反倾销</t>
  </si>
  <si>
    <t>本报讯 记者从湖南省商务厅获悉，美国SLGCarbon和SuperiorGraphite公司近日向美国商务部和美国国际贸易委员会提出申请，要求对来自中国的石墨电极发起反倾销调查，中国涉案企业达31家，涉案总金额3500万美元。据湖南省商务厅世界贸易组织处罗先寅介绍，此次调?</t>
  </si>
  <si>
    <t>拉美短期内爆发金融危机几率不大</t>
  </si>
  <si>
    <t>拉美各国主要股市21日出现全面暴跌，巴西、阿根廷、秘鲁和哥伦比亚等国的主要股指跌幅都在6%以上。今年以来，拉美股市呈现一路下探走势，短期内仍无企稳迹象。不少投资者担心拉美地区会再次重演金融危机的悲剧，而大部分专家认为全球金融市场动荡和美国经济衰退对?</t>
  </si>
  <si>
    <t>欧美敦促年底前完成多哈回合谈判</t>
  </si>
  <si>
    <t>本报布鲁塞尔电 欧盟和美国贸易官员21日表示，双方仍致力于在今年年底前完成世界贸易组织多哈回合谈判，但有关各方还需为此付出努力。欧盟贸易委员彼得·曼德尔森当天在布鲁塞尔与美国贸易代表苏珊·施瓦布举行会晤后对新闻界说，欧盟和美国仍致力于在今年年底前就</t>
  </si>
  <si>
    <t>中国汽车应靠质量进军美国市场</t>
  </si>
  <si>
    <t>中国汽车进入美国市场，最基本的要素是什么？克莱斯勒公司副总裁理查德·周的回答很简单：质量！因为只有质量，才能赢得声望，并最终赢得市场。“质量、声望不仅是企业进军国际市场的必要条件，而且是企业在市场站稳脚跟的保证，”理查德日前在接受本报记者专访时?</t>
  </si>
  <si>
    <t>中国车又来了</t>
  </si>
  <si>
    <t>“中国车又来了。”在许多美国媒体对底特律北美车展的报道中，都可以找到类似的词句。面对同时亮相车展的五家中国汽车商高层，记者问得最多的问题之一是：你们什么时候进入美国市场？关注中国汽车，关注中国车的海外拓展，尤其关注中国车进入美国市场的时间表，成?</t>
  </si>
  <si>
    <t>德国：尾气不达标汽车将被拒之城外</t>
  </si>
  <si>
    <t>2008年新年伊始，德国柏林、科隆和汉诺威三大城市的居民纷纷给自家汽车贴上了“新标签”——环境保护部门颁发的红、黄、绿环保标志，而没有拿到标志的汽车将被禁止进入市中心的“环保区”。据报道，斯图加特、慕尼黑等其他几个德国城市也将效仿这种做法，两年内向部分不达标?</t>
  </si>
  <si>
    <t>BP签署三大合作项目强化在华投资</t>
  </si>
  <si>
    <t>本报讯 英国BP公司近日在北京人民大会堂与中国三家机构分别签署包括煤炭清洁利用技术、风力发电及醋酸生产等在内的合作协议，以践行其继续推进并深化长期投资中国的承诺。BP与中国科学院签署了为成立清洁能源商业化中心编制可行性研究报告的框架协议。根据协议，计</t>
  </si>
  <si>
    <t>布什新方案如何点醒美国经济</t>
  </si>
  <si>
    <t>为避免经济陷入衰退，美国总统布什18日提出刺激经济一揽子方案。对于布什此举，外界普遍在预料之中，因为连日来公布的一系列经济数据显示，美国经济正急速向衰退滑落，美国政府紧急救场已势在必行。在当天的声明中，布什也坦承，美国经济有减速的危险。而且，住房?</t>
  </si>
  <si>
    <t>美国经济增速放缓或“有药可医”</t>
  </si>
  <si>
    <t>本报华盛顿电 最新一期美国《商业周刊》发表文章指出，目前有一支始料未及的力量将有可能阻止美国经济崩盘：总价值达3.5万亿美元的医疗和教育行业。文章指出，受婴儿潮一代逐渐衰老和入学人数上升两方面因素推动，在其他机构几乎都在裁员的同时，医院和学校仍在增?</t>
  </si>
  <si>
    <t>欧佩克成员拒绝美国增产要求</t>
  </si>
  <si>
    <t>本报阿布扎比电 针对美国能源部长博德曼呼吁欧佩克增产的要求，卡塔尔能源、工业、电力和水利大臣阿提亚20日再次重申，目前国际石油市场供应充足，欧佩克没有必要增产。阿提亚说：“我们已同客户进行了磋商，他们证实并不需要更多的石油。(目前的)石油库存水平令人</t>
  </si>
  <si>
    <t>珲春：打造中俄、中朝两个自由贸易区</t>
  </si>
  <si>
    <t>“鸡鸣闻三国，花开香三疆”，这是吉林省珲春市防川村区位特色的最好写照。登上防川望海楼，中国、俄罗斯、朝鲜三国迷人的景致尽收眼底，举首望去，一座连接朝俄水岸的铁桥横卧在图们江上，图们江尽头，日本海如一条白练高悬天际。二十世纪90年代初，图们江畔的边?</t>
  </si>
  <si>
    <t>东北亚“金三角”构建大物流新格局</t>
  </si>
  <si>
    <t>一条长达50多公里、全封闭监控运营的公路将出现在朝鲜元汀里口岸至罗津港之间。吉林省延边朝鲜族自治州珲春市东林经贸有限公司目前正在投资兴建这条重要的公路，这家公司还获得了朝鲜罗津港50年的使用权。延边州近年来利用东北亚国际合作和图们江区域建设项目带来?</t>
  </si>
  <si>
    <t>美国2008年最佳职业评选揭晓</t>
  </si>
  <si>
    <t>《美国新闻和世界报道》杂志每年都要评选未来一年的最佳职业。今年的榜单可谓大换血，在31个最佳职业中，少了五张“老面孔”，多了11张“新面孔”。评选标准基于五点：工作满意度、培训难度、受尊重程度、市场前景和工资水平。虽然评选标准如故，但评选结果迥异，?</t>
  </si>
  <si>
    <t>克隆食品  离餐桌还有多远？</t>
  </si>
  <si>
    <t>美国食品和药品管理局1月15日宣布，允许在美国国内市场销售克隆动物的肉和奶制品。欧盟食品安全局日前也发布报告表示，食用克隆食品是安全的。如果欧盟进而像美国一样对克隆食品的公开销售开绿灯，那么克隆食品将会堂而皇之地进入欧盟成员国的市场，接着被端上千家万户的餐桌</t>
  </si>
  <si>
    <t>大图们江区域引发国际开发热潮</t>
  </si>
  <si>
    <t>本报讯(记者申尊敬　徐家军)图们江区域国际合作开发项目经过十多年的建设发展，在周边国家和国际社会的共同参与下，取得了初步成效。双边及多边合作不断扩大，中、俄、朝边境地区口岸、交通、能源、水利等基础设施日趋完善，综合投资</t>
  </si>
  <si>
    <t>分众传媒看好健康领域广告媒体</t>
  </si>
  <si>
    <t>据悉，分众传媒与炎黄健康传媒21日在上海联合公布双方战略合作计划。分众传媒将向炎黄健康传媒投资500万美元，并将其旗下医院联播网转让给炎黄健康传媒，由此获得炎黄健康传媒20%的股份。分众这次注资是继软银赛富、兰馨亚洲等五家国际风险投行注资4000万美元后，?</t>
  </si>
  <si>
    <t>反对“禁酒令”的方式值得赞赏</t>
  </si>
  <si>
    <t>最近，一则关于河南省酒业协会反对政府“禁酒令”的新闻被媒体炒得热火朝天。据报道，河南省酒业协会一负责人在一次会议上说：“部分省辖市政府规定‘禁止公务人员在工作日中午饮酒，明知故犯者，就地免职’。经咨询这是明显的违法行为。”一些白酒企业正向酒业协会反映意见?</t>
  </si>
  <si>
    <t>边城东宁走出发展新路</t>
  </si>
  <si>
    <t>位于黑龙江省最南端的东宁县，毗邻经济发达、人口密集的俄罗斯滨海边疆区，拥有国家一类陆路口岸，域内面积7139平方公里，辖6镇102个行政村，人口21万，是黑龙江省乃至全国对俄开放前沿区域和加快建设中的沿边工贸旅游城市。近年来，东宁县委、县政府充分依托地缘?</t>
  </si>
  <si>
    <t>全球化之路逼迫中国彩电进行深层变革</t>
  </si>
  <si>
    <t>继2007年成为惟一进入CES中央展厅的中国自主品牌后，日前在美国拉斯维加斯举行的2008国际消费电子展(CES)，海尔彩电再度进入CES中央展厅，与三星、夏普等世界一流品牌比肩而立，这一迹象意味着海尔彩电的全球化策略正在渐显成效，其产业位置已经置于“世界的中央”。</t>
  </si>
  <si>
    <t>美国经济数据疲软拖累全球股市走低</t>
  </si>
  <si>
    <t>由于新发布的美国零售数据疲软、花旗和英特尔的业绩令人失望，投资者对美国经济前景的悲观情绪加剧，导致15日纽约股市三大股指跌幅全部超过2%。对美国经济可能滑向衰退的担心同样影响了全球其他地区的股市，欧洲、拉美和亚洲地区的主要股指均出现下跌。分析人士称?</t>
  </si>
  <si>
    <t>利物浦以“欧洲文化之都”促城市复兴</t>
  </si>
  <si>
    <t>在英国这个极其崇尚传统和古建筑保护的国家，利物浦显得有些另类。在这里，塔吊、脚手架已成为城市的一道风景线，“欧洲文化之都”的申办成功成了利物浦谋复兴求发展的推动力。机会难得 乘势复兴利物浦建市已有800年，它的繁荣归功于海运和贸易。2004年利物?</t>
  </si>
  <si>
    <t>廉价汽车不是中国汽车发展的方向</t>
  </si>
  <si>
    <t>印度塔塔汽车公司日前在新德里推出了一款世界上最廉价的小轿车。据国外媒体报道，塔塔Nano这款四门、五座、发动机排量仅0.62升的轻便汽车，售价只有10万卢比(约合2500美元)。塔塔汽车公司初步计划到2008年底生产25万辆Nano汽车。由于中国汽车一向是低制造成本的代?</t>
  </si>
  <si>
    <t>创意产业为经济增长提供重要动力</t>
  </si>
  <si>
    <t>本报日内瓦电 联合国贸易和发展会议(贸发会议)14日发表公报说，创意产业已成为世界上最具活力的经济领域之一，为经济增长提供了重要动力。公报说，创意产业涵盖的内容非常广泛，涉及传统文化、艺术、传媒、创意服务和设计等诸多方面。创意产业可以把商业、文化和技</t>
  </si>
  <si>
    <t>欧洲：转基因食品再度引发是非争议</t>
  </si>
  <si>
    <t>法国政府日前宣布，将启动一项欧盟例外条款，暂停种植MON810型转基因玉米，理由是怀疑它的安全性。这一决定引发了极大争议，围绕转基因食品的是是非非再度沸沸扬扬。转基因食品引发的是非，首先是其安全性。转基因食品是通过基因技术加入了外来基因或去除原有基因?</t>
  </si>
  <si>
    <t>法国暂停种植转基因玉米</t>
  </si>
  <si>
    <t>本报巴黎电 法国政府11日晚宣布，今年法国将暂停种植MON810型转基因玉米，这是法国迄今种植的唯一一种转基因作物。法国总理府发表的公报说，法国政府将启动一项欧盟例外条款，暂停种植这种转基因玉米，等待欧盟司法机构对转基因食品的商业化许可进行重新评估。欧盟</t>
  </si>
  <si>
    <t>底特律车展见证最“牛”亮相</t>
  </si>
  <si>
    <t>车展上怎样亮相才算最“牛”？答案若是美女配香车就大错特错了。在国外车展，尤其是美国车展，美女虽是“亮点”之一，但人们还是更喜欢看真车。而最“牛”的亮相方式，莫过于赶上一大群真牛，来一个真正的“都市放牛”。敢为天下先的克莱斯勒?</t>
  </si>
  <si>
    <t>现货紧缺致使连豆猛涨</t>
  </si>
  <si>
    <t>近日来，豆农惜售，现货紧缺，推动期货疯牛狂奔。受美国CBOT狂涨突破历史性高点的带动下，周一（14日）连豆相关品种牛气十足。豆粕809合约一度摸高涨停3581元，大幅上涨3.72%，连豆809上涨1.56%于4827元报收，豆油805合约大幅上涨2.79%，收盘10970元，全</t>
  </si>
  <si>
    <t>中国房地产市场面临三大矛盾</t>
  </si>
  <si>
    <t>本报讯 “目前中国房地产市场面临三大矛盾，社会保障住房和市场化住房的矛盾，供不应求的矛盾，资金流动性过剩的矛盾。这些矛盾将随着国家政策从治标转向治本的过程中逐步得到解决。”中原地产研究中心总经理程澐在近日中原房地产市场年度总结及展望信息发布会上做出上述表示</t>
  </si>
  <si>
    <t>欧盟主席：强势欧元反映欧洲经济发展</t>
  </si>
  <si>
    <t>本报讯 欧盟委员会主席巴罗佐12日在与马耳他总理劳伦斯·贡齐会谈后说，欧元目前的强势表现反映了欧洲经济的发展。巴罗佐说，目前有关强势欧元对一些欧洲经济部门影响的讨论正在进行之中。他特别强调，德国就是成功应对欧元升值的典范，目前其出口依然旺盛。巴罗佐</t>
  </si>
  <si>
    <t>“公地悲剧”与公共产权明晰</t>
  </si>
  <si>
    <t>美国环保主义者加勒特.哈丁曾以寓言的形式讲述了一个“公地悲剧”的故事。在“一片草原上生活着一群聪明的牧人，他们各自勤奋努力工作，增加自己的牛羊。畜群不断扩大，终于达到这片草原可以承受的极限，每再增加一头牛羊，都会给草原带来损害。但每个牧人的聪明都足以使他明</t>
  </si>
  <si>
    <t>环渤海“产业地图”导航迫在眉睫</t>
  </si>
  <si>
    <t>环渤海地区在我国参与全球经济协作及促进南北协调发展中占据着越来越重要的位置，而随着经济的快速增长及资源重化工产业结构的影响，目前这一区域资源环境负荷已处于过载状态，渤海正遭到空前的污染，变成“纳污池”和“垃圾场”，节能减排形势十分严峻。专家认为?</t>
  </si>
  <si>
    <t>“老字号”的振兴靠自己</t>
  </si>
  <si>
    <t>去年11月，德国慕尼黑地方法院一审宣判，王致和诉德国欧凯公司恶意抢注商标案，王致和集团胜诉。据此案的中方律师王洪青称，德国慕尼黑地方法院一审判决的具体内容包括：禁止欧凯公司在德国擅自使用王致和商标，依法撤销欧凯公司抢注的王致和商标。据悉，这是中华老字号首次?</t>
  </si>
  <si>
    <t>办公室政治：企业管理经典丢失的内容</t>
  </si>
  <si>
    <t>假如你的老板是个白痴，你会当面这么说他吗？恐怕你永远都不会。研究发现，造成办公室紧张气氛的最大因素，不是公司股票的涨跌、美国次贷危机的影响或者企业的战略正确与否，而是一些看似细微，却剪不断理还乱的人际关系。    办公室里的人际关系，俗称?</t>
  </si>
  <si>
    <t>日企延长劳动合同期限的启示</t>
  </si>
  <si>
    <t>据报道，日本大企业将以中国1月1日《劳动合同法》实施为契机，相继将原来1到3年的劳动合同期限延长至3到5年。报道称，从松下电气和本田汽车公司的在华人事制度来看，企业将推行“成果主义”制度，即重视对员工的劳动态度、工作表现和个人能力进行评价，并将其反映在工资分配?</t>
  </si>
  <si>
    <t>澳大利亚超市将逐渐停用塑料购物袋</t>
  </si>
  <si>
    <t>澳大利亚环境、遗产和艺术部长彼得·加勒特10日宣布，澳大利亚的超级市场将分阶段停止使用塑料购物袋，该计划将于2008年年底前开始实施。　　加勒特当天对当地媒体表示，澳大利亚现有约40亿个塑料购物袋处于“流通”状态。这些塑料</t>
  </si>
  <si>
    <t>应对危机,中国企业走进成熟期</t>
  </si>
  <si>
    <t>2007年8月11日，欧盟“耗能产品环保设计”指令(EuP指令)转化为各成员国的法律。专家认为，这个号称覆盖产品从“摇篮”到“坟墓”的指令，毫无疑问地给中国企业垒起了一道新的门槛。消息一出，不少中国企业陷入不知所措状态，面对新的变化有些慌张。如今，几个月过去，受到冲?</t>
  </si>
  <si>
    <t>中国经济增长推动其他发展中国家经济发展</t>
  </si>
  <si>
    <t>联合国9日发布的《2008年世界经济形势与展望》报告说，中国经济的快速发展对其他发展中国家的经济产生了巨大影响，直接推动了这些国家经济近几年来的强劲增长。中国在世界经济中的地位稳步提升报告说，中国在世界经济中的地位稳步提升。2007年，中国的经济增长</t>
  </si>
  <si>
    <t>为国企上市正名</t>
  </si>
  <si>
    <t>8日下午举行的东航类别股东大会上，新加坡方面以每股3.8港元收购东航24%股份的提案(即“东新合作”方案)，遭到股东会否决。至此，“东航-新航-国航”的三方角力，就暂告一段落。至于其未来走势，因政府主管部门对东航股东会结果意见尚未明朗，笔者还不敢妄下定论。</t>
  </si>
  <si>
    <t>欧盟推出会计准则等效认定标准</t>
  </si>
  <si>
    <t>本报布鲁塞尔电 欧盟委员会8日宣布，已于近日通过相关规定，为认定第三国会计准则是否与欧盟实行的国际财务报告准则等效确立了衡量标准。欧盟委员会负责内部市场和服务业的委员查利·麦克里维当天在一份声明中说，新规定的出台对于建立一套全球通行的会计准则以提?</t>
  </si>
  <si>
    <t>今年中印贸易额或超370亿美元</t>
  </si>
  <si>
    <t>本报讯 印度工商联合会中国区执行董事阿都尔近日透露，1月至11月中印两国贸易额已经超过340亿美元，今年全年两国贸易额有望超过370亿美元。另外，今年中国企业在印度承包工程的合同金额也可望达到120亿美元。阿都尔是在作客“新华08金融讲堂”时作上述表述的。他表</t>
  </si>
  <si>
    <t>今年国际市场原油供应将趋紧</t>
  </si>
  <si>
    <t>本报华盛顿电美国能源部下属的能源情报署8日发表报告说，由于石油输出国组织(欧佩克)以外的产油国产量增长有限，2008年国际市场原油供应将继续趋紧。报告预计，到2009年，随着欧佩克和非欧佩克产油国产量增加，国际市场原油供应紧张的局面将有所缓解。其中，欧佩</t>
  </si>
  <si>
    <t>巴西去年新股筹资额占世界10%</t>
  </si>
  <si>
    <t>本报里约热内卢电 据汤姆森金融公司日前公布的最新统计数字表明，巴西2007年首次发行新股(IPO)62只，筹资额达301.3亿美元，比上年增加269.5%，占全球新股筹资总额的10%，占拉美地区新股筹资总额的81%。统计显示，在去年全球发行的10大新股中，巴西占据两席。圣保罗</t>
  </si>
  <si>
    <t>天价商品不愁卖  “中国式奢侈”令人忧</t>
  </si>
  <si>
    <t>身居位于城市中央商务区的三层别墅，出入有专职司机驾驶的宝马车，一套衣服动辄上万元，一餐饭付出几万元眼都不眨，为花20万元买回的英国名狗配备专职保姆。这是记者亲眼目睹的广州一位富豪的奢华生活。如果说这种奢华生活在现代社会中还算少数的话，那么追逐住豪?</t>
  </si>
  <si>
    <t>美国消费电子展  绿色环保成主题</t>
  </si>
  <si>
    <t>全球最大的国际消费类电子产品展览会(CES)1月7日在美国拉斯韦加斯市会议中心拉开帷幕。今年的展会不仅首次设立“可持续性技术展区”，为利于环境保护和可持续发展的新技术和产品提供展示平台，展会各项工作更是处处体现绿色环保理念。环保主题展览会由美国消</t>
  </si>
  <si>
    <t>东航股东会否决“东新合作”</t>
  </si>
  <si>
    <t>在8日下午召开的东方航空类别股东大会上，新加坡航空和淡马锡控股以每股3.8港元收购东航24%股份的提案遭到股东否决。现场统计的结果是：A股反对票达出席会议的有表决权的A股总数的94%，H股反对票达出席会议的有表决权的H股总数的74.69%。中航集团新建议起了作用?</t>
  </si>
  <si>
    <t>数字化技术将使生活更美好</t>
  </si>
  <si>
    <t>全球最大的国际消费类电子产品展览会——美国拉斯韦加斯国际消费电子展7日在拉斯韦加斯市会议中心拉开帷幕。微软公司创始人比尔·盖茨在为该展览作揭幕演讲时说，技术正在创造新世纪以来第一个真正的数字化10年，而在下一个数字化10年，技术将使生活更加美好。盖茨</t>
  </si>
  <si>
    <t>加拿大：环保从生活细节开始</t>
  </si>
  <si>
    <t>根据加拿大统计局的一份报告，上世纪90年代以来，加拿大有良好环保习惯的家庭日益增多，其中60%的家庭使用节能灯泡，40%安装了自动调温器，60%使用节水淋浴喷头和水龙头，41%使用节水型马桶……由于加拿大人的节能意识增强，所以尽管住房面积呈上升趋势，但家庭能源消耗总量?</t>
  </si>
  <si>
    <t>中欧纺织品贸易重启“无配额”模式</t>
  </si>
  <si>
    <t>自2008年1月1日起，欧盟对从中国进口的纺织品实行的配额限制宣告结束，取而代之的是一套中欧双方共同实施的双重监控制度。在经历了2005年引人注目的纺织品贸易摩擦后，中欧纺织品贸易再度迎来没有配额的日子。2005年，欧盟不顾零售商和消费者的反对，为保护少数本?</t>
  </si>
  <si>
    <t>去年全球“退市”公司激增</t>
  </si>
  <si>
    <t>本报讯 据汤姆逊金融公司最新统计显示，2007年全球范围内以“私有化”形式退市的上市公司总市值高达4600亿美元，而同期新上市公司的总市值只有3080亿美元。英国《每日电讯报》的文章说，此次退市风潮主要是由在美国上市的公司引起的，数据显示75%的退市公司来自纽?</t>
  </si>
  <si>
    <t>海湾地区乙烯产量将占全球四成</t>
  </si>
  <si>
    <t>本报开罗电 据阿联酋《海湾时报》报道，中东地区石化工业生产将在全球市场中占有越来越重要的地位。海湾合作委员会（海合会）工业专家预计，今后5年海合会6国的石化工业投资将超过1200亿美元。专家预测，今后几年海湾国家乙烯产品在全球市场的份额将不断扩大，包括</t>
  </si>
  <si>
    <t>赞比亚支持中国有色集团在赞发展</t>
  </si>
  <si>
    <t>本报讯 记者从中国有色矿业集团获悉，赞比亚总统姆瓦纳瓦萨近日在总统府会见到访的中国有色矿业集团公司总经理罗涛时表示，赞比亚坚决支持中国有色集团在赞发展。姆瓦纳瓦萨总统高度赞扬了中国有色集团在赞投资对促进当地经济、增加当地就业所起的积极作用。他表示</t>
  </si>
  <si>
    <t>阿联酋将稳步提升非石油行业产值</t>
  </si>
  <si>
    <t>本报阿布扎比电 据阿联酋《海湾时报》7日报道，一份最新公布的研究报告预测，到2010年，非石油行业对阿联酋国内生产总值(GDP)的贡献率将达到70%。中东地区规模最大的银行沙特阿拉伯国民商业银行日前发布了一份研究报告，对阿联酋非石油行业发展前景作出上述预测。$</t>
  </si>
  <si>
    <t>油价“破百”背后的美国因素</t>
  </si>
  <si>
    <t>新年伊始，国际油市波澜再起，纽约轻质原油期货价格两度突破每桶100美元大关。油价飙升背后有地缘政治紧张、供需变动等多种影响因素，但就最近半年国际油价走势而言，作为世界第一大石油消费国，美国在油价变动中起着关键性作用。美国因素中，既有直接与油价相关的</t>
  </si>
  <si>
    <t>专家认为美国经济衰退概率高于50%</t>
  </si>
  <si>
    <t>本报纽约电 美国全国经济研究局主席、哈佛大学教授马丁·费尔德斯坦5日表示，鉴于去年12月失业率快速上升等因素，目前美国经济衰退概率高于50%。费尔德斯坦在新奥尔良接受采访时说，失业率上升、新增就业人口数大幅下降将影响消费者信心，并将拖累经济增长，美国经</t>
  </si>
  <si>
    <t>日本央行资金供应余额连续两年下降</t>
  </si>
  <si>
    <t>本报东京电 日本中央银行——日本银行7日公布的数据显示，2007年该行资金供应余额为88.6305万亿日元，比上年减少7.8%。这是日本银行资金供应余额连续第二年出现下降。日本的资金供应余额是指日本央行供给金融机构的资金总额，即金融机构在央行的活期存款余额与在市</t>
  </si>
  <si>
    <t>烘焙业新路：从同质走向细分</t>
  </si>
  <si>
    <t>从1985年跟风港式面包起步，到1993年大批台湾烘焙厂商涌入带来第二波发展契机，再到2000年国内烘焙企业已初具实力，中国烘焙业已经历了20余年的风雨兼程，由步履蹒跚的“学步期”进入了迅猛茁壮的成长期。但同任何正在成长的行业一样，烘焙业也遭遇了“同质化竞争?</t>
  </si>
  <si>
    <t>与西方差距缩短  中国艺术品拍卖开启亿元猜想</t>
  </si>
  <si>
    <t>股市人气火暴，经济增长强劲的2007年，中国文物艺术品拍卖市场表现同样抢眼。在春秋两个拍卖旺季里，书画和瓷器两个重要品种的最高成交价位先后被突破，被推升至8000万元附近的新高。多年前国人不敢想象的亿元大关，似乎已经不再遥远。8000万元，中国拍卖跃上新高度$</t>
  </si>
  <si>
    <t>法国：健全的法律为劳资双方保驾护航</t>
  </si>
  <si>
    <t>法国劳动合同方面的法律比较健全，在劳动合同期限、合同的订立及解除等各方面都有十分详细的规定，从而确保了劳资双方的合法权益。从劳动合同期限上看，法国的劳动合同有无固定期限劳动合同和定期劳动合同，其中无固定期限劳动合同是法国企业用工的主要形式。法国?</t>
  </si>
  <si>
    <t>19世纪80年代上海首现股票买卖高潮</t>
  </si>
  <si>
    <t>$F提要$E：$T1880年前后的几年，在中国证券的发展史上具有重大意义。这期间，上海出现了仿照西方股份制企业创办的新型企业，并引发了买卖这种新型工矿企业所发股票的高潮。这种事情不仅在上海的历史上是空前的，在中国历史上，也是前所未有的创举。$E</t>
  </si>
  <si>
    <t>完善个人信用  促进社会和谐</t>
  </si>
  <si>
    <t>一、信用是市场经济中的交易要素    德国经济学家布鲁诺·希尔德布兰德(Bruno Hlidbrand)以交易方式作为划分经济时期的标志，认为社会经济的发展经历了三个时期，即以物物交换为特征的自然经济时期，以货币为媒介交易的货币经济时</t>
  </si>
  <si>
    <t>日本回收旧手机的启示</t>
  </si>
  <si>
    <t>“在日本一些手机商店，人们可以看到这样的场景：工作人员接过顾客递过来的旧手机，手脚麻利地操起专用工具对手机进行消除个人信息等处理，为回收做准备。这些被回收的旧手机，目前在日本越来越多地被当作一种‘都市稀有金属矿’来开采，手机是最好的‘都市稀有金属矿’之一?</t>
  </si>
  <si>
    <t>欧洲诸多城市重拳出击治理汽车尾气</t>
  </si>
  <si>
    <t>德国首都柏林等三大城市1日通过法案，禁止尾气排放严重超标的汽车在市中心地区行驶。意大利工业重镇米兰定于2日开始向大部分驶入市中心区的汽车征收“尾气污染费”。其他一些欧洲国家的部分城市也计划实施相关规定。实施禁行令德国柏林、科隆、汉诺威3市于1?</t>
  </si>
  <si>
    <t>日本青年考公务员也讲“随行就市”</t>
  </si>
  <si>
    <t>日语对“铁饭碗”的表述很特别：“老板是‘日之丸’”。“日之丸”指日本国旗，此处代指国家。公务员薪酬来自国民税金，而国家不会像企业那样倒闭，因此，公务员无失业之忧，只要照章办事，不谋私利，就能守住铁饭碗。记者在与日本各级公务员的接触中感觉到，他们总体素质较?</t>
  </si>
  <si>
    <t>2008年黄金价格将继续走高</t>
  </si>
  <si>
    <t>本报纽约电 分析人士日前预测，随着美元贬值、油价走高和地缘政治形势持续紧张，2008年黄金价格将继续上涨。美国著名媒介集团CMP的贵金属分析师卡洛斯·桑切斯在2007年最后一个交易日预测，2008年初可能会有投资者采取获利回吐操作，但他认为黄金价格不会急剧下跌?</t>
  </si>
  <si>
    <t>石油美元鼓风  阿拉伯股市皆旺</t>
  </si>
  <si>
    <t>国际市场油价在2007年持续上涨，令石油资源丰富的阿拉伯各国获得巨额石油美元收入，从而带动该地区经济迅猛发展，尤其是在地产开发、基础设施以及内需成长等方面。在2007年最后一个交易日，阿拉伯各国股票市场相继交出亮眼的成绩单。安曼证券交易所首席执行官塔里?</t>
  </si>
  <si>
    <t>俄罗斯股市将平稳增长</t>
  </si>
  <si>
    <t>2005年和2006年，俄罗斯股市RTS股指全年升幅分别为85%和70%，但2007年涨幅不足20%。虽然国际市场石油价格大幅上扬，但俄罗斯石油股上升有限，表明股市对前两年的暴涨进行着消化和调整。分析人士认为，2008年俄罗斯股市将上涨13%到30%。俄罗斯股市2007年的最大特点?</t>
  </si>
  <si>
    <t>美国新能源法对中国汽车业的启示</t>
  </si>
  <si>
    <t>2007年12月18日，美国众议院通过了自1975年以来的首个能源法案，以提高汽车燃油效率，降低燃油消耗。美国总统布什第二天签署了这项已被美国汽车行业接受的法案。国家发展和改革委员会有关部门负责人对记者表示，美国新能源法的出台，给迅速发展的中国汽车行业带?</t>
  </si>
  <si>
    <t>美浓：客家小镇故事多</t>
  </si>
  <si>
    <t>在南台湾采访“客家庄”，当地朋友大都推荐美浓：“到那里看看吧，美浓是南部客家地区最具代表性的小镇，也是台湾客家文化最后的‘堡垒’。”自高雄市区驱车东北行一个多小时，便到了属于客家“六堆”中“右堆”的美浓。徜徉于山环水绕的小镇，但见美浓河流水淙淙?</t>
  </si>
  <si>
    <t>日本回收旧手机挖掘“稀有金属矿”</t>
  </si>
  <si>
    <t>在日本一些手机商店，人们可以看到这样的场景：工作人员接过顾客递过来的旧手机，手脚麻利地操起专用工具对手机进行消除个人信息等处理，为回收作准备。目前。这些被回收的旧手机在日本越来越多地被当作了一种“都市稀有金属矿”。日本是世界上稀有金属消费量最大?</t>
  </si>
  <si>
    <t>体验型消费成日本人新宠</t>
  </si>
  <si>
    <t>购买“福袋”是日本人迎接新年的重要活动之一，日本各大百货公司每逢年终岁末总要准备各式商品吸引消费者。今年，日本“福袋”的内涵变得更加丰富多彩，种类繁多的体验型商品成为新宠。所谓“福袋”就是在密封的袋子中装上各种优惠或新潮商品，由于其售价比平时便?</t>
  </si>
  <si>
    <t>美国人青睐新式节日礼物</t>
  </si>
  <si>
    <t>尽管圣诞卡、圣诞袜和圣诞饰品依然是美国圣诞节期间的传统主流礼品，但是随着现代生活节奏的加快和网络的普及，以方便快捷、经济实惠和极具创意为特点的新式节日礼物层出不穷，其中电子贺卡、礼品卡和虚拟礼物最具代表性。电子贺卡走俏《今日美国报》日前援引?</t>
  </si>
  <si>
    <t>高校节能减排的一个成功样本</t>
  </si>
  <si>
    <t>在哥本哈根闭幕的联合国气候变化大会向全世界传递了这样一个信号：以节能减排为特征的“低碳”经济将成为人类社会未来的发展方向。作为社会的重要组成部分，高校在资源能源的高效利用和节约方面应当如何作为？　　　　北京交通大学(简称北交大)给出的答案是：积极开展落实?</t>
  </si>
  <si>
    <t>法国宪法委员会否决碳税法案</t>
  </si>
  <si>
    <t>从最初的制定，到后来的争议，再到议会通过———法国拟征二氧化碳排放税经历了一段曲折过程，不过就在该法案即将付诸实施的时候，突然出现了戏剧性的一幕。法国宪法委员会29日晚间发表公报，以二氧化碳排放税法案涉及太多例外为由，宣布该法案无效，这对萨科齐积极推行的环?</t>
  </si>
  <si>
    <t>中美经贸来年有摩擦更应有合作</t>
  </si>
  <si>
    <t>2009年，中美在经贸领域的合作与摩擦成为全球媒体关注的热点。总体来说，呈现出相互依赖性更加深入、对话和沟通更加平等、贸易纠纷逐渐增多三大特点。这都反映出中美经贸关系既是融合、合作过程，也是摩擦、冲突过程。但把握大局、拓展共同利益，无疑符合双方及全球利益。?</t>
  </si>
  <si>
    <t>德国媒体指出——  寻找资源的争夺战已伸向南北极地</t>
  </si>
  <si>
    <t>德国之声电台网站近日发表尤塔·瓦塞拉布的一篇文章，题为《资源争夺战已伸向极地》，摘要如下：　　　　寻找资源的争夺战已经进入最荒芜的地带———极地。自从极地的冰层开始融化的那一天起，有些国家就已盘算，从极地深处挖掘宝藏可能是一件划得来的买卖。在北极地区，?</t>
  </si>
  <si>
    <t>奥巴马寻求刺激信贷新举措</t>
  </si>
  <si>
    <t>2009年12月28日出版的美国《商业周刊》，发表题为《银行退出问题资产救助计划，奥巴马寻求刺激信贷新举措》的文章指出，美国问题资产救援计划(TARP)对促使银行提振信贷作用很有限，美国政府寻求新的办法来刺激银行向企业发放更多贷款，这其中包括美联储提高资金利率、对住房?</t>
  </si>
  <si>
    <t>倡议者眼中的黄三角高效生态经济区</t>
  </si>
  <si>
    <t>国务院日前正式批准实施《黄河三角洲高效生态经济区发展规划》，本报记者就此采访了“黄河三角洲高效生态经济区”的重要倡议者、中国农业专家咨询团主任、中国工程院原副院长卢良恕院士。　　　　记者：10年前您和一群专家学者在东营市提出的“关于建立黄河三角洲国家高效?</t>
  </si>
  <si>
    <t>美圣诞购物季勉强过关</t>
  </si>
  <si>
    <t>美国万事达卡旗下零售数据研究机构“开支脉搏”28日公布的数据显示，在11月1日至12月24日这一年末假日购物季中，美国零售商销售同比增长3.6%，剔除营业日不同等统计因素，美国总体零售额涨幅在1%左右。但“开支脉搏”经济研究主管卡马莱什·拉奥警告说，今年圣诞购物季零售支</t>
  </si>
  <si>
    <t>建行收购太平洋安泰人寿50%股权</t>
  </si>
  <si>
    <t>本报讯(记者刘振冬) 12月29日，中国建设银行股份有限公司宣布，与荷兰国际集团(IN G )签署了《股权转让协议》。根据该协议，建设银行将收购荷兰国际集团(IN G )拥有的太平洋安泰人寿保险有限公司50%的股权。上述交易的最终完成尚需获得中国银行业监督管理委员会和中国保险监?</t>
  </si>
  <si>
    <t>朝鲜将禁止外汇在市面上流通</t>
  </si>
  <si>
    <t>本报平壤电(记者高浩荣 张滨阳) 记者29日在平壤市内一家综合市场门前看到一份政府公告说，朝鲜将从明年1月1日起禁止外汇在市面上流通。　　　　这份由朝鲜人民保安省颁发的公告说，这些规定适用于国家机关、企业、社会团体(包括军队和特殊机关)、个人以及外国人。规定生效?</t>
  </si>
  <si>
    <t>发达国家征“碳关税”背后藏刀</t>
  </si>
  <si>
    <t>如何应对气候变化问题已成为当今国际社会最关注的热点话题之一。在今年全球聚焦气候变化问题之时，美国和法国先后提出以征收“碳关税”的方式应对气候变化的主张，引起广大发展中国家对贸易保护主义抬头的严重担忧。那么，一些发达国家为何要推动征收“碳关税”呢？　　　?</t>
  </si>
  <si>
    <t>2009年国际十大经济新闻</t>
  </si>
  <si>
    <t>1、美国出台经济刺激方案和“定量宽松”货币政策　　　　2月17日，美国总统奥巴马签署总额为7870亿美元的经济刺激计划，涉及款项的35%用于减税，65%用于政府投资，新计划还保留了饱受批评的“买国货”条款。美联储3月18日出台“定量宽松”货币政策：将在未来6个月内购进最?</t>
  </si>
  <si>
    <t>中国走向大调整世界走向新平衡</t>
  </si>
  <si>
    <t>世界经济恢复增长速度不同，发达国家经济增长速度是慢的，新兴发展中国家增长速度是加速的。目前发达国家面临的是通缩，发展中国家面临的是通胀。　　本报讯(记者张汉青)在12月28日召开的“2010中国经济展望高峰论坛”上，法国巴黎证券(亚洲)首席经济学家陈兴动表示，中国?</t>
  </si>
  <si>
    <t>清迈倡议多边化正式签约</t>
  </si>
  <si>
    <t>本报北京电(记者韩洁 王宇) 财政部和央行28日联合对外宣布，继2009年5月东盟与中日韩(10+3)财长会就清迈倡议多边化主要要素达成共识后，10+3财长和央行行长以及香港金融管理局总裁宣布正式签署清迈倡议多边化协议。　　　　据了解，清迈倡议多边化总规模为1200亿美元。根据</t>
  </si>
  <si>
    <t>俄远东油港正式启用谋取亚洲市场</t>
  </si>
  <si>
    <t>位于俄罗斯远东滨海边疆区的科济米诺港石油储藏和海上出口系统28日正式投入使用，第一艘出发的油轮将运送石油至中国香港。科济米诺港的启动，将有助于俄罗斯占据亚洲石油市场，今后西伯利亚地区的原油将不再专供欧洲市场。　　　　当天上午，在科济米诺港出席系统启动仪式?</t>
  </si>
  <si>
    <t>美高管“限薪令”快成一纸空文</t>
  </si>
  <si>
    <t>时至年底，在经济危机中接受政府救助的美国大企业，正纷纷为提高高管薪酬采取行动。最近一周来，以美国两大住房抵押贷款融资机构“房利美”和“房地美”为代表的接受救助大企业公布了高薪分配方案，而花旗集团、富国银行也成为最后归还政府援助资金的大银行，即将步入不受薪?</t>
  </si>
  <si>
    <t>我国全年出口很可能超德国成世界第一大出口国</t>
  </si>
  <si>
    <t>本报北京电(记者王希) 商务部副部长钟山27日说，2010年我国外贸面临的形势将更为复杂，但只要不发生重大变化，明年我国进出口实现恢复性增长是完全可能的。　　　　钟山是在此间举行的2009年中国开放经济高层论坛上做出此番表示的。　　　　钟山说，2009年是中国外贸最为</t>
  </si>
  <si>
    <t>外媒称吉利并购沃尔沃面临挑战</t>
  </si>
  <si>
    <t>美国福特汽车公司和中国浙江吉利控股集团有限公司23日同时宣布，双方已就福特向吉利出售旗下沃尔沃汽车公司事宜达成初步协议。　　　　海外媒体和分析人士普遍认为，吉利和福特又朝最后达成交易迈出了一大步，但吉利最终能否成功收购沃尔沃也面临挑战。　　　　许多分析?</t>
  </si>
  <si>
    <t>一样的圣诞  不一样的“节”</t>
  </si>
  <si>
    <t>今天是西方国家最重要的节日———圣诞节。虽然经济危机的阴霾渐渐淡去，但在经历了“百年一遇”危机的全球民众中，“节俭过圣诞”仍是共识。与此同时，随着环保观念深入人心，“节能”成为今年圣诞又一大主题。而对于“今年过节送什么？”这个老生常谈的话题，今年又有哪些?</t>
  </si>
  <si>
    <t>伯顿·麦基尔“漫步华尔街”</t>
  </si>
  <si>
    <t>20多年股市的风风雨雨使伯顿·麦基尔成为华尔街上成功的操作者，他被人们称为是美国投资大师。而伯顿曾自评他是一个三位一体的人：投资者、理论研究者兼教师。　　　　伯顿·麦基尔是华尔街专业投资人。他曾在华尔街的一家主要投资公司充当股票市场专业人员，20年股市的风?</t>
  </si>
  <si>
    <t>债转股无法化解中国所持美债风险</t>
  </si>
  <si>
    <t>近期以来，增持美国国债的风险越来越大，关于美国国债的消化方式，业界人士也提出诸多建议。其实，早在今年6月，国内已有观点提出“债转股”，并认为是化解美国国债危机的良策。近期，该建议得到美国前总统克林顿的热烈响应，并愿意由旗下的“总统基金”具体实施，使得这一事</t>
  </si>
  <si>
    <t>上海地铁事故一日四起网民抨击应急机制华而不实</t>
  </si>
  <si>
    <t>2009年12月22日，网友称之为上海的“地铁事故日”。这一天，从清晨5点58分到晚上八时许，上海地铁先后发生了四起事故。　　　　频繁发生的事故与事故发生后的混乱场面引发网民忧思。上海轨交运营方在安全运行方面的疏忽，以及有关部门应急措施乏力，都遭遇网友们的猛烈抨击</t>
  </si>
  <si>
    <t>公益资产企业运作  美英做法值得借鉴</t>
  </si>
  <si>
    <t>我国支线机场的运营现状与国民经济及航空业的发展不相匹配。要想打造适合我国国情的机场管理模式，需要从发达国家积累的成熟经验中汲取营养，加强对国际案例的研究与借鉴。　　　　美国将支线机场定位为“公益事业”　　　　有资料显示：在欧美发达国家中，以美国机场为?</t>
  </si>
  <si>
    <t>日本经济拉响二次衰退警报</t>
  </si>
  <si>
    <t>日本政府眼下正为刚刚走出衰退泥潭却有二次探底之忧的日本经济忙得不亦乐乎：发布新经济刺激方案，补充市场流动性，发行新债券……以多种手段化解通货紧缩和日元坚挺两大难题。种种迹象表明，日本经济未来复苏之路难言乐观。　　　　综观全年日本经济，由年初政府报告警告?</t>
  </si>
  <si>
    <t>上海汽车与美国A123合资建车用电池系统</t>
  </si>
  <si>
    <t>本报讯(记者吴华国)上海汽车(证券代码600104.SH)与美国A123(证券代码Nasdaq：AONE)，12月17日联合宣布，双方将按照51：49的股比，成立上海捷新动力电池系统有限公司，共同开发车用动力电池系统，并提供技术服务和其他售后服务。业内人士称，此举乃我国新能源汽车关键零部件产</t>
  </si>
  <si>
    <t>新加坡欧盟将举行自贸谈判</t>
  </si>
  <si>
    <t>本报新加坡电(记者张永兴) 新加坡和欧盟已同意展开双边自由贸易协定谈判，以加强和巩固双方的经贸联系。　　　　据新加坡贸易和工业部22日发表的一份声明，新加坡贸工部长林勋强表示，欧盟决定与新加坡展开自贸协定谈判，这是一个积极的进展。它显示了新加坡对欧盟的重要性</t>
  </si>
  <si>
    <t>不能忽视“337调查”对我国的影响</t>
  </si>
  <si>
    <t>●当美国经济面临危机时，贸易保护往往成为美国当局摆脱困局的“杀手锏”，美国《1930年关税法》中的“337条款”就是其中的典型。　　　　●对于利用知识产权战略的公司，在经济危机下最好的转嫁危机的方式是透过所谓的知识产权维权来收费和排除竞争对手。　　　　●在未</t>
  </si>
  <si>
    <t>自由贸易催逼国内水果业调整转型</t>
  </si>
  <si>
    <t>目前，在中国市场上见到来自东盟的水果已经不再稀罕了。随着合作进程的加快，中国-东盟自由贸易区将在2010年1月全面建成。事实上，随着中国-东盟自贸区早期收获计划的实施，中国和东盟的水果贸易已基本实现零关税，中国与东盟间的水果贸易也从最初边民肩挑式的“小打小闹”，</t>
  </si>
  <si>
    <t>中美出版物市场准入案有新进展</t>
  </si>
  <si>
    <t>本报讯(实习记者孙韶华 记者刘璐璐) 本报记者从商务部网站获悉，W T O上诉机构12月21日散发了中美出版物市场准入案上诉裁决报告，商务部新闻发言人姚坚22日就此发表谈话表示，中国加入W T O后，在出版物市场准入方面一直认真履行W T O协定项下的义务。国外出版物、电影和音像</t>
  </si>
  <si>
    <t>美国经济来年要跨两道槛</t>
  </si>
  <si>
    <t>用一句话概括2009年美国经济走势，那就是正从年初“自由落体式”下滑转入到美国总统奥巴马所说的“正确道路”之上。　　　　美国商务部11月24日公布的修正数据显示，今年第三季度美国国内生产总值按年率计算增长2.8%，为美国经济连续四个季度下滑后首次出现增长。分析人士?</t>
  </si>
  <si>
    <t>我国煤电碳捕集技术领先、碳封存亟待发展</t>
  </si>
  <si>
    <t>今年9月22日，国家主席胡锦涛在联合国气候变化峰会上承诺中国2020年的单位GDP碳排放量将比2005年的水平有“显著幅度”的降低。　　　　在全球瞩目的哥本哈根会议结束之后，记者了解到，中国华能集团在上海石洞口第二电厂建设的世界上规模最大的燃煤电厂二氧化碳捕集工程已?</t>
  </si>
  <si>
    <t>我国清洁能源：繁荣并尴尬着</t>
  </si>
  <si>
    <t>21日，注册资本金167.4亿元人民币的中法合资项目———台山核电合营有限公司正式成立。该公司是目前国内电力领域投资规模最大的中外合资企业。这一项目只是中国清洁能源快速发展的一个缩影。　　　　有这样一组数据显示中国目前已是世界上核电在建规模最大的国家：截至今年</t>
  </si>
  <si>
    <t>别忘了美国楼市崩盘的教训</t>
  </si>
  <si>
    <t>记得2006年刚到华盛顿担任经济记者时，许多美国人还为没有及时买房或少买了房子而懊恼不已。一位华人朋友颇有悔意地对我说，以前他买的60万至70万美元一套的别墅，当时已涨到150万美元左右，“如果多买一套，那该多好！”　　　　但这种乐观情绪并没持续多久。正是从2006年</t>
  </si>
  <si>
    <t>中国W  TO研究院：2010年中国将面临更恶劣贸易保护环境</t>
  </si>
  <si>
    <t>本报讯(实习记者孙韶华) 12月18日，中国对外经贸大学中国W T O研究院发布《2010年世界经济贸易发展与政策展望》报告(以下简称报告)。报告指出，2010年，贸易保护的方式将更加隐蔽、更具战略性，欧盟等或将发起更多贸易保护将成为中国外贸环境的新隐患，值得警惕。　　　　?</t>
  </si>
  <si>
    <t>能源巨头“逐日”太阳能发电提速</t>
  </si>
  <si>
    <t>本报讯(记者李新民)在12月18日于北京人民大会堂召开的龙源电力集团股份有限公司香港联交所成功上市庆功会上，龙源电力总经理谢长军接受《经济参考报》记者采访时表示，作为中国乃至亚洲最大的可再生能源公司，龙源在继续大力发展风电产业的同时，将加快进军太阳能发电的步伐?</t>
  </si>
  <si>
    <t>萨缪尔森：改变世界的经济学泰斗</t>
  </si>
  <si>
    <t>他是美国第一位、世界第二位获诺贝尔经济学奖的经济学家，诺贝尔评奖委员会在评价他时说“在提升经济学家理论的科学分析水平上，他的贡献要超过当代其他任何一位经济学家，他事实上以简单语言重写了经济学理论的相当部分”，他就是保罗·萨缪尔森。　　　　13日，这位美国?</t>
  </si>
  <si>
    <t>澳大利亚创新能力怎样炼成的</t>
  </si>
  <si>
    <t>澳大利亚人口约2000万，2006年研发强度超过2%，当年世界竞争力年鉴报告显示，在全球所有2000万及以上人口的经济体中，澳大利亚综合竞争力名列第二，仅次于美国。到2007年为止，共有10名澳大利亚人获诺贝尔奖。2008年笔者有机会调研了澳大利亚建设国家创新体系的一些做法，很?</t>
  </si>
  <si>
    <t>欧盟：发展低碳经济解决就业难题</t>
  </si>
  <si>
    <t>欧盟委员会不久前在一份报告中指出，当前的经济危机给欧盟劳动力市场造成了严重打击，欧盟多年来扩大就业的努力面临付诸东流的危险，欧盟正将发展低碳经济视为解决就业难题的一个契机。 　　　　就业问题长期困扰欧盟 　　　　长期以来，就业难题一直困扰着欧盟。与美国?</t>
  </si>
  <si>
    <t>中联重科探索国际化“厂中厂”模式</t>
  </si>
  <si>
    <t>12月17日，意大利CIFA供应链中国基地在中联重科麓谷工业园正式建成投产。中联重科董事长詹纯新表示，此举标志着中联重科继去年收购意大利CIFA实施国际化战略以来双方协同整合结出硕果，通过对“厂中厂”模式的摸索，中联重科国际化进程又向前迈进了一步。 　　　　意大利CI</t>
  </si>
  <si>
    <t>立场松动  美抛千亿美元承诺  最后关头  温家宝促凝聚共识</t>
  </si>
  <si>
    <t>17日，一再支支吾吾不肯表态的美国终于抛出资金支持承诺，这对于一度陷入僵局且目前已接近尾声的哥本哈根峰会来说，可能是一个转机。 　　　　专家表示，哥本哈根大会达成成果希望大增。 　　　　无论最后的结果如何，对于此次成为峰会焦点之一并承受了巨大压力的中国来?</t>
  </si>
  <si>
    <t>英特尔“扼杀”竞争遭起诉</t>
  </si>
  <si>
    <t>美国联邦贸易委员会16日起诉国际芯片巨头英特尔公司，指控其打压对手，破坏市场公平竞争。 　　　　英特尔方面回应称，公司竞争公平合法，联邦贸易委员会诉状受“误导”引起。 　　　　联邦贸易委员会在诉讼文件中说，过去10年来，英特尔采取“威胁加回报”手段，迫使多?</t>
  </si>
  <si>
    <t>世界经济复苏面临六大挑战</t>
  </si>
  <si>
    <t>联合国经济及社会事务部12月2日在纽约联合国总部发布了《2010年世界经济形势与展望》中的第一章“全球经济展望部分”(其余部分将于2010年1月发布)。主持编写这一报告的联合国全球经济监测部主任洪平凡当天接受本报记者专访时说，世界经济尽管正在逐步走出危机，但2010年要实?</t>
  </si>
  <si>
    <t>年末又成全球贸易纠纷高发期</t>
  </si>
  <si>
    <t>时至年底，世界经济虽已初步企稳，但全球贸易纠纷却呈愈演愈烈之势：巴西15日宣布拟对美国制定一份贸易制裁的“报复”清单；印尼拟推迟实施中国—东盟自由贸易协定；印度将对原产于中国的同步数字(SDH)传输设备征收最高为236%的关税……相关机构对今年最后一个季度全球贸易状</t>
  </si>
  <si>
    <t>韩日同行出新招中国船企须慎行</t>
  </si>
  <si>
    <t>日本和韩国同行一直是中国船舶工业的赶超目标，金融危机加速了这一赶超的进程。但是，中国船舶工业协会秘书长王锦连分析说，韩国和日本面对金融危机出新招，这将使中国造船工业面临更为激烈的竞争。 　　　　日本：未受重挫体现结构优势 　　　　无论是英国克拉克松公司?</t>
  </si>
  <si>
    <t>石油产出峰值论</t>
  </si>
  <si>
    <t>将于12月18日出版的英国《经济学家》，发表题为《国际能源署为石油产出峰值设定日期》的文章指出，常规石油供应将在2020年达到峰值，并阐述了持不同意见的正反双方的观点。高油价和为应对气候变化所采取的节能措施或将保证世界的石油供应。 　　　　国际能源署(IEA)首席经?</t>
  </si>
  <si>
    <t>中国的“中国制造”问题</t>
  </si>
  <si>
    <t>提前出版的12月21日美国《商业周刊》，发表题为《中国的“中国制造”问题》的文章指出，中国政府巨大的经济刺激方案带来的不利方面就是产能过剩，这在国内可能引发不良贷款，在国际上，受金融危机影响，则可能导致日益增多的贸易摩擦。 　　　　对包头钢铁而言，今年真是艰</t>
  </si>
  <si>
    <t>丹麦强推草案引起发展中国家反对</t>
  </si>
  <si>
    <t>本报哥本哈根电(记者尚军徐力宇)哥本哈根气候变化大会16日出现激烈交锋。主席国丹麦违反大会程序，试图自作主张将一份私下拟订的协议草案强加给大会讨论，引起发展中国家的强烈反对。 　　　　当天中午，新任大会主席、丹麦首相拉尔斯·勒克·拉斯穆森试图启动高层会议，邀</t>
  </si>
  <si>
    <t>伯南克：美经济尚无通胀风险</t>
  </si>
  <si>
    <t>本报华盛顿电美联储主席本·伯南克15日说，美国失业率居高不下及制造业产能过剩表明资源闲置严重，因此美国经济并无通胀风险。 　　　　当天，美国劳工部公布数据显示，主要受能源价格走高影响，11月份美国核心通胀率上涨0.5%，为一年多以来最大涨幅。通胀担忧增加使美国股</t>
  </si>
  <si>
    <t>国际原油市场静待欧佩克发话</t>
  </si>
  <si>
    <t>对能源需求疲弱的担忧继续主导市场情绪，导致纽约油价14日连续第九个交易日下挫，形成了自2001年7月以来为期最长的一轮连跌走势。从12月1日算起，纽约油价跌幅超过8美元/桶。众多分析人士表示，将于22日举行的石油输出国组织(欧佩克)部长级会议将受到密切关注，市场将从中判?</t>
  </si>
  <si>
    <t>满洲里市：“亚洲之窗”重抖擞</t>
  </si>
  <si>
    <t>被誉为“亚洲之窗”的满洲里市，位于内蒙古自治区东北部，呼伦贝尔大草原腹地，东依兴安岭，南濒呼伦湖，西邻蒙古国，北接俄罗斯，是我国最大的陆路口岸，中国优秀旅游城市，2009年荣膺全国文明城市称号。全市总面积730平方公里，人口30万，居住着蒙、汉、回、俄等20多个民族</t>
  </si>
  <si>
    <t>10月中国持有美国国债仍为7989亿美元</t>
  </si>
  <si>
    <t>本报讯(记者张莫) 根据15日美国财政部公布的国际资本流动报告(T IC )，10月份，中国持有美国国债数量较9月没有变化，为7989亿美元，仍居各大债主之首。　　　　根据以往美国财政部公布的数据，今年3月、5月、7月和9月，中国分别增持美国国债237亿美元、380亿美元、241亿美?</t>
  </si>
  <si>
    <t>阿拉善：大漠瀚海挺起工业脊梁</t>
  </si>
  <si>
    <t>阿拉善系蒙古语，意为五色斑斓的地方。这里曾是水草丰美的天然牧场，这里曾是北方民族发祥成长的摇篮，数千年的草原民族文化在这里积淀、传扬。今天的阿拉善以城乡一体化为统领，坚持工业向园区集中、人口向城镇集中、劳动力向二三产业集中，曾经苍凉寂静的大漠瀚海正在挺起?</t>
  </si>
  <si>
    <t>股市关联度  中巴超美巴</t>
  </si>
  <si>
    <t>本报里约热内卢电(记者杨立民) 巴西主要报纸《圣保罗州报》日前发表文章指出，日益紧密的巴中关系已经不仅局限于双边贸易，而且扩展到金融市场，中国股市对巴西股市的影响越来越大。　　　　该报援引汇丰银行投资管理公司的报告指出，2003年12月，中国股市和巴西股市的关联</t>
  </si>
  <si>
    <t>亚行：明年中国经济增长将达8.9%</t>
  </si>
  <si>
    <t>本报马尼拉电(记者谭卫兵 许林贵) 亚洲开发银行15日发表最新预测报告指出，亚洲发展中经济体2009年的经济增长预计将达到4.5%，2010年将达到6.6%，其中中国今年的经济增长将达到8.2%，明年将达到8.9%。　　　　亚行在一份名为《亚洲经济观察》的报告中说，中国经济在整个全?</t>
  </si>
  <si>
    <t>淡水河谷：明年铁矿石价格至少涨一成</t>
  </si>
  <si>
    <t>本报里约热内卢电(记者杨立民) 巴西淡水河谷公司总裁罗热·阿格内利14日表示，2010年国际铁矿石价格将呈上涨趋势，预计上涨幅度将超过10%。　　　　阿格内利在一个公共场合说，由于需求复苏，业内对明年铁矿石价格将上涨已达成共识，预计上涨幅度将达10%至20%。他表示，淡?</t>
  </si>
  <si>
    <t>萨缪尔森：永不消逝的光荣和风骨</t>
  </si>
  <si>
    <t>记得在大学刚开始学西方经济学时，教授推荐我们购买一本西方经济学家撰写的《经济学》，因为这本教材浅显而深刻，非常适合于初学者。这本书的作者就是美国经济学界的泰斗保罗·萨缪尔森———12月13日，这位影响世界的经济学家在家中辞世，享年94岁。　　　　《纽约时报》?</t>
  </si>
  <si>
    <t>美联储料维持利率不变</t>
  </si>
  <si>
    <t>美国联邦储备委员会(美联储，FE D )将于当地时间15日召开年内最后一次货币政策例会，至此，美联储下调联邦基金利率至接近零水平自应对经济危机以来已为期一年。　　　　分析人士普遍认为，美国日前公布的一些经济数据表明，美国经济复苏正在加快，但在此次年内收官会议上，</t>
  </si>
  <si>
    <t>中国装备制造业  正一窝蜂涌向海外</t>
  </si>
  <si>
    <t>中国重型装备海外市场逆势上扬　　　　当《经济参考报》记者来到齐齐哈尔重型数控装备股份有限公司采访的时候，法国A LST O M公司一行四人，也正在这家公司考察重型卧式机床，他们有意购买一台8.5米的数控立式车铣加工中心，还有一台数控龙门镗铣床。　　　　总经理石志?</t>
  </si>
  <si>
    <t>中国减排也应得到国际支持</t>
  </si>
  <si>
    <t>在哥本哈根召开的《联合国气候变化框架公约》第15次缔约方会议的第二天，中国的学者们推出了《走向低碳发展：中国与世界———中国经济学家的建议》一书,与之呼应。此书主编、国民经济研究所所长樊纲接受《经济参考报》专访时表示，在全世界面临气候变暖、各国开展节能减排的</t>
  </si>
  <si>
    <t>美元被大规模抛售可能性增加</t>
  </si>
  <si>
    <t>近段时间以来，美元持续走低，并创出金融危机爆发以来的历史最低点。对此，孙冶方经济学奖获得者、南开大学虚拟经济与管理研究中心主任刘骏民分析认为，在美国经济恢复乏力的情况下，市场很容易出现对美元资产的恐慌，加上美国的巨额财政赤字，美国经济复苏的前景依然暗淡。$</t>
  </si>
  <si>
    <t>经济不景气  圣诞少送礼</t>
  </si>
  <si>
    <t>圣诞节即将到来，但对饱受经济不景气及高失业率困扰的美国人来说，他们眼下最需要考虑的也许并不是如何欢度佳节，而是怎样少花钱买礼物，却又能向亲友表达节日祝福。　　　　不少美国人手头并不宽裕，却又担心少送礼或礼物不值钱会得罪亲友。为此，一些美国媒体纷纷献计献?</t>
  </si>
  <si>
    <t>调查显示：多数内地富裕人士投资偏好适中风险</t>
  </si>
  <si>
    <t>国际金融巨头汇丰一项针对亚太地区富裕人群的调查显示，七成中国内地受访者表示其净资产在过去6个月内快速增加，这一比例在亚太区所有受访国家和地区中居于首位。　　　　“汇丰亚太区富裕人士调查”由汇丰委托尼尔森公司在8个亚太国家和地区进行，包括澳大利亚、印度、印?</t>
  </si>
  <si>
    <t>让国人先爱上中国制造</t>
  </si>
  <si>
    <t>据国内媒体报道，一则名为“中国制造”的广告宣传片最近在美国媒体播放：一名晨练者俯身系鞋带，运动鞋上写着“中国制造，结合美国运动科技”；一个家庭正在吃早餐，身边的冰箱上印着“中国制造，融合法国风尚”；两名时尚少女行走街头，身上挂着的MP3上标注着“中国制造，配</t>
  </si>
  <si>
    <t>主权信用危机或将在全球蔓延</t>
  </si>
  <si>
    <t>惠誉国际信用评级有限公司8日宣布将希腊的主权债务评级下调至BBB+，这是10年来希腊债务评级首次被一家主要评级机构降级至A以下。7日，另一评级机构标准普尔也将希腊列入“负面信用观察名单”。这一消息导致8日希腊股市大跌6%，欧元对美元比价大幅下滑。　　　　同时，评级?</t>
  </si>
  <si>
    <t>国际贸易术语通则将首现“中国声音”</t>
  </si>
  <si>
    <t>本报讯（记者文婧 实习记者孙韶华）日前，中国国际商会(InternationalC ham ber ofC om m erce，以下简称IC C )已经正式启动参与国际贸易术语解释通则的修订工作。此次修订与10年前那次修订时情况不同，因中国已经加入世贸组织，贸易量实现飞跃式发展，所以国际商会一改往常?</t>
  </si>
  <si>
    <t>就业已成奥巴马头号经济难题</t>
  </si>
  <si>
    <t>按白宫经济顾问委员会主席罗默的说法，奥巴马上台以来拯救美国经济，大致有“三部曲”：第一部，制止经济“自由落体式”下滑，稳定金融市场；第二部，重建市场信心，修复金融市场；第三部，创造就业机会，应对高失业问题。　　　　“三部曲”中，前两部似已完成：美国第三?</t>
  </si>
  <si>
    <t>郴州欲打造湖南最开放城市</t>
  </si>
  <si>
    <t>一幢幢崭新的厂房拔地而起，一家家外来企业安家落户，记者在湖南省郴州市采访时，亲身感受到这里经济发展的活力。　　　　国际金融危机发生以来，沿海地区部分产业开始加速向内陆地区转移。毗邻广东省的湖南省郴州市发挥地缘优势，加快政策和载体两大平台建设，全力打造“?</t>
  </si>
  <si>
    <t>日本再推经济刺激方案</t>
  </si>
  <si>
    <t>日本政府在8日的内阁会议上宣布，实施一项总额为24.4万亿日元(1美元约合89.4日元)的经济刺激方案，以应对日元升值和通货紧缩的影响，避免经济恶化。　　　　这项计划主要涉及就业、环保、中小企业融资、支持地方政府和民生等领域。为此，日本政府将通过财政手段投入7.2万亿</t>
  </si>
  <si>
    <t>冷静看待“中国制造”形象广告</t>
  </si>
  <si>
    <t>据国内媒体报道，自11月23日起，一则“中国制造，世界合作”的形象广告在美国有线新闻网(C N N )的美国频道、美国头条新闻频道和国际亚洲频道播放，而且，“广告片一经投放，就引起社会公众的强烈反响”。　　　　需要指出的是，社会公众的“强烈反响”可能更多是指国内，?</t>
  </si>
  <si>
    <t>中国经济增长的目标应适当下调</t>
  </si>
  <si>
    <t>中国经济政策制定中实际存在的“增长目标管理”应适时地进行微调。上世纪90年代后期，在应对亚洲金融危机的过程中，8%的G D P增长目标被提出，以此水平为基础对经济增长进行目标管理的政策思路得以确立。其后，8%的目标似乎成为“金科玉律”，直到现在仍被认为是中国经济增长</t>
  </si>
  <si>
    <t>联合国气候变化大会在哥本哈根开幕</t>
  </si>
  <si>
    <t>本报哥本哈根电(记者黄堃 杨骏 郇公弟) 哥本哈根联合国气候变化大会于当地时间7日上午开幕，《联合国气候变化框架公约》秘书处执行秘书德布尔在开幕致辞中呼吁各方就气候变化问题达成有效协议，提出严格的减排目标，并为发展中国家提供资金和技术支持。　　　　德布尔说，?</t>
  </si>
  <si>
    <t>美林：明年世界经济总体乐观</t>
  </si>
  <si>
    <t>本报讯 美国银行下属的美林证券公司7日发布《展望2010年-新的常规机会》的展望报告。报告认为，明年新兴市场仍将是世界经济的中流砥柱。　　　　美林认为，新兴市场增长的接力棒将可能从亚洲传递到墨西哥和欧洲的新兴经济体。新兴市场出现大范围通货膨胀抬头的可能性不大，</t>
  </si>
  <si>
    <t>全民低碳≠国家减排</t>
  </si>
  <si>
    <t>今年的哥本哈根理所当然要比往年热闹。中美两国相继宣布了各自的节能减排目标，为哥本哈根气候大会的召开造足了声势。　　　　不光各国首脑要前往哥本哈根，各国媒体、演艺人员、基金会也纷纷行动起来。总之，去得了会场的就去，去不了的还张罗着要寄灯笼到哥本哈根庆祝大?</t>
  </si>
  <si>
    <t>巴曙松：美元走势存在变数影响深远</t>
  </si>
  <si>
    <t>本报讯(记者刘振冬) 国务院发展研究中心金融所副所长巴曙松日前表示，美元走势存在变数影响深远。美元一旦走强，可能会导致全球金融市场的显著调整，其中的重要影响机制是利差交易的平仓。　　　　“我刚从新西兰、澳大利亚等考察回来，发现不少交易员认为美元已处于历史底</t>
  </si>
  <si>
    <t>中期配置通胀、升值受益板块</t>
  </si>
  <si>
    <t>虽然经历了迪拜事件的冲击，但全球定量宽松政策仍在有序退出。12月1日，澳大利亚央行宣布加息25个基点，这是10月份以来该行第三次上调利率。　　分析师预计，随着资产泡沫的再度膨胀、通胀预期的回潮，包括中国在内的各国，将在明年中展开宽松政策的退出。同时，考虑贸易、</t>
  </si>
  <si>
    <t>维斯塔斯：风电王冠上的“明珠”</t>
  </si>
  <si>
    <t>“要去丹麦了解全球气候大会，就不能不看丹麦风机；要看丹麦风机，就不能不看维斯塔斯。”这是在本报记者启程赴丹麦之前，国家能源局一位领导给予的“赠言”。　　　　来到在位于哥本哈根的丹麦风能协会，负责对外联络的协会负责人尼尔森告诉记者：“30多年前，全球首台商?</t>
  </si>
  <si>
    <t>德俄澳巴西力主减排美日仍在计较各自利益</t>
  </si>
  <si>
    <t>12月7日至18日，正成为世界瞩目的时刻。哥本哈根联合国气候变化的大会将要召开，气候问题已成为全球所有国家都必须应对的挑战。国际社会近年来众多气候变化谈判，都是为了能在《京都议定书》2012年第一减排承诺期到期前，制定出全球第二承诺期(2012年到2020年)的温室气体减排</t>
  </si>
  <si>
    <t>欧盟财长同意建立新金融监管体系</t>
  </si>
  <si>
    <t>本报布鲁塞尔电 欧盟官员2日宣布，欧盟成员国财政部长当天在布鲁塞尔举行会议，同意建立覆盖欧盟的新金融监管体系，用于监管欧盟各国金融市场，以防止危机重演。　　　　法国经济、财政与就业部长克里斯蒂娜·拉加德在与会者达成协议后表示，各方做出了妥协并通过协议，将?</t>
  </si>
  <si>
    <t>“抱团取暖”成全球航空公司新趋势</t>
  </si>
  <si>
    <t>当前，在航空市场不景气的背景下，国外不少航空公司选择合并、重组等方面渡过危机。　　　　英国航空公司和西班牙国家航空近日宣布达成协议，将在明年底之前合并，组成后的新公司将是欧洲第二大航空公司，此举被认为是两家公司力图消减开支和提高竞争力的必然结果。　　?</t>
  </si>
  <si>
    <t>别让“低碳”成壁垒</t>
  </si>
  <si>
    <t>气候大会在以往很少能够引起人们的高度关注，但是，这次哥本哈根的气候大会却是一个例外。不仅世界舆论都在关注这次会议，而且一些国家政要也乐于在这次会议上大力表演，连美国的总统也将非常高调地亮相。 　　　　这大概是因为一个很伟大的口号：拯救地球；但更深层的原因</t>
  </si>
  <si>
    <t>米高梅与迪拜世界联手85亿美元豪赌娱乐业</t>
  </si>
  <si>
    <t>赌城拉斯维加斯正在进行一场高达85亿美元的豪赌，被下注的是12月1日开幕占地约27公顷的超豪华娱乐中心———“城市中心”(citycenter)。如果赢，将给12000个美国人提供就业，并会刺激消费复苏。但在市场人士看来，其前景并不是那么光明。 　　　　城市中心是由美国博彩集团</t>
  </si>
  <si>
    <t>飞跃：政府“智慧救市”救下的“国宝”</t>
  </si>
  <si>
    <t>本报杭州电(记者胡作华)如果不是政府出手及时，如果不是邱继宝个性顽强，如果不是同行相助有力……飞跃集团，这家久负盛名的民营企业，也许已成了“过眼烟云”。 　　　　在2008年初的那场财务危机中，飞跃集团曾经命悬一线。受人民币升值、原材料涨价、美国次贷风波以及自</t>
  </si>
  <si>
    <t>迪拜政府：不对“迪拜世界”债务提供担保重组计划涉及260亿美元债务</t>
  </si>
  <si>
    <t>本报阿布扎比电(记者安江孙瑞军)阿联酋迪拜酋长国政府11月30日公开表示，政府对“迪拜世界”的债务不负有责任，因此不对其提供担保。 　　　　当天，迪拜财政局总干事阿卜杜勒·拉赫曼·阿萨利赫说，迪拜世界是一家以商业运作为基础的公司，它与债权人和投资方的一切经济行</t>
  </si>
  <si>
    <t>网友认可商务部为“中国制造”做广告</t>
  </si>
  <si>
    <t>近日，美国有线新闻网CNN开始在亚洲市场播出一则30秒的商业广告，这则广告的主题是“中国制造，世界合作”。这段广告是四家中国行业协会共同委托制作，商务部购买了为期六周的广告时段在CNN等国际主流媒体投放，目的在于宣传“中国制造”，提高中国产品的全球认知度。</t>
  </si>
  <si>
    <t>后危机时代日本对华投资的机遇与前景</t>
  </si>
  <si>
    <t>长期以来，日本对华投资、中日双边贸易、日本对华政府开发援助(ODA)，并称中日经济关系的三大支柱。然而，自2006年以来，日本对华(制造业)直接投资一直处于下降和徘徊状态。在11月24日举办的首届“中日青年经济领袖对话暨中日企业家高峰论坛”上，中国社会科学院日本研究所研</t>
  </si>
  <si>
    <t>中钢协赴巴西考察意在淡水河谷？</t>
  </si>
  <si>
    <t>几乎没有进行任何宣扬。11月的最后一天，中钢协率队悄然踏上了远赴国外进行考察的旅程。据可靠人士向《经济参考报》透露，此行的目的地是墨西哥、巴西等拉美资源性国家。现在正是2010年铁矿石谈判启动的关键时期，这个时间点无疑给这次考察之行平添了许多猜测，种种迹象似乎?</t>
  </si>
  <si>
    <t>中企进军英国市场需迈四道“坎”</t>
  </si>
  <si>
    <t>旷日持久的全球金融危机减缓了中国企业向英国大量出口商品的势头，也给它们到英国投资和寻找商机提供了机遇和动力。不过，英国劳胜多德公关公司最近委托独立调查机构Populus进行的调查显示，英国议员、企业高管和媒体负责人普遍认为，由于“中国品牌在英国的认知度不高”、“</t>
  </si>
  <si>
    <t>坚持原则维护利益</t>
  </si>
  <si>
    <t>2009年12月7日，为期两周的联合国气候会议将在丹麦首都哥本哈根开幕。这是一次被喻为“拯救人类的最后一次机会”的会议，值得我们关注。 　　　　综合各方专家看法，哥本哈根会议可能有三种前景：第一种是最高方案，即发达国家接受到2020年时在1990年基础上减排40%的目标，</t>
  </si>
  <si>
    <t>美国“热火游说团”进入潜伏期</t>
  </si>
  <si>
    <t>游说，在美国虽颇遭诟病但却是华盛顿政治生活不可分割的一部分。在游说业内，“热火游说团(FireLobby)”则是其中翘楚。所谓“热火”，是取金融、保险(不包括医疗保险)和房地产英文单词的第一个字母组合而成，代表的是这三大金融势力。过去数年中，“热火游说团”都是美国游说</t>
  </si>
  <si>
    <t>美政府施压抵押贷款机构</t>
  </si>
  <si>
    <t>本报华盛顿电美国财政部负责金融稳定事务的助理部长赫伯特·艾利森于11月30日与抵押贷款机构负责人会谈，敦促他们加大修改住房抵押贷款协议、为购房者减负的力度。 　　　　美国财政部负责金融机构事务的助理部长迈克尔·巴尔日前在《纽约时报》上表达了对抵押贷款机构的不</t>
  </si>
  <si>
    <t>国际农机巨头相中中国市场</t>
  </si>
  <si>
    <t>本报讯(记者闫磊高增双)近日，国际农机具制造商及分销商美国爱科集团宣布，将在中国兴建两所工厂，生产拖拉机、联合收割机等主要农机。据悉，爱科数年内在中国的投资计划将达到1亿美元。业内人士指出，中国本土农机生产厂商将面临来自国际巨头的巨大竞争压力。 　　　　爱?</t>
  </si>
  <si>
    <t>迪拜危机全球酝酿资金流向大变局？</t>
  </si>
  <si>
    <t>“迪拜世界”的债务危机以迅雷不及掩耳之势引起了全球金融市场的动荡。全球股指全面大跌，原油价格大幅走低，新兴市场国家货币下挫，而美元和美国国债小幅上涨。此次迪拜危机或许是个时点，全球正在酝酿一场资金流向的变局。 　　    资金撤出股市流向黄金和美元？</t>
  </si>
  <si>
    <t>网友热议迪拜危机</t>
  </si>
  <si>
    <t>近日，阿联酋迪拜酋长国的主权投资实体迪拜世界公司欲暂停偿付部分债务的消息，令投资者对迪拜的主权信用产生严重疑虑，进而在全球金融市场引发巨大震动。 　　    迪拜是中东金融中心，“迪拜世界”代表着国家信用，很大程度上体现的是国家的投资意志。万一破产或倒闭，59</t>
  </si>
  <si>
    <t>美元指数跌至15个月新低</t>
  </si>
  <si>
    <t>受利好经济数据和美联储不加息声明的影响，上周美元指数先是跌至15个月来的新低，继而在迪拜世界公司债务危机曝光的推动下又重新攀上75点关口。 　　    美国劳工部25日发布报告称，在截至11月21日的一周里，经季节性调整，美国首次申请失业救济金人数初值为46.6万人，比前</t>
  </si>
  <si>
    <t>温顺者终将继承地球</t>
  </si>
  <si>
    <t>《中国的非洲———北京正在征服黑色的大陆》是西方人观察中国在非洲影响力的杰出作品。两位作者都是法国记者，他们用原生态的第一手采访、细致入微的观察、同情式的理解以及比较客观公正的态度来展现中国人在非洲的历程。 　　    塞尔日·米歇尔在去年接受《外交政策》杂</t>
  </si>
  <si>
    <t>哥本哈根会议前中美布局碳减排</t>
  </si>
  <si>
    <t>聚焦1　中国进入碳总量控制时代　　    国务院总理温家宝25日主持召开国务院常务会议，决定到2020年中国单位国内生产总值二氧化碳排放比2005年下降40%至45%，并提出了相应的政策措施和行动。而就在当天早些时候，美国白宫也宣布，美国将在哥本哈根气候变化大会上承诺2020年</t>
  </si>
  <si>
    <t>盖特纳：所有问题都替总统扛？</t>
  </si>
  <si>
    <t>美国财长盖特纳最近比较烦。 　　    在国会山被激进议员指着鼻子喊下课，坊间又谣传摩根大通首席执行官杰米·迪蒙将取而代之。47岁的盖特纳明白，只有全力反击，才能捍卫自己的尊严和地位。 　　    但他更清楚的是，在金融救助计划出现纰漏、经济复苏形势严峻，特别是?</t>
  </si>
  <si>
    <t>“强势美元”政策口是心非</t>
  </si>
  <si>
    <t>美联储主席伯南克上周在纽约难得地对美元贬值发表了一通评论。他说，美联储关注美元贬值问题，并“将帮助确保美元币值坚挺，使之成为全球金融稳定的一支力量”。此前几天，美国财政部长盖特纳也强调，美国仍会奉行“强势”美元政策，该政策对美国来说非常重要。 　　    两</t>
  </si>
  <si>
    <t>美联邦存款保险公司陷入赤字困局</t>
  </si>
  <si>
    <t>美国联邦存款保险公司(FDIC)24日在其网站上表示，公司用于保护美国储户存款的担保基金余额第三季度缩水至负82亿美元，为1992年以来首次出现赤字。此外，第三季度中，该公司列出的“问题银行”数量激增33%，至552家，为1993年以来最高水平。 　　    联邦存款保险公司(FDIC)</t>
  </si>
  <si>
    <t>美对华油井管双反制裁进入倒计时</t>
  </si>
  <si>
    <t>美国商务部24日做出终裁，以中国油井管存在补贴为由宣称将对相关产品实施10.36%至15.78%的反补贴关税制裁。该案涉及金额约27亿美元，是迄今为止美对华贸易制裁规模最大的一桩案件。 　　    按美方规则，美国国际贸易委员会将在明年1月7日前就中国钢管是否损及美国国内钢管</t>
  </si>
  <si>
    <t>欧盟经济拿什么去拼未来10年</t>
  </si>
  <si>
    <t>欧盟委员会24日为欧盟经济未来十年的发展战略勾勒出了一个基本框架。对于刚刚遭受金融危机重创的欧盟经济来说，如何才能走上一条可持续增长之路，知识、数字和绿色将是答案中的关键词。 　　    当今世界，知识和技术创新已经成为推动经济可持续增长的重要引擎。所谓知识经</t>
  </si>
  <si>
    <t>“外购内联”助哈量集团强筋壮骨</t>
  </si>
  <si>
    <t>我国工量具行业的排头兵企业--哈尔滨量具刃具集团有限责任公司(以下称哈量集团)在近十年的国企改革、改制过程中，成功完成“两级跳”：2005并购重组了国际同类知名企业--德国凯狮公司，一步跃上国际工量具行业大舞台；2009年加盟中国通用技术集团，开始向具有较强国际竞争力?</t>
  </si>
  <si>
    <t>美拟订温室气体减排临时目标</t>
  </si>
  <si>
    <t>美国政府高级官员23日说，美国将在“今后数天”阐明拟在哥本哈根联合国气候变化大会上提出的温室气体减排目标以及美国在其他重要议题上的立场。有评论指出，这一临时减排目标的制订将为即将举行的哥本哈根气候大会达成协议清除最大障碍。 　　    有报道称，美国政府官员正</t>
  </si>
  <si>
    <t>圣诞购物季能否为美经济加分</t>
  </si>
  <si>
    <t>本月27日(感恩节次日)，美国居民将迎来今年的圣诞购物季。未来5周，美国商家将使出浑身解数，激发美国消费者的购物热情。但信贷市场萎靡不振、就业形势日益严峻的现实摆在每个家庭面前，因此这个圣诞购物季注定锱铢必较。 　　    受二战以来最严重的经济衰退影响，往年花?</t>
  </si>
  <si>
    <t>就业是硬道理</t>
  </si>
  <si>
    <t>诺奖得主保罗·克鲁格曼说他最关注的宏观经济指标是就业信息和采购经理指数(PMI)。美国总统奥巴马将就业问题列为“目前经济面临的最大挑战之一”。中国总理温家宝明确表示，就业率比GDP更重要。经济学家和政治家对就业一致的高度重视表明这是衡量经济能否正常运转的非常重要?</t>
  </si>
  <si>
    <t>我国家电召回制何时到来</t>
  </si>
  <si>
    <t>前不久，三星旗下一款双开门冰箱由于在韩国发生“自爆”事件，随后宣布对该品牌双开门冰箱实施全球召回，其中，中国市场有六个型号的冰箱在召回之列，预计总量为32000台。这是国内冰箱行业首次因产品出现安全问题而大面积召回，也是国内家电行业除笔记本电脑电池类之外的首宗</t>
  </si>
  <si>
    <t>奥巴马的“中国观”与“中国策”脱节</t>
  </si>
  <si>
    <t>在中美历史交往上，有几次领导人的访问，影响无疑是划时代的。比如，尼克松访华，开启了中美间尘封二十余年的大门，世界大三角格局诞生；邓小平访美，标志着中美关系的起飞———中美关系由此进入“蜜月期”。奥巴马访华，会否成为一个新的历史里程碑？ 　　    作为首位美</t>
  </si>
  <si>
    <t>英预算赤字难“瘦身”</t>
  </si>
  <si>
    <t>现年83岁的英国女王伊丽莎白二世日前主持了议会开幕仪式并发表演说，7分钟的讲话言简意赅地指出政府重中之重是在未来4年内将预算赤字减半。然而，就英国目前的经济和金融状况，这能否做到确实要打个大大的问号。原因就一个字：难！ 　　    女王发表演讲时，英国首相布朗和</t>
  </si>
  <si>
    <t>中国寻求海外油源四种模式的利与弊</t>
  </si>
  <si>
    <t>今年8月份，中石化收购瑞士Addax石油公司，完成中国公司海外资产收购最大的一笔成功交易。并购、贷款、签署合作协议……近两年来，中国在国际能源市场上频频出现的大手笔，无一不引起世界瞩目。梳理近两年来我国积极寻求海外稳定能源供应的案例，基本可归纳为四种模式。</t>
  </si>
  <si>
    <t>外媒质疑施压人民币升值合理性</t>
  </si>
  <si>
    <t>近期，国际上要求人民币升值的呼声再起。11月17日，奥巴马首次访问中国期间，国际货币基金组织主席卡恩再次呼吁人民币应尽快升值。而美国除了不断挑起贸易争端外，其国会两位参议员近日又要求美国商务部调查所谓的人民币汇率“操纵问题”。甚至连2008年诺贝尔经济学奖得主保?</t>
  </si>
  <si>
    <t>奥巴马：美扩大对亚太出口将增加就业</t>
  </si>
  <si>
    <t>本报华盛顿电(记者刘丽娜刘洪)美国总统奥巴马21日在每周对全国发表的广播讲话中说，扩大对亚太地区出口将增加美国的就业。 　　    奥巴马说“尽一切努力创造就业，没有比这更重要的事”，“无论走到哪里，我都将追求这一目标”。 　　    奥巴马在讲话中谈到刚刚结束的?</t>
  </si>
  <si>
    <t>阿中贸易大幅下滑</t>
  </si>
  <si>
    <t>本报布宜诺斯艾利斯电(记者宋洁云冯俊扬)阿根廷国家统计局日前公布的报告称，今年前10个月阿根廷与中国的双边贸易额为75.91亿美元，同比下降38.5%。 　　    报告说，今年1月至10月，阿中贸易中，阿根廷出口额为36.73亿美元，同比下降40%；阿根廷进口额为39.18亿美元，同比</t>
  </si>
  <si>
    <t>唐双宁：明年信贷增量7至8万亿元为宜</t>
  </si>
  <si>
    <t>本报讯(记者  方家喜  实习记者  吴黎华)中国光大集团董事长唐双宁21日表示，综合考虑GDP增速、货币增速、通胀预期、结构调整等因素，2010年新增信贷总量以7至8万亿元左右为宜，同比下降25%左右，并需随情况变化适时调整。 　　    唐双宁是在2009年第四届21世纪亚洲金融年</t>
  </si>
  <si>
    <t>史蒂夫·乔布斯：十年最佳不可复制</t>
  </si>
  <si>
    <t>他超越谷歌联合创始人拉里·佩奇和塞迹·布林、“股神”沃伦·巴菲特等商界精英，被美国最具影响力的财经杂志《财富》评选为“10年来最佳CEO”；他被竞争对手，微软创办人、世界首富比尔·盖茨称赞为“在我所合作过的业内领袖中，最具灵感”；他的名字始终于一连串创下传奇般</t>
  </si>
  <si>
    <t>法国佳士得拍卖行称：两尊圆明园兽首目前仍归贝尔热所有</t>
  </si>
  <si>
    <t>本报讯(记者尚栩)法国佳士得拍卖行于本月17日至19日再次举办法国已故著名服装设计师伊夫·圣洛朗及其伙伴皮埃尔·贝尔热藏品专场拍卖会。日前，在接受法国媒体采访时，法国佳士得拍卖行一位负责人表示，圆明园流失文物鼠首和兔首铜像目前仍然归皮埃尔·贝尔热所有。</t>
  </si>
  <si>
    <t>医改：未来左右美国经济的变量</t>
  </si>
  <si>
    <t>!本报驻华盛顿记者 @经过半年多的论辩与斗争，美国医疗改革的“巨轮”终于驶离港口。美国众议院日前以微弱票数优势批准了一份近2000页的医改议案，为奥巴马政府实现全民医保的设想打开积极局面。       如今，参议院的方案尚未正式登场，能否获得绿灯放行也是疑问，因此这?</t>
  </si>
  <si>
    <t>美国发展高铁将学中国经验</t>
  </si>
  <si>
    <t>本报讯(记者尹乃潇实习生扶茜)铁道部与美国通用电气公司11月17日下午签署《动车组及内燃机战略合作谅解备忘录》。美国商务部部长骆家辉指出，此合作代表了美中两国铁路之间互利共赢的合作方向，必将为美国高速铁路市场的发展带来重要契机。 　　    近年来，中国高速铁路博</t>
  </si>
  <si>
    <t>奥巴马期待中国助其一臂之力</t>
  </si>
  <si>
    <t>美国《基督教科学箴言报》网络版11月15日发表该报记者彼得·福特的一篇文章，题为《美国视中国为全球伙伴》，副题为《奥巴马首次访华之旅将考察中国放眼世界的意愿——以及过去的分歧》，全文如下： 　　    搜寻能助他一臂之力的人 　　    当美国总统奥巴马对该政府需?</t>
  </si>
  <si>
    <t>美国“衰落”的六大迹象</t>
  </si>
  <si>
    <t>美国家情报委员会2008年发布的《2025年全球趋势》报告预测的15年期限还未走完1年，美在全世界统治地位的结束便已经提前到来。通过对二十国集团峰会、美元疲软、“金砖四国”崛起等六大美“衰落”迹象进行分析，美面临的战略环境已发生急剧变化，美不得不从新的世界现实出发修</t>
  </si>
  <si>
    <t>缺人  缺钱  缺牌——迈向民航强国的三道坎</t>
  </si>
  <si>
    <t>经过60年的大发展，我国已成为世界民航业大国，但还算不民航强国。从大国迈向强国，至少还要跨越眼前三道坎。 　　    未来二十年缺员二十万 　　    按照我国民航发展目标，到2020年，我国民航市场将达到目前美国民航市场的状态。但是，从民航业人才来看，我国与美国还?</t>
  </si>
  <si>
    <t>外媒关注国内首条8.5代LCD生产线</t>
  </si>
  <si>
    <t>TCL集团16日与深超科技投资有限公司宣布，双方共同投资245亿元启动国内首条8.5代液晶(LCD)面板生产线，这则消息引起海外媒体关注。英国《金融时报》称，此举可能对LCD制造领域中的国际巨头构成挑战。 　　    据悉，TCL和深超科技投资有限公司签署相关合作协议，成立该项目</t>
  </si>
  <si>
    <t>国际油价略超欧佩克预期</t>
  </si>
  <si>
    <t>国际油价17日小幅上扬，纽约轻质原油主力期货合约和伦敦北海布伦特原油主力期货合约双双收于每桶78美元之上，略微超出石油输出国组织(欧佩克)轮值主席的预期。科威特石油大臣阿卜杜拉也认为，当前国际市场的原油价格合理。 　　    截至当日收盘，纽约商品交易所12月份交货</t>
  </si>
  <si>
    <t>成熟的中美经贸关系务实的能源环保合作</t>
  </si>
  <si>
    <t>中美两国启动可再生能源伙伴关系，堪称是此番中美元首会晤的重要收获，也是《中美联合声明》的一大亮点，更可谓中美经贸关系日益成熟的标志之一。 　　    这一关系的确立，意义重大。正如《中美联合声明》所言，通过该伙伴关系，两国将就大规模利用风能、太阳能、先进生物</t>
  </si>
  <si>
    <t>自贸区时代的“跳板”角色</t>
  </si>
  <si>
    <t>“广西是与东盟交流合作的桥头堡，这对向东盟国家推广杂交水稻有十分重要的意义。”享有“世界杂交水稻之父”之誉的袁隆平日前在南宁市表示，东盟国家是世界水稻主产区之一，也是杂交水稻推广的重点区域，广西独特的区位优势对中国超级水稻进入东盟市场十分有利。</t>
  </si>
  <si>
    <t>伯南克罕见表态难扭美元颓势</t>
  </si>
  <si>
    <t>美国联邦储备委员会主席伯南克16日提到了“强势美元”这个具有讽刺意味的话题。他在纽约经济俱乐部发表讲话时说，美联储关注美元贬值问题，还将帮助美元币值确保坚挺，使之成为全球金融稳定的一支力量。西方媒体评价说，此举罕见。 　　    之所以罕见，全因伯南克有“抢镜</t>
  </si>
  <si>
    <t>无声的饥饿危机潜伏全球</t>
  </si>
  <si>
    <t>世界粮食安全首脑会议16日至18日在罗马联合国粮食及农业组织(粮农组织)总部召开，此次峰会的关键词是“粮食安全”和“消除饥饿”。会议旨在促使国际社会就消除贫困和饥饿现象达成共识，而增加农业投资则是会议关注的焦点之一。 　　    高官绝食表决心 　　    当地时间1</t>
  </si>
  <si>
    <t>蛮不讲理的克鲁格曼</t>
  </si>
  <si>
    <t>保罗·克鲁格曼头戴三顶桂冠：美国普林斯顿大学经济学教授、《纽约时报》专栏作家及2008年诺贝尔经济学奖得主。言辞犀利、嬉笑怒骂是他的风格，但剑走偏锋、大放厥词也是他的特点。比如，他最近在人民币问题上的表态，仔细捉摸一下，纯属蛮不讲理。 　　    克鲁格曼是怎么</t>
  </si>
  <si>
    <t>外媒：奥巴马访华象征意义更大</t>
  </si>
  <si>
    <t>美国总统奥巴马首度访华，全球媒体聚焦与此。一些国外媒体认为，在经济问题上，不大可能因奥巴马与中国领导人的会晤而产生重大的谈判成果。还有分析指出，此次访华主要是象征性的，不能期待过高。 　　    英国《金融时报》的一篇文章指出，奥巴马访华之行难以立收成效。文</t>
  </si>
  <si>
    <t>武钢委内瑞拉首签长协矿</t>
  </si>
  <si>
    <t>铁矿石谈判之前中方企业“首攻一城”。武钢16日宣布，武钢集团与委内瑞拉矿业集团公司成功达成“五方协议”。值得注意的是，这个协议是中方与国外矿山公司签订的首个明确以“中国价”执行的合同。而除三大矿山之外，我国一直是主要以现货的方式进口其他国家铁矿石。</t>
  </si>
  <si>
    <t>通用汽车着手还债</t>
  </si>
  <si>
    <t>美国通用汽车公司定于16日公布第三季度收益报告并宣布债务偿还计划。 　　    一名知情人士15日晚透露，公司打算从今年底开始，分期偿还欠美国政府和加拿大政府的67亿美元和14亿美元债务。 　　    分期还债 　　    这名不愿公开姓名的知情人士说，根据偿还计划，通用</t>
  </si>
  <si>
    <t>日本经济仅仅看上去很美</t>
  </si>
  <si>
    <t>日本内阁府16日发布三季度经济增长数据，大大超过市场预期：扣除物价变动因素影响后，今年第三季度，日本国内生产总值(GDP)比上季增长1.2%，不仅连续两个季度保持增长，且增幅比上季(0.7%)明显提高。 　　    不过，这一利好经济数据将带给日本现政权———鸠山内阁更多压?</t>
  </si>
  <si>
    <t>APEC：未来经济增长应更具包容性</t>
  </si>
  <si>
    <t>走过20年风雨历程的亚太经济合作组织(APEC)踏上新征途。从第十七次领导人非正式会议结束后发表的《新加坡宣言》中可以看出，21个成员的领导人在此次会议上致力于为亚太地区谋划未来发展之路。 　　    重塑经济增长模式 　　    目前，越来越多的亚太经合组织成员认识到?</t>
  </si>
  <si>
    <t>放眼世界着眼亚洲经营东亚</t>
  </si>
  <si>
    <t>全球金融危机虽已接近尾声，但其划时代的意义却不可否认。尽管“去全球化”不可能成为主流，但危机的肆虐却导致了一个“强势全球化”时代的结束。后危机时代，伴随着对以美国为主导的全球化的反思，在世界各地越来越多地出现了对本区域共同价值观和共同利益的再认识；加之WTO</t>
  </si>
  <si>
    <t>世界到底是什么？</t>
  </si>
  <si>
    <t>自从三年前美国记者托马斯·弗里德曼用了4年时间写成的一本重点论述“全球化”的专著《世界是平的》之后，有关探讨和写作世界是什么的书籍跟风不止，其中有《世界是弯的》、《世界是圆的》、《世界又热又平又挤》……一时间，人们不知自己生活的世界到底是什么了。</t>
  </si>
  <si>
    <t>网民：中美经贸斗法的筹码较量</t>
  </si>
  <si>
    <t>奥巴马就要来了，踏着贸易战的前奏曲而来。近一段时间，美国三番五次地针对中国提出贸易保护措施。奥巴马在首次访华前夕刻意营造紧张气氛，意欲何为？两大经济体谁能在贸易博弈胜出？网民在热闹地揣测和争议中等待着奥巴马的北京之行。 　　    美国的司马昭之心</t>
  </si>
  <si>
    <t>甲流高发哪些险种可保</t>
  </si>
  <si>
    <t>随着天气逐渐转凉，我国部分地区甲型H1N1流感患者明显增加，并相继出现死亡病例。许多国内外专家认为，我国北方地区甲流的第二波高峰已经到来，南方地区明年一二月份也可能出现。在这种情况下，许多市民除了接种疫苗、减少出行外，也开始关注起“甲流保险”及相关的保险理赔?</t>
  </si>
  <si>
    <t>美中产阶级丧失优越感</t>
  </si>
  <si>
    <t>中产阶级是美国重要的社会和经济概念。在奥巴马政府应对金融危机和经济衰退的政策当中，中产阶级已被置于帮扶的核心位置。然而，随着失业率的节节攀升，美国中产阶级的处境愈发堪忧。 　　    关于中产阶级的定义迄今并没有统一标准。华盛顿智库布鲁金斯学会约翰桑顿中国研</t>
  </si>
  <si>
    <t>欧盟划定减赤最后期限</t>
  </si>
  <si>
    <t>本报布鲁塞尔电(记者刘晓燕)欧盟委员会11日为包括英国、法国和德国等在内的十多个成员国规定了削减预算赤字的最后期限。 　　    根据欧盟委员会的这一要求，奥地利、捷克、德国、斯洛伐克、斯洛文尼亚、荷兰和葡萄牙需在2013年前削减其高额预算赤字，比利时和意大利削减预</t>
  </si>
  <si>
    <t>默多克向谷歌宣战</t>
  </si>
  <si>
    <t>新闻集团董事长兼首席执行官鲁伯特·默多克9日在接受旗下澳大利亚天空电视台采访时指出，为鼓励读者付费看网络新闻，他考虑禁止谷歌搜寻新闻集团旗下媒体的网站内容，阻止谷歌免费挪用新闻内容供读者浏览。默多克“封锁”Google搜索的新闻引起业界的普遍关注，一些人认为默多</t>
  </si>
  <si>
    <t>创新不足将束缚中国可持续发展</t>
  </si>
  <si>
    <t>提要：中国经济正努力向更为平衡的模式转型，如果转型成功，将可能推动整个世界经济的增长。而在自主创新方面，中国依然长路漫漫。“拆开”其本土创新的一些成果就会发现，真正属于中国的东西很少。中国亟须转变经济发展方式提高自主创新能力。　　    美国《商业周刊》10?</t>
  </si>
  <si>
    <t>中美相互需要,但还有很长的路要走</t>
  </si>
  <si>
    <t>英国《经济学家》10月24日-30日一期刊登中美关系特别报道系列文章，题为《谨慎的尊敬》，副标题为《中美相互需要，但它们距离互相信任还有很长的路要走》，摘要如下： 　　    罗斯福的预言 　　    “美国未来的历史更多是由我们对太平洋彼岸的中国的立场而非大西洋彼岸</t>
  </si>
  <si>
    <t>海外高度关注中国10月份经济数据</t>
  </si>
  <si>
    <t>我国10月份CPI、PPI等经济数据的公布引来海外媒体和分析机构的高度关注。 　　    英国《金融时报》发表文章说，10月份中国经济复苏有所加速，中国从全球金融危机中复苏的速度比其它任何一个经济大国都要快，势头也更为强劲。经济学家相信，中国政府今年将实现国内生产总值</t>
  </si>
  <si>
    <t>俄罗斯威胁减少对欧供气量</t>
  </si>
  <si>
    <t>本报莫斯科电(记者 谢荣)俄罗斯政府总理普京11日表示，如果乌克兰不付款就从俄向欧洲输送天然气的管道提取天然气，俄将减少通过乌克兰过境管道向欧洲输送天然气的供应量。 　　    普京当天在与奥地利联邦总理维尔纳·法伊曼会谈后举行的记者会上说，如果不付款，乌克兰将?</t>
  </si>
  <si>
    <t>反对保护主义不能说说而已</t>
  </si>
  <si>
    <t>为期两天的亚太经合组织(APEC)部长级会议11日在新加坡新达城会展中心开幕。根据一份内部声明草案，会议将重申抵制保护主义。 　　    声明草案说，保护主义对经济复苏构成危险，亚太经合组织贸易部长对此感到担忧。声明草案还提到2009年7月亚太经合组织在新加坡举行贸易部?</t>
  </si>
  <si>
    <t>世行行长佐利克：亚洲应考虑收紧货币政策</t>
  </si>
  <si>
    <t>本报新加坡电(记者  明金维 许林贵)正在新加坡参加亚太经合组织领导人会议周活动的世界银行行长佐利克11日在这里表示，随着亚洲经济实现温和复苏，亚洲经济体的中央银行应考虑收紧货币政策，以防止流动性过剩引发资产价格泡沫。 　　    佐利克在当日召开的一个关于新加坡?</t>
  </si>
  <si>
    <t>谷歌的“强盗”出题我们怎么解答</t>
  </si>
  <si>
    <t>作者简介 唐广良，中国社会科学院知识产权中心副研究员，中国法学会知识产权法研究会副秘书长、常务理事，中国国际经济贸易仲裁委员会、北京仲裁委员会仲裁员，亚洲域名争议解决中心、中国国际经济贸易仲裁委员会网上争议解决中心专家。　　迟到的新闻，激烈的反应</t>
  </si>
  <si>
    <t>美国医保改革对我所持美国债有何影响</t>
  </si>
  <si>
    <t>近一时期美国有两件看似不相关的事引人关注：一件是总统奥巴马签署文件，同意对从中国进口的所有小轿车和轻型卡车轮胎征收为期三年的惩罚性关税；另一件是奥巴马正在非常积极地推动一项计划，这就是医疗保障改革———11月7日，美国众议院通过总额为1.2万亿美元的医改法案，?</t>
  </si>
  <si>
    <t>澳央行连续加息催热外汇理财产品</t>
  </si>
  <si>
    <t>11月3日澳大利亚央行宣布再度加息，这已是国际金融危机以来，第一个执行退出政策且是惟一二度加息的经济体。这也再次催热我国外币理财产品的发行。 　　    然而，部分理财产品结构设计过于狭窄，以致在澳元快速升值的情况下却只获得“零收益”，再次为投资者敲响“警钟”?</t>
  </si>
  <si>
    <t>LG Display8.5代广州生产线正式签约</t>
  </si>
  <si>
    <t>LG Display与广州经济技术开发区11月3日在韩国首尔正式签订了在广州修建8.5代线的投资协议，LG Display旗下最先进的8.5代生产线落户国内，单笔耗资逾40亿美元。业内普遍认为，这一协议的签订将有效缓解我国液晶产业上游面板匮乏的现状，并将增强国内液晶面板产业在全球市场话</t>
  </si>
  <si>
    <t>拿什么拯救多哈回合？</t>
  </si>
  <si>
    <t>重启陷入僵局的世界贸易组织多哈回合谈判，是本年度亚太经合组织(APEC)领导人会议周的重要议题之一。但问题的关键是，拿什么拯救多哈回合？ 　　    屈指算来，自2001年11月在卡塔尔首都多哈发起以来，谈判已经进行了整整八年的时间。由于主要成员在敏感的农业和非农产品市</t>
  </si>
  <si>
    <t>欧美交锋金融交易税</t>
  </si>
  <si>
    <t>英国在刚结束的二十国集团(G20)财长和央行行长会议上提议，向全球金融交易征税，作为日后拯救金融体系危机时的开支储备，不过建议随即遭到美加财长等与会人士的反对。G20匹兹堡峰会已要求国际货币基金组织(IMF)进行这种税的可行性研究，据悉IMF明年4月将提交一份报告。 　?</t>
  </si>
  <si>
    <t>市场关注IMF拟售黄金去向</t>
  </si>
  <si>
    <t>印度央行日前向国际货币基金组织(IMF)购买200吨黄金，约为后者拟售黄金总量的一半，国际金价为此一度突破每盎司1100美元的心理关口。目前，市场已将注意力集中到谁会接手剩下的一半之上。 　　    据悉，IMF总裁斯特劳斯-卡恩将于本月中旬访华，有分析师猜测或许会涉及出售</t>
  </si>
  <si>
    <t>美国“出口驱动”世界怎么办</t>
  </si>
  <si>
    <t>金融危机爆发后，美国经济必须转型，已成为美国朝野的共识。美国总统奥巴马就坦陈，美国经济过去依赖金融业，过度消费，“债务驱动”，这是不可持续的；而要可持续，还是需要发展实业，推动出口，即实行“出口驱动”。 　　    美国发展实业，扩大出口，应该属正常之举。毕</t>
  </si>
  <si>
    <t>奥巴马访华前夕中美贸易战开打</t>
  </si>
  <si>
    <t>11月5日，美国商务部公布对华输美油井管反倾销反补贴(以下简称“双反”)案的倾销调查初裁，决定对从我国进口的油井管征收最高达99.14%的反倾销税；11月6日，我国商务部决定即日起对原产于美国的排气量在2.0升及2.0升以上进口小轿车和越野车发起“双反”调查；同日，美国国际?</t>
  </si>
  <si>
    <t>资源总会枯竭,而资本永远是鲜活的</t>
  </si>
  <si>
    <t>在8月末的达沃斯领袖论坛会议上，澳大利亚总理陆克文(右一)会见兖州煤业董事长王信(左一)，高度评价兖矿的采煤技术和赴澳开发的澳思达煤矿，并表示对中国投资的欢迎。李俊供图　　    每次见到王信时，他灿烂的笑容总是充满阳光般的温暖。今年51岁的他，曾是兖矿集团最年轻</t>
  </si>
  <si>
    <t>专家：对美汽车“双反”调查意在警示</t>
  </si>
  <si>
    <t>本报讯(记者邢梅)11月6日，商务部发布公告，决定对原产于美国的排气量在2.0升及2.0升以上进口小轿车和越野车发起反倾销和反补贴调查。业内人士普遍认为，商务部“双反”调查将不会导致美系进口车受到重大影响，其警示意义大于实际意义。 　　    对外经济贸易大学国际经济?</t>
  </si>
  <si>
    <t>《里斯本条约》：欧洲一体化新篇章</t>
  </si>
  <si>
    <t>随着捷克3日签署《里斯本条约》，该条约迄今已获得欧盟全部27个成员国批准并有望于12月1日正式生效。欧洲媒体把这一天称为“历史性的一天”，它宣示欧盟将迎来历史性变革，在“成为一支真正的全球性力量”的道路上迈出了重要一步。 　　    从8年前欧盟决定“创建一部宪法?</t>
  </si>
  <si>
    <t>豪赌复苏巴菲特斥巨资购铁路公司</t>
  </si>
  <si>
    <t>“在别人恐惧时贪婪”是股神巴菲特的名言。3日，巴菲特旗下的伯克希尔·哈撒韦公司宣布，将斥资340亿美元收购全美第二大铁路运营商北伯林顿铁路公司。分析人士认为，在美国经济阴霾未除的今天，被全球分析师及投资者认为最具智慧的巴菲特竟押此重注，反映他对美国经济前景抱?</t>
  </si>
  <si>
    <t>全球应对危机大事记</t>
  </si>
  <si>
    <t>●2008年　　    2月7日 　　    美国国会参众两院通过了约1680亿美元的经济刺激法案，旨在通过退税、刺激消费促进美国经济增长。 　　    2月13日 　　    布什正式签署一揽子经济刺激法案。 　　    3月11日 　　    美国联邦储备委员会、欧洲中央银行等5家西?</t>
  </si>
  <si>
    <t>可持续性复苏是关键</t>
  </si>
  <si>
    <t>中国经济刺激计划出台一年来，国外媒体围绕这一主题展开的报道纷至沓来。在这当中既有肯定和赞扬之词，也不乏否定和置疑之声。事实已证明一切，中国第三季度经济数据显示政府刺激政策已经奏效，中国的各项投资也为其他国家抵御这场全球性经济衰退提供了动能。但正如许多国外?</t>
  </si>
  <si>
    <t>合同纠纷潮将伤及中方利益</t>
  </si>
  <si>
    <t>10月12日，《经济参考报》以《印度“卡”中企签证累及百亿美元合同》为题，对印度政府对中国在印工程建设公司采取歧视性签证政策、限定数万名相关中方人员于10月31日前离境一事，进行了独家深度报道，并引起了强烈反响。 　　    据《经济参考报》记者最新了解到的情况，目</t>
  </si>
  <si>
    <t>广交会：欧美采购商数量明显恢复</t>
  </si>
  <si>
    <t>中国外贸的“晴雨表”和“风向标”迎来了市场期盼已久的积极信号。4日闭幕的第106届广交会到会客商人数接近19万，比年初的第105届增长近14%；出口成交近305亿美元，比上届增长16%。来自欧盟、美国的采购商数量明显恢复，新客商到会增多。 　　    统计显示，本届广交会共有</t>
  </si>
  <si>
    <t>香港媒体寄语上海迪斯尼别重蹈覆辙</t>
  </si>
  <si>
    <t>香港对上海迪斯尼项目的关注大致可分为三个时间点，一是近几日，因为盛传上海下周宣布落实兴建迪斯尼；二是今年年初，因为美国沃尔特迪斯尼公司1月9日发表声明，正式承认与上海市政府签订关于迪斯尼项目的框架协议；三是今年年中，因为特区政府6月30日宣布与沃尔特迪斯尼达成</t>
  </si>
  <si>
    <t>中国成“物联网”国际标准制定主导国</t>
  </si>
  <si>
    <t>本报南京电(记者孙彬)记者从中科院无锡传感网工程中心获悉，目前，中国在传感领域走在世界前列，与德国、美国、英国等一起成为“物联网”国际标准制定的主导国。专家预计，物联网技术应用日益普及，将会发展为上万亿规模的高科技市场。 　　    传感网，俗称物联网，是将各</t>
  </si>
  <si>
    <t>自动洗碗机有望成为家庭新时尚</t>
  </si>
  <si>
    <t>本报讯(记者周文林)在欧美国家已非常普及的自动洗碗机如今对很多中国消费者而言还比较陌生，但业内专家表示，随着洗碗机节水和省电的优势被更多消费者所了解，使用自动洗碗机有望成为国内家庭生活新时尚。 　　    与微波炉、电烤箱等厨房用具快速进入中国千家万户的厨房相</t>
  </si>
  <si>
    <t>中国资本吸引全球目光</t>
  </si>
  <si>
    <t>“今天，无论是在欧美等发达国家，还是亚非拉等新兴市场国家，我们都能看见中国公司的影子。”正如联合国贸发会议秘书长代表、战略规划与协调司司长TaffereTesfachew所说，金融危机使中国从一个吸引外资国转变为对外投资主体国。“现在的中国不仅是FDI(外国直接投资)的主要接</t>
  </si>
  <si>
    <t>日本能源战略启示录</t>
  </si>
  <si>
    <t>面对经济发展面临的能源制约瓶颈，发展新能源被视为解决中国能源瓶颈的方法之一。早在《十一五规划的建议》中，就明确提出“加快发展风能、太阳能、生物能源等可再生能源”。按照近期出台的新能源振兴规划初稿，到2020年中国计划总投资超3万亿。纵观世界经济发展史，中国不是</t>
  </si>
  <si>
    <t>CIT集团正式申请破产保护</t>
  </si>
  <si>
    <t>由于政府救助和债务重组失败，经过了几个月的挣扎期，拥有百年历史的美国最大的中小企业商业贷款机构CIT集团11月1日正式申请破产保护。 　　    CIT集团破产案是美国商业史上最大的企业破产案件之一。公司破产前，其资产总额为710亿美元，债务总额达到649亿美元。排在CIT之</t>
  </si>
  <si>
    <t>中美贸易纠纷转向使“软劲儿”</t>
  </si>
  <si>
    <t>一边是在10月29日刚刚闭幕的第20届中美商贸联委会上中美双方承诺不再采取进一步贸易保护主义措施，另一边是美国时间10月30日美国国际贸易委员会以6：0投票通过了对中国无缝钢管进行反倾销反补贴调查。 　　    而此时，中国对美国汽车“双反”调查正进入双边磋商的关键阶段</t>
  </si>
  <si>
    <t>“有毒”中国石膏板风波</t>
  </si>
  <si>
    <t>继两年前所谓“有毒中国玩具和食品”风波之后，又一起涉及“中国制造”质量问题的风暴正在美国酝酿。 　　    一些美国媒体报道说，不少美国居民房屋因使用中国石膏板，不仅损毁了房屋，而且带来了严重的健康问题。美国消费品安全委员会(CPSC)的数据显示，针对中国产石膏板</t>
  </si>
  <si>
    <t>欧洲汽车市场明年仍难言回暖</t>
  </si>
  <si>
    <t>本报维也纳电(记者刘钢)据安永咨询公司最新发表的欧洲汽车市场调查报告显示，2010年欧洲汽车市场前景仍不乐观，新车销量将会下降，但其中小型车销售有望增长。 　　    报告预计，欧洲新车市场的颓势可能会持续到2010年年底。其中，高档汽车的销售将会有较大幅度缩水，而小</t>
  </si>
  <si>
    <t>美经济复苏单靠政府驱动岂能持久</t>
  </si>
  <si>
    <t>在连续四个季度负增长后，美国经济今年第三季度“难得地”增长了3.5%。这应是一个积极信号，或许标志着美国经济正开始走向复苏。但美国经济要实现可持续复苏，就必须转变目前“政府驱动型”的增长模式。 　　    可以说，美国经济第三季度增长，主要受益于政府一系列刺激经</t>
  </si>
  <si>
    <t>版号：C04</t>
  </si>
  <si>
    <t>余秋雨“苦行僧”化身“大股东”</t>
  </si>
  <si>
    <t>版号：A04</t>
  </si>
  <si>
    <t>“苦行僧”成“投资大师”了。 　　    一份“徐家汇”的上市招股书的公布，让刚刚在“假捐”舆论中平静下来的余秋雨再次来到了风口浪尖。 　　    这位在“文化苦旅”中修行多年的知名学者，在千禧之旅中到古巴比伦、埃及等地探索人类古代文明之路后，又将足迹留在了中?</t>
  </si>
  <si>
    <t>中美承诺不出台新的贸易保护措施</t>
  </si>
  <si>
    <t>风景如画的杭州西子湖，30年前，曾见证首个中美联合公报的谈判；30年后，中美在这里承诺不再出台新的贸易保护措施。 　　    “本届中美商贸联委会，在第一个中美联合公报的谈判地杭州举行，具有特殊意义。”29日上午，杭州西子宾馆，中国国务院副总理王岐山如此开场。 ?</t>
  </si>
  <si>
    <t>版号：B01</t>
  </si>
  <si>
    <t>中国等亚洲国家应尽快转变增长模式</t>
  </si>
  <si>
    <t>提要：全球经济危机表明，亚洲由于主要依靠出口和投资推动经济增长，因而对外部经济震荡缺乏抵抗力，并且无法担当世界经济的领导角色。因此，亚洲新兴工业国家，尤其是中国应转变经济增长模式。为提高内需，中国须建立社会福利保险制度。而亚洲若能建立消费型经济，将具有开?</t>
  </si>
  <si>
    <t>全球需求高企或将增加三大矿企铁矿石谈判筹码</t>
  </si>
  <si>
    <t>“目前来自澳大利亚和巴西的铁矿石货船在港口都很紧俏，来货量明显少了。”天津一家贸易公司的经理这样告诉记者。最近一段时间，他都在各大港口托人打听是否有进港的铁矿石货船，但是情况并不乐观。　　    和去年市场低迷时期紧盯中国这一大客户不同，三大矿业巨头（必和?</t>
  </si>
  <si>
    <t>欧盟批准诺森罗克重组计划</t>
  </si>
  <si>
    <t>欧盟委员会28日通过英国政府提出的诺森罗克银行重组计划，即根据资产质量将其拆分为“好银行”和“坏银行”两部分。至此，欧盟持续一年半的政府援助调查正式宣告结束。 　　    欧盟的这一决定为英国政府出售已被国有化的诺森罗克银行铺平了道路。英国政府一直试图以最佳方</t>
  </si>
  <si>
    <t>版号：A01</t>
  </si>
  <si>
    <t>中国可再生能源市场潜力巨大</t>
  </si>
  <si>
    <t>即将于11月2日出版的美国《时代》周刊撰文指出，在全球经济依旧萎靡的情况下，中国在承诺，它的绿色能源行动可能为国际风能和太阳能公司提供重要的需求来源。 　　    在中国，要想佐证政府在开发可再生能源方面做出的努力并非难事。在北京和上海这样的大城市，覆盖有太阳?</t>
  </si>
  <si>
    <t>俄央行宣布下调再融资利率</t>
  </si>
  <si>
    <t>本报莫斯科电(记者魏大方)俄罗斯中央银行29日宣布，将再融资利率从10%降至9.5%，新利率自次日开始实施。 　　    俄央行发表声明说，降低银行间再融资利率旨在鼓励信贷发放。它还将根据通货膨胀、生产和信贷活动的发展趋势决定是否继续降低再融资利率。 　　    为抵消全</t>
  </si>
  <si>
    <t>中国经济健康持续发展的四大条件</t>
  </si>
  <si>
    <t>在经历了较为频繁的经济波动，特别是本次由美国次贷危机引发的波动后，我们迫切需要研究的是中国经济在什么样的条件下才能持续健康地发展。在笔者看来，这些条件是： 　　    一、只有在以内需，特别是国内的消费需求拉动的经济增长模式已经建立起来的时候，中国经济才能持</t>
  </si>
  <si>
    <t>炒作人民币汇率是为扩大对华出口</t>
  </si>
  <si>
    <t>随着全球经济明显好转，沉寂了一段时间的“人民币升值”论调又开始甚嚣尘上。一些国家甚至打着世界经济再平衡的旗号，配以反倾销反补贴等贸易保护措施，大肆逼迫人民币升值。一些经济学家指出，美国等国家现在炒作人民币汇率，不过是以此转移金融危机焦点，推卸自身责任，并?</t>
  </si>
  <si>
    <t>加息：何必全球共此时</t>
  </si>
  <si>
    <t>挪威央行28日宣布，将该国隔夜存款利率由1.25%升至1.5%，成为欧洲加息先行者。此前一天，印度刚刚提高了银行存款准备金率，而以色列和澳大利亚两家央行则在更早之时率先加息。古人仅凭一叶落就可知秋，如今这么多活例子摆在眼前，难道全球加息潮真的说来就来？ 　　    见?</t>
  </si>
  <si>
    <t>福特确认吉利为沃尔沃优先竞购方</t>
  </si>
  <si>
    <t>本报讯(记者邢梅)福特公司10月28日在其位于美国密歇根州德宝市的总部宣布，中国吉利集团为公司旗下豪华汽车品牌沃尔沃的优先竞购方。 　　    福特表示正与吉利商谈进一步的细节，并为与吉利的谈判做准备，但尚未作出最后的决定。福特汽车公司执行副总裁及首席财务官刘易斯</t>
  </si>
  <si>
    <t>美国钢铁公司遭遇连亏</t>
  </si>
  <si>
    <t>本报纽约电美国最大钢铁生产商美国钢铁公司27日公布的财报显示，受全球经济下滑引起的钢材需求下降影响，今年第三季度该公司亏损达3.03亿美元，为连续第三个季度亏损。 　　    财报显示，今年第三季度美国钢铁公司折合每股亏损2.11美元；而去年同期公司盈利9.19亿美元，折</t>
  </si>
  <si>
    <t>中国风劲吹民族动漫产业尝试文化寻根</t>
  </si>
  <si>
    <t>美国大片《功夫熊猫》融合了中国多种元素并将它发挥得淋漓尽致，让中国人看了都新鲜和惊奇。花木兰的故事在中国家喻户晓千年有余，却被美国的迪斯尼拿去拍成动画片，赚了足足6亿美金。中国人自己拍的动画片宝莲灯，仅收回成本而已。为什么中国人的东西，被外国人重新包装就赚</t>
  </si>
  <si>
    <t>“数据回暖”,消费并未启动</t>
  </si>
  <si>
    <t>表面上看，全世界主要经济体的宏观报表和全球消费品集散地的微观数据似乎已经可以印证一个结论：全球经济已然触底，全面回暖正在到来： 　　    ———继道琼斯指数首破万点大关，澳大利亚央行率先升息之后，中国宣布前三季度经济增速7.7%，全年保八无忧。 　　    ——?</t>
  </si>
  <si>
    <t>民营油企海外寻油仅是望梅止渴？</t>
  </si>
  <si>
    <t>当众多国内民营石油企业仍在为自己在两大国有石油公司“夹缝”中寻找生存发展空间之时，美国石油界近来却频频向中国石油企业伸出“橄榄枝”，一些国内民营油企也纷纷响应，再经过媒体不断热炒，好像美国真成了国内民营油企的海外天堂。事实真的如此吗？在10月24日于辽宁盘锦?</t>
  </si>
  <si>
    <t>美国高调限薪能否标本兼治</t>
  </si>
  <si>
    <t>美国政府负责受救助企业薪酬事宜的专员、绰号“薪酬沙皇”的范伯格上周开出外界期待已久的限薪“良方”：接受美国政府救助的7大企业，每家企业25名最高层高管薪酬将得到有效限制，他们的现金工资将被削减至少90%，各种补贴、分红等工资外收入也将被砍掉一半。 　　    这一</t>
  </si>
  <si>
    <t>美国经济能否避免新泡沫</t>
  </si>
  <si>
    <t>《华尔街日报》不久前刊载了一幅漫画：在一条半空中的钢丝绳上，以美联储主席伯南克为首的一班人正努力保持着平衡，并小心翼翼地行进，钢丝绳下面，则是悬崖万丈、火焰奔腾……       “伯南克走钢丝”，寓意的自然是面临重重挑战的美国货币政策——借助于宽松的货币政策，</t>
  </si>
  <si>
    <t>中国——东盟金融合作“航母”起航</t>
  </si>
  <si>
    <t>国务院总理温家宝24日在第十二次中国与东盟领导人会议上提出，“中国-东盟投资合作基金”首期基金10亿美元募资工作已近完成，年内可开始投资动作。同时，中方决定将向东盟国家提供的150亿美元信贷中的优惠性质贷款额度增加到67亿美元。 　　    从金融创新到金融监管，从人</t>
  </si>
  <si>
    <t>善用自贸区优惠政策：中国企业做到了吗？</t>
  </si>
  <si>
    <t>中国-东盟自贸区将于2010年1月1日建成，届时中国和东盟90%以上的货物将实现“零关税”，双方货物贸易、服务贸易和投资将实现便利化。记者多方调研了解到，目前已有不少企业开始利用自贸区规则享受关税优惠，但是仍有不少企业对自贸区认识不足，特别是在利用原产地证书(简称FO</t>
  </si>
  <si>
    <t>美对受政府援助企业施限薪“紧箍咒”</t>
  </si>
  <si>
    <t>美国当地时间22日，美国联邦储备委员会和美国财政部分别公布了美国银行业薪酬监管计划和针对七家接受政府援助企业的限薪令。有分析指出，这两项举措都是美国政府对传统上属于公司董事会和股东决策范畴内的事进行干预，这还是史无前例的，它们将改变银行向员工发放薪酬的方式?</t>
  </si>
  <si>
    <t>全球手机销售市场仍未见起色</t>
  </si>
  <si>
    <t>虽然世界经济已有复苏迹象，但全球手机销售市场仍未见起色。今年第三季度全球手机销量依然下滑，只有智能手机和触屏手机保持强势，各大手机制造商的命运也不尽相同。 　　    法国《费加罗报》日前援引相关数据报道，今年第三季度全球手机销量接近2.9亿部，比去年同期下降4</t>
  </si>
  <si>
    <t>版号：D03</t>
  </si>
  <si>
    <t>吉姆·罗杰斯：投资骑士</t>
  </si>
  <si>
    <t>吉姆·罗杰斯是一个有故事的人，他与女友塔碧莎在22个月的艰难旅途中有着一幕接着一幕跌宕起伏的遭遇：在中欧，车坠悬崖；在西伯利亚，经历荒芜；在非洲，一路逃亡；在南美，遭遇了杀人如麻的游击队。 　　    除了传奇式的旅行经历，他还有着更为传奇式的投资经历。从1968</t>
  </si>
  <si>
    <t>经济刺激政策不宜过早调整</t>
  </si>
  <si>
    <t>“调整经济刺激政策的时机到了吗？”澳大利亚率先作出加息举动后，地处东部沿海的浙江经济界人士立即感受到了宏观政策可能趋紧的压力。 　　    到9月底，浙江一、二、三产业增加值分别增长1.8%、4.4%和12.5%，工业增速回升明显。海关发布的信息也表明，9月份浙江外贸进出?</t>
  </si>
  <si>
    <t>英国智库：英国经济复苏将很“微弱”</t>
  </si>
  <si>
    <t>本报伦敦电(记者  陈文仙)英国全国经济与社会研究所21日发表预测说，英国经济复苏将很“微弱”，明后两年仅将分别增长1.3%和1.5%。 　　    这一智库表示，英国经济在今年第四季度将恢复增长，但由于消费支出十分疲软，经济复苏将相当“缓慢”。内需一直是英国经济增长的主</t>
  </si>
  <si>
    <t>版号：D01</t>
  </si>
  <si>
    <t>经济危机未影响巴西美容品销售</t>
  </si>
  <si>
    <t>席卷全球的金融风暴给连续5年强势增长的巴西经济带来沉重打击。但另一方面，美容产品销售却逆势走强，升温迅猛，为巴西经济复苏立下汗马功劳。 　　    现年51岁的赫罗伊莎·阿尔马达·孔特雷拉是巴西里约热内卢州一名雅芳直销代表，在拜沙达贫民区拥有约80名客户。她说自?</t>
  </si>
  <si>
    <t>状告大企业垄断难有结果反垄断任重道远</t>
  </si>
  <si>
    <t>近日，英国《金融时报》报道，自中国2008年启用新反垄断法之后，多起针对大型中国企业的诉讼已经立案，涉案企业包括中国移动通信、中国网通、百度、盛大网络和中国石化。《经济参考报》记者对这些案子进行追踪发现，各法院对这些案子的立案和审理都极为审慎，这些诉讼至今都?</t>
  </si>
  <si>
    <t>偏好香港豪宅内地客乍显强劲购买力</t>
  </si>
  <si>
    <t>香港地产发展商恒基兆业日前证实，香港干德道天汇68楼A室被一内地买家以4.3亿多港元买走，每平方英尺(约合0.093平方米)的价格近7.13万港元。 　　    香港媒体称，这一单价超过了英国伦敦海德公园一号顶楼单位所保持的纪录，成为全球最贵的分层住宅单位平方英尺价格。</t>
  </si>
  <si>
    <t>“亚洲速度”令人瞩目  金融合作亟须深化</t>
  </si>
  <si>
    <t>中国—东盟自由贸易区将于2010年1月1日建成，包括东盟10国和中国在内的亚洲经济发展速度日渐引人注目。 　　    这一区域在尚未完全平息的国际金融危机中发展状况如何？目前的区域内金融合作进展程度怎样？今后区域间的金融协作应朝着什么样的方向推进？近日在广西南宁举行</t>
  </si>
  <si>
    <t>中国对东盟农产品贸易逆差呈增长趋势</t>
  </si>
  <si>
    <t>中国-东盟自由贸易区明年即将建成，中国与东盟互利合作关系将进入一个全新阶段。此间一些专家分析，自贸区建成带来利好的同时，随着“零关税”等措施的落实，中国也将在农业领域面临新的竞争与挑战。 　　    自贸区将对脆弱产业带来冲击 　　    中国-东盟自由贸易区内?</t>
  </si>
  <si>
    <t>中国学术界在研究方法中存在什么问题</t>
  </si>
  <si>
    <t>易纲简介　　    易纲，男，1958年出生，经济学博士。 　　    1978年至1980年，在北京大学经济系学习；1980年至1986年，分别在美国哈姆林大学工商管理专业、伊利诺大学经济学专业学习，获经济学博士学位；1986年至1994年，在美国印第安纳大学经济系先后担任助教、副教授</t>
  </si>
  <si>
    <t>中国何时迎来私人飞机时代</t>
  </si>
  <si>
    <t>一架漂亮的红色小型飞机，在17-19日西安举行的2009中国国际通用航空大会上，出乎意料地成为了前来观展的老百姓的宠儿。 　　    航空大会上西北地区首架私人飞机与观众见面 　　    这是一款美国西锐飞机公司生产的单发活塞式四座私人飞机SR22-GTS飞机，刚在今年初以500?</t>
  </si>
  <si>
    <t>专家建议：车辆购置税优惠明年应延续</t>
  </si>
  <si>
    <t>由于政府调整振兴规划对中国汽车今年所起的决定性作用，我国今年9月汽车产销双超130万辆，再次刷新单月产销纪录。1-10月中旬累计销量已突破千万辆大关。 　　    政策优惠停止后骤减的美国汽车销量，让业内人士担忧购置税优惠政策年底到期后中国汽车走势。分析人士建议，可</t>
  </si>
  <si>
    <t>科学决策离不开科学的测算方法</t>
  </si>
  <si>
    <t>●问：今天中国国际收支报告公布了，从中国人的角度来看，我们可能会觉得国际收支平衡是向好的。你讲的东西方研究方法不同，那么用西方的思维来看，还会看到一些什么不一样的？ 　　    ●答：很多经济学分析的方法，应当是普遍使用的。只不过刚才我说了，中国有一些自身文</t>
  </si>
  <si>
    <t>特保案殃及广交会轮胎成交</t>
  </si>
  <si>
    <t>就在本届广交会上，由于特保案的影响，中国轮胎企业对美国出口普遍陷入了停滞局面。但记者在采访中了解到，我国企业并没有“坐以待毙”，而是尝试通过开拓新市场、新产品加以缓解。 　　    然而，有关专家指出，我国轮胎行业在积极缓解当下困难的同时，必须高度警惕未来出</t>
  </si>
  <si>
    <t>谁在给中国企业注资澳矿出难题</t>
  </si>
  <si>
    <t>近期，中国企业注资澳矿企接连遭遇波折，业内人士担忧这与澳大利亚外资审查委员会倾向收紧政策，提高门槛有关。中国公司在澳投资为何难字当头？澳政府对中国投资有何思量？我又应如何应对？一时成为各方关注的焦点。 　　    坏消息一个接一个 　　    16日，澳大型矿企?</t>
  </si>
  <si>
    <t>热钱正借各种路径流入中国</t>
  </si>
  <si>
    <t>本报讯日前，美国华尔街日报称，中国央行公布的数字显示，中国庞大的外汇储备在第三季度继续增长，表明外资仍在流入这个从全球金融危机中迅速回升的经济体中。 　　    14日，中国人民银行公布，国内外汇储备在9月底达到了2.273万亿美元，高于6月底时的2.132万亿美元。市场</t>
  </si>
  <si>
    <t>中国与东盟农业合作将进入黄金期</t>
  </si>
  <si>
    <t>世界上拥有消费者最多和覆盖面积最大的自贸区——中国-东盟自由贸易区即将在2010年1月基本建成，这一区域内的经贸往来与合作将开启新的篇章。中国与大多数东盟国家一样同属发展中国家，农业是共同的国民经济基础，农业合作也是中国-东盟自由贸易区10大重点合作领域之一。此间</t>
  </si>
  <si>
    <t>“灰色清关”困扰中俄贸易两国利益深受其害</t>
  </si>
  <si>
    <t>问：在此次中俄总理会晤中，外界对中俄海关合作十分关注，请问您如何看待？ 　　    答：长期以来，中俄海关合作在促进两国经贸发展方面具有十分重要的意义和作用，随着两国经贸合作关系的进一步深入，海关合作层次不断提高，内容不断丰富，今年6月17日，中俄总理定期会晤?</t>
  </si>
  <si>
    <t>中国模式是全人类的财富</t>
  </si>
  <si>
    <t>提要：全球金融危机再次证实了中国模式的生命力，提高了它的威望。中国模式从西方思想中吸取了与建设市场经济和法治社会有关的东西，这使中国模式具有吸引力。世界是否准备应对中国的挑战，并利用中国的经验造福人类，世界能否与中国一道建立平等、互利和有效的战略伙伴关系?</t>
  </si>
  <si>
    <t>中国—东盟自贸区：诸多挑战需要面对</t>
  </si>
  <si>
    <t>再过不到3个月，也就是2010年1月1日起，按照《中国-东盟全面经济合作框架协议》，我国与其他国家建立的首个自贸区--中国-东盟自由贸易区将正式建成。毫无疑问，这将给我们带来千载难逢的种种机遇。但是面对机遇，我们更应冷眼思考其带来的挑战。 　　    我国部分农产品销?</t>
  </si>
  <si>
    <t>世界洗手日：预防甲流从洗手做起</t>
  </si>
  <si>
    <t>为了响应联合国改善世界亿万人卫生状况的倡议，国际知名健康促进组织PPPHW自去年起把10月15日定为“世界洗手日”，希望在全世界范围内建立使用香皂洗手的良好卫生习惯与文化。而今年在甲型H1N1流感的大面积蔓延的趋势下，“正确洗手，预防甲流”被定为第二届世界洗手日在中国</t>
  </si>
  <si>
    <t>中国经济未来有望持续向好</t>
  </si>
  <si>
    <t>连日来，境外境内经济利好消息不断：从国际上看，14日美国道琼斯指数自2008年10月以来首次突破万点大关，标志着美国股市已经从金融危机中走出；同时，美出口数据连涨五月，消费数据也在好转，美国经济似乎已经踏上了复苏之路。部分受国际大环境向好带动，国内经济形势更是一?</t>
  </si>
  <si>
    <t>国际油价创出年内新高</t>
  </si>
  <si>
    <t>国际油价14日连续第五个交易日上涨，其中纽约市场油价一举突破每桶75美元的重要心理关口，同时创出2008年10月14日以来的最高收盘价——每桶75.18美元。分析人士认为，这主要是受美国股市飙升以及美元持续下滑等因素的推动。       经济利好推升油价       受部分公司业绩</t>
  </si>
  <si>
    <t>美国打击避税数千逃税者“自首”</t>
  </si>
  <si>
    <t>美国近期采取多种方式，加大力度打击逃税者。美国财政部国内收入署14日说，截至15日，大约7500名逃税者主动报告逃税情况，申请免除刑事指控，减轻处罚。“赦免计划”15日结束，不再实施。 　　    国内收入署署长道格拉斯·舒尔曼14日说，眼下大约7500名逃税者主动坦白逃税</t>
  </si>
  <si>
    <t>调结构之际调心态</t>
  </si>
  <si>
    <t>本周诺贝尔经济学奖授予了研究“制度经济学”的两位学者，据经济专家分析，金融危机的发生、环境问题的加重，根源都在于制度缺失，相对于技术性、应用性学科，现在人们更加重视经济制度问题。 　　    金融危机在全球折腾了一年多，美国、欧洲经济看似已经脱离泥潭，至少从</t>
  </si>
  <si>
    <t>借鉴德国经验思考城镇化进程</t>
  </si>
  <si>
    <t>改革开放30年以来，我们国家一些区域的乡村城镇化已经趋近甚至超过了50%的水平。进入21世纪以来，我们国家的一些大城市区域的乡村城镇化呈现出世所罕见的艰巨、复杂和繁重的特征。面对可持续发展的城镇化进程的新课题、新问题，中国该如何思考和安排未来的城镇化道路，从发达</t>
  </si>
  <si>
    <t>美企又生事指中国政府“巨额补贴”玻璃产品</t>
  </si>
  <si>
    <t>以轮胎特保案为标志，美国贸易保护主义正呈愈演愈烈之势“中国制造”则成为最大的受害者。最新的一个案例，则是纽约新世贸中心使用中国玻璃风波。 　　    值得注意的是，美方如果不能遏制贸易保护主义的冲动，中美经贸合作的大局将面临冲击；作为世界两大经济体，中美间的</t>
  </si>
  <si>
    <t>“对中俄贸易是一次正本清源”</t>
  </si>
  <si>
    <t>中国社科院公共管理与政府政策研究所马光远研究员日前就中俄海关合作问题接受《经济参考报》记者专访。他认为，中俄海关此次合作，对中俄贸易来说是一次正本清源。 　　    问：您对中国海关的三项建议怎么看？ 　　    马光远：这些措施主要是要压缩俄不法清关公司的空?</t>
  </si>
  <si>
    <t>警惕“美元问题”影响世界经济复苏</t>
  </si>
  <si>
    <t>本月13日，反映美元对一篮子其他西方主要货币比价的“美元指数”一度跌至75.836，创14个月来最低点。与此同时，受美元贬值影响，黄金和原油等大宗商品价格连续攀升。美元是当今世界主要储备货币和众多大宗商品交易的计价货币，美元持续贬值以及由此引发的一系列问题，有可能?</t>
  </si>
  <si>
    <t>外籍人员“三非”现象困扰我国城市管理</t>
  </si>
  <si>
    <t>来自尼日利亚的那瓦姆就是来中国淘金的非洲裔。他现在广州一家商贸批发城拥有自己的档口，经营着服装贸易。 　　    然而，在那瓦姆看来，的确有些非洲人不守中国的法律，“在中国合法做生意的非洲人对他们也很反感，但拿他们没有办法。” 　　    随着在粤外国人的增多?</t>
  </si>
  <si>
    <t>立足产业升级中石化新一轮化工项目启动</t>
  </si>
  <si>
    <t>记者从中国石油化工股份有限公司获悉，随着日前中国石化与德国巴斯夫合资企业———扬子石化-巴斯夫有限责任公司乙烯项目二期扩建工程(简称扬巴二期)的正式开工，中国石化新一轮化工项目建设拉开了序幕。 　　    “随着当前经济形势的好转，化工市场需求不断扩大，在国家?</t>
  </si>
  <si>
    <t>印度两大钢厂放言“担忧”中国钢铁产量</t>
  </si>
  <si>
    <t>中国钢铁产量的增加，引起了国外钢厂的“担忧”。据13日英国《金融时报》报道，国营印度钢铁公司和全球最大的钢铁集团印度安赛乐米塔尔均表示，中国的钢铁出口猛增将打压国际钢铁价格。 　　    “对上述言论应保持警惕，不能排除这是印度对我国钢铁出口采取贸易保护手段的</t>
  </si>
  <si>
    <t>中国车企跨国收购：是不是急了些</t>
  </si>
  <si>
    <t>10月9日，美国通用汽车公司已就出售其悍马品牌事宜与中国四川腾中重工有限公司签署最终协议。这是10月8日在美国密歇根州绍斯菲尔德，悍马公司首席执行官泰勒(右)和四川腾中重工机械有限公司总经理杨毅在一辆悍马汽车前合影。 　　    新华社/法新　　    据新华社报道，1</t>
  </si>
  <si>
    <t>中俄经贸调整期悄然而至</t>
  </si>
  <si>
    <t>金融危机以来，面对我国对俄进出口总值“双降”、俄方关闭切尔基佐夫斯基集装箱大市场等新情况。专家学者认为，种种迹象表明中俄经贸合作已处于调整期，我国的对策应是加强政府层面的交涉、协调，进一步规范我方对俄贸易方式，并做大做强对俄贸易龙头企业、构建边贸大省对俄?</t>
  </si>
  <si>
    <t>制度经济学第三次折桂</t>
  </si>
  <si>
    <t>北京时间10月12日19时，瑞典皇家科学院诺贝尔奖评审委员会宣布，将2009年诺贝尔经济学奖授予两位美国经济学家埃莉诺·奥斯特罗姆和奥利弗·威廉森，以表彰他们在经济管理分析方面所作的贡献。与此前有关人士预测的热门研究方向不同的是，获奖的两位学者研究方向均为制度经济?</t>
  </si>
  <si>
    <t>西方以此逼迫人民币升值</t>
  </si>
  <si>
    <t>最近一段时间以来，美欧对华频频发起反倾销攻势，涉及的领域涵盖轮胎、无缝钢管、铝箔、铜版纸和鞋类等。美欧这一连串的举动显示，全球经济复苏的大敌———贸易保护主义正在抬头，并有愈演愈烈之势。 　　    英国《金融时报》的文章称，在全球经济陷入衰退之际，贸易保护</t>
  </si>
  <si>
    <t>中国媒体加速“数字化”</t>
  </si>
  <si>
    <t>“我刚刚把咱们会场的情况通过手机传到了我的微博客上，如果我的手机技术能够支持的话，我甚至可以现在就做网络直播了。”新浪网首席执行官兼总裁曹国伟笑着对记者说。“我也刚刚收到新华手机报，美国总统奥巴马获得了诺贝尔和平奖，看，现在信息传播得多快。”上海文广新闻?</t>
  </si>
  <si>
    <t>美国产业转型带动人才战略变革</t>
  </si>
  <si>
    <t>美国经济危机和奥巴马上台后新政催生美国产业结构转型，奥巴马政府近日也推出配套的人才战略改革方案，预测美国在未来5至10年内的劳动力市场发展走向，以及建立相应的人才就业教育培训体系。 　　    就业形势发展走向 　　    根据总统经济顾问委员会发布的这份报告，总</t>
  </si>
  <si>
    <t>内蒙古部分牧区出现大面积开垦草原现象</t>
  </si>
  <si>
    <t>记者近日在内蒙古自治区中东部草原采访时发现，由于受利益驱动、牧民增收压力大、国家政策导向效应等诸多因素影响，部分旗县出现牧民将成片草场开垦种粮的现象，草原保护面临多方面压力。 　　    草原大开垦“面面观” 　　    最近，记者在内蒙古扎鲁特旗(以下简称扎旗</t>
  </si>
  <si>
    <t>版号：A03</t>
  </si>
  <si>
    <t>版号：B04</t>
  </si>
  <si>
    <t>版号：C03</t>
  </si>
  <si>
    <t>从巴菲特三条投资建议想到的</t>
  </si>
  <si>
    <t>让我们来看看美国最著名的投资人沃伦·巴菲特在接受美国广播公司的采访中，给普通美国人的三条最佳投资建议。 　　    一、机会好得令人难以置信时，可能是陷阱。 　　    举世瞩目的伯纳·麦道夫案件受害者们，如果他们遵循了这一忠告，结果可能就完全不同。我想巴菲特?</t>
  </si>
  <si>
    <t>将欧元区主导利率维持在历史最低水平</t>
  </si>
  <si>
    <t>本报罗马电(记者王昀加)欧洲中央银行8日在意大利威尼斯举行议息会议，宣布将欧元区主导利率维持在1%的历史最低水平。 　　    欧洲央行行长特里谢在此后举行的发布会上说，经济衰退最严重的时期已经过去，欧元区的整体经济形势已出现趋稳迹象，但未知因素依然存在，经济复?</t>
  </si>
  <si>
    <t>走出发展“低水平陷阱”  摆脱国有制“路径依赖”</t>
  </si>
  <si>
    <t>深居西北内陆的甘肃省，历史上几乎从未以经济中心或者经济重地的身份扮演过重要角色。 　　    新中国成立之初，基于建立相对完整工业体系的国家战略及国防安全总体布局，甘肃曾一度跻身中国经济舞台的前沿，但随后30年的改革开放，快速发展的东部沿海地区将甘肃远远地甩在</t>
  </si>
  <si>
    <t>嘉峪关：雄关名城的钢与柔</t>
  </si>
  <si>
    <t>初到嘉峪关，定会惊诧于她的美丽。 　　    美丽源于市容，惊诧源于戈壁滩上的那一抹绿色。 　　    这里是明朝万里长城的最西端。已经在荒凉中矗立了637年的嘉峪关城楼，成了这个城市古老的象征。巍巍关城楼像一位历史老人，矗立于黑山和祁连山之间，在猎猎朔风里，守望</t>
  </si>
  <si>
    <t>金昌“镍都”巧做“减与加”</t>
  </si>
  <si>
    <t>这里是河西走廊的中段，腾格里沙漠的边缘，一片风沙肆虐的戈壁滩。如果不是上世纪60年代发现了镍，想必这里仍然是一片不毛之地。 　　    正是这里的镍，打破了建国后西方国家对我国镍资源的封锁，摘掉了共和国无镍的帽子，同时也改变了戈壁滩上的一切。 　　    50年了?</t>
  </si>
  <si>
    <t>欧洲央行行长：将适时退出扩张性货币政策</t>
  </si>
  <si>
    <t>本报布鲁塞尔电欧洲中央银行行长让-克洛德·特里谢28日表示，欧洲央行不会永远像现在这样为货币市场提供强力支持，而是会适时退出现行的扩张性货币政策。 　　    自去年金融危机爆发后，为维护货币市场稳定、降低借贷成本，欧洲央行已向欧洲货币市场注入数十亿欧元流动性?</t>
  </si>
  <si>
    <t>FDIC拟让银行预付保险费</t>
  </si>
  <si>
    <t>本报华盛顿电据消息人士28日透露，美国联邦储蓄保险公司(FDIC)将在29日提出一项提议，要求银行提前支付三年的保险费，以充实自己的资金库。 　　    三名行业高管和一名政府官员当天透露，为了增加流动资金，联邦储蓄保险公司将要求银行预付三年保险费，总额将达360亿美元?</t>
  </si>
  <si>
    <t>中美能源合作迈出重大步伐</t>
  </si>
  <si>
    <t>很少有人能够探听到青岛市香格里拉酒店二楼盛世堂内里的会议详情，备受关注的第四次中美能源政策对话和第九届中美油气工业论坛就在这里举行。 　　    27日中午，美国新上任的驻华大使Jon Huntsman刚走出会场就被记者围住，“Aniceday”是他对记者说的第一句话；国家发改委</t>
  </si>
  <si>
    <t>亚洲艺术节展现“鄂尔多斯现象”</t>
  </si>
  <si>
    <t>前不久在内蒙古自治区鄂尔多斯市举行的亚洲艺术节，是这个盛会1998年创办以来首次走进中国西部少数民族地区。由于全球经济遭遇百年罕见的金融危机，人们曾对鄂尔多斯能否成功举办亚洲艺术节持有疑虑。但鄂尔多斯人完美演绎了艺术盛会，“鄂尔多斯现象”让世人震撼、让世人刮?</t>
  </si>
  <si>
    <t>力转公害危机  紧抓环保机遇</t>
  </si>
  <si>
    <t>提要：上世纪70年代初，正处于高速增长的日本经济凸显三大问题，即公害严重、石油危机和日元升值。面对着国内外经济环境的剧变，日本政府、企业和国民经过不懈努力，终于把压力转换为动力，化危机为机遇，完成产业结构调整，逐渐成为世界第二经济大国与技术大国。所有这些，?</t>
  </si>
  <si>
    <t>SEC和CFTC：金融衍生品监管须强化</t>
  </si>
  <si>
    <t>本报华盛顿电美国证券交易委员会(SEC)和商品期货交易委员会(CFTC)22日均表示，须强化政府此前提出的金融衍生品市场监管计划。 　　    SEC主席夏皮罗当天在众议院农业委员会举行的听证会上说，财政部此前提出的改革方案需要得到强化，监管者需要更多监管工具，以将监管套利</t>
  </si>
  <si>
    <t>哥本哈根气候变化大会难言乐观</t>
  </si>
  <si>
    <t>如果把22日举行的联合国气候变化峰会看作一个“政治风向标”，那么从一些发达国家领导人当天在峰会上发表的讲话来看，今年年底在丹麦首都哥本哈根举行的联合国气候变化大会上达成协议的前景难言乐观。 　　    作为本次峰会的召集人，联合国秘书长潘基文首先作了一番简短而</t>
  </si>
  <si>
    <t>美法院推翻美商务部对华轮胎“双反”裁决</t>
  </si>
  <si>
    <t>本报讯(记者王希)美国国际贸易法院日前在“河北兴茂轮胎有限公司诉美国商务部反倾销反补贴调查案”中裁定，美国商务部对中国产品采用针对非市场经济国家的替代国方法计算并征收反倾销税，同时又征收反补贴税，很可能导致税率的重复计算。法院要求美国商务部在90天内对该案重?</t>
  </si>
  <si>
    <t>保护主义危及全球经济复苏</t>
  </si>
  <si>
    <t>二十国集团伦敦金融峰会前夕，美国经济刺激计划中的“购买美国货”条款引起世界轩然大波，并由此拉开新一波贸易保护主义序幕。匹兹堡金融峰会前夕，美国又以特保名义对中国轮胎实施制裁。在世界经济正艰难走出危机的关口，保护主义却成为经济复苏的掣肘。 　　    据独立监</t>
  </si>
  <si>
    <t>我国天然气多元化气源供应格局正在形成</t>
  </si>
  <si>
    <t>本报讯(记者张艺杨琪)国家发展和改革委员会能源经济与发展战略研究中心副主任刘小丽23日在京表示，我国天然气供应正在形成由国产天然气、进口液化天然气、进口中亚天然气、进口俄罗斯天然气、进口缅甸天然气五种来源组成的多元化供应格局。 　　    刘小丽是在2009年中国-?</t>
  </si>
  <si>
    <t>镍业50年：从打破封锁到走向世界</t>
  </si>
  <si>
    <t>从一块孔雀石开始的我国镍工业今年迎来了开发建设50周年。50年前，在甘肃祁连山下的戈壁荒漠中，随着镍矿的发现和金川公司的成立，我国镍工业开始起步，在打破了西方国家对我国镍封锁的同时，也甩掉了共和国缺镍少钴的帽子。以金川公司为依托，我国镍工业从资源利用、科技进?</t>
  </si>
  <si>
    <t>应对气候变化  别在责任面前“躲猫猫”</t>
  </si>
  <si>
    <t>应对气候变化是全人类的共同之责，这道理地球人都知道。然而，能否坦诚正视属于自己的那份责任，为解决气候变化问题贡献应尽之力，则是各经济体，尤其是发达经济体面对的巨大挑战。 　　    22日举行的联合国气候变化峰会，令各方立场再次直接交锋。虽然携手应对气候变化的</t>
  </si>
  <si>
    <t>欧美金融限薪看上去很严</t>
  </si>
  <si>
    <t>美国联邦储备委员会酝酿中的金融业薪酬监管方案上周末浮出水面，意味美国正面回应法国和德国主导的严限金融业薪酬努力。但从双方最新进展的方向看，美国和英国遏制金融投机的具体手段与欧洲大陆存在明显分歧。 　　    美联社22日分析，在限制金融业薪酬道路上走多远，将成</t>
  </si>
  <si>
    <t>奥巴马和伯南克反思金融危机</t>
  </si>
  <si>
    <t>一年前的9月，华尔街投行雷曼兄弟垮台，国际金融危机全面爆发，美国经济濒临悬崖边缘。反思这场大萧条以来最严重的危机，教训无疑是惨痛而深刻的。上周，在雷曼破产一周年之际，美国总统奥巴马和美联储主席伯南克都发表重要演讲，反思危机，警示世人。 　　    奥巴马更是?</t>
  </si>
  <si>
    <t>奥巴马呼吁建立世界经济新框架</t>
  </si>
  <si>
    <t>美国总统贝拉克·奥巴马20日说，他计划在9月24日至25日举行的匹兹堡金融峰会上呼吁成员国建立世界经济新框架，提议美国和欧洲等二十国集团重要成员分别改变经济政策，以平衡世界经济格局。　　    经济新框架　　    路透社21日报道，白宫打算在匹兹堡峰会上呼吁建立世界</t>
  </si>
  <si>
    <t>黑龙江：对美轮胎出口量大幅下降</t>
  </si>
  <si>
    <t>本报哈尔滨电(记者王松)由于受到金融危机和“中美轮胎特保案”的影响，前八个月黑龙江省对其主要轮胎出口国———美国的轮胎出口量大幅下降。据哈尔滨海关统计，今年1—8月黑龙江省出口新的充气橡胶轮胎(以下简称轮胎)34.9万条，比去年同期下降72.5%；其中，黑龙江省对美国出</t>
  </si>
  <si>
    <t>发改委专家：安排风电参与电网调峰可行</t>
  </si>
  <si>
    <t>本报上海电(记者刘雪韩莹)国家发展改革委能源研究所可再生能源研究中心专家秦世平19日在无锡举行的“中国国际新能源产业峰会”上表示，伴随着风电规模的不断扩大，就不得不考虑参与调峰的问题。秦世平说，目前我国的电网调峰主要以煤电为主，这与欧洲相比，能力和速度远远不?</t>
  </si>
  <si>
    <t>阿根廷和中国双边贸易额明显下降</t>
  </si>
  <si>
    <t>本报布宜诺斯艾利斯电(记者宋洁云冯俊扬)据阿根廷国家统计局18日公布的报告，今年头8个月，阿根廷和中国的双边贸易额为60.67亿美元，同比下降36.7%。 　　    报告显示，今年1至8月份，阿根廷对中国的出口额为31.82亿美元，同比下降33%；阿根廷从中国的进口额为28.85亿美元</t>
  </si>
  <si>
    <t>全球FDI继续下降  中国遭高低两端挑战</t>
  </si>
  <si>
    <t>联合国贸易和发展组织17日全球同步发布《2009世界投资报告》指出，在当前国际经济和金融危机的背景下，全球外国直接投资(FDI)继续下降，2009年下降趋势更加显著。相比起其他国家，中国更好地经受住了全球金融危机的冲击，在吸收外资和对外投资方面均表现不俗。　　    1?</t>
  </si>
  <si>
    <t>美刊认为——中国经济若减速将对世界造成冲击</t>
  </si>
  <si>
    <t>美国《福布斯》双周刊9月7日刊登丹尼尔·费希尔的一篇文章，题为《中国会丧失活力吗？》，摘要如下： 　　    根据官方公布的消息，中国各方面运转良好。国家统计局报告说，2009年上半年国内生产总值同比增长7.1%，与去年全年9%的增长率相比，只略有下降。 　　    纺织?</t>
  </si>
  <si>
    <t>黄金股、有色金属股决定反弹能走多远</t>
  </si>
  <si>
    <t>受持续向好的经济数据刺激，美国、欧洲、香港股市均创出反弹新高，A股市场在“犹豫”中振荡攀升。我们认为，国内第三、四季度各项经济数据继续回升，特别是2008年四季度基数很低，第四季度各项数据同比将出现大幅上涨。随着需求的回升，美国2009年第三、第四季度GDP将出现正?</t>
  </si>
  <si>
    <t>弥补衰退损失还需很长时间</t>
  </si>
  <si>
    <t>9月14日出版的美国《时代》发表文章说，世界经济也许已渡过最糟糕的时候，但我们远未回到危机前的状况。正如分析人士所说的，要弥补衰退带来的经济活动损失还需要很长的一段时间。 　　    经济危机从来都不是一夜之间发生的。它们是全球经济变迁、政策错误和投资者判断失?</t>
  </si>
  <si>
    <t>美政府卖出首笔银行“毒资产”</t>
  </si>
  <si>
    <t>本报讯（记者卜晓明）美国政府与私人投资者联合购买银行“毒资产”的计划终于出现实质性进展。联邦储蓄保险公司16日宣布，首笔破产银行“毒资产”成交。 　　    总部位于得克萨斯州沃斯堡的抵押贷款机构“住宅信贷服务公司”(RCS)成为联邦储蓄保险公司所接管破产银行“毒?</t>
  </si>
  <si>
    <t>房产升值有利借贷消费</t>
  </si>
  <si>
    <t>9月11日出版的英国《经济学家》发表文章说，美国楼市繁荣期的新增贷款，多数被用于消费，并由此认为，房产价值的上升有助于拉升消费。 　　    房产财富对于消费支出的影响有多大？人们对消费复苏的期待在一定程度上就寄希望于这个问题的答案。有观点认为，房产价值对于消?</t>
  </si>
  <si>
    <t>在中美气候合作中趋利避害</t>
  </si>
  <si>
    <t>气候变化问题作为重大的全球性问题，既具有长远的战略意义，又事关中美两国现实的经济利益。今年7月底举行的中美首轮战略与经济对话，首次将气候变化问题列入对话的重要议题，备受国际社会关注，也成为中美关系中新的亮点。日前，一些学者、专家在北京举行研讨会，对中美气候</t>
  </si>
  <si>
    <t>高成本呼唤文件打印外包</t>
  </si>
  <si>
    <t>一场席卷全球的金融危机，让很多企业开始重新审视自身的成本支出。一些能够有效缩减成本、提升工作效率的外包服务逐渐受到企业的欢迎。文件外包服务便是其中之一。 　　    研究机构对美国500家大型企业的一项调研发现：83%的公司认为，文件对核心业务非常重要：从市场部的</t>
  </si>
  <si>
    <t>美学者：轮胎特保案完全是保护主义行为</t>
  </si>
  <si>
    <t>本报华盛顿电(记者刘洪刘丽娜)美国经济学家近来纷纷表示，奥巴马政府以特保名义对中国轮胎实施制裁，为的是迎合国内一些政治势力，完全是保护主义行为，有损美国利益，也不利于世界经济复苏。 　　    美国彼得森国际经济研究所所长弗雷德·伯格斯滕表示，奥巴马政府此举显</t>
  </si>
  <si>
    <t>调查显示美贸易政策失误将失近60万就业岗位</t>
  </si>
  <si>
    <t>本报华盛顿电美国商会15日发表最新调查结果显示，如果奥巴马政府不加快努力通过自由贸易协定解决威胁美国出口的贸易争端，美国将可能丧失近60万个就业机会。 　　    根据这项调查，美国政府贸易政策三个方面的失误将使美国丢失就业机会。首先，如果奥巴马不能推动美国国会</t>
  </si>
  <si>
    <t>WTO闭门会：多哈回合谈判艰难重启</t>
  </si>
  <si>
    <t>本报日内瓦电继世界贸易组织(WTO)9月初在印度举行小型部长会议后，14日各方谈判代表在日内瓦召开闭门会议，已经“休眠”14个月之久的多哈回合谈判艰难重启。 　　    次贷危机爆发后，国际社会达成共识：尽快完成以发展为核心的多哈回合谈判将有助于全球经济的持续复苏。9?</t>
  </si>
  <si>
    <t>亚行：上半年东亚企业债券市场规模增长迅速</t>
  </si>
  <si>
    <t>本报马尼拉电(记者许林贵)总部设在菲律宾的亚洲开发银行15日发表报告指出，东亚地区本币债券市场今年上半年保持良好增长态势，其中企业债券市场发展迅速，成为地区经济复苏过程中本地企业融资的一个重要渠道。 　　    亚行发布的《亚洲债券监测》显示，截至2008年6月底，?</t>
  </si>
  <si>
    <t>美经济应已走出衰退</t>
  </si>
  <si>
    <t>去年9月，金融海啸席卷华尔街，美国经济一片凄风冷雨；但一年过去了，纽约股市大幅反弹，各项经济指标也利好频传。种种迹象显示，美国经济已走出大萧条以来最严重的经济衰退，尽管前景依然不容乐观。 　　    对于当前美国经济走势，最具权威的无疑是美联储的报告。在8月中</t>
  </si>
  <si>
    <t>扩内需项目集中上马  地方凸显“跨线冲动”</t>
  </si>
  <si>
    <t>国家扩大内需政策出台后，如何既确保项目落地，同时又保住耕地红线不被突破，近来日益成为舆论焦点。本报记者在地方调查了解到，我国中东西部地区不同程度出现了经济发展与土地供应矛盾突出的问题，各地为确保“扩内需”新增项目按时开工，存在突破用地“法律红线”的强烈冲?</t>
  </si>
  <si>
    <t>“直升机本”将飞向何方</t>
  </si>
  <si>
    <t>一年前，美国人围在位于纽约曼哈顿的雷曼总部门前，目睹雷曼员工怀抱纸箱离去。一年后，坐视雷曼破产的美国联邦储备委员会主席本·伯南克，已获连任提名。 　　    作为美国货币政策的总舵手，伯南克应对金融危机的节奏和思路，在全球金融市场引发激烈争议。上月获得连任提</t>
  </si>
  <si>
    <t>西方银行必须提高资本金</t>
  </si>
  <si>
    <t>全球著名会计师事务所毕马威伦敦主席兼中国业务部主席理查德·瑞德(Richard Reid)日前在接受《经济参考报》记者专访时表示，金融危机警示西方银行必须要提高资本金，同时政府需要加强对金融体系的监管。 　　    瑞德表示，对银行而言，它们必须考虑资本金是否充足的问题，</t>
  </si>
  <si>
    <t>共克时艰尚需摒弃保护主义</t>
  </si>
  <si>
    <t>在此次应对危机的大舞台中，很多国家本来是表现积极的“正面角色”。但在过去的一年中，各种贸易争端频繁发生，不仅使一些国家因纵容保护主义、言行不一而有扮演“反派”之嫌，更可能使尚显脆弱的全球复苏之路蒙上阴影。 　　    在百年一遇的危机“强敌”面前，任何经济体</t>
  </si>
  <si>
    <t>版号：D02</t>
  </si>
  <si>
    <t>反思金融危机  避免重蹈覆辙</t>
  </si>
  <si>
    <t>9月10日，2009年夏季达沃斯年会在大连召开。为期3天的本届年会以“重振增长”为主题，密集安排了70多场讨论会，与会者将围绕“去杠杆化”世界中的新型商业模式、绿色经济中蕴藏的机遇、重新思考亚洲发展模式、以科技进步推动经济增长、以创新满足社会需求等五大议题展开讨论?</t>
  </si>
  <si>
    <t>天壤之别薪酬危及公司发展</t>
  </si>
  <si>
    <t>9月7日出版的美国《商业周刊》发表文章说，伴随着失业率逼近10%、薪资或福利被削减，美国工人在过去的1年中备受煎熬。但有一部分人却是例外，即首席执行官(CEO)。自从衰退开始以来，公司领导的工作稳定性获得了提高。甚至当他们裁员和削减员工薪酬时，许多领导仍然享受着高薪</t>
  </si>
  <si>
    <t>“中国模式”虽被推崇金融业尚不足以当“挑战者”</t>
  </si>
  <si>
    <t>在国际金融危机中，中国经济率先复苏。重新思考亚洲发展模式是今年夏季达沃斯年会的议题之一，中国为世界经济增长做出重要贡献，发展模式也因此受到世界各国的瞩目。 　　    “中国模式”避免了危机进一步蔓延 　　    世界经济论坛8日在大连公布了《2009-2010全球竞争?</t>
  </si>
  <si>
    <t>各国当前应投资绿色科技</t>
  </si>
  <si>
    <t>韩国《先驱报》8月29日刊登美国哥伦比亚大学地球研究所所长、经济学教授杰弗里·萨克斯的一篇文章，题为《金融危机一周年》，摘要如下： 　　    目前，虽然最坏的时候已经过去，但还有很多需要解决的问题。2008年底的不良资产大量增加导致全球中产阶级和富裕家庭的资产不?</t>
  </si>
  <si>
    <t>中俄海关合作规范通关监管秩序</t>
  </si>
  <si>
    <t>本报讯(记者陆敏)中俄总理定期会晤委员会海关合作分委会第一次会议日前在北京召开。双方商定，规范通关秩序，提高监管效率，规范企业行为，打击走私违法，促进双方贸易健康持续发展，是中俄海关合作分委会当前的主要任务。 　　    根据两国政府和社会各界广泛关注的规范贸</t>
  </si>
  <si>
    <t>版号：B03</t>
  </si>
  <si>
    <t>中国车企“蛇吞象”警惕消化不良</t>
  </si>
  <si>
    <t>9月8日，国内汽车品牌吉利首次公开表示，吉利方面正在参与收购美国福特汽车旗下高端瑞典轿车品牌沃尔沃。据媒体报道，中国汽车企业近期的海外并购总金额已经接近40亿美元。面对着待价而沽的优秀世界汽车品牌和企业，中国企业不动心是不可能的事。2009年，只要国外汽车企业放?</t>
  </si>
  <si>
    <t>传中投公司欲投资美国房地产战略方向引争议</t>
  </si>
  <si>
    <t>再过两周，中国年轻的主权投资基金中国投资有限公司即将迎来它的两周岁生日。比起一年前，中投公司海外投资的手笔更大，金融业、资源类产品，还有房地产，它都有所涉足。9日，《华尔街日报》报道称，据知情人士透露，中投公司正在寻求投资美国的房地产，包括可能通过美国政府</t>
  </si>
  <si>
    <t>世行：全球营商环境改革显著</t>
  </si>
  <si>
    <t>本报华盛顿电(记者刘丽娜刘洪)世界银行和国际金融公司8日发布的《2010年营商环境报告》显示，2008/2009年度全球共有131个经济体进行了商业监管改革，创下该报告发布以来的新纪录。 　　    这个数字占该报告所包含的183个经济体的70%以上，也是2004年该年度报告首次发表以?</t>
  </si>
  <si>
    <t>我们为何有大企业无大品牌</t>
  </si>
  <si>
    <t>中国企业500强，决定企业实力和名次的，不是企业的科技竞争力和管理水平，而是其背后的国字号背景和掌握资源的能力。这就导致了这样一种后果，中国企业500强的实力都很强，在收入利润率等绩效指标方面甚至都超过了世界及美国500强。可是，我们最大的软肋是，有大企业，有的只</t>
  </si>
  <si>
    <t>我国跨国投资如何走出政治风险困境</t>
  </si>
  <si>
    <t>由美国次贷危机引发的这场全球金融危机，深刻地影响、改变着全球已有经济格局。资产巨额缩水、企业纷纷倒闭、富豪破产败落，是这轮危机中最悲情的一幕，连百年老店通用汽车也轰然倒地。这样动荡的经济局势，却为我国企业展开跨国投资，或兼并收购，或“绿地投资”办项目，加?</t>
  </si>
  <si>
    <t>经济危机拖累千年发展目标  绿色经济将带来新机遇</t>
  </si>
  <si>
    <t>联合国亚洲及太平洋经济社会委员会7日在曼谷举行了联合国《2009年贸易和发展报告》的地区发布会。 　　    这份以“应对全球危机”和“缓解气候变化与发展”为副标题的研究报告指出，当前的全球性金融和经济危机已对发展中国家产生重大影响，联合国制定的千年发展目标很可?</t>
  </si>
  <si>
    <t>如何看中国购买500亿美元IMF债券</t>
  </si>
  <si>
    <t>国际货币基金组织(IMF)日前宣布，IMF总裁多米尼克·斯特劳斯-卡恩和中国人民银行副行长易纲已签署协议，中国人民银行将购买不超过320亿特别提款权(约合500亿美元)的国际货币基金组织债券。 　　    可以说，这次协议有三个重要特点：第一，这是IMF历史上第一次发行债券；第</t>
  </si>
  <si>
    <t>澳工党地区主席：中澳应建铁矿石现货市场</t>
  </si>
  <si>
    <t>本报讯（记者杨烨）澳大利亚工党地区主席、澳联邦自由贸易机构秘书长穆帝文日前建议，中澳之间应就铁矿石贸易建立一个统一的现货市场，以在短期内缓解中澳的紧张现状。 　　    这是穆帝文在6日发给《经济参考报》记者的一封邮件中提出的。这封邮件记录了穆帝文日前与澳联?</t>
  </si>
  <si>
    <t>中国500强绩效指标首超美国</t>
  </si>
  <si>
    <t>5日，中国企业联合会、中国企业家协会发布的2009中国企业500强在杭州出炉。报告显示，2009年中国企业500强的相对规模进一步扩张，经营绩效指标不仅有效地缩小了与世界500强的差距，而且首次超过美国企业500强。 　　    一方面，中国企业在世界企业500强中的比重进一步升高</t>
  </si>
  <si>
    <t>欧洲主宰金融期货期权  中国应择机追赶</t>
  </si>
  <si>
    <t>欧洲是期货的发源地，在欧元启动的背景下，主要的期货市场借助技术与制度创新进行一系列改革，使市场再次焕发新活力。总体来看，与美国相比，欧洲各国基本上属于各类大宗商品的纯消费国，资源相对缺乏，1990年以后，英国的实物商品期货如石油、农产品等品种的交易量均出现不?</t>
  </si>
  <si>
    <t>美国未来着重开发可再生能源和天然气</t>
  </si>
  <si>
    <t>美国《华尔街日报》8月17日刊登一篇文章，题为《我们能源未来的新重点》，摘要如下： 　　    可再生能源与洁净燃烧的天然气是世界创造一个更洁净更安全的未来所需新战略的基础。而向清洁能源经济的全球转变可能是21世纪最重要的经济机遇。据权威的潜在气体燃料委员会的数?</t>
  </si>
  <si>
    <t>今后将是“中国时代”</t>
  </si>
  <si>
    <t>提要：中国是世界上经济增长最快的国家，现在的中国“越来越像资本主义”，而美国反而变得“越来越社会主义”。从长远看，人民币完全有可能取代美元成为基础货币。美国目前正处于严重衰退之中。欧洲国家以及与欧美有关联的亚洲经济体也处于同样的状态。美国市场行情虽出现反?</t>
  </si>
  <si>
    <t>南非经济衰退已度过最糟糕时期</t>
  </si>
  <si>
    <t>8月28日出版的英国《经济学家》发表文章说，非洲最大的经济体———南非经济仍在萎缩，但也许已经触底。 　　    对全球经济低迷产生的冲击，南非似乎有些后知后觉。因此，当世界经济开始复苏时，南非的复苏速度也可能会落后于世界其他地区。今年第二季度，这个非洲最大经?</t>
  </si>
  <si>
    <t>萨氏“新模式”难解奥巴马“两难”</t>
  </si>
  <si>
    <t>9月2日，美国贸易代表办公室(USTR)向奥巴马递交了报告，建议是否对来自中国的进口轮胎采取特保措施。按美国法律，奥巴马必须在17日前做决定，必须针对中国轮胎的特保案，做出一个“两难”的政治决断。 　　    几天前的《华尔街日报》，描述了奥巴马的“两难”———“奥巴</t>
  </si>
  <si>
    <t>宝钢注资澳矿获批前景乐观</t>
  </si>
  <si>
    <t>8月28日，澳大利亚媒体集中报道了中国宝钢集团与澳大利亚矿业公司Aquila签署战略合作协议的消息。根据协议，宝钢将注资2.86亿澳元(约合2.41亿美元)，收购Aquila 15%的股份。据了解，这是宝钢首次对国外上市公司进行大规模战略投资。协议规定，宝钢还将协助Aquila在中国金融机</t>
  </si>
  <si>
    <t>美制造业重现增长  就业市场依旧低迷</t>
  </si>
  <si>
    <t>美国供应管理协会(ISM)9月1日公布今年8月制造业活动指数达到52.9，标志美国制造业结束长达19个月的衰退，进入上升阶段。 　　    与此同时，制造业新订单量大幅跳升，出现自2004年年底以来不曾有过的良好势头。 　　    利好指数公布后，美国总统贝拉克·奥巴马随即声明?</t>
  </si>
  <si>
    <t>美国经济  前景依然不明朗  中国经济  问题在GDP之外</t>
  </si>
  <si>
    <t>上周末，由中国经济50人论坛和美国布鲁金斯学会共同主办的“中美经济学家颐和园对话会”在京召开，来自中国经济50人论坛的几十位官员、学者和美国布鲁金斯学会的经济学家、美国政府智囊们参加了会议。会议得到了中国国际战略研究基金会、中国发展研究基金会等单位和个人的支?</t>
  </si>
  <si>
    <t>金融危机“周年祭”与国际金融新秩序</t>
  </si>
  <si>
    <t>9月中旬，是美国金融危机“周年祭”。一年来，由美国金融危机不断蔓延开来，最后形成席卷全球的金融危机，并且直接对全球经济增长形成巨大冲击。到目前为止，全球经济仍未从衰退的阴影中走出来，未来经济复苏仍存在许多变数。不过，对于此次危机所形成的最根本的战略考量，莫</t>
  </si>
  <si>
    <t>美企业研发太阳能制冷空调</t>
  </si>
  <si>
    <t>本报洛杉矶电(记者高原)据美国媒体日前报道，美国南加州煤气公司根据太阳能光———热转换的原理，最近成功地研发出太阳能制冷空调。 　　    利用太阳能制冷目前主要有两种方法：一是先实现光———电转换，再以电力推动常规的压缩式制冷机制冷；二是进行光--热转换，以热</t>
  </si>
  <si>
    <t>中外合资模式遭遇尴尬</t>
  </si>
  <si>
    <t>大多数外资保险公司似乎正处在一段前所未有的艰难时期。 　　    9月1日，普华永道发布2009年《外资保险公司在中国》调查报告。报告显示，在要求受访公司对其各自的合资关系发表意见时，他们普遍没有作出回答。然而，当从行业层面进行评论时，受访者认为很多国内合资伙伴都</t>
  </si>
  <si>
    <t>中国如何应对美国知识产权战的升级</t>
  </si>
  <si>
    <t>随着美国经济危机的爆发，美国专利战和商业秘密战加剧。中国企业也已经成为美国专利、商业秘密法律诉讼打击的重点对象。如何应对这场史无前例的知识产权竞争危机，是中国国家知识产权预警和应急战略的核心内容。在当前形势下，中国的企业和相关部门应启动应急响应。</t>
  </si>
  <si>
    <t>中国北方最大“城市矿山”面临窘境</t>
  </si>
  <si>
    <t>“城市矿山”的概念，是日本东北大学选矿精炼研究所教授南条道夫等提出的，就是指蓄积在废旧电子电器、机电设备等产品和废料中的可回收金属。据统计，一部旧手机可以提取约0.032克黄金，也就是说一万部手机可以提取约320克黄金。而如果直接从金矿中采掘黄金的话，每吨矿石只?</t>
  </si>
  <si>
    <t>寄望中国新支点  通用牵手一汽</t>
  </si>
  <si>
    <t>美国通用汽车公司8月30日宣布与中国第一汽车集团公司组建合资企业，以轻型货车和客车业务深入中国汽车市场。 　　    通用汽车7月10日脱离破产保护程序，获得重生。作为身缠“绷带”的全球汽车业“巨头”，通用汽车寄望依托中国市场的力量尽快找到重新站立的支点。</t>
  </si>
  <si>
    <t>今年我对欧盟贸易顺差将有所减少</t>
  </si>
  <si>
    <t>本报讯(记者王希)商务部欧洲司司长孙永福8月31日在商务部举行的“中欧经贸”专题新闻发布会上表示，今年以来中国对欧盟贸易顺差放缓，预计全年对欧顺差将较去年有所削减。 　　    随着金融危机的加深，中欧经贸在贸易、投资方面出现了“双下降”趋势：2009年1至6月，中欧?</t>
  </si>
  <si>
    <t>日媒批评民主党经济政策本末倒置</t>
  </si>
  <si>
    <t>当地时间8月31日凌晨，日本大选投票结果出炉，鸠山由纪夫领导的最大在野党民主党以绝对优势战胜了执政的自民党，成为日本政坛新的“当家人”。 　　    已有日本媒体批评说，民主党的经济政策在于节流而不是开源，这在当前经济形势下有些本末倒置。 　　    此次大选，两</t>
  </si>
  <si>
    <t>印度二季度经济增长6.1%</t>
  </si>
  <si>
    <t>本报新德里电(记者毛晓晓)印度政府8月31日公布的数据显示，今年第二季度，印度国内生产总值(GDP)同比增长6.1%，高于上个季度5.8%的增长率，但与去年同期7.8%的增速相比仍有较大差距。 　　    数据显示，今年第二季度，印度制造业增长了3.4%，农业增长2.4%，服务业的增长超</t>
  </si>
  <si>
    <t>企业境外参展遭遇知识产权“拦路虎”</t>
  </si>
  <si>
    <t>随着中国外贸蓬勃发展，中国企业赴境外参展的大军日益壮大。然而，知识产权问题却时常在这支大军前方跳将出来，成为一头“拦路虎”。 　　    记者从近日中国贸促会在杭州针对浙江企业举行的出国展览知识产权培训会议上获悉，应对知识产权纠纷，已是企业境外参展的当务之急</t>
  </si>
  <si>
    <t>各国跟风调查中国轮胎产品出口</t>
  </si>
  <si>
    <t>本报讯(记者文婧实习生王晓雪)“中美轮胎特保案已经造成非常糟糕的国际影响，美国对华实施特保措施的势头高涨可能导致更多的特保调查将接踵而来，同时引起其他WTO成员仿效，遏制和限制中国产品出口。”中国国际贸易促进委员会、中国国际商会副会长张伟日前接受本报记者采访时</t>
  </si>
  <si>
    <t>航运指数强势反弹  经济形势向好</t>
  </si>
  <si>
    <t>上海航运交易所发布的中国出口集装箱运价指数和中国沿海散货运价指数两个月来呈现强势反弹，欧洲、日本、美国等主要出口国需求回升，国内煤炭、谷物、铁矿石等散货运价上扬。业内人士认为，航运经济指数反弹反映出外需“有限”复苏和国内经济企稳，而经济形势持续向好还有赖?</t>
  </si>
  <si>
    <t>俄罗斯经济未见好转原因有三</t>
  </si>
  <si>
    <t>俄专家分析认为，俄政府反危机政策的重点不是投资，而是改善社会福利；银行在得到注资之后并没有去帮助实体经济；尽管出口增加和资金流入，但投资却减少。 　　    俄罗斯《消息报》近日刊登俄罗斯战略研究中心主任米哈伊尔·德米特里耶夫和该中心项目负责人伊戈尔·扎哈尔</t>
  </si>
  <si>
    <t>美国会通过新法律  FDA“扩权”控烟</t>
  </si>
  <si>
    <t>本报讯  美国国会不久前通过了一项新法律，授予美国食品和药品管理局（FDA）管制烟草制品生产、营销和销售的权限。分析人士指出，这部新法律涵盖了世界卫生组织《烟草控制框架公约》所规定的多个问题，表明美国在控烟方面往前迈出了一大步。 　　    新的法律包括：要求文?</t>
  </si>
  <si>
    <t>美储户“救世主”很差钱  年底恐现赤字</t>
  </si>
  <si>
    <t>美国联邦储蓄保险公司为银行储户提供保险，如今它自己也陷入资金困境。美联社27日援引分析师的话说，一拨接一拨的破产银行使联邦储蓄保险公司“出血不止”，后者到今年年底就可能陷入财务赤字。 　　    严重差钱 　　    联邦储蓄保险公司定于27日公布储备金余额。这家?</t>
  </si>
  <si>
    <t>国有银行天量信贷没换来利润大增</t>
  </si>
  <si>
    <t>随着27日中国银行中报的出炉，工、中、建、交行四家大型上市银行的上半年业绩悉数披露。与去年同期银行爆发式的利润增长大相径庭，尽管上半年银行贷款放出“天量”，但四家银行的利润基本与去年同期持平，增幅或降幅均在5%以内。上半年我国新增人民币贷款7.37万亿元，不过贷?</t>
  </si>
  <si>
    <t>通胀担忧毫无根据</t>
  </si>
  <si>
    <t>8月24日出版的美国《商业周刊》发表文章说，美联储将有足够的时间从巨大的经济刺激计划中抽身，因为闲置的劳动力和生产能力阻止了价格上升。 　　    美国采取的巨额刺激经济举措很容易引起投资者的通胀担忧。因此美联储的决策者不遗余力地试图让大众相信，美联储有足够的?</t>
  </si>
  <si>
    <t>鶷原英资：世界经济萧条将持续数年</t>
  </si>
  <si>
    <t>日本《文艺春秋》月刊8月号刊登早稻田大学教授鶷原英资题为《世界经济萧条将持续几年》的一篇文章，文章认为当前的经济萧条是结构性和全球性的，很难轻易克服。现将文章摘要，以飨读者。 　　    汽车文明处于转折期 　　    最近，经济有所回升，便开始出现了“经济已走</t>
  </si>
  <si>
    <t>美国巨额财政赤字成难解之题</t>
  </si>
  <si>
    <t>美国政府和国会25日公布了2009财政年度以及未来十年联邦财政预算赤字预测。尽管政府下调了对本财年的财政赤字预测，但整体数额仍创下历史最高纪录，赤字问题已成为美国经济难解之题。 　　    数据显示，白宫和国会对2009财年财政赤字的预测比较接近，约为1.6万亿美元，远?</t>
  </si>
  <si>
    <t>逾七成标普500公司二季度收益超预期</t>
  </si>
  <si>
    <t>本报讯(记者王云)汤森路透公布的最新报告显示，标普500指数成分股公司今年第二季度的混合收益增长率上周升至负27.8%，高于7月1日时负35.5%的预估值。部分原因是由于许多金融公司的收益好于预期，例如高盛、摩根大通、美国银行、花旗和富国银行公布的收益都超过预期18%或更多?</t>
  </si>
  <si>
    <t>俄修订《海关法》将冲击我国边贸</t>
  </si>
  <si>
    <t>记者从吉林省公安厅出入境管理局获悉，日前，俄罗斯联邦海关署已经起草了《海关法》相应修订案，下调免税携带入境商品的价值界限，从现行的6.5万卢布降至2万卢布，同时把免税包裹的价值界限从现今的1万卢布下调到5000卢布，并请求政府规定确定商品用途的标准，并确定商品清单</t>
  </si>
  <si>
    <t>阿根廷拒绝IMF开经济政策“药方”</t>
  </si>
  <si>
    <t>本报布宜诺斯艾利斯电(记者宋洁云冯俊扬)阿根廷经济部长阿马多·布杜24日说，阿根廷政府希望同国际货币基金组织(IMF)改善关系，但拒绝后者干预其经济政策。 　　    国际货币基金组织负责西半球地区事务的主管尼古拉斯·埃萨吉雷计划于近日访问阿根廷，讨论如何加强合作。?</t>
  </si>
  <si>
    <t>果敢武装对峙 重创中缅边贸</t>
  </si>
  <si>
    <t>一次少见的缅甸境内的武装对峙正在给中国云南南伞口岸的边境贸易带来重创。果敢，这个邻邦小城享受的高度自治正在经受缅甸政府更加苛刻的目光，当双方都维持“强硬”，受影响的将不仅仅是胆战心惊的果敢入，更是大量来自中国的商人、小生意者和打工仔；谁也不能否认，维系繁?</t>
  </si>
  <si>
    <t>严格审查制度下的美国“高官荒”</t>
  </si>
  <si>
    <t>美国官员短缺，尤其是美国高级官员短缺，已是奥巴马政府当前面临的一个棘手问题。以至于美国国务卿希拉里·克林顿公开抱怨说，这一难产的过程，实在“荒谬”，宛如一场“噩梦”，让人“沮丧得无以言表”。 　　    以国务院下属的国际开发署为例，其署长一职已空缺近半年。</t>
  </si>
  <si>
    <t>近半韩国在华企业有意做大生意</t>
  </si>
  <si>
    <t>本报首尔电  韩国贸易投资振兴公社24日公布的最新调查结果显示，目前在中国经营的韩国公司中，近半数正在考虑乘着全球经济出现复苏迹象的东风，扩大在华生意规模。 　　    韩国贸易投资振兴公社8月份对在中国经营的636家韩国公司进行了调查，其中48.6%的公司正在考虑做大?</t>
  </si>
  <si>
    <t>欧元区经济复苏之路依然崎岖</t>
  </si>
  <si>
    <t>本报华盛顿电  欧洲中央银行行长让-克洛德·特里谢日前表示，虽然有迹象表明欧元区经济已经开始走出自由落体式下滑，但复苏之路将并非一帆风顺，因此欧洲央行目前暂不会急于调整现行的紧急经济刺激措施。 　　    特里谢是22日在美国怀俄明州参加美国联邦储备委员会年度会?</t>
  </si>
  <si>
    <t>金融危机反映了社会主义制度的优越性</t>
  </si>
  <si>
    <t>荟萃了中国社会科学院世界社会主义研究中心近百位老、中、青知名学者研究成果的《美元霸权与经济危机》一书，日前由社科文献出版社出版。书中，坚持用马克思主义观点分析这次百年一遇的世界金融海啸和经济危机，系统、全面地揭示了造成此次危机的制度原因，特别是新自由主义?</t>
  </si>
  <si>
    <t>乐观断言后  美联储主席仍面临挑战</t>
  </si>
  <si>
    <t>美国联邦储备委员会主席本·伯南克21日在美联储年度会议上说，美国经济正走出衰退。这是近期美国高层对经济形势所作的最乐观判断。而在这一判断的背后，人们关注的是美联储和伯南克本人面临的挑战。 　　    “后衰退”时代的考验 　　    从伯南克的讲话来看，美国经济?</t>
  </si>
  <si>
    <t>美国人养老靠“三条腿板凳”</t>
  </si>
  <si>
    <t>自美国社会保障法颁布以来，70年的实践已经证明：美国人的养老保障模式是一种比较成功的、适当而稳妥的模式。与“极左”的福利国家模式相比，美国模式更加轻松而有效率；与“极右”的完全积累模式相比，美国模式则更加稳健而安全。 　　    美国学者常将美国养老保障体系形</t>
  </si>
  <si>
    <t>魏德金与皮埃希的较量</t>
  </si>
  <si>
    <t>今年7月底，保时捷公司首席执行官魏德金没能阻止大众对保时捷的收购，黯然离职，大众和保时捷合并的最后障碍被清除，德国著名跑车品牌保时捷公司与大众集团合并。皮埃希和保时捷家族将持有新公司近51%股份。 　　    德国媒体分析，虽然两家公司已合并，从两大家族的历史纠</t>
  </si>
  <si>
    <t>欧洲的相对影响力正在削弱</t>
  </si>
  <si>
    <t>提要：认为不同的国家有不同的规模、不同的地缘战略重要性和不同的文化和历史，因此亚洲自有亚洲的发展模式。指出欧洲在世界的相对影响力正在削弱，其不仅在经济上，还在战略上输给了世界其他国家。同时，欧洲的态度、看待问题的方式和使目光不局限在欧美的能力正面临考验。?</t>
  </si>
  <si>
    <t>中国赴美投资企业应研究美政府规制</t>
  </si>
  <si>
    <t>金融危机对美国金融和经济造成重创，但是专家认为金融危机也使外商在美国投资出现了新商机。为了确保投资成功，拟赴美投资的中国企业应更加重视美国政府规制等法律问题的研究。 　　    美国世强律师事务所合伙人、美国国土安全部原部长助理斯图尔特·贝克19日在接受本报记</t>
  </si>
  <si>
    <t>中日营销差异在哪里</t>
  </si>
  <si>
    <t>整体看中国营销，充满生机与活力；单个看中国企业，问题重重。有时甚至不敢赞扬任何一个中国企业，因为事实已经一再证明：这是证明缺乏判断力的最简单方式。今天刚刚赞扬的企业，明天就可能遭遇危机。正像我们不敢无视中国式营销的成功，也不敢过于看重中国营销的成功。让我?</t>
  </si>
  <si>
    <t>中俄密磋华商大市场问题成效初显</t>
  </si>
  <si>
    <t>莫斯科切尔基佐夫市场6月29日被俄方突然关闭后，我国政府有关部门积极应对，全力处理由此引发的多方面问题，在与俄政府和莫斯科市政府有关部门交涉，以及维护在俄华商正当利益等方面采取了一系列措施。目前，这些措施已经初见成效。 　　    与俄方密集交涉 　　    首先</t>
  </si>
  <si>
    <t>德国渐成新能源公司创业地</t>
  </si>
  <si>
    <t>近十年来，德国完成了新能源领域的一系列创新，使一个全新产业蔚然成荫：德国当前可再生能源占全部能源消耗的比例已超过15%，德国新能源企业每年产值达250亿欧元。 　　    无论风能、太阳能，还是生物能、地热等领域，都活跃着德国企业的身影。与此同时，数量众多的新能源</t>
  </si>
  <si>
    <t>美国：在“节能减碳”中寻求复苏转型</t>
  </si>
  <si>
    <t>作为在金融危机中就职的美国总统，奥巴马选择以开发新能源、发展绿色经济作为化“危”为“机”、振兴美国经济的主要突破口之一。其政策的短期目标是促进就业、拉动经济复苏；长期目标是摆脱美国对外国石油的依赖，促进美国经济的战略转型，继续使美国充当世界经济“领头羊”?</t>
  </si>
  <si>
    <t>“两座大山”能否阻挡中国出口车轮</t>
  </si>
  <si>
    <t>美国国际贸易委员会要求对从中国进口的轮胎征收惩罚性关税，欧盟宣布对中国出口的铝合金轮毂发起反倾销立案调查。一时间，在中国汽车对外贸易的前进途中，突然横亘起两座无形的大山，中国汽车零部件出口正经受一场史无前例的严峻考验。 　　    欧美相继对我发难</t>
  </si>
  <si>
    <t>美衰退接近尾声U形复苏将至</t>
  </si>
  <si>
    <t>美国知名经济学家、穆迪经济学家网首席经济学家马克·赞迪近日在接受记者专访时表示，美国经济将会出现U形复苏。此外，他高度评价了中国的经济刺激计划，认为该计划有效地刺激了中国经济增长。 　　    作为穆迪经济学家网联合创始人兼首席经济学家的赞迪毕业于美国宾夕法?</t>
  </si>
  <si>
    <t>宝钢得澳FMG降价35%“筹码”  三大矿山或“不屑”追从</t>
  </si>
  <si>
    <t>变化莫测的铁矿石谈判又添“黑马”。以宝钢为代表的中国钢铁企业与澳大利亚FMG公司就2009年度铁矿石进口达成协议，粉矿降价35.02%，块矿降价50.42%。此前，中钢协一直表示，不会接受力拓同日本新日铁达成降价33%的协议。 　　    据悉，FMG公司是新兴的铁矿石生产商，其铁?</t>
  </si>
  <si>
    <t>商务部发言人：不希望看到贸易战</t>
  </si>
  <si>
    <t>本报讯(记者王希雷敏)针对近期国际上有关中国产品的贸易摩擦增多的情况，商务部新闻发言人姚坚17日表示，相信世界的重要经济体会采取恰当措施，克制和限制使用贸易救济，并通过磋商尽可能把贸易争端化解在萌芽状态，中方不希望看到贸易战的发生。 　　    姚坚介绍说，在金</t>
  </si>
  <si>
    <t>商务部副部长赴美交涉轮胎特保案</t>
  </si>
  <si>
    <t>本报讯(记者雷敏)记者17日从商务部获悉，商务部副部长钟山已率团赴美，将就轮胎特保案与美国有关部门进行交涉，表达中国政府坚决反对特保措施的立场和关切。 　　    2009年4月20日，应美国钢铁工人联合会申请，美国国际贸易委员会对我国乘用车和轻型卡车轮胎发起特保调查?</t>
  </si>
  <si>
    <t>低碳：未来世界经济模式制高点</t>
  </si>
  <si>
    <t>编者按： 　　    新一轮联合国气候变化谈判8月14日在德国波恩落下帷幕，今年12月在丹麦首都哥本哈根将举行联合国气候变化大会，如何发展低碳经济均被两次会议列为重要内容。什么是低碳经济？发展低碳经济对经济社会发展有何意义？发达国家是如何发展低碳经济的？为使读者?</t>
  </si>
  <si>
    <t>既得利益集团和西方资本利益是两大障碍</t>
  </si>
  <si>
    <t>全球传播政治经济学加拿大国家特聘教授、加拿大西蒙弗雷泽大学传播与发展问题学者赵月枝日前在接受本报记者采访时表示，中国的发展模式以及它与世界政治经济整合的方式事关人类的未来。 　　    美国为主的西方发展模式不可持续 　　    赵月枝认为，有关发展模式的讨论?</t>
  </si>
  <si>
    <t>生物产业：引领经济新形态</t>
  </si>
  <si>
    <t>哪一门学科将接力信息科学成为推动社会发展的主动力？未来学家保罗·萨福在美国《时代周刊》上给出的答案是———生物科学。目前，全球生物技术产业的销售额约每五年翻一番。而此次金融危机进一步加速了生物产业在国内的发展。由于生物技术与国际差距较小，以及在解决粮食安?</t>
  </si>
  <si>
    <t>英少年“分析师”精彩描述同龄人消费喜好</t>
  </si>
  <si>
    <t>15岁的英国男孩马修·罗布森是摩根士丹利投资银行一名暑期实习生。应公司要求，他通过了解周围同龄朋友的媒体消费习惯，完成了一份市场分析报告。报告内容多为简单直白的描述性文字，没有传统报告常见的数据或图表。 　　    在这份报告中，罗布森用简单稚嫩的语言，描述分</t>
  </si>
  <si>
    <t>欧盟对我铝合金轮毂发起反倾销调查</t>
  </si>
  <si>
    <t>2009年8月13日，欧盟委员会发布公告，宣布正式对我国对欧出口铝合金轮毂进行反倾销立案调查。 　　    中国商务部公平贸易局负责人告诉记者，鉴于我出口企业众多，欧委会可能采取抽样调查程序。通常，欧盟反倾销调查会持续15个月，从正式立案即今日起，涉案出口企业首先要?</t>
  </si>
  <si>
    <t>我铝轮毂难躲欧盟反倾销大棒</t>
  </si>
  <si>
    <t>中国汽车工业协会12日表示，欧洲车轮制造商协会(EUWA)日前申请对中国出口欧盟的汽车铝合金轮毂进行反倾销调查毫无理由，中国方面已组织有关涉案企业研究对策，准备积极应诉。 　　    6月29日，欧洲车轮制造商协会(EUWA)代表欧盟6家铝轮毂生产商，向欧盟贸易委员会递交了对</t>
  </si>
  <si>
    <t>全球原油需求不振  欧佩克暗示可能减产</t>
  </si>
  <si>
    <t>过去几个月，全球经济已显现复苏迹象，但国际油价的涨幅却远远快于经济复苏速度。石油输出国组织(欧佩克)秘书处11日发布最新一期石油市场月度报告指出，全球原油需求总体不振。鉴于欧佩克将目标油价设定在每桶80美元，因此不排除欧佩克在9月份作出减产决定的可能。</t>
  </si>
  <si>
    <t>中美两大航空工业巨头联手挺进民机市场</t>
  </si>
  <si>
    <t>本报讯(记者钱春弦)中国航空工业集团公司12日与美国古德里奇公司成立两个合资公司，这标志着同为世界500强的中美两大航空制造业工业巨头将联手挺进全球民用飞机市场。 　　    根据中航工业西飞国际董事长孟祥凯与美国古德里奇公司飞机短舱分部总裁格雷戈·彼得斯、飞机起?</t>
  </si>
  <si>
    <t>台湾加速向大陆开放液晶面板投资</t>
  </si>
  <si>
    <t>中国台湾地区经济部于近日初步完成“产业开放登陆清单”，其中液晶面板及半导体的先进技术有望通过专项审查的方式到大陆投资。对此，专家认为，台湾开放液晶面板投资，短期或对大陆面板企业构成竞争，但从长期来看，将对大陆平板显示产业带来正面、积极的推动作用。</t>
  </si>
  <si>
    <t>钢市价格回落  商家清空库存</t>
  </si>
  <si>
    <t>连续一个月冲高的钢价日前开始小幅回调。据了解，上海地区螺纹钢在上周三出现回调行情，随后跌价范围迅速蔓延至全国主要城市，品种也明显增多。其中螺纹、线材及热卷回调态势明显，回落幅度最高达到200元/吨-300元/吨。 　　    与此同时，很多贸易商也开始着手清空前期形?</t>
  </si>
  <si>
    <t>从垃圾处理看新加坡环保国策</t>
  </si>
  <si>
    <t>作为新加坡惟一的垃圾埋置场，根据目前的埋置量，实马高垃圾埋置场预计在2045年达到饱和点。但新加坡寸土寸金，要再开辟另一个垃圾处理场谈何容易。为此，新加坡着手进行各种环保绿化方法，包括减少垃圾、废物利用以及垃圾循环。记者了解到，新加坡国家环境局负责减少垃圾方?</t>
  </si>
  <si>
    <t>轮胎特保案成为美对华贸易博弈筹码</t>
  </si>
  <si>
    <t>中国输美轮胎特保案仍在美国政府审核程序中，从已举行的两次听证会看，除了起诉方美国钢铁工人联合会表示支持外，中方和美方业界是一片反对声。但这一明显带有保护主义色彩的案件还能持续向前推进，笔者以为，该案正成为奥巴马政府对华贸易博弈的筹码。 　　    本特保案之</t>
  </si>
  <si>
    <t>看不到垃圾,也闻不到恶臭</t>
  </si>
  <si>
    <t>虽在“花园城市”新加坡工作多年，但早已如雷贯耳的实马高垃圾岛却一直无缘相会。在该岛建成10周年之际，记者近日终于登上这座“化腐朽为神奇”的小岛，领略其非同寻常的魅力。 　　    上岛当日，突然下起了小雨，但并未浇灭记者探访实马高垃圾岛的热情。经过大约20分钟的</t>
  </si>
  <si>
    <t>国际糖价创下历史新高</t>
  </si>
  <si>
    <t>伦敦市场10月份交货的白糖期货价格当周一度攀升至每吨537.3英镑，刷新该种商品自1983年开始交易以来的最高价格纪录。同时，纽约市场粗糖期货价也在盘中创下28年新高，达到每磅20.68美分。 　　    路透社的文章称，国际糖价再创历史新高与消费大国———印度的需求强劲有直</t>
  </si>
  <si>
    <t>4位专家评估“2025年的全球趋势”</t>
  </si>
  <si>
    <t>提要：最近，4位政策专家分析了一份美国国家安全报告的含意，并就美国在未来全球经济中的影响前景得出不同的结论。他们认为，未来，美国政经及军事力量不会下降，但中印将拥有更多发言权。如果美国加强对华关系，中国经济和军事崛起将符合美国保持西太平洋地区稳定的国家利益</t>
  </si>
  <si>
    <t>西夏瓷器走出“深闺”示众人</t>
  </si>
  <si>
    <t>西夏是中国历史上一个重要的少数民族政权(公元1038———1227年)，历时近190年，建都在今宁夏银川市。由于蒙古大军的毁灭，西夏文化遗迹、遗物、艺术等留存甚微，给这个古老的王朝留下了太多谜团，西夏瓷更是因为物证太少，成为我国瓷器历史上的难解之谜。随着近年来宁夏、甘</t>
  </si>
  <si>
    <t>“很幸运,我们投资在中国”</t>
  </si>
  <si>
    <t>在江苏省太仓市，聚集着120多家技术密集型德国企业，这些企业总投资10多亿美元，年产值100多亿元，2008年11月，国家商务部和德国经济部授予太仓中国首个、也是目前惟一的“中德企业合作基地”称号，太仓被誉为“中国德企之乡”。记者在这里采访时发现，虽然受国际金融危机影?</t>
  </si>
  <si>
    <t>跨国公司在华商业贿赂“成风”</t>
  </si>
  <si>
    <t>跨国公司近年来频频登上中国的商业贿赂榜单。据《中国青年报》报道，国内民间经济分析机构安邦集团的一份研究报告指出，跨国企业在华行贿事件一直呈上升趋势，中国在10年内至少调查了50万件腐败案，其中64%与国际贸易和外商有关。 　　    美国《洛杉矶时报》日前报道称，2</t>
  </si>
  <si>
    <t>能源合作或成中美经济合作契合点</t>
  </si>
  <si>
    <t>当前，中美两国正努力构建21世纪积极合作全面的中美关系。在当今世界上的国家关系中，悠悠万事，唯经济为大，中美两国的关系中，经济合作关系必然成为重要的内容。在不久前举行的首轮中美战略与经济对话中，拟就了一份关于加强气候变化、能源和环境合作的谅解备忘录。笔者认?</t>
  </si>
  <si>
    <t>欧盟发展数字经济不遗余力</t>
  </si>
  <si>
    <t>面对第二次世界大战以来最严重的经济衰退，欧盟正在把大力发展数字经济作为摆脱当前国际金融和经济危机的一条出路，意欲以此抢占未来全球经济增长的制高点。 　　    发展迅猛 　　    欧盟委员会4日发布一份报告，总结了欧盟数字产业近年来取得的进展。报告指出，充分挖</t>
  </si>
  <si>
    <t>法借危机大力促进汽车产业升级</t>
  </si>
  <si>
    <t>法国一直是节能环保的主要倡导者，法国两大汽车商在环保汽车开发与研制方面也居于世界领先地位。次贷危机、金融危机和经济危机接踵而至，为环保汽车在法国的发展提供了新的机遇，法政府则借危险中的机遇通过多种政策促进汽车产业的升级。 　　    2007年下半年次贷危机的爆</t>
  </si>
  <si>
    <t>“问题可乐”为何销量不减反增</t>
  </si>
  <si>
    <t>不久前，委内瑞拉有关部门对设在该国的可口可乐分公司进行检查，要求对所有在委内瑞拉销售的“零度”可口可乐产品实行召回，并保证不再销售这种产品，原因是“这种可乐含有对人体有害的成分”。有消息称，该产品用阿斯巴甜等取代了糖分，这可能导致偏头疼，甚至致癌。</t>
  </si>
  <si>
    <t>京津城际铁路为环渤海经济提供发展动力</t>
  </si>
  <si>
    <t>北京和天津是我国北方的两大直辖市，以京津为中心的环渤海地区是我国经济发展最快、最具活力的地区之一。京津城际铁路开通一年来，不仅将京津间的交通时间大为缩短，还以其高速度、高效益改善了城市联动发展格局，“半小时经济圈”正在为环渤海地区的经济发展提供动力。</t>
  </si>
  <si>
    <t>谢长军的野心：龙源要做绿色能源的龙头</t>
  </si>
  <si>
    <t>题记　　    6月28日，中国国电龙源电力集团宣布：风电装机突破300万千瓦，继续领跑中国，并位居亚洲之首；同时在太阳能光伏发电、生物质发电、潮汐发电和地热发电等绿色清洁能源领域开发上全面提速。此后不久，某国际网站挂出一篇题为《中国成为清洁能源超级大国》的文章?</t>
  </si>
  <si>
    <t>欧盟应抵制住保护主义诱惑</t>
  </si>
  <si>
    <t>伴随着欧盟经济因受金融危机打击陷入严重衰退，一股保护主义暗流正在欧盟内部涌动，而中国成为最大的受害者。对此，中欧经贸专家们认为，欧盟和中国互为最重要的贸易伙伴，危机时刻更需要携手抵制住保护主义诱惑，共克时艰。 　　    欧盟成员国7月27日正式决定，对从中国?</t>
  </si>
  <si>
    <t>7月造船订单高于上半年总和</t>
  </si>
  <si>
    <t>本报讯(记者尹乃潇)记者8月4日独家获悉，据英国克拉克松公司最新统计数据显示，7月份造船市场累计订单634.4万载重吨，高于今年前6个月339万载重吨的订单总和。其中，绝大部分订单由我国船厂收入囊中。仅金海湾与大新华的订单就高达414万载重吨，占订单总量的65%。</t>
  </si>
  <si>
    <t>应对欧盟贸易保护  我首次诉诸WTO争端解决机制</t>
  </si>
  <si>
    <t>编者按　　    7月31日，中国政府要求世界贸易组织(世贸组织)设立专家组调查美国限制中国禽肉进口措施的合法性。同日，中国还就欧盟对中国紧固件采取的反倾销措施提起世贸组织争端解决机制下的磋商请求，这是中国加入世贸组织以来首次诉诸该组织争端解决机制寻求解决与欧盟</t>
  </si>
  <si>
    <t>希望美政府认真考虑来自美国业界的呼声</t>
  </si>
  <si>
    <t>“中方坚决反对美国采取限制进口中国轮胎产品的歧视性特保措施，这不仅损害中国轮胎产业的利益，阻碍中美双边贸易的正常开展，而且也将损害美国的整体经济利益。”中国商务部公平贸易局负责人8月3日上午在商务部内部通气会上强调。 　　    据悉，这起奥巴马时代中美贸易摩</t>
  </si>
  <si>
    <t>美国经济将走出何种姿态</t>
  </si>
  <si>
    <t>从最近一系列经济数据看，美国经济已显露出触底迹象。美国总统奥巴马近来多次表示，他已看到美国经济的“希望曙光”。他的首席经济顾问萨默斯则说，美国经济已走出“深渊”，结束“自由落体”式下滑。 　　    然而“拐点”在哪里？美联储主席伯南克认为，美国经济将在今年</t>
  </si>
  <si>
    <t>熟悉而陌生的劳埃德保险市场</t>
  </si>
  <si>
    <t>说到劳埃德(又称劳合社)，很多人都会自然而然地认为它是世界最早或许也是最大的船舶和航运保险公司。在走访了该企业之后，记者粗浅地了解到一个很有意思但也经常被人误解的劳埃德保险市场。 　　    无疑，全球金融危机和西方经济危机对世界保险业造成了很大冲击。而劳埃德</t>
  </si>
  <si>
    <t>国家新标准催逼电气防火市场争战升级</t>
  </si>
  <si>
    <t>本报讯(记者王莉实习生王晓雪)广东省公安厅消防局防火监督部部长卢小平近日透露，国家将针对建筑物里面的电气防火的监控出台新强制标准。新强制性标准除了使电气火灾防患于未然，也将促进电气防火监控系统的广泛应用。 　　    卢小平是在由中国消防协会电气防火专业委员会</t>
  </si>
  <si>
    <t>美住房市场或已见底  仍需疗伤</t>
  </si>
  <si>
    <t>美国住房市场相关机构日前发布的一系列数据显示，6月份全美住房市场交易量以及新房开工量均较今年年初大幅增长。一些分析人士据此认为，作为金融危机重灾区的美国住房市场已经见底。 　　    不过，也有市场人士指出，考虑到美国经济的总体表现和住房市场自身问题，美国住?</t>
  </si>
  <si>
    <t>世界汽车巨头在华业绩领跑全球</t>
  </si>
  <si>
    <t>最近几天，全球主要汽车大国和跨国汽车公司相继公布了上半年业绩。除中国、德国和巴西少数几个国家，美国、日本、法国、英国、加拿大、俄罗斯等国汽车产销均出现大幅下滑。丰田、通用、福特、大众、本田、日产、现代、标致雪铁龙等跨国汽车公司，上半年全球销量均出现负增长?</t>
  </si>
  <si>
    <t>出口集装箱运输市场货量趋旺</t>
  </si>
  <si>
    <t>本报上海电(记者贾远琨)根据上海航运交易所最新发布的消息，中国出口集装箱运输市场行情呈上升之势，三大航线货量均较上周有所增长，市场运价稳中有升。上海航运交易所发布的中国出口集装箱综合运价指数为808.23点，上海地区出口集装箱运价指数为752.82点，分别较上周上涨2.4</t>
  </si>
  <si>
    <t>民营企业捐赠最大方</t>
  </si>
  <si>
    <t>与西方国家不同，中国内地的富豪，未必是大慈善家。在这个富豪辈出的年代，慈善作为财富的第三次分配，格外引人关注。 　　    7月30日，国家民政部发布《2009年上半年全国慈善捐赠情况分析报告》(以下简称报告)，再次将人们的目光聚焦于我国的慈善事业。 　　    股权捐</t>
  </si>
  <si>
    <t>英国期货市场发展迅猛  国内企业进场权利受限</t>
  </si>
  <si>
    <t>自2008年8月次债危机爆发以来，各国金融市场遇到前所未有的冲击与洗礼，但期货市场是这次危机中受影响最小的市场，以伦敦为首的商品市场更是让大量资金找到相对安全的栖息之地。英国期货市场以它独有的市场特性以及交易机制吸引了众多投资目光。 　　    5大衍生品交易所近</t>
  </si>
  <si>
    <t>当前危机导致马克思理论的回归</t>
  </si>
  <si>
    <t>提要：马克思理论的中心是批判和解析资本主义。当前的全球危机验证了马克思对资本主义的解析。危机的发生肯定将带来资本主义系统的重构和改革，改革之后出现的将是一种仍可称之为资本主义的混合经济。而更接近于理论的“市场原教旨主义”已经失败。　　    法国《新观察家?</t>
  </si>
  <si>
    <t>美经济下滑放缓  对我出口影响尚不明朗</t>
  </si>
  <si>
    <t>美国联邦储备委员会7月29日公布的全国经济形势调查报告认为，美国国内多数地区经济下滑趋势已经放缓，部分地区显现“稳定迹象”。相对于此前公布的几份报告，该最新报告对当前经济持相对积极和乐观态度。 　　    这份被称为“褐皮书”的报告是根据美联储所属12家地区储备?</t>
  </si>
  <si>
    <t>欧盟对华反倾销全球贸易将受损</t>
  </si>
  <si>
    <t>7月28日，欧盟反倾销委员会在布鲁塞尔投票表决，支持欧盟委员会对产自中国的无缝钢管征收为期5年的正式反倾销税的建议，以取代此前为期6个月的临时反倾销税。 　　    此前一天即27日，欧盟外长会议在没有举行讨论的情况下通过一项建议，决定对产自中国的钢线材征收高达24%</t>
  </si>
  <si>
    <t>应对“甲流”秋冬大流行  美做最坏打算</t>
  </si>
  <si>
    <t>经过4个多月对“甲流”(甲型H1N1流感)的观察和研究，美国卫生部门官员和疾控中心专家对“甲流”病毒的性质及其流行方式有了进一步的认识，现在则要调整和完善下一步应对措施，特别是进一步细化今年秋季和冬季“甲流”在美国大流行的应对预案，做好应对最坏局面的准备。 　?</t>
  </si>
  <si>
    <t>聚光灯下的中美战略与经济对话</t>
  </si>
  <si>
    <t>美国前财政部长保尔森曾回忆说，当年他努力推出战略经济对话机制(SED)时，很少有人认为这会取得成功，美中都有人警告他：当时根本不是讨论经济话题的时机。但保尔森认为，美中间有太多关键话题，不制定战略方向，就不能取得突破，于是最终有了SED，也有了一系列积极的合作成?</t>
  </si>
  <si>
    <t>微软雅虎正式结盟战谷歌</t>
  </si>
  <si>
    <t>本报讯(记者卜晓明)美国微软公司和雅虎公司29日宣布达成互联网搜索业务合作协议。雅虎将在合作中负责在线广告销售，微软则将获得其觊觎已久的互联网用户搜索数据。 　　    如果双方最终实现合作，微软将成为仅次于谷歌公司的第二大互联网搜索巨头。微软与雅虎当天宣布了这</t>
  </si>
  <si>
    <t>复苏“拐点”下的经济增长与财政政策微调</t>
  </si>
  <si>
    <t>提要　　    2009年上半年的世界经济终于在危机中看到了一丝曙光。美国在扩张性财政与货币政策的强力推动下，给世界经济带来了全球资本扩张和金融重商主义的双重影响。 　　    我国宏观经济已企稳向好，当前正临界复苏的“拐点”。经济中的积极因素逐渐增多，经济增长速</t>
  </si>
  <si>
    <t>欧盟保护主义再抬头  对中国线材征反倾销税</t>
  </si>
  <si>
    <t>欧盟成员国27日正式决定，对从中国进口的线材征收最高达24%的正式反倾销税，为期5年。这只不过是欧盟近来针对中国钢铁等产品发起的诸多贸易保护主义攻势之一。 　　    伴随着欧盟经济因受金融危机打击陷入严重衰退，一股保护主义暗流正在欧盟内部涌动，而中国成为最大的受</t>
  </si>
  <si>
    <t>出价虽高却不被看好  竞购欧宝北汽出局</t>
  </si>
  <si>
    <t>23日，通用中国公司新闻发言人毛羽向记者证实，通用汽车已经确定将与加拿大麦格纳国际公司以及比利时金融投资公司RHJ就出售子公司欧宝事宜展开后续的细致讨论。他表示，这可以理解为北汽控股已经不在继续谈判的范围之列。至此，北汽集团在这桩备受瞩目的并购案中正式出局。记</t>
  </si>
  <si>
    <t>全球外国直接投资明年有望回升</t>
  </si>
  <si>
    <t>本报日内瓦电(记者刘国远)总部设在瑞士日内瓦的联合国贸易和发展会议(贸发会议)22日发布的《2009-2011年世界投资前景调查》报告显示，国际金融和经济危机对跨国公司短期内的对外投资计划造成了很大负面影响，不过这些公司的对外直接投资有望在2010年开始回升，并于2011年大幅</t>
  </si>
  <si>
    <t>欧委会出台金融机构重组指导规则</t>
  </si>
  <si>
    <t>本报布鲁塞尔电(记者尚军)欧盟委员会23日出台金融机构重组指导规则，要求在金融危机中受到政府救助的金融机构下一步实施重组时必须进行压力测试，并且可能需要出售部分资产。 　　    金融危机爆发后，欧盟委员会已批准了成员国提交的约70项金融机构救助申请。作为批准条件</t>
  </si>
  <si>
    <t>沪深基指快速上涨逾4%  QDII基金止跌回升</t>
  </si>
  <si>
    <t>经过前期短暂震荡调整后，本周(7月16日-7月22日)大盘一举突破3300点，再创年内新高。在此带动下，沪深基金指数再现猛烈的上升攻势。美国企业财报优于预期，再度刺激全球股市大涨，在此带动下，QDII基金止跌回升，大幅上涨。 　　    沪深基金指数在经历上周的震荡调整后，?</t>
  </si>
  <si>
    <t>商务部代表团赴莫斯科交涉关闭市场问题</t>
  </si>
  <si>
    <t>中国商务部副部长高虎城22日率领由商务、外交、海关以及浙江、福建等省商务主管部门负责人组成的代表团，赴莫斯科就切尔基佐夫斯基大市场被关闭相关事宜进行进一步交涉。 　　    切尔基佐夫斯基大市场是莫斯科乃至全俄罗斯华商最为集中的市场。6月29日，俄有关部门突然下?</t>
  </si>
  <si>
    <t>海上风电开发潜力巨大  最大挑战来自技术难题</t>
  </si>
  <si>
    <t>作为全球最具潜力和活力的新能源之一，近年来风电受到世界各国的关注。2008年中国风电装机总容量达1221万千瓦，连续四年增长率超过100%，跃居亚洲第一。不过，在目前国内逾1000万千瓦的风电装机容量中，绝大部分位于陆上，尤其是“三北”(东北、华北和西北)，而风能资源同样?</t>
  </si>
  <si>
    <t>“我们对当前金融局势很悲观”</t>
  </si>
  <si>
    <t>宋鸿兵:1968年出生于四川，毕业于东北大学自动控制系；1994年赴美留学，主修信息工程和教育学，获美利坚大学硕士学位。1996年后在美国媒体游说公司、医疗业、电信业、信息安全、联邦政府和著名金融机构供职。2002年开始先后担任美国最大的非银行类金融机构房利美和房地美的高</t>
  </si>
  <si>
    <t>IMF公布SDR最大规模增配草案</t>
  </si>
  <si>
    <t>国际货币基金组织(IMF)20日公布了2500亿美元特别提款权(SDR)分配草案：美国将新增SDR426亿美元，日本新增150亿美元，中国新增90亿美元，俄罗斯新增66亿美元，印度新增45亿美元，巴西则约增30亿美元。据了解，本次分配是SDR创立以来最大规模一次增配。此前IMF只进行过两次SDR?</t>
  </si>
  <si>
    <t>为排华道歉是权利斗争的结果</t>
  </si>
  <si>
    <t>据美国《星岛日报》报道，美国南湾州众议员方文忠提出的要求州府就排华法律道歉的决议案，已经获州众议院和州参议院双双通过，只待州长签字。该项“众议院42号一致决议案(ACR42)”由方文忠和代表洛杉矶的州众议员DeLeon共同起草，要求加州就19世纪和20世纪实施歧视华裔的一系</t>
  </si>
  <si>
    <t>商务部副部长22日将率团赴俄交涉</t>
  </si>
  <si>
    <t>针对近期俄罗斯关闭莫斯科切尔基佐夫斯基大市场，部分华商货物被封存一事，中国商务部副部长高虎城将于22日率领由商务、外交、海关以及浙江、福建等省商务主管部门组成的代表团，赴莫斯科就相关事宜进行进一步交涉。 　　    在商务部7月20日早上召开的媒体吹风会上，商务?</t>
  </si>
  <si>
    <t>中越人民币边贸结算亟待导入正轨</t>
  </si>
  <si>
    <t>当下，上海、广州、深圳等跨境贸易人民币结算试点工作已经逐步启动，这将对保持经济平稳较快发展、促进对外贸易、提升人民币的国际地位等产生重要作用。 　　    其实在此之前，跨境贸易的人民币结算早已存在。近年来，随着中国-东盟贸易日益频繁，在广西、云南等中越边境?</t>
  </si>
  <si>
    <t>中海油收购安哥拉石油区块20%权益</t>
  </si>
  <si>
    <t>本报北京电(记者安蓓张艺)中国海洋石油有限公司18日宣布，将与中国石油化工集团公司以13亿美元联合收购美国马拉松石油公司持有的安哥拉一石油区块20%的权益。 　　    中海油与中石化全资子公司中国石化集团国际石油勘探开发有限公司以各50%比例成立的合资公司，与马拉松石</t>
  </si>
  <si>
    <t>“直接慈善”正流行美国</t>
  </si>
  <si>
    <t>金融危机来袭，不少美国人手头紧张。不过，热衷慈善的人们依然有各种办法，改用比开支票更直接的手段继续奉献他们的爱心。一个新兴词汇“直接慈善”开始流行。 　　    萍水相助 　　    玛丽莲·莫克在达拉斯城外经营采石场生意。去年秋，她和儿子一起参加一个“法拍屋?</t>
  </si>
  <si>
    <t>宝钢环保指标明年可达世界先进水平</t>
  </si>
  <si>
    <t>本报上海电(记者李荣)据宝钢集团发布的最新消息说，宝钢集团总经理何文波在新近举行的“中德对话论坛”第五次会议上透露，宝钢近年来主要污染物排放量每年削减幅度都在25%左右，主要环保指标有望在2010年达到世界先进水平。宝钢的目标是“建设世界一流清洁钢铁企业”。 　?</t>
  </si>
  <si>
    <t>房产财富影响消费支出</t>
  </si>
  <si>
    <t>7月10日出版的英国《经济学家》发表文章说，美国有关房价的较为乐观的数据也许并不标志着消费支出的飙升。 　　    经过了一个漫长的严冬，春天为美国房价带来了一抹阳光。6月30日发布的凯斯-席勒指数显示，美国4月份的房价继续下跌：10个城市的房价指数较3月份下跌0.7%，2</t>
  </si>
  <si>
    <t>美联储预计：美今年失业率将升至10.1%</t>
  </si>
  <si>
    <t>本报华盛顿电(记者刘丽娜刘洪)美国联邦储备委员会15日公布最新预测，今年美国的失业率将攀升至10.1%，经济下滑幅度为1%-1.5%。 　　    根据当天公布的美联储货币政策决策机构———联邦公开市场委员会6月份的会议记录，美联储预测2009年美国的经济下滑幅度将在1%至1.5%之?</t>
  </si>
  <si>
    <t>调查显示：中国投资者情绪指数连续四季度上扬</t>
  </si>
  <si>
    <t>本报北京电  环球金融服务集团(ING)15日发布的投资者情绪指数季度调查报告显示，二季度中国投资者情绪指数上升27%，在连续四季度上扬后，由“中性”区接近“非常乐观”区。 　　    调查显示，二季度中国投资者情绪指数名列亚洲(不包括日本)第二，仅位列印度之后。这表明政</t>
  </si>
  <si>
    <t>美财长称全球经济复苏或遇挫折</t>
  </si>
  <si>
    <t>远赴中东的美国财长盖特纳14日表示，鉴于世界各国需要消化经济危机带来的财富损失和公共债务激增，全球经济在复苏进程中很可能遭遇挫折。与此同时，美国总统奥巴马表示，未来几个月内美国失业率还将继续攀升。 　　    盖特纳当天对沙特阿拉伯进行了为期一天的访问。他在沙</t>
  </si>
  <si>
    <t>百胜50亿元大单打造与供应商合作新模式</t>
  </si>
  <si>
    <t>本报讯(记者陆敏)7月15日，全球餐厅网络最大的餐饮集团———肯德基所属的百胜餐饮集团中国事业部与大成食品亚洲有限公司、福建圣农发展股份有限公司和山东新昌集团有限公司等三大国内鸡肉龙头企业在北京签署重要策略联盟合作协议。根据此协议，未来三年时间内，百胜将以“成</t>
  </si>
  <si>
    <t>我国首架新支线飞机完成首次城际长途飞行</t>
  </si>
  <si>
    <t>本报上海电(记者高路张毅)我国自主研制的首架ARJ21-700新支线飞机15日完成自研制以来首次城际长途飞行，从上海转场飞往西安阎良，开始为取得我国民航总局和美国联邦航空局适航证进行下一阶段的试飞试验。 　　    此次沿途历经四省一市、1300多公里的飞行，是这架飞机2010?</t>
  </si>
  <si>
    <t>欧佩克：世界原油市场明年回暖</t>
  </si>
  <si>
    <t>本报维也纳电(记者刘钢)石油输出国组织(欧佩克)秘书处14日发表报告预计，世界原油需求将从2010年出现回升，明年日均需求量将比今年增加50万桶，达到8434万桶。 　　    报告还预计，2009年世界原油日均需求量将为8384万桶，比去年减少165万桶，降幅略高于上月预测的162万桶</t>
  </si>
  <si>
    <t>市场争夺战将推动电信行业资费下调</t>
  </si>
  <si>
    <t>针对欧盟日前下调成员国之间的手机漫游资费，业内人士表示，欧盟这一做法可以为我国所借鉴，但不可盲目照搬，而电信行业的市场争夺战必将推动我国的资费下调。 　　    欧盟下调成员国间手机漫游费 　　    据悉，欧盟限制手机漫游费主要是从通话费用、发送短信和上网资?</t>
  </si>
  <si>
    <t>阿斯巴甜有争议  吃无糖食品有讲究</t>
  </si>
  <si>
    <t>英国食品标准署网站日前声称，因有不良反应报告，将对阿斯巴甜展开新的研究。阿斯巴甜作为最常用的甜味剂，被广泛用于各种食品中，因此，它的安全性备受关注。记者近日就甜味剂的是是非非采访了有关专家。 　　    据中国农业大学食品学院副教授范志红介绍，甜味剂一般是指</t>
  </si>
  <si>
    <t>美财赤破万亿  经济复苏蒙阴影</t>
  </si>
  <si>
    <t>美国财政部13日公布的数据显示，在2009财年(2008年10月-2009年9月)的前9个月，美国联邦财政赤字首次突破1万亿美元。尽管破万亿早在预料之中，但仍给美国经济前景蒙上了一层阴影。由于目前美国很难找出有效的途径降低财政赤字，有专家认为，有可能推迟全球经济的复苏。</t>
  </si>
  <si>
    <t>扩大消费又有新特点了</t>
  </si>
  <si>
    <t>中国扩大内需，也不是从今天开始的。我们从亚洲金融危机就开始面对这个问题，1998年我们在国务院发展研究中心搞过一个“过剩经济”的课题，那个时候我们认为短缺已经让位于过剩，供和求的对比关系中，供大于求成为失衡的常态，供不应求是失衡的特殊现象。1999年中央提出，扩?</t>
  </si>
  <si>
    <t>沈阳海关创新监管模式个性化监管受企业欢迎</t>
  </si>
  <si>
    <t>本报沈阳讯(记者王军)沈阳海关在监管中体现个性化服务，监管模式的创新受到企业欢迎。 　　    作为沈阳首期地铁建设项目的配套组装单位，北方重工集团有限公司陆续从法国、德国进口了多批用于地铁建设工程的盾构机所需设备。因该类设备超高、超大且起吊能力不够，海关的监</t>
  </si>
  <si>
    <t>首轮中美战略经济对话月底举行</t>
  </si>
  <si>
    <t>美国国务院和财政部于当地时间13日在一份联合声明中宣布，首轮中美战略与经济对话将于本月27日至28日在华盛顿举行。有分析指出，双方将围绕共同关心的战略性、全局性及长期性问题进行深入探讨，以增进互信、深化合作。 　　    中国外交部发言人秦刚14日在例行记者会上阐述</t>
  </si>
  <si>
    <t>日本车商将战略重点转向中国</t>
  </si>
  <si>
    <t>最近，日本各大汽车厂商纷纷采取措施或出台计划，提高在中国的产能并扩大销售网点，将发展重点转向中国。中国市场对日本汽车厂商的重要性进一步提高。 　　    丰田公司决定在与中国第一汽车集团和广州汽车集团的合营工厂生产SUV，此外还计划于2010年开始生产混合动力车。?</t>
  </si>
  <si>
    <t>通用破产,检察长为什么要抗议</t>
  </si>
  <si>
    <t>据华尔街日报报道，6月21日美国八个州的总检察长对通用汽车公司破产计划中的一项条款提出反对，因为该条款将使通用汽车免于产品缺陷责任。消息称，来自康涅狄格州、肯塔基州、马里兰州、明尼苏达州、密苏里州、内布拉斯加州、北达科他州和佛蒙特州的总检察长向纽约南区破产法</t>
  </si>
  <si>
    <t>中亚天然气管道年底将实现单线通气</t>
  </si>
  <si>
    <t>本报讯(记者李新民实习生王晓雪)7月10日11时，在距哈萨克斯坦阿拉木图约40公里的中亚天然气管道施工现场，伴随着最后一道焊花飞溅，举世瞩目的中亚天然气管道单线主体焊接全部顺利完工。 　　    出席完工仪式的中国石油集团副总经理汪东进兴奋地说：“这标志着影响和制约?</t>
  </si>
  <si>
    <t>中国:我的解决方案是创造消费</t>
  </si>
  <si>
    <t>美国时间早晨六点半，北京时间晚上七点半。前不久，《世界是弯的》作者戴维·斯密克接受了《经济参考报》记者的视频连线采访。 　　    通过互联网的视频连线，很快，一位身材魁梧，着西服领带的外国人出现在屏幕上。此刻，分属两个半球的人们，跨越时空，“坐”在了一起。</t>
  </si>
  <si>
    <t>三思亚洲崛起</t>
  </si>
  <si>
    <t>美国《外交政策》双月刊7-8月号刊登卡内基国际和平基金会高级研究员裴敏欣的一篇文章认为，不要相信关于美国衰落和亚洲时代曙光的夸张宣传，中国、印度和亚洲其他国家接管世界还需要数十年，就算它们有朝一日能做到这一点。 　　    “权力将从西方转向东方”？</t>
  </si>
  <si>
    <t>境外游旺季到来  如何保安全</t>
  </si>
  <si>
    <t>中国社会科学院近日发布2009年《旅游绿皮书》。《旅游绿皮书》指出，2008年中国出境旅游市场比2007年增加11.9%，预计今年中国出境旅游市场将继续高速发展。 　　    然而，由于语言不通、人地生疏等因素，旅客在国外发生各种意外的可能性往往大于国内。特别是近年来印度洋?</t>
  </si>
  <si>
    <t>车市上半年“牛”转乾坤  热度能否延续</t>
  </si>
  <si>
    <t>金融危机袭来，全球汽车业首当其冲，今年前几个月，北美、欧洲、日本等车业重镇遭遇了“寒流”。连通用、克莱斯勒这样的巨无霸也难以支撑，走上破产重组之路。 　　    但中国车市却走出了独立行情，产销两旺，上半年销量更突破了600万辆大关，几乎成为全球车市最大的亮点?</t>
  </si>
  <si>
    <t>我国风电设备制造业无序扩张</t>
  </si>
  <si>
    <t>“风电装备制造业还没来得及充分享受春天，就已经感到了寒冬的气息。”在8日举行的第六届亚洲风能大会、中国风电装备制造业大会上，国家工业和信息化部装备工业司司长张相木一句感性的表白道出了多位行业专家对风电设备制造业未来发展的忧虑。 　　    无序扩张导致?</t>
  </si>
  <si>
    <t>美欧拟打击能源投机活动</t>
  </si>
  <si>
    <t>由于担心油价再次攀升会令全球经济低迷状况进一步恶化，欧美国家日前均考虑出台严厉措施，打击能源市场中的投机活动。许多业内人士都认为，投机交易过度是导致油价飙升的最主要原因。 　　    能源合约或设持仓上限 　　    美国商品期货交易委员会(CFTC)主席加里·亨斯?</t>
  </si>
  <si>
    <t>美国经济卸妆  股市为之“神伤”</t>
  </si>
  <si>
    <t>全球主要股市最近几个交易日接连下挫。7日收盘时，纽约市场三大股指跌幅均在2%左右，其中道琼斯指数报收于4月28日以来最低点位，欧洲股市则“相映成趣”地连续第四个交易日报跌。亚太股市8日收盘时也没给投资者好脸，其中日经225指数重挫2.4%，为6周以来最低。 　　    在?</t>
  </si>
  <si>
    <t>中国言行一致反对保护主义</t>
  </si>
  <si>
    <t>本报讯(记者肖莹莹实习生赵丽薇)日前，意大利《共和国报》刊发了中国商务部部长陈德铭的署名文章《中国言行一致反对保护主义》。文章指出，当前世界经济出现企稳迹象，但前景仍然有很大不确定性，因此继续坚定不移地反对保护主义、推进市场开放、保持贸易和投资渠道畅通，对?</t>
  </si>
  <si>
    <t>美国金融危机和中国的外贸环境</t>
  </si>
  <si>
    <t>美国政府并未放弃强美元的政策，美国的宏观经济政策事实上也从来都不是以恢复国际收支平衡为目标的。当然，国际收支不平衡仅仅是美国金融危机的必要条件之一。美国贸易逆差的减少意味着中国和亚洲国家贸易顺差的减少。无论中国政府采取什么样的刺激措施，中国出口增长速度的?</t>
  </si>
  <si>
    <t>中国稀有资源不是“唐僧肉”</t>
  </si>
  <si>
    <t>近期，美国与欧盟就中国限制出口稀有金属问题向WTO提起诉讼，声称中国限制出口几种主要的稀有金属违背了国际贸易准则。此前，美国和欧盟未能说服中国削减出口关税并提高锌、锡、钨和黄磷等原材料的配额。 　　    对于美国和欧盟的诉讼，中国矿业和经济领域的一些专家认为?</t>
  </si>
  <si>
    <t>中国民企投资美中小石油公司机遇难得</t>
  </si>
  <si>
    <t>世界杰出华商石油行业协会执行会长、美国三元泰普石油产品有限公司总裁张磊，日前在接受本报记者采访时指出，金融危机和经济衰退导致美国部分中小石油公司面临生存危机，这为中国民营企业参与投资经营美国本土油田提供了难得的机遇。 　　    破除投资限制误区 　　    ?</t>
  </si>
  <si>
    <t>中国手机充电器标准亟待完善</t>
  </si>
  <si>
    <t>近日，全球十大手机制造商与欧盟委员会达成一致，将在2010年联手推出一款通用的手机充电器。 　　    而早在2007年，中国也曾颁布了手机充电器国家标准，并在国内市场强制实施。业内人士认为，中国的手机充电器标准与国际标准完全兼容，但安装在手机上Micro-USB接口的充电?</t>
  </si>
  <si>
    <t>中央财政下拨104亿元用于公共卫生服务</t>
  </si>
  <si>
    <t>本报讯(记者罗沙韩洁)财政部6日宣布，为贯彻落实医改意见和实施方案关于促进基本公共卫生服务均等化的要求，近日中央财政下拨2009年基本公共卫生服务补助资金104亿元。 　　    财政部表示，这标志着全体城乡居民免费获得基本公共卫生服务迈出了实质性的步伐。 　　    ?</t>
  </si>
  <si>
    <t>“碳关税”：发达国家体现经济霸权的新形式</t>
  </si>
  <si>
    <t>近期个别国家拟制定包含“碳关税”条款的法案，有的国际组织也提出“碳关税”可适用于国际贸易规则，商务部新闻发言人姚坚7月3日就此发表谈话指出：中方一贯主张与国际社会共同应对气候变化，但部分发达国家提出对进口产品征收“碳关税”的做法，违反了WTO的基本规则，是以环</t>
  </si>
  <si>
    <t>周小川：发行地方债有必要</t>
  </si>
  <si>
    <t>本报讯(记者方烨实习生范经华)7月4日，在“中国地区金融生态环境评价”成果发布会上，周小川认为当前有必要发行地方政府债和市政债。 　　    周小川说，上世纪90年代中期还有许多地方政府对经济的行政干预比较厉害。但是1998年亚洲金融危机以后，中央开始要求减少地方干预</t>
  </si>
  <si>
    <t>美气候法案能否促进就业引争议</t>
  </si>
  <si>
    <t>美国众议院日前通过旨在降低美国温室气体排放、减少美国对外国石油依赖的《美国清洁能源安全法案》(又称气候法案)。219票赞成、212票反对的结果凸显了众议院内部的分歧。事实上，美国社会各界对这一法案也看法不一，主要焦点在于该法案能否创造就业。 　　    法案规定，美</t>
  </si>
  <si>
    <t>国际原油领跌大宗商品</t>
  </si>
  <si>
    <t>当周国际油价在首个交易日大涨之后便掉头一路下跌。6月29日，英荷壳牌石油公司证实，公司在尼日利亚的产油设施再次遭受武装分子的袭击，被迫部分关闭。由于近期尼日利亚武装分子破坏外国石油公司生产设施的活动明显升级，市场投资者担心该地区的石油供应会受到较大影响，从而</t>
  </si>
  <si>
    <t>北京土地市场已现泡沫</t>
  </si>
  <si>
    <t>“低迷、徘徊、复苏、疯狂———我们用这个循环描述2008年开始到2010年年中的北京土地市场，除非出现其他强有力事件的干预，比如政府再次挥动调控大棒，否则泡沫累积和消化将是未来中期市场面临的最大课题。”这段话是7月2日中国不动产研究中心发布的“2009北京土地市场分析?</t>
  </si>
  <si>
    <t>台湾名士献计“金厦特区”</t>
  </si>
  <si>
    <t>近日在厦门举办的“两岸区域合作试点学术研讨会上”，多位台湾知名人士为尽快构建金厦特区献计献策。 　　    邱毅：先行成立“金厦和平特区” 　　    台湾立法委员、中国文化大学教授邱毅提议：成立“金厦和平特区”先行先试，以避免因台湾本岛冗长的讨论及不同党派的?</t>
  </si>
  <si>
    <t>远看是“慢牛”,近看有点“弱”</t>
  </si>
  <si>
    <t>去年美国次债危机引发的金融风暴摁住了世界经济的牛头，国际、国内大宗商品价格大幅度回落，国内农产品市场从去年年底探底以后至今已经持续了6个月的上涨行情，农产品价格整体反弹了40%以上。近期面对国际金融市场的风云变化，国内农产品价格在政策与市场的博弈中如何演绎成?</t>
  </si>
  <si>
    <t>我国外债余额规模继续下降</t>
  </si>
  <si>
    <t>本报讯(记者张莫)我国外债余额规模延续了去年四季度的下降走势。根据国家外汇管理局7月1日公布的最新数据，截至今年3月末，我国外债余额为3367.21亿美元(不包括香港特区、澳门特区和台湾地区对外负债，下同)，比上年末减少379.4亿美元，下降幅度达到10.13%。 　　    数据?</t>
  </si>
  <si>
    <t>海尔领跑全球节能空调市场</t>
  </si>
  <si>
    <t>在全球空调节能市场，中日品牌正在加速“换手”。在欧美市场，海尔省电空调订单大增，日渐取代此前一直占主导地位的日系品牌；在中国市场，海尔空调率先停产高能耗产品，将在三个月内使节能产品的份额达到30%。这意味着海尔已成为推动全球空调节能进程的关键力量。</t>
  </si>
  <si>
    <t>别让金融危机蒙蔽了眼睛,我们就站在陷阱的边缘</t>
  </si>
  <si>
    <t>自由主义市场经济在美国又一次赢得了胜利；中国是时候回头审视我们经济体系的深层次问题了，因为，很可能，我们就站在“陷阱”的边缘。　　    连续两周，美国银行业爆出重大新闻，先是批准十大银行提前还款赎身，接着又公布金融监管体系改革计划。这一切表明，美国并不想?</t>
  </si>
  <si>
    <t>美监管机构为银行业扩张定新规</t>
  </si>
  <si>
    <t>本报华盛顿电(记者刘丽娜刘洪)为严格规范银行业的跨州经营和扩张，美联储、联邦存款保险公司和美国货币监理署三大银行业监管机构6月29日联合发布了银行业在各州的最新贷款/存款比例。 　　    最新采集的数据截至2008年6月26日，涵盖全美50个州和6个美属地区。该比例平均为</t>
  </si>
  <si>
    <t>小民企探出“亚洲第一铁矿”</t>
  </si>
  <si>
    <t>在铁矿石谈判胶着之际，位于本溪市平山区桥头镇大台沟村新发现的“亚洲第一铁矿”无疑成为令人关注的热点。与这座探明有30亿吨、可开采50年以上、平均品位34.68%的大铁矿一起浮出水面的，还有一家名叫深圳亿众鑫矿业有限公司的民营企业。 　　    作为本次项目经营方———</t>
  </si>
  <si>
    <t>龙源集团继续领跑中国风电</t>
  </si>
  <si>
    <t>本报讯(记者李新民)6月28日，随着江苏如东二期特许权一期扩建4.95万千瓦项目正式投产发电，龙源电力集团公司风电总装机突破300万千瓦，继续保持中国风电领跑者地位，位居亚洲第一、世界第五。与此同时，龙源集团今年累计向千家万户发送绿色风电超过32亿千瓦时。 　　    据</t>
  </si>
  <si>
    <t>欧美转向绿色经济  中国不应错失契机</t>
  </si>
  <si>
    <t>当前，以美国为首的欧美国家正积极进行一场以发展绿色经济为核心的“经济革命”，将绿色经济作为未来经济的主力引擎，抢占全球经济制高点。专家认为，我国发展绿色经济正当其时，否则将在未来经济竞争中处于被动。　　    绿色经济成世界经济新动力　　    所谓绿色经济?</t>
  </si>
  <si>
    <t>危机中,做空者赚了大钱</t>
  </si>
  <si>
    <t>2008年9月次贷危机全面爆发，引发世界性的金融危机、金融海啸。国际货币基金组织2009年4月警告说，金融海啸造成的全球资产损失总数可能达到4万亿美元，而且对金融体系的损害将持续多年。国际货币基金组织说，银行现在可能损失2.7万亿美元，但是其他金融机构，例如保险公司和?</t>
  </si>
  <si>
    <t>赫斯特“英国版AIG薪酬”的靶心</t>
  </si>
  <si>
    <t>本周，苏格兰皇家银行有意给首席执行官赫斯特960万英镑薪酬的消息捅了马蜂窝。英国联合工会发表强烈指责，称其在危机之际给出这样的天价薪酬实在“骇人听闻”。 　　    巨亏银行CEO拿高薪 　　    根据英国《银行家》杂志公布的世界1000强银行排名，苏格兰皇家银行2008?</t>
  </si>
  <si>
    <t>专家：中国服务外包还须“立体化品牌”</t>
  </si>
  <si>
    <t>本报南京电(记者顾烨  陈刚)和印度等服务外包大国相比，中国服务外包到底缺什么？中国国际投资促进会常务副会长周铭、麦肯锡公司全球董事合伙人彭壮壮等专家24日在江苏南京出席第二届中国国际服务外包合作大会时一语道破，“缺的是立体化品牌”。 　　    周铭介绍说：“近</t>
  </si>
  <si>
    <t>非美货币盘整后或将蓄势上涨</t>
  </si>
  <si>
    <t>受美联储维持利率不变消息影响，市场投资情绪受到打压，非美货币再次全面下滑。有关交易员认为，非美货币短期将处于盘整态势。不过，预计未来非美货币仍将进一步上涨。 　　    复苏显露外汇市场趋势不改 　　    6月24日(美国时间)，美联储在货币政策会议声明中重申，维</t>
  </si>
  <si>
    <t>我国将启动新一轮长江“黄金水道”建设</t>
  </si>
  <si>
    <t>本报合肥电(记者林红梅卢尧)中国交通运输部、财政部和长江沿线七省二市25日在合肥联合签署了合力开发“黄金水道”的协议。交通运输部部长李盛霖称，作为扩大内需，应对危机的重要措施之一，我国家将启动新一轮推进长江“黄金水道”建设工作，以促进沿江地区经济发展。</t>
  </si>
  <si>
    <t>本溪发现亚洲最大铁矿  助力中方铁矿石谈判要价</t>
  </si>
  <si>
    <t>23日，辽宁省本溪市政府对外透露，本溪市桥头镇大台沟发现探明储量超过30亿吨的巨大铁矿，成为亚洲目前最大的铁矿。按理论估算，储量还有可能翻番，当地正在继续勘探中。钢铁业内人士24日接受本报记者采访时表示，在目前铁矿石谈判僵持之时出现的上述消息无疑成为中方坚持立?</t>
  </si>
  <si>
    <t>日本TV动画是如何投资经营的</t>
  </si>
  <si>
    <t>TV动画是指首次公开采用电视形式的动画片，是日本动画的最主要形式。根据日本贸易促进会的统计，全球电视台播放的动画片中有60%为日本产，其中在欧洲地区播放率高达80%以上。TV动画是日本重要的出口产业，近年日本TV动画产量每年在2500至4000集之间浮动，每集约24分钟。</t>
  </si>
  <si>
    <t>完善社保体系是拉动内需重要手段</t>
  </si>
  <si>
    <t>当前，国际经济形势仍然没有好转的迹象，美国的汽车巨头纷纷宣布倒闭，国际金融市场仍处于动荡之中，实体经济也经受了巨大的打击。中国虽没有美国以及欧洲收到的影响那么严重，但是经济增速放缓、财政收入下降、出口严重萎缩是摆在中国人民面前的严峻考验。这次经济危机使人?</t>
  </si>
  <si>
    <t>世行调低经济预期  市场闻声大幅下挫</t>
  </si>
  <si>
    <t>受到世界银行22日下调对今年全球经济增长预期的影响，美股引领主要经济体股市全面大幅下挫，市场避险情绪再度升温，投资者转向在他们看来更安全的美元、日元和政府债券，国际大宗商品价格也因此跌幅惨重。有分析人士表示，当前全球经济仍未见底，甚至有可能会陷入W型衰退，股</t>
  </si>
  <si>
    <t>众多城市角力争建航空城</t>
  </si>
  <si>
    <t>第一架在中国总装的空客飞机将于23日正式交付给四川航空公司投入运营。这是空客公司首次在欧洲之外向用户交付空客飞机。此间专家指出，随着中国首架拥有完全自主知识产权的新型涡扇支线客机ARJ21-700飞机去年11月底在上海成功首飞、首架中国总装完成的空客A320飞机交付……中</t>
  </si>
  <si>
    <t>重温自由</t>
  </si>
  <si>
    <t>进入二十世纪，经济学风尚像女人的裙子一样摇摆不定，摇摆的两端分别是新自由主义和凯恩斯主义。 　　    弗里德曼与新自由主义 　　    1929年大危机之后，凯恩斯主义取代古典自由主义主导西方经济政策；凯恩斯主义统治西方四十年之后，随着七十年代的严重滞胀，凯恩斯?</t>
  </si>
  <si>
    <t>云南中缅边境地区银行经营风险加大</t>
  </si>
  <si>
    <t>我国与缅甸接壤的地区大多属于跨境民族或特困民族聚居地区，经济发展滞后，边境地区情况复杂。这一地区银行业金融机构发展面临许多困难：历史遗留问题多、经营环境复杂、经营风险和隐患大…… 　　    部分人视银行贷款为国家扶助 　　    云南省德宏、西双版纳、怒江、?</t>
  </si>
  <si>
    <t>日本拓海外市场促经济复苏</t>
  </si>
  <si>
    <t>在全球性金融和经济危机冲击下，对外需依存度高的日本经济陷入严重衰退。为阻止经济形势进一步恶化，日本政府和企业在竭力刺激国内消费、扩大内需的同时，还通过多种渠道拓展海外市场，稳定和扩大外需，以刺激经济复苏。 　　    日本政府首先对企业海外活动提供金融支持。</t>
  </si>
  <si>
    <t>大萧条后美国上演最大规模金融体系改革</t>
  </si>
  <si>
    <t>美国总统奥巴马近日宣布了全面金融监管改革方案，从而拉开了美国上世纪30年代大萧条以来最大规模的金融体系改革序幕。 　　    综观改革措施，最核心部分为两项，一是将美联储打造成“超级监管者”，全面加强对大金融机构的监管；二是设立新的消费者金融保护署，赋予其超越</t>
  </si>
  <si>
    <t>专家分析：中日经济实力差距及日本的优势</t>
  </si>
  <si>
    <t>中国社会科学院日本研究所研究员张季风对中日经济实力进行了比较研究，他认为，尽管我国经济总量与日本进一步接近，但从人均GDP和经济质量上看，中国与日本之间存在很大差距。 　　    中日之间存在的主要差距 　　    对中日两国间的经济实力进行比较非常复杂，从不同的</t>
  </si>
  <si>
    <t>格林伯格：为43亿美元而战</t>
  </si>
  <si>
    <t>莫里斯·格林伯格有生之年注定要和AIG(美国国际集团)纠缠不清。 　　    6月15日，AIG将前任CEO莫里斯·格林伯格送上曼哈顿联邦法庭，起诉他攫取了信托中本来应该付给AIG员工的股票收益。 　　    一分钱也是钱 　　    2005年格林伯格和AIG分道扬镳时大概从未想过有朝</t>
  </si>
  <si>
    <t>中国部分城市房价被高估  房地产需求增长空间仍大</t>
  </si>
  <si>
    <t>西班牙对外银行近日发布的《中国房地产观察》报告认为，中国不同城市的情况差别很大，短期内一线城市房价可能下调约20%。该报告指出，基于中国主要城市供需状况评估的商品房价格显示，北京、上海和深圳的房价目前比均衡价格分别高估16%、18%和20%。在某些二级城市，如重庆和?</t>
  </si>
  <si>
    <t>美轮胎工业协会反对给中国轮胎设限</t>
  </si>
  <si>
    <t>本报纽约电(记者陈刚)美国轮胎工业协会17日发表声明，反对美国钢铁工人联合会向美国国际贸易委员会提出限制中国轮胎进入美国市场的做法。 　　    美国轮胎工业协会是国际轮胎行业重要的行业组织之一。它在声明中说，限制进口中国轮胎不仅无助于保住美国制造业的就业岗位，</t>
  </si>
  <si>
    <t>产业用纺织品标准缺失制约行业发展</t>
  </si>
  <si>
    <t>一种由我国自主研发生产的医用材料，售价不过10元人民币，出口到美国安装一些零件，进行消毒、包装，再卖回到国内医院，这种叫作“凝胶气囊止血鼻塞”的产品价格就成了200元，翻了20倍。 　　    上述现象在我国医用纺织品行业中并非个例。 　　    吴俊是合肥美迪普公司</t>
  </si>
  <si>
    <t>我国中小企业家承受风险能力最高</t>
  </si>
  <si>
    <t>瑞士再保险公司17日公布了《2009年亚太区风险取向调查》，结果显示，在8个亚洲市场中，中国的中小企业家最不畏惧承担风险，而且如果有助于加速业务增长的话，大部分决策者均愿意增加贷款；与此形成对比的是，中国普通消费者对财务风险的承担意愿则较为保守。 　　    同时?</t>
  </si>
  <si>
    <t>微软主动退让  欧盟仍表不满</t>
  </si>
  <si>
    <t>迫于来自欧盟的反垄断压力，全球软件业巨头美国微软公司近日表示，将在欧洲市场上发售不附带自身网络浏览器IE的最新版视窗操作系统(Windows)。微软再次“服软”，但它与欧盟之间的反垄断较量却是余音未了。 　　    再逼Windows“瘦身” 　　    在日前寄给电脑生产商的?</t>
  </si>
  <si>
    <t>大陆对台采购的“福州模式”：为贸易常态化探路</t>
  </si>
  <si>
    <t>在大陆的采购商名单中，福建超大集团是大陆对台采购中的“探路者”。这家企业从2006年率先实现台湾农产品免税直航大陆以来，已经完成4次紧急采购台湾滞销水果，累计约3000吨，其对台农产品采购的运作模式被国台办等部门称为“福州模式”。 　　    7月初将组团赴台湾中南部</t>
  </si>
  <si>
    <t>大陆扩大对台采购“一石三鸟”</t>
  </si>
  <si>
    <t>5月底以来，大陆已组织三次大型赴台采购活动，总金额将超过68亿美元，在台岛内外取得良好反响。日前，商务部表示，7月上旬还将有第二批“两岸经贸促进考察团”赴台，采购项目将进一步扩大。厦门大学台湾研究中心副主任李非教授接受记者专访时表示，大陆扩大对台产品采购将起?</t>
  </si>
  <si>
    <t>巴黎航展：中国航空业逆势而上</t>
  </si>
  <si>
    <t>“我有个问题，在金融危机的冲击下，别的企业都在缩小展台，为什么你们反而扩大了展台面积？”巴黎航展开幕第一天的一大早，法国BFM电视台的经济记者朱莉娅就径直来到中国航空工业集团公司(以下简称中航)的展台，提出了这个疑问。 　　    而中航人的答案如出一辙：因为中?</t>
  </si>
  <si>
    <t>美金融监管改革路途崎岖</t>
  </si>
  <si>
    <t>美国财政部长盖特纳和白宫国家经济委员会主任萨默斯15日在《华盛顿邮报》上透露即将公布的金融监管改革方案大纲。 　　    美国总统奥巴马将在17日（当地时间）公布这一改革方案，这是自上世纪30年代“大萧条”以来最面面俱到的金融市场监管体系重整计划《华尔街日报》援引</t>
  </si>
  <si>
    <t>韩国能源界向中国绿色产业伸出橄榄枝</t>
  </si>
  <si>
    <t>在日前中国贸促会和韩国大韩商工会议所共同举办的中国——韩国绿色经贸合作论坛上，韩国斗山重工、KC Cottrell等能源界知名企业纷纷向中国新能源、节能减排等绿色产业伸出橄榄枝。 　　    中韩能源部门负责人在论坛上表示，中韩绿色产业优势领域各有千秋，韩国核电制造业?</t>
  </si>
  <si>
    <t>我国合同能源管理机制潜力巨大</t>
  </si>
  <si>
    <t>本报讯(记者孙晓胜胡静)中国节能协会节能服务产业委员会主任沈龙海15日在“2009中国北京国际节能环保高层论坛”上表示，作为节能新模式的合同能源管理机制在中国虽然起步较晚，但拥有巨大的市场潜力。 　　    合同能源管理(简称EPC)，是上世纪70年代在西方发达国家开始发?</t>
  </si>
  <si>
    <t>我纺织品对美出口出现回暖迹象</t>
  </si>
  <si>
    <t>本报纽约电(记者王建刚)尽管美国经济依然陷于困境，失业率上升，居民消费疲软，但中国纺织服装行业从业者仍来到纽约，举行第十届“中国纺织品服装贸易展览会(纽约)”。有迹象表明，中国纺织服装产品对美国市场的出口开始出现回暖迹象。 　　    中国国际贸易促进会纺织行业</t>
  </si>
  <si>
    <t>4月中国减持美国国债44亿</t>
  </si>
  <si>
    <t>根据美国财政部15日公布的国际资本流动报告(TIC)，截至4月末，中国持有美国国债7635亿美元，与3月末的数据7679亿美元相比，减持44亿美元，但仍居各国首位。 　　    之前的一段时间，中国没有停止对美国国债增持的脚步。从去年10月到今年3月，月度增持额分别为659亿美元、2</t>
  </si>
  <si>
    <t>艺术市场“潜力股”——名家水彩画</t>
  </si>
  <si>
    <t>2007年年末，美国次贷危机引发的全球金融风暴，使得中国的经济也深受其害，房地产、股市应声下跌，连一向坚挺的艺术品市场也未能幸免。在当前这种严峻的形势下，是否还有值得投资的书画佳品呢？前两年，当国画、油画市场十分火爆时，在西方被称为“画中女王”、地位与油画并?</t>
  </si>
  <si>
    <t>中国的最大挑战在环境</t>
  </si>
  <si>
    <t>美国哥伦比亚大学经济学教授杰弗里·萨克斯近日在本报记者专访时说，环境的可持续发展问题是当前中国面临的最为严峻的挑战，由于中国人口众多、资源有限，可持续发展是中国未来发展的必由之路。 　　    萨克斯现任哥伦比亚大学地球研究所所长，同时也是联合国秘书长潘基文</t>
  </si>
  <si>
    <t>腾中收购悍马带来的品牌挑战</t>
  </si>
  <si>
    <t>最近，一个多少引发全球关注并惊动中国各界的事件——中国企业腾中收购美国通用的悍马品牌，让通用汽车的破产保护事件打上了重重的中国印记。面对或褒或贬各种议论，笔者想到的是事件的另一个则面：腾中准备好收购背后重新打造品牌的挑战了吗？ 　　    最重要的品牌挑战：</t>
  </si>
  <si>
    <t>全球商业地产投资年内持续暗淡</t>
  </si>
  <si>
    <t>本报伦敦电(记者王建华)英国《金融时报》8日报道，2009年全球商业房地产投资前景依然暗淡，近期内地产价格跌势没有放缓迹象。 　　    报道援引咨询公司戴德梁行最新公布的全球商业房地产投资情况年度报告说，全球写字楼的投资回报率在2009年预计将下降20%，商业房地产市场</t>
  </si>
  <si>
    <t>美国经济有望9月前摆脱衰退</t>
  </si>
  <si>
    <t>本报伦敦电  诺贝尔经济学奖得主保罗·克鲁格曼8日表示，美国经济可能在今年9月份之前摆脱衰退。 　　    克鲁格曼在伦敦经济学院发表演讲时说：“如果美国经济衰退在今年夏季某个时间结束，我不会感到惊讶。经济状况恶化的速度放缓，有理由认为形势正在稳定。”</t>
  </si>
  <si>
    <t>中国汽车业要汲取通用教训</t>
  </si>
  <si>
    <t>外国企业的经验曾经是中国汽车业的教材。但在美国汽车业巨头纷纷遭遇危机的情况下，通用高级顾问杨雪兰对本报记者表示，中国汽车企业也应该汲取他们的教训。 　　    杨雪兰曾经担任通用主管改革的全球副总裁。她把在通用未能实现的一些想法拿到中国，并使上海通用获得了成</t>
  </si>
  <si>
    <t>延边“内外兼修”破解对外劳务返乡难题</t>
  </si>
  <si>
    <t>受国际金融危机影响，吉林省延边朝鲜族自治州对外劳务经济受到很大冲击，从国外返乡的劳务人员逐渐增多。目前，延边州有关部门采取针对性措施，加强对这些人员的就业引导、安置和服务工作，“内外兼修”保障劳务经济的发展，维护当地经济发展和社会稳定。 　　    对外劳务</t>
  </si>
  <si>
    <t>中国人会把悍马改成“省油车”？</t>
  </si>
  <si>
    <t>在美国人对悍马易主的评论中，有段话最具调侃意味：“中国人说不准就能将悍马转变为‘混合动力新悍马’，比丰田普瑞斯还省油。”这调侃的背后实际代表着悍马在美国人心目中的形象。 　　    按照目前达成的初步协议，通用汽车旗下的悍马品牌将卖给中国四川腾中重工。如果协</t>
  </si>
  <si>
    <t>东南非共同市场正式成立关税同盟</t>
  </si>
  <si>
    <t>本报维多利亚瀑布城电(记者李努尔宋盈)非洲最大的地区经济组织———东南非共同市场7日在这里宣布正式成立关税同盟，实现该地区对外贸易的高度统一。 　　    关税同盟成立后，东南非共同市场成员国将对区域外国家的进口商品征收统一关税。这是东南非共同市场实行经济一体?</t>
  </si>
  <si>
    <t>奥巴马：将加快落实经济刺激计划</t>
  </si>
  <si>
    <t>本报华盛顿电(记者刘洪胡芳)美国总统奥巴马8日表示，美国将在今年夏天加快落实他已签署的7870亿美元经济刺激计划，他预估该项目将在今夏为美国创造60余万个就业岗位。 　　    奥巴马在当天的声明中指出，美国经济复苏虽还有漫漫长路要走，但美国政府措施正确，美国民众也?</t>
  </si>
  <si>
    <t>海湾四国签署货币联盟协议</t>
  </si>
  <si>
    <t>本报利雅得电(记者李震)沙特阿拉伯、科威特、卡塔尔和巴林四个海湾国家7日在利雅得签署海湾货币联盟协议，意味着海湾国家在统一货币的道路上又迈出了重要一步。 　　    沙特财政大臣阿萨夫说，海湾货币联盟协议的签署标志着海湾经济一体化进入了一个新的重要阶段，沙特政?</t>
  </si>
  <si>
    <t>中铝梦断力拓国际化之路多坎坷</t>
  </si>
  <si>
    <t>6月5日，力拓集团发布正式公告，宣布其董事会撤销对与中铝达成的战略合作交易的推荐，与中铝的交易将不再继续进行，并将通过全权承销的配股方式筹集总额约152亿美元资金。同日中铝公司发布的公告中，对上述情况予以确认。至此，中国迄今为止单一最大项目的海外投资宣告破产。</t>
  </si>
  <si>
    <t>中日经济高层对话推进战略互惠关系</t>
  </si>
  <si>
    <t>第二次中日经济高层对话7日在日本东京闭幕。中国国务院副总理王岐山和日本外务大臣中曾根弘文在对话结束后共同会见了记者。双方一致表示，要牢牢把握中日战略互惠关系的大方向，加强交流，增进共识，共同推动两国经贸合作不断向前发展。 　　    本次对话由中国国务院副总?</t>
  </si>
  <si>
    <t>古润金：马来西亚华商要把握中国机会</t>
  </si>
  <si>
    <t>陪同马来西亚总理纳吉来访的马中友好协会署理会长古润金日前接受记者采访时表示，中国正处在经济腾飞、和平崛起的好时机，希望马来西亚华商好好把握机会，加快中马经济合作。 　　    古润金说，三十五年前，纳吉的父亲、马来西亚第二任总理拉萨冲破重重阻力于1974年5月28?</t>
  </si>
  <si>
    <t>中联重科融资租赁追问</t>
  </si>
  <si>
    <t>5月28日，在澳大利亚布里斯班地区，中联重科澳洲分公司暨中联重科融资租赁(澳大利亚)有限公司与澳大利亚代理dellgale p/l公司及J.L.&amp;J.L.Booth Pty Ltd举行的融资租赁签约仪式上，中联重科董事长詹纯新说，澳洲只是其全球目标的一部分，他们利用澳洲打造海外营销模本的初衷基</t>
  </si>
  <si>
    <t>我国外贸环境不乐观</t>
  </si>
  <si>
    <t>受经济危机影响，最新数据显示我国三大贸易伙伴都深陷经济衰退泥潭。在外部市场短期内难以迅速恢复的现状下，我国的外贸环境不容乐观。 　　    欧洲经济伤筋动骨 　　    我国最大贸易伙伴的欧盟经济衰退严重。欧盟统计局3日公布的修正数据显示，今年第一季度，欧盟27国</t>
  </si>
  <si>
    <t>中国刺激经济举措将加剧产能过剩和贸易摩擦</t>
  </si>
  <si>
    <t>中国欧盟商会负责人近日接受记者采访时警告说，中国在全球金融危机爆发后采取的积极的刺激经济措施，如忽视“度”的把握，将使产能过剩矛盾更加突出，加剧对外贸易摩擦。 　　    中国欧盟商会是欧洲公司在华利益的代表，目前拥有1400多家会员，并在中国的天津、上海等地设</t>
  </si>
  <si>
    <t>中国家具出口应加快开拓俄罗斯市场</t>
  </si>
  <si>
    <t>尽管金融危机对我国出口行业造成严重影响，但中俄最大陆路口岸满洲里口岸家具出口仍稳步增长。据满洲里海关统计，满洲里口岸今年前4个月出口家具及其零件(以下简称家具)165.2万美元，比去年同期增长1.1倍，主要出口俄罗斯。 　　    满洲里海关统计分析人员冯哲等人认为，?</t>
  </si>
  <si>
    <t>苏州工业园区已走到产业升级的十字路口</t>
  </si>
  <si>
    <t>新加坡内阁资政李光耀日前表示，中新合作的苏州工业园区目前已经走到产业升级及转型的十字路口，无论在管理或工人技术水平方面，都应寻求改善。如果没有自我创新的意识，苏州工业园区迟早将被其他园区甚至其他成本更低的国家如越南所取代。 　　    李光耀日前在接受当地媒</t>
  </si>
  <si>
    <t>科赫：一脚踩油门,一脚踩刹车</t>
  </si>
  <si>
    <t>俗话说，好马配好鞍，那曾经是世界上最好的车企破产保护时应该配什么？ 　　    答案是———最好的重组专家。 　　    随着美国通用汽车公司6月1日向纽约当地破产法庭正式递交破产保护申请，正式进入破产保护程序，阿尔伯特·科赫作为通用首席重组官被推向前台。</t>
  </si>
  <si>
    <t>外国航空问题专家议评法航客机失事</t>
  </si>
  <si>
    <t>法国航空公司一架客机1日在大西洋海域失事，机上216名乘客和12名机组人员至今下落不明。噩耗传来，举世震惊。那么，这起空难将对国际民航业产生何种影响？如何看待法航这架客机失事的原因？如何才能提高国际民航飞行安全？外国航空问题专家们认为，国际社会在关注这起空难的?</t>
  </si>
  <si>
    <t>重大分歧困扰全球气候变化谈判</t>
  </si>
  <si>
    <t>联合国2009年第二次气候变化国际谈判本月1日至12日在德国波恩举行，其目标是为应对气候变化的全球性新协议准备草案。根据国际社会2007年年底制定的“巴厘岛路线图”，这一新协议应在今年年底在丹麦首都哥本哈根举行的联合国气候变化大会上达成。 　　    然而，从目前情况?</t>
  </si>
  <si>
    <t>四川一民企跨国收购悍马  冲动还是机遇？</t>
  </si>
  <si>
    <t>正当美国百年企业通用汽车公司遭遇破产危机之时，3日，地处中国西部内陆的四川一家名为腾中重工的民营企业，踌躇满志地与通用公司达成了收购悍马的初步协议。 　　    一石激起千层浪。腾中重工“何许人”也，收购悍马是一时冲动，还是抢抓机遇的理性选择？ 　　    四川</t>
  </si>
  <si>
    <t>美国为何“小觑”甲型H1N1流感</t>
  </si>
  <si>
    <t>自从4月15日在加利福尼亚州发现第一例甲型H1N1流感患者后，美国境内该型流感患者确诊人数与日俱增，目前流感疫情已蔓延至美国所有50个州及首都华盛顿哥伦比亚特区，确诊和疑似病例数量达到1万多例，死亡病例达到两位数。 　　    疫情发展如此之快，美国为何不采取更加坚决</t>
  </si>
  <si>
    <t>俄总统支持创建超主权储备货币</t>
  </si>
  <si>
    <t>本报莫斯科电(记者赵嘉麟)据俄罗斯克里姆林宫官方网站3日发布的消息，俄总统梅德韦杰夫日前在接受美国CNBC电视台采访时说，俄方支持有关创建超主权储备货币的构想。 　　    梅德韦杰夫说，创建超主权储备货币的想法是“有效的”。当前，世界需要更多数量的储备货币，以便?</t>
  </si>
  <si>
    <t>美国政府不干涉四川民企收购悍马</t>
  </si>
  <si>
    <t>四川腾中重工机械有限公司与美国通用汽车公司已就收购悍马达成初步协议，不过协议的最终条款尚待最终磋商决定。悍马身价几何？它的出售会否影响到美国军用车的安全？交易将给双方带来怎样的危与机？这都是各界热议的焦点。 　　    美国政府不干涉 　　    通用汽车和四?</t>
  </si>
  <si>
    <t>波士顿咨询：中国消费者仍然较为乐观</t>
  </si>
  <si>
    <t>本报讯(记者张汉青)6月3日，波士顿咨询公司(BCG)发布的最新报告显示，当前欧美和日本等市场的消费者对经济持续恶化的担忧日渐加重，但中国消费者仍然较为乐观，对国家经济的中长期发展信心十足，中国是消费升级趋势超越降级趋势的惟一国家。 　　    据了解，这份报告题为?</t>
  </si>
  <si>
    <t>美国会甘愿让货币霸权易手吗</t>
  </si>
  <si>
    <t>●由于加强金融监管不符合占据资本主导地位的虚拟资本的利益，就注定了所有有关加强监管的言论与条约，最终都会沦为空谈。　　    ●老欧洲逼美国妥协，并不是欧洲人真想要建立什么世界新秩序，而是要借美国危机深陷而从美国人手中夺取货币霸权。世界金融霸权从来就不仅仅?</t>
  </si>
  <si>
    <t>比亚迪携手大众谋求在电动车领域深度合作</t>
  </si>
  <si>
    <t>应德国大众汽车集团邀请，中国汽车制造业的新秀比亚迪汽车代表团，日前访问了大众总部。其间，比亚迪集团董事会主席王传福与大众汽车公司董事会主席Martin Winterkorn(文德恩)签订了一份令业界尤为关注的协议，即关于双方共同发展电动汽车的合作备忘录。 　　    双方合作?</t>
  </si>
  <si>
    <t>陆资赴台  大幕开启</t>
  </si>
  <si>
    <t>4月26日，海协会与海基会在南京就大陆资本赴台投资事宜达成原则共识。5月17日，商务部、国台办正式发布《关于大陆企业赴台湾地区投资或设立非企业法人有关事项的通知》，明确了陆资入岛的办理程序。台湾方面制订的陆资赴台许可办法、产业类别开放项目以及相关配套措施也预定6</t>
  </si>
  <si>
    <t>美欧制造业初露改善迹象</t>
  </si>
  <si>
    <t>尽管美欧经济仍在危机的寒冬中苦苦挣扎，但近期一些数据显示，美欧制造业衰退程度减缓，已显露出逐渐改善的迹象。 　　    据美国著名研究机构供应管理协会1日发布的报告，今年5月份美国制造业连续第16个月衰退，但表现与前一个月相比有所改善。 　　    报告显示，供应?</t>
  </si>
  <si>
    <t>油价上调后加油站价格不同</t>
  </si>
  <si>
    <t>自6月1日零时起国内汽、柴油价格每吨分别提高400元。新华社记者调查发现，经过新一轮的调价之后，上海地区中石化、中石油所属加油站以及民营加油站各油品价格不同。 　　    民营加油站的油价普遍并未完全按照最高限价来销售，优惠幅度有所不同。位于上海万航渡路的华江加?</t>
  </si>
  <si>
    <t>看美国通用汽车如何走下神坛</t>
  </si>
  <si>
    <t>美国通用汽车公司于当地时间6月1日早间正式递交了破产保护申请。这将成为美国工业史上最大的一起破产保护案。 　　    在过去100年中，通用汽车作为美国工业的象征和荣耀，长期稳坐世界汽车业头把交椅，占据《财富》全球500强榜首位置。但这次金融海啸，却几乎在瞬间将“通</t>
  </si>
  <si>
    <t>美国对华“抱怨式外交”行不通</t>
  </si>
  <si>
    <t>美国一些官员以前处理中国事务时，总习惯在人民币汇率、贸易赤字等问题上大做文章，外界将此称为美国对华“抱怨式外交”。但美国财政部长盖特纳访华前明确对笔者表示，不会继续这种对华策略。 　　    5月30日动身访华的盖特纳指出，美国和中国作为世界两大经济体，加强合?</t>
  </si>
  <si>
    <t>三问美国财长盖特纳</t>
  </si>
  <si>
    <t>盖特纳能让中国放心吗？ 　　    5月31日，抵达北京的美国财长盖特纳开始了他在中国为期三天的正式访问。据美国《华尔街日报》报道，盖特纳在来华的飞机上表示“美国经济在复苏，请中国放心”。 　　    金融危机两年来，美国的一系列财政与货币政策，确实已让中方对美元</t>
  </si>
  <si>
    <t>破产保护能否让通用起死回生</t>
  </si>
  <si>
    <t>通用汽车公司1日向纽约南区美国联邦破产法院申请破产保护，从而成为依照美国《破产法》第11章申请破产的第一大制造业企业。 　　    破产保护能成为通用汽车起死回生的万灵药吗？有乐观人士认为，破产保护将让通用汽车完成100多年来最快速的精简。但也有一些分析人士认为，</t>
  </si>
  <si>
    <t>金融海啸的真正祸根在美国文化</t>
  </si>
  <si>
    <t>听韩秀云教授讲课肯定是件轻松惬意的事，因为在采访过程中，她常会用风趣幽默的语言，来阐述解释发生在我们身边的经济问题，时常还会抖出个包袱，引得大家哄堂大笑。这样的语言天赋源于她对相声曲艺的喜爱，她说：“我喜欢那些美好的东西，能给人带来欢笑的东西。我更喜欢将?</t>
  </si>
  <si>
    <t>罂粟,用替代的方式禁绝</t>
  </si>
  <si>
    <t>从中缅边境的云南省保山市猴桥口岸出境，沿着史迪威公路一路前行，20公里外就到达了缅甸克钦邦的重镇甘拜地，沿途的土地上橡胶和玉米茂盛生长，在阳光的照射下，郁郁葱葱，生机盎然。 　　    如果不被告知，可能难以辨认，这里曾经是世界上主要毒品产地“金三角”的腹地。</t>
  </si>
  <si>
    <t>铁矿石谈判日韩缴械中方孤军独守</t>
  </si>
  <si>
    <t>在5月26日澳大利亚力拓公司与日本新日铁公司率先达成的2009年度铁矿石价格协议后，韩国方面已经公开向媒体表示，将跟随并接受上述价格涨幅。面对亚洲谈判战线相继崩溃，中钢协5月31日首次发表公告，明确称中方不能接受这个价格，对上述结果不予跟进。 　　    业内专家分析</t>
  </si>
  <si>
    <t>外媒：盖特纳可能谨慎谈及汇率问题</t>
  </si>
  <si>
    <t>美国《华尔街日报》评论说，美国财长盖特纳上任以来的首次中国之行是奥巴马政府考量其对华政策的一个机会，同时也为双方对中美关系进行一些急需的澄清提供了机会。 　　    美国《华盛顿邮报》的文章称，盖特纳本次中国之行将改变几个月前的强硬路线，以更为务实的态度着手</t>
  </si>
  <si>
    <t>陈英：企业社会责任不只是做慈善</t>
  </si>
  <si>
    <t>企业社会责任(英文简称CSR)这个字眼这两年在媒体上出现的频率越来越高了，很多大型企业近几年每年都会发布自己的企业社会责任报告。到底什么才是CSR？CSR在全球内有没有统一的标准？中国的CSR建设在国际上处于什么水平？带着这些问题，本报记者日前专访了联合国“全球契约”?</t>
  </si>
  <si>
    <t>国际铁矿石首发价令中方陷入两难</t>
  </si>
  <si>
    <t>继去年最先与巴西淡水河谷达成涨幅85%的谈判后，新日铁又一次获得了铁矿石年度谈判首发定价权。5月26日力拓在公司网站发表声明称，已与日本新日铁达成协议，本出货年度铁矿石合约价格降价33%。这个降幅远低于此前中国坚持的40%至45%的降幅。对于此结果，中方又会作何表态呢？</t>
  </si>
  <si>
    <t>欧盟通过“蓝卡”计划吸引外国人才</t>
  </si>
  <si>
    <t>本报布鲁塞尔电(记者尚军)欧盟成员国代表25日正式通过了旨在吸引外国高技术人才的“蓝卡”计划，从而为此项计划的实施完成了最后一项立法程序。 　　    欧盟“蓝卡”计划是在借鉴了美国的“绿卡”制度基础上推出的，它实际上是一种工作和居留许可证，有效期从1年到4年不等</t>
  </si>
  <si>
    <t>八国集团能源部长会议呼吁稳定油价</t>
  </si>
  <si>
    <t>正在意大利首都罗马举行的八国集团能源部长会议当地时间24日呼吁石油生产国采取措施稳定油价，认为油价持续攀高可能使世界经济偏离复苏轨道。 　　    然而，主要产油国却认为，当前的国际油价仍低于他们的理想价格水平，因此石油输出国组织(欧佩克)在28日的维也纳部长级会</t>
  </si>
  <si>
    <t>山东：前4月软件出口逆市猛增</t>
  </si>
  <si>
    <t>本报讯  据青岛海关统计，1-4月份山东省软件出口迅猛增长，共出口572万美元，比去年同期(下同)增长51.7%。 　　    山东软件出口市场高度集中，日本是最大出口市场。对日本出口480万美元，增长35%，占出口总值的84%。对美国出口则大幅萎缩，仅出口4.4万美元，下降62%。其中</t>
  </si>
  <si>
    <t>次贷危机背后美国房地产和金融市场困境</t>
  </si>
  <si>
    <t>“如果是次贷危机引起美元汇率下跌，美元就会随着次贷危机的平息而恢复到其以前某个时段的汇率；如果相反，是美元危机下的次贷危机，次贷危机就必然会扩大，引起其它资产的信用危机。”孙冶方经济学奖获得者、南开大学虚拟经济与管理研究中心主任刘骏民在接受记者采访时说，?</t>
  </si>
  <si>
    <t>智富能源欲打造“全球竞争力黄金公司”</t>
  </si>
  <si>
    <t>香港上市公司智富能源(1051.HK)金融（集团）有限公司董事局主席刘梦熊近日在北京接受记者采访时放出豪言：智富能源的长远目标是要发展成为一个“以亚洲为中心、具备全球竞争力的黄金公司。” 　　    应对金融危机：黄金是最佳对冲工具 　　    刘梦熊是5月22日飞抵北京?</t>
  </si>
  <si>
    <t>美国：高科技正从主角位置滑落</t>
  </si>
  <si>
    <t>一个时期以来，美国经济的所谓高科技主导和创造巨额财富一直为人们津津乐道，但南开大学虚拟经济与管理研究中心最新的研究结果提出，与上世纪五六十年代相比，美国GDP结构正在发生显著变化，实体经济被严重削弱，随之而来的则是高科技正从“主角”位置上滑落。统计数据显示，</t>
  </si>
  <si>
    <t>全球企业CEO看重欧美和中国市场</t>
  </si>
  <si>
    <t>本报讯  纽约泛欧交易所集团日前发布2010年度全球企业首席执行官(CEO)调查。调查表明，2010年度，美国仍旧是多数CEO心目中最为重要的市场，西欧和中国市场的重要性紧随其后。近一半的CEO认为新兴市场为公司带来机会，仅有3%的人认为新兴市场将带来挑战。 　　    在受访的?</t>
  </si>
  <si>
    <t>欧洲新兴市场危机的原因及前景</t>
  </si>
  <si>
    <t>2008年9月以来，在全球金融危机的冲击下，欧洲新兴市场相继爆发货币危机和银行危机，经济金融形势持续恶化。虽然各国政府全力自救，但利率政策无效及财政赤字让救助显得相对无力。一旦欧洲新兴市场爆发债务危机，势必对西欧银行经营、欧洲一体化进程、美国经济复苏以及亚洲区</t>
  </si>
  <si>
    <t>智能电网：全球能源战略转型的一个契机</t>
  </si>
  <si>
    <t>作为美国总统奥巴马能源变革中最可能获取短期战略成果的主力领域，发展统一的智能电网一时间成为全球能源界关注的焦点。21日在北京召开的“2009特高压输电技术国际会议”，再次将目光聚集到智能电网这一世界电力发展的新趋势。 　　    “智能电网是科技尖端，正在全球能源</t>
  </si>
  <si>
    <t>美信用卡制度变革将影响发卡商盈利</t>
  </si>
  <si>
    <t>本报华盛顿电过不了多久，每个美国消费者将会发现，国内信用卡信贷市场出现巨大变化。继日前在参议院获批之后，“信用卡消费者权益法案”20日又以361票赞成、64票反对的结果在众议院获批，并已递交美国总统奥巴马，计划于本周末(22日)签署生效。 　　    这项将于2010年2月</t>
  </si>
  <si>
    <t>豆类期货交投热络  值得关注</t>
  </si>
  <si>
    <t>近一周来国内农产品期货市场各品种走势强弱不一，值得关注的是大连交易所的豆类品种。从后市看，美国大豆供应偏紧的局面将延续到今年秋季，CBOT大豆期价有望维持高位波动行情，连豆也有上涨空间。 　　    豆类各品种主力合约交投热络 　　    从谷物的情况看，我国冬小?</t>
  </si>
  <si>
    <t>梅德韦杰夫：俄将积极吸引中国资金投向远东</t>
  </si>
  <si>
    <t>本报哈巴罗夫斯克电(记者卢敬利海洋)俄罗斯总统梅德韦杰夫21日表示，俄罗斯将积极吸引中国资金到俄远东地区投资，并将发展远东地区战略与中国振兴东北老工业基地计划相结合。 　　    梅德韦杰夫在哈巴罗夫斯克举行的与中国和蒙古国边境地区合作会议上指出，今年以来，尽管</t>
  </si>
  <si>
    <t>通过贸易便利化拯救出口型中小企业</t>
  </si>
  <si>
    <t>本报讯(记者文婧实习生石赛玉)在5月20日在由中国贸促会、联合国亚洲及太平洋经济社会委员会以及世界银行共同主办的“贸易便利化和中小企业发展研讨会”上，来自世界银行、联合国和世界海关组织的有关专家提出，通过加强政策可预测性、完善基础设施、构建区域合作体系等来提高</t>
  </si>
  <si>
    <t>中国文化产品出口：从卖电视机到卖电视剧</t>
  </si>
  <si>
    <t>在第五届中国(深圳)国际文化产业博览交易会上，华强文化科技集团与南非国家工业发展公司达成意向，将在南非建立一个占地77万平方米的“中国迪斯尼”。这使我国成为继美国之后第二个主题公园出口国，我国文化产品出口开始实现从“卖电视机”到“卖电视剧”的转变。</t>
  </si>
  <si>
    <t>“陆资入台”将促进两岸产业优势互补</t>
  </si>
  <si>
    <t>明确大陆企业入岛投资的办理程序，组织一些行业的骨干企业赴台投资考察，在台湾举办培训会、洽谈会等活动……5月17日，中共中央台办、国务院台办主任王毅在首届海峡论坛上公布了推动大陆企业赴台投资的落实方案。 　　    两岸经济界专业人士指出，此方案明确、具体细致，?</t>
  </si>
  <si>
    <t>世界汽车“6+3”格局面临重大变化</t>
  </si>
  <si>
    <t>当前世界汽车格局可分为三大板块：以“三巨头”为代表的美国板块，以丰田、本田、日产为骨干的日本板块，以及包括戴姆勒、大众、雷诺、宝马等在内的欧洲板块。换言之，就是通常所说的“6+3”格局，“6”即通用、福特、戴-克、丰田、大众、日产-雷诺联盟“3”即宝马、本田和PS</t>
  </si>
  <si>
    <t>台胞大陆就业的路更宽了</t>
  </si>
  <si>
    <t>“台湾地区很多法律界人士都有意到大陆从事法律服务，惠台新政策使他们的愿望变得现实。”正在中国政法大学读博士、去年刚通过国家统一司法考试的台湾学生洪绍荣对大陆新近出台的多项惠台措施评价积极。 　　    5月17日，中共中央台办、国务院台办主任王毅在首届海峡论坛?</t>
  </si>
  <si>
    <t>台农大陆创业又一大利好</t>
  </si>
  <si>
    <t>“这对我们来说是又一大利好。”已在福建省莆田市仙游县投资农业数年的台湾摩天岭农业有限公司执行董事童来成说，现在大陆的台湾农民创业园遍地开花，台湾农民都在往大陆靠拢。 　　    5月17日，中共中央台办、国务院台办主任王毅在首届海峡论坛大会上，宣布包括加强两岸?</t>
  </si>
  <si>
    <t>我国油气进口四大战略通道格局初现</t>
  </si>
  <si>
    <t>将俄罗斯的原油输送至我国境内的中俄原油管道中国境内段18日在黑龙江省漠河县兴安镇正式开工建设。分析人士指出，我国油气进口正逐步呈现出东北、西北、西南和海上四大战略通道的格局，这对实现我国油气进口多元化，保障我国能源安全具有重要意义。 　　    在开工仪式上，</t>
  </si>
  <si>
    <t>土地整治10年补充耕地4163万亩</t>
  </si>
  <si>
    <t>本报青岛电(记者王希王立彬)国土资源部副部长鹿心社18日说，10年来我国通过农村土地整治复垦开发累计补充耕地4163万亩，土地整治已成为保证我国粮食安全的重要手段。 　　    鹿心社在此间举行的“中德土地整理与农村发展研讨会”上表示，近年来，我国提出了城市建设用地增</t>
  </si>
  <si>
    <t>五矿与OZ交易案获发改委批准</t>
  </si>
  <si>
    <t>本报上海电(记者何欣荣)澳大利亚矿企OZ公司18日发表声明，称公司与五矿有色的12.06亿美元交易案已获得中国发改委批准。 　　    早在4月23日，澳大利亚外国投资审查委员会就批准了五矿有色提交的12.06亿美元新收购方案。此次又获得中国发改委批准后，这桩交易案还需要中国?</t>
  </si>
  <si>
    <t>中国3G渐次升温隐忧潜藏</t>
  </si>
  <si>
    <t>2009年，被称为中国3G元年。伴随第三代移动通信即3G牌照发放，动辄上百亿元的建网投资、一轮接一轮的设备招标、形形色色的市场推广……在5月17日“世界电信和信息社会日”前后，更是达到顶峰。三个电信运营商各自持有3个3G国际标准之一———中国本土TD-SCDMA、美国CDMA2000?</t>
  </si>
  <si>
    <t>王毅宣布八项惠台新政策</t>
  </si>
  <si>
    <t>本报厦门电(记者许雪毅茆雷磊王凡凡)为落实温家宝总理上月在博鳌亚洲论坛期间提出的五项重要对台举措，中共中央台办、国务院台办主任王毅在17日上午举行的首届海峡论坛大会上宣布了八项具体方案。 　　    一、推动大陆企业赴台投资。商务部、国务院台办今天将正式发布《关</t>
  </si>
  <si>
    <t>吴晓求认为  国际货币体系将是三元结构或四边货币体系</t>
  </si>
  <si>
    <t>本报合肥电(记者郭小兰卢尧)中国人民大学金融与证券研究所所长吴晓求提出，未来的多元国际货币体系可能是三元结构或者四边货币体系。人民币作为国际货币体系中的重要一元，和美元的关系应该是共生存，和谐发展，共同维护全球货币的稳定。吴晓求是在此间近日举办的第四届中国?</t>
  </si>
  <si>
    <t>中低端钢材进口激增</t>
  </si>
  <si>
    <t>自去年底开始，从白俄罗斯等国家和地区进口的钢材数量激增，导致我国钢材进口大幅增长。其中尤应关注的是，我国长期具有价格竞争优势的冷热卷板、钢坯等中低端产品，成为进口激增的主体。 　　    “这一态势若得不到及时有效扭转，我国恐怕将从‘世界工厂’变成世界的‘钢</t>
  </si>
  <si>
    <t>在华美企短期发展信心下降</t>
  </si>
  <si>
    <t>中国美国商会日前公布了《美国企业在中国》2009年白皮书。报告对2009年美企业在华挑战与机遇做出判断。结合报告内容，记者对部分美企业采访后了解到，经济危机的蔓延普遍降低了企业对未来发展的预期，在华美企短期发展信心下降，中国竞争力面临挑战。然而，被访美国企业高管?</t>
  </si>
  <si>
    <t>波兰或进入欧洲汇率机制第二阶段</t>
  </si>
  <si>
    <t>本报华沙电(记者张章)波兰财政部副部长科特茨基13日说，波兰仍可能在今年下半年进入欧洲汇率机制第二阶段。根据波兰政府此前的计划，波兰应于今年上半年实现该目标。 　　    据波通社报道，科特茨基表示，虽然目前条件尚未达到标准，但波兰仍有希望在今年下半年进入欧洲汇</t>
  </si>
  <si>
    <t>美国楼市走出低谷尚需时日</t>
  </si>
  <si>
    <t>美国房地产跟踪公司13日宣布，今年4月份，美国贷款购房者丧失住房抵押赎回权的案例比去年同期激增32%，涉及约34.2万套住房。美国每371套有住房按揭贷款的房屋即有一套收到与止赎相关的通知，创2005年开始此项统计以来最高月度水平。 　　    一些分析人士指出，这表明美国?</t>
  </si>
  <si>
    <t>全球上市公司未因金融危机加速换帅</t>
  </si>
  <si>
    <t>本报巴黎电(记者芦龙军)虽然金融危机去年席卷全球，许多行业受到巨大冲击，但据法国《回声报》13日的报道，去年上市公司老总们的更迭数量与前年相近，被迫离职的也没有增加多少。 　　    博斯管理咨询公司对全球2500家大型上市公司的调查显示，去年共有361家上市公司总裁?</t>
  </si>
  <si>
    <t>弯道超越  绝处逢生</t>
  </si>
  <si>
    <t>在台湾苗栗三义乡，有一家原来生产人像、木鸭等木制品的工厂，产品曾经远销美日欧。上个世纪80年代，企业进入生意好到“不管生产什么东西都有人要”的境界。不料，市场风云变幻，1996年，木鸭订单大量减少，2002年，工厂几近关门。为充分利用库存的木鸭，老板于绝境处想出一?</t>
  </si>
  <si>
    <t>台湾拟开放首批陆资投资三大类产业</t>
  </si>
  <si>
    <t>本报台北电(记者张勇)来自台湾经济主管部门的最新消息显示，陆资来台投资的具体办法及开放项目预定本月公告，最快6月就可开放。在产业开放项目上，第一阶段拟开放制造业、服务业和公共建设三大类的近百项产业。近期备受瞩目的金融业及电信业等，可能会列入第二阶段开放的范围</t>
  </si>
  <si>
    <t>建行：美国银行减持股份属正常市场行为</t>
  </si>
  <si>
    <t>本报北京电(记者任芳刘琳)日前，中国建设银行接到美国银行通知，美国银行将所持已过锁定期的135.09亿股建行H股以协议方式转让，减持股份占总股本的5.78%。建行新闻发言人13日就此接受了媒体采访。 　　    这位新闻发言人表示，美国银行出于改善其资本状况的考虑，出售所持</t>
  </si>
  <si>
    <t>中英经济财金对话达成21项共识</t>
  </si>
  <si>
    <t>第二次中英经济财金对话11日在英国伦敦举行。双方围绕“中英加强合作支持可持续增长”的主题，就支持经济增长和社会福利、促进金融稳定和资本市场发展、加强能源和环境合作支持绿色增长、深化贸易和投资合作等议题进行了深入讨论，达成了21项共识。 　　    对话成果获得肯</t>
  </si>
  <si>
    <t>中英推进多领域合作  携手应对经济危机</t>
  </si>
  <si>
    <t>中英第二次经济财金对话11日在伦敦举行，中国国务院副总理王岐山和英国财政大臣阿利斯泰尔·达林共同主持对话，主题为“中英加强合作支持可持续发展”。 　　    在对话开幕前夕的媒体吹风会上，中国外交部副部长宋涛说，这次对话意义非凡，它是中英两国落实二十国集团金融</t>
  </si>
  <si>
    <t>我国企业信用认证市场潜力巨大</t>
  </si>
  <si>
    <t>本报讯(记者陈晓东)记者日前从中国信网信用管理股份有限公司、美国CINWA国际信用公司、中国产品质量协会信用工作委员会召开的“第一期申请企业信用认证快速增加内外贸订单讲座”上获悉，我国企业信用认证市场潜力巨大，预计超过千亿元。 　　    据悉，自商务部、财政部、?</t>
  </si>
  <si>
    <t>龙永图“交锋”克鲁格曼</t>
  </si>
  <si>
    <t>本报讯(记者张莫)11日上午，北京金融街威斯汀酒店里，关于中国的贸易顺差和人民币汇率问题，2008年度诺贝尔经济学奖获得者美国经济学家保罗·克鲁格曼和博鳌亚洲论坛秘书长龙永图在主持人的推波助澜下，展开了一小轮交锋。 　　    克鲁格曼本人创建了新贸易理论，也因此获</t>
  </si>
  <si>
    <t>调查报告：美经济第三季度有望恢复增长</t>
  </si>
  <si>
    <t>本报华盛顿电美国经济预测机构蓝筹经济指标10日发布月度调查报告称，美国经济今年下半年有望开始增长，但明年第一季度失业率将达到周期顶峰。 　　    该报告基于对权威经济预测人士的调查。这些人士预计，美国实际国内生产总值(GDP)今年将萎缩2.8%，明年有望增长1.9%。今?</t>
  </si>
  <si>
    <t>瑞士邮政发展经验值得我邮政改革借鉴</t>
  </si>
  <si>
    <t>2009年4月，国家邮政局代表团赴瑞士伯尔尼参加“2009年万国邮联经营理事会年会”并重点对瑞士邮政普遍服务、政府监管工作进行考察。考察团成员、北京邮政局局长胡仲元认为，从考察情况看，瑞士邮政普遍具有服务水平高、邮件处理能力强、市场开放适度有序、事业发展呈良性循环</t>
  </si>
  <si>
    <t>产后恢复：新行业蕴含大商机</t>
  </si>
  <si>
    <t>当西方理念与东方传统相结合，当一个特定的细分市场找到与之相适应的盈利模式时，其所蕴含的商机便会充分显现。正在兴起的产后恢复行业又一次说明这个道理。 　　    随着人们生活水平的提高和对科学健康观念的日益重视，产后恢复———这个致力于女性健康和美丽的全新行业</t>
  </si>
  <si>
    <t>面对甲型H1N1如何选保险</t>
  </si>
  <si>
    <t>近日，甲型H1N1流感在全球蔓延的趋势非常迅速，已由墨西哥传至美国、西欧、澳洲等20多个国家和地区。虽然目前我国还没有人感染该疫情的案例，但人们担心一旦感染，其高额医疗费及死亡损失保险公司是否可以赔付。 　　    对此，保监会主席助理袁力近日在一季度新闻发布会上</t>
  </si>
  <si>
    <t>张江高科：直接投资+“企业孵化器”</t>
  </si>
  <si>
    <t>从成熟市场来看，直接投资已成为西方自营投资的重要领域和最重要的买方业务，一旦投资的企业孵化成功上市，股权价值提升最为直接。因此，那些具有直投或旗下具有较多分拆上市资源的上市公司成为了最受追捧的创投概念股，如张江高科。 　　    张江高科依托张江高科技园区，</t>
  </si>
  <si>
    <t>欧盟就业峰会：十项举措促就业</t>
  </si>
  <si>
    <t>本报布拉格电(记者张碧弘刘黎)为期一天的欧盟就业峰会7日在捷克首都布拉格闭幕，会议就如何保护和促进就业达成共识，并制订了十项具体措施。 　　    这些措施是：第一，通过提供公共基金支持，进行再培训和临时调整工作时间，使尽可能多的人保住工作；第二，通过降低非工?</t>
  </si>
  <si>
    <t>经济危机让美国人勒紧裤带过日子</t>
  </si>
  <si>
    <t>失业、看不见尽头的衰退、信贷紧缩……经济不景气使不少美国家庭改变往日消费观念，勒紧裤带过日子。 　　    美国最近一项调查显示，为缩减开支，许多人把此前视为必不可少的物品归入奢侈品行列。不过，人们对新科技产品的热情却有增无减。 　　    地位不保</t>
  </si>
  <si>
    <t>中国应重视培养懂西方法律的人才</t>
  </si>
  <si>
    <t>最近，美国芝加哥侨界著名律师王志东在接受记者采访时指出，中国进一步对外开放，进一步与国际接轨，需要大批通晓西方国家法律的人才，而目前中国缺乏这方面的人才，因此中国政府应重视这方面人才的培养。 　　    他说，西方是法制社会不是一句空话，而是实实在在的。不深</t>
  </si>
  <si>
    <t>中行发言人：支持美国法院关于“开平案”的判决</t>
  </si>
  <si>
    <t>本报北京电(记者刘诗平白洁纯)中国银行新闻发言人王兆文7日就美国拉斯维加斯联邦法院对中行“开平案”判决一事接受新华社记者采访时说，中行支持美国有关法院的相关判决。 　　    据了解，美国拉斯韦加斯联邦法院以诈骗、洗钱、跨国转运盗窃钱款、伪造护照和签证等罪名分?</t>
  </si>
  <si>
    <t>通用将“债转股”  股东利益遭“稀释”</t>
  </si>
  <si>
    <t>美国汽车业巨头通用5日说，将新发行600亿新股，现有普通股东利益将遭严重“稀释”，丧失几乎所有股权。 　　    一些分析师说，第三大汽车制造商克莱斯勒启动破产程序，通用可以借此“迫使”股东和工会作出更多让步，避免重蹈克莱斯勒的覆辙。 　　    股东遭重击</t>
  </si>
  <si>
    <t>纽约太平洋资本：看好中国企业在美国上市前景</t>
  </si>
  <si>
    <t>本报北京电(记者杨进欣)纽约太平洋资本有限公司首席执行官、花旗银行风险投资基金董事大卫·卡贝近日表示，虽然最近全球经济下行、股市低迷，但中国仍然是世界上最具发展前景的国家之一，中国企业在美国上市的前景依然看好。 　　    大卫·卡贝指出，虽然遭受国际金融危机</t>
  </si>
  <si>
    <t>别低估流感疫情对经济的影响</t>
  </si>
  <si>
    <t>突如其来的甲型H1N1流感，让正在金融危机下挣扎的全球经济再度蒙上阴影。 　　    美国权威专家发表文章预言，甲型H1N1流感对全球造成的经济损失可能大于2003年爆发的SARS(非典)。更为具体的预测则显示，甲型H1N1流感如不幸“大流行”，最乐观的情景是降低世界产出3300亿美</t>
  </si>
  <si>
    <t>欧美就结束牛肉贸易战达成临时协议</t>
  </si>
  <si>
    <t>本报讯欧盟委员会负责贸易事务的委员凯瑟琳·阿什顿和美国贸易代表罗恩·柯克6日均发表声明，宣布双方已于当天就解决持续13年的牛肉贸易争端达成临时协议。 　　    根据这份临时协议，美国政府同意，取消因牛肉贸易争端原定自本周开始对欧盟产品实施的新制裁，维持现有贸?</t>
  </si>
  <si>
    <t>沙特将下调对美国亚洲原油出口价</t>
  </si>
  <si>
    <t>本报讯据彭博新闻社5日报道，全球最大国有石油公司———沙特阿美石油公司当天宣布，将从6月开始下调出口给美国和亚洲客户的轻质原油售价，而出口给部分欧洲地区的原油售价则将有所提高。 　　    根据沙特阿美石油公司当天发表的声明，该公司出口给美国客户的超轻质原油降</t>
  </si>
  <si>
    <t>中国应该理直气壮抓出口增长</t>
  </si>
  <si>
    <t>●西方提出的“全球经济再平衡论”，不符合中国的国家利益。从我国经济建设的长远发展来看，建设方针的提法似应提内外需并重。 　　    ●要纠正对外需下降的若干误判，企业面临的一些困难，相当程度并非外需下降，而是我国出口商品竞争力下降，但是竞争力下降却被误判为外</t>
  </si>
  <si>
    <t>我国光伏产业欲抢占美国市场</t>
  </si>
  <si>
    <t>美国奥巴马政府新能源政策下，美国太阳能光伏发电市场显现重大商机。目前，多家国内光伏龙头企业欲自发进军美国光伏项目总包市场，实现产业复苏与振兴的战略。然而，这一战略的实施中，龙头企业面临融资渠道不畅的困难，希望相关部门对“银企合作”给予推动。 　　    美国</t>
  </si>
  <si>
    <t>张瑞敏的危机观：危机常态化  应对无穷时</t>
  </si>
  <si>
    <t>2009年第一季度，海尔集团在国内市场销售与利润保持平稳增长同时，海外市场销售业绩持续上升。其中，海外“当地生产、当地销售”的销售额同比上升26%；海尔在中东非洲市场销售额同比上升57%；在东盟市场同比上升20.8%；在韩国、日本等东亚市场上升18.2%。 　　    在危机面</t>
  </si>
  <si>
    <t>更加痴迷中国市场</t>
  </si>
  <si>
    <t>克莱斯勒副总裁兼克莱斯勒亚太业务首席执行官柯安哲5月4日表示，根据《美国破产法》第11章，公司以及其全资拥有的24个美国境内分支机构已于当天向美国纽约南区破产法院自愿申请进入破产保护程序。对此，他强调克莱斯勒在中国的业务不会受到影响，并希望重组后的新公司尽快重?</t>
  </si>
  <si>
    <t>南海争端的由来与解决之路</t>
  </si>
  <si>
    <t>近年来，东南亚一些国家及美国等国在我国南海的一些行动与我国产生争端。今年5月13日，是联合国原定要求的各国就200海里外大陆架划界提交申请的时间。有专家预测，未来几年，在南海问题上的争端会更为公开化，我国应该加紧研究、对策、展开工作。　　    南海争端都包括哪?</t>
  </si>
  <si>
    <t>美百家中小银行将倒闭  全球银行业面临“大洗牌”</t>
  </si>
  <si>
    <t>本报4月9日的报道“全球金融七大趋势”曾预期，2009年美国、欧盟中小银行将成批倒下。事实的发展，似乎证实着这一预测。最近，在美国政府“保大弃小”的政策下，中小型银行倒闭消息此起彼落。累计今年首四个月份，关闭银行数目高达32家。 　　    国际机构和分析人士表示，</t>
  </si>
  <si>
    <t>亚洲区域货币合作迈出历史性一步</t>
  </si>
  <si>
    <t>东盟10国和中日韩(10+3)三国财长3日在巴厘岛会议上就规模为1200亿美元的亚洲区域外汇储备库的主要要素达成共识，并决心在今年年底启动这一被称作“亚洲货币基金”雏形的多边货币交换机制。这一合作行动，对维护亚洲地区经济金融稳定具有重大意义，并将对改革和完善国际金融体</t>
  </si>
  <si>
    <t>专家：中国企业海外维权选择法院很重要</t>
  </si>
  <si>
    <t>本报讯(记者张莫实习生袁洁媚) “中国的跨国企业要在知识产权保护上先下手为强，对诉讼法院的选择和及时提出专利复审是两项非常重要的应对策略”，美富律师事务所上海办事处律师高焕勇在第四届中国企业知识产权高峰论坛上表示。 　　    他建议，中国企业在美国提起专利诉?</t>
  </si>
  <si>
    <t>美国汽车业何去何从令人关注</t>
  </si>
  <si>
    <t>陷入困境的美国第三大汽车厂商克莱斯勒公司4月30日发表声明宣布申请破产保护，同时宣布与意大利汽车制造商菲亚特公司结盟。走过85载的克莱斯勒如今“英雄迟暮”只得寻求破产保护，折射出美国汽车业由盛及衰的变迁。美国汽车业何去何从令人关注。 　　    美国纽约曼哈顿破?</t>
  </si>
  <si>
    <t>亚洲区域外汇储备库将于年底前成立</t>
  </si>
  <si>
    <t>本报印度尼西亚巴厘岛电(记者王敬中周而捷许林贵李晓渝)东盟10国与中日韩(10+3)三国财长3日在这里发表联合公报宣布，规模为1200亿美元的亚洲区域外汇储备库将在今年底前正式成立并运作。 　　    公报说，“10+3”财长已就区域外汇储备库的出资份额、借款方式和监督机制等?</t>
  </si>
  <si>
    <t>中国海外投资不妨尝试ETF</t>
  </si>
  <si>
    <t>“投资ETF(交易型开放式指数基金)是一个趋势，它可以分散风险，也能弥补中国在海外投资上的不足，”美国奥本海默基金公司董事总经理李山泉在接受记者专访时这样说。 　　    他认为，中国拥有巨大的外汇储备，但是缺乏保值升值的办法。在目前的市场环境下，随着股票市场逐?</t>
  </si>
  <si>
    <t>深圳上海北京武汉长沙分居五大城市圈之首</t>
  </si>
  <si>
    <t>4月29日，国内首家在香港上市的咨询公司赛迪顾问股份有限公司(下称“赛迪顾问”)发布“2008-2009年五大城市圈城市投资价值研究报告”(下称《报告》)，重点评估珠三角地区、长三角地区、环渤海地区、武汉城市圈和长株潭地区五大重要城市圈，深度扫描了55座重点城市的投资价值?</t>
  </si>
  <si>
    <t>价格跳水  金融危机带旺出境游</t>
  </si>
  <si>
    <t>“什么，韩国游才一千六七？”朋友的一个电话让老陈跃跃欲试。一圈咨询下来，老陈打消了趁五一小长假赴韩国一游的念头：办理护照要7个工作日，到旅行社报团一般要提前三四周。现在报团肯定是来不及了。 　　    更多有心出境旅游的人早已做好了报团等准备。据环球世纪国际?</t>
  </si>
  <si>
    <t>欧盟明年预算草案力促经济复苏</t>
  </si>
  <si>
    <t>本报布鲁塞尔电(记者尚军)欧盟委员会29日出台2010年欧盟预算草案，总额为1223亿欧元，其中最大一块将用于促进经济增长和就业，以推动经济复苏。 　　    与今年1161亿欧元的预算总额相比，欧盟委员会提出的2010年预算增长幅度超过5%，约占欧盟国民总收入的1.04%。</t>
  </si>
  <si>
    <t>美国为什么拨款拯救中小企业</t>
  </si>
  <si>
    <t>2009年，为了减缓失业压力，刺激就业，美国总统奥巴马宣布，从7.3亿美元政府基金中划拨超过半数用于协助中小企业获取贷款。 　　    白宫经济顾问委员会主席罗莫3月份在电视上说：“我们深知小企业是经济成长的引擎，我们无论如何要设法帮助小企业。”小企业过去十年来创造</t>
  </si>
  <si>
    <t>中国汽车业逆势超越的六条路径</t>
  </si>
  <si>
    <t>面对全球金融危机，中国汽车企业盼望能迅速找到若干条逆势超越之道。上海国际车展期间，先后举办的“中国汽车蓝皮书论坛”和“上海车展高峰论坛”上业内人士对此纷纷建言献策。 　　    全球金融危机给北美、欧洲、亚洲一些国家的汽车市场带来了巨大的冲击。北美去年销量降</t>
  </si>
  <si>
    <t>改革国际金融体系正当其时</t>
  </si>
  <si>
    <t>在不久前接受本报专访时，国际货币基金组织(IMF)总裁卡恩坦言：“当前危机带来了破坏，但也为以前看似难以解决的问题提供了突破的机会。我们不能错失这样的时机。” 　　    这次金融危机肇始于发达国家，并像“野火一样”蔓延至全世界，教训相当惨痛。这同当前国际金融体?</t>
  </si>
  <si>
    <t>猪流感或冲击国内生猪养殖业</t>
  </si>
  <si>
    <t>近日，墨西哥和美国爆发人感染性猪流感疫情。有专家指出，虽然中国目前还未出现疫情，但在猪流感引起的恐慌氛围下，国内生猪养殖业将受到一定影响。 　　    “一方面出口需求很可能会下滑；另一方面，受恐慌心理影响，国内猪肉消费也很有可能减少。”27日，华中农业大学经</t>
  </si>
  <si>
    <t>亚行：气候变化对东南亚影响或猛于经济危机</t>
  </si>
  <si>
    <t>本报马尼拉电(记者刘华)总部设在菲律宾首都马尼拉的亚洲开发银行27日发布报告说，东南亚地区是世界上受气候变化影响最为严重的地区之一，全球变暖对这一地区的影响可能比当前的经济危机更为严重。 　　    亚行在这份题为《东南亚气候变化经济学》的研究报告中指出，如果全</t>
  </si>
  <si>
    <t>IMF：发达国家财赤继续处于高位</t>
  </si>
  <si>
    <t>本报伦敦电(记者陈文仙)根据《金融时报》27日报道，国际货币基金组织(IMF)最近预测，尽管工业化国家会缩减用于刺激经济的财政支出，但明年它们的预算赤字将继续处于高位。 　　    IMF预测，英国政府预算赤字占其国内生产总值(GDP)的比例将从今年的9.8%升至明年的10.9%，日</t>
  </si>
  <si>
    <t>七成美企仍将中国列为三大投资地之一</t>
  </si>
  <si>
    <t>中国美国商会4月27日在京发布了《2009美国企业在中国》白皮书。对其会员企业的调查结果显示，尽管美国企业在华投资热度与前几年相比出现一定程度下滑，但仍然有七成以上企业将中国列为三大投资目的地之一。 　　    九成以上在华美企暂无撤出中国市场计划 　　    白皮书</t>
  </si>
  <si>
    <t>经济危机催热法国租赁业</t>
  </si>
  <si>
    <t>由于经济危机令人们“囊中羞涩”，加之环保意识逐渐被大多数法国人认可，一种既经济又环保的新型消费形式———租赁在法国越来越受欢迎。 　　    近两年来，法国各种租赁网站不断兴起，小到游戏机、大到豪华轿车，几乎所有消费品在租赁网站上都可以租得到。租赁网站Zilok.</t>
  </si>
  <si>
    <t>国际能源机构：到2013年全球或遭原油短缺</t>
  </si>
  <si>
    <t>本报东京电  国际能源机构执行干事田中伸男25日说，由于石油输出国组织(欧佩克)和其他产油国在原油开采和生产方面投资速度减缓，到2013年全球可能面临原油短缺局面。 　　    田中伸男在东京接受彭博社专访时说：“不能排除全球在2013年和2014年面临原油供应短缺的可能性…</t>
  </si>
  <si>
    <t>中国民航局：培育和建设中部地区航空枢纽</t>
  </si>
  <si>
    <t>本报合肥电(记者卢尧郭小兰)正在此间参加第四届中国中部投资贸易博览会的中国民航局副局长杨国庆表示，中国民航局将积极支持国家综合交通运输体系战略在中部地区的实施，培育和建设中部地区航空枢纽，发挥航空运输在综合交通中的独特优势。 　　    目前中部地区共有民航运</t>
  </si>
  <si>
    <t>美国经济看到曙光了吗</t>
  </si>
  <si>
    <t>在奥巴马政府落实多项改革措施后，美国经济似乎略有起色。过去一个月中，美国多项经济指标的表现优于预期。剔除汽车后的零售额回稳、消费者信心指数略有改善；2月新屋开工及建筑许可数反弹，暗示美国楼市正在筑底；长期国债利率在美联储公布购买长债计划后应声回落，信贷市场</t>
  </si>
  <si>
    <t>华菱FMG证实“联姻”获发改委批准</t>
  </si>
  <si>
    <t>本报讯(记者杨烨陈黎明实习生袁洁媚)湖南华菱钢铁集团和澳大利亚FMG公司22日双双证实，前者对后者总额达12.718亿澳元的投资案，在此前获澳大利亚政府批准后，也已于日前获中国国家发改委批准。 　　    FMG公司22日发布公告称，中国国家发改委正式批文已经下达，目前实质性</t>
  </si>
  <si>
    <t>采购商葛伯·科瓦：欧美市场回升缓慢</t>
  </si>
  <si>
    <t>50岁的欧洲电器经销商葛伯·科瓦面临人生中最大的一个挑战：由于金融危机的影响，他的销售业绩有可能从去年巅峰时期的800万欧元直线下降到今年的400万欧元。 　　    “最令人担心的，是欧洲市场似乎还没有见到底。”这位在中国已经采购了13年取暖器和供暖设备的斯洛文尼亚</t>
  </si>
  <si>
    <t>审计署公布国外贷援款项目2008年公证审计结果</t>
  </si>
  <si>
    <t>本报北京电(记者张晓松)审计署22日发布今年第2号审计结果公告，公布了104个国外贷援款项目2008年度公证审计结果。 　　    这104个国外贷援款项目由中央单位执行或组织执行，包括世界银行项目46个、亚洲开发银行项目11个、联合国开发计划署项目40个、全球环境基金项目1个、</t>
  </si>
  <si>
    <t>全球金融危机悄然转型  积极财政政策全面推进</t>
  </si>
  <si>
    <t>世界经济在2009年第一季度仍然持续着2008年以来的下滑趋势，但从美国的情况看，金融危机开始向货币危机悄然转型，并随之推动全球金融危机的转变。中国经济依然处在震荡期，经济增速下滑的趋势没有根本改变，但经济发展中的积极因素增多，新积极财政政策全面快速推进，适度宽?</t>
  </si>
  <si>
    <t>大力提升电子政务建设水平</t>
  </si>
  <si>
    <t>人类社会进入20世纪90年代以来，信息技术进步日新月异，目前信息化水平已经成为衡量一个国家综合国力和竞争力的重要标志。在政府管理领域，许多国家都在利用信息技术提高公共服务水平和效率。电子政务在世界范围内迅速发展，推动了政府改革和自身建设，促进了经济社会进步。?</t>
  </si>
  <si>
    <t>缺乏经济基本面支撑房地产市场回暖难以持久</t>
  </si>
  <si>
    <t>在参加博鳌亚洲论坛2009年年会期间，SOHO中国有限公司董事长潘石屹指出，一季度全国房地产市场交易快速上升的最重要原因是大量信贷资金救活了房地产企业，而并不是因为世界经济或者中国经济回暖了。房地产市场这样的“回暖”缺乏经济基本面的支持，为此房地产企业对未来投资?</t>
  </si>
  <si>
    <t>以新思维判断美股与国际油市汇市的关系</t>
  </si>
  <si>
    <t>自本轮金融危机爆发以来，国际经济和金融形势愈加扑朔迷离，全球股市(特别是美国股市)和国际油市、汇市涨跌互现，剧烈波动。分析人士指出，三者之间的关系已经不能按照传统思维和一般市场规律、经济学理论进行预测，而需要更全面、深入地掌握分析有关情况，以新的思维作判断?</t>
  </si>
  <si>
    <t>通用破产重组不影响中国业务</t>
  </si>
  <si>
    <t>本报上海4月21日电(记者张毅  姜微)美国通用汽车副总裁兼亚太区总裁罗瑞立20日在上海表示，通用汽车美国本土的重组计划，对通用在中国的业务不会产生影响。通用汽车视中国为最重要的市场之一，将继续向中国市场投入新产品、新技术，建设新工厂。 　　    罗瑞立在上海车展?</t>
  </si>
  <si>
    <t>IMF：全球金融体系仍在重压之下</t>
  </si>
  <si>
    <t>本报华盛顿电(记者胡芳刘洪)国际货币基金组织(IMF)21日发表半年一度的《全球金融稳定报告》指出，全球金融体系仍处于严重压力之下，因为危机正扩大到包括发达和新兴市场经济体的家庭、公司和银行部门。报告同时呼吁，各国应采取措施，处理和解决金融部门的问题。 　　    ?</t>
  </si>
  <si>
    <t>欧盟通报危险消费品数量逐年增加</t>
  </si>
  <si>
    <t>本报讯(记者文婧)欧盟委员会20日发布的欧盟非食用消费品快速通报系统(RAPEX)年度报告显示，2008年欧盟市场下架的危险消费品数量较2007年增加16%，通报数由2007年的1605例增加到去年的1866例。2008年，玩具和儿童护理产品(如：脚踏车、学步车、婴儿床和奶嘴)、电器产品和玩具?</t>
  </si>
  <si>
    <t>湖南：“原产地证”成出口企业“金钥匙”</t>
  </si>
  <si>
    <t>本报长沙电(记者苏晓洲)近期，长沙一家企业一批价值约20万美元的货物出口巴基斯坦，凭着一纸“中国———巴基斯坦自由贸易区原产地证书”，这家企业就首次获得巴方关税减免1000多美元。湖南出入境检验检疫局有关专家强调，在目前国际贸易环境下，中国企业应该将“原产地证”?</t>
  </si>
  <si>
    <t>澳大利亚旅游业风光不再</t>
  </si>
  <si>
    <t>国际金融危机使本不景气的澳大利亚旅游业雪上加霜。相关部门近期预测，澳大利亚今年入境游客将减少4%以上，澳旅游业面临近20年来最沉重的打击。 　　    澳大利亚统计局公布的数据显示，2007-2008年度澳大利亚旅游业对国内生产总值的贡献率为3.6%，而这一比例先前一度达到4</t>
  </si>
  <si>
    <t>股市稳定健康发展基础动力无根本改变</t>
  </si>
  <si>
    <t>本报海南电(记者赵晓辉周正平)前来参加博鳌亚洲论坛2009年年会的中国证监会副主席姚刚在此接受了新华社记者的专访。 　　    姚刚对记者说：“目前，金融危机对我国经济的不利影响逐步显现，经济运行的困难增加，但总体来看，我国证券市场对外开放风险可控，证券机构在欧美</t>
  </si>
  <si>
    <t>央企口袋不缺钱  海外收购看管理</t>
  </si>
  <si>
    <t>本报博鳌(海南)4月19日电(记者樊曦郑玮娜)国务院国资委主任李荣融19日在博鳌亚洲论坛上说，今年3月份，中央企业的经营指标已出现明显回升，利润同比上升26%，环比上升86%。 　　    据李荣融介绍，3月份，中央企业营业收入同比下降5.4%，但环比上升25%。他表示，中国政府采</t>
  </si>
  <si>
    <t>跨国采购公司广交会上寻觅“便宜货”</t>
  </si>
  <si>
    <t>“我们变得更喜欢‘便宜货’。”在广州举行的第105届中国进出口商品交易会上，欧洲家电产业重要进口商之一、德国AFK公司经理李慧燕接受记者采访时说。 　　    在这个中国规模最大的出口商品交易会上，一些跨国采购商正把全球市场的新信息传递给中国制造企业：眼下，“便宜</t>
  </si>
  <si>
    <t>克鲁格曼：说破皇帝新衣的孩子</t>
  </si>
  <si>
    <t>美国经济学界总有那么几个人说起话来让国人舒坦，克鲁格曼当数其中之一。 　　    克氏13日对中国采取的积极刺激经济的措施表示赞赏。他说，中国已经宣布实施了规模巨大的经济刺激计划，最近宣布刺激取得显著成果。如果这些都是真的，那么可以说中国做得很好。 　　    ?</t>
  </si>
  <si>
    <t>金融危机对阿拉伯国家影响开始显现</t>
  </si>
  <si>
    <t>本报安曼电(记者于晓华苏小坡)阿拉伯经济和社会发展基金会(AFESD)主席哈马德15日在约旦死海召开的阿拉伯国家金融机构年度会议上说，世界金融危机对阿拉伯国家经济的影响开始显现。 　　    哈马德说，受全球金融危机影响，阿拉伯国家的主权基金和金融储备资产投资已经缩水3</t>
  </si>
  <si>
    <t>中国投资者信心指数连续两季度上升</t>
  </si>
  <si>
    <t>本报北京电(记者赵晓辉陶俊洁)环球金融服务集团(ING)16日发布的投资者情绪指数季度调查报告显示，今年一季度中国投资者情绪指数进一步上升20%。在连续两个季度上升之后，中国投资者情绪进入乐观区。 　　    调查显示，今年一季度中国成为亚洲(不包括日本)第二乐观市场，仅</t>
  </si>
  <si>
    <t>“矿谈”变“旷谈”中国或弃谈判首发权</t>
  </si>
  <si>
    <t>早该结束却迟迟悬而未决的2009年度铁矿石价格谈判，可能真要变成旷日持久的“旷谈”。 　　    在16日于南昌举行的“2009冶金矿产品国际会议”上，有与会人士向记者透露，中国可能效仿不久前巴西淡水河谷放弃谈判首发权的做法，将铁矿石进口国谈判首发权让给日韩两国。而最</t>
  </si>
  <si>
    <t>中国标的最大知识产权案达成和解</t>
  </si>
  <si>
    <t>世界低压电气巨头法国施耐德与中国民营企业正泰集团的专利侵权纠纷案，15日在杭州达成和解。施耐德向正泰支付补偿金1.5750亿元，中国标的最大的知识产权案由此尘埃落定。 　　    浙江省高级人民法院15日上午开庭仅10分钟即当庭宣判，纷争了近3年的“正泰诉施耐德侵权案”?</t>
  </si>
  <si>
    <t>欧佩克再度下调世界原油需求预期</t>
  </si>
  <si>
    <t>本报维也纳电(记者刘钢)石油输出国组织(欧佩克)15日发表报告说，受经济下滑的影响，该机构再度下调2009年世界原油需求预期。 　　    欧佩克在当天发表的最新一期国际原油市场月度报告中预计，2009年世界原油日均需求量将为8418万桶，比2008年的8555万桶下降137万桶，降幅?</t>
  </si>
  <si>
    <t>北京市民抱怨：自行车租赁卡十个月没用一次</t>
  </si>
  <si>
    <t>退还是不退，这是个问题。 　　    每次打开钱夹，刘先生都会扫一眼那张深蓝色的自行车租赁卡，这张卡在里面已经躺了快10个月了。 　　    闲了十个月的自行车租赁卡 　　    办租赁卡是因为去年表妹来北京找工作。“主要为了她租房、买东西方便。”刘先生说。表妹旋风</t>
  </si>
  <si>
    <t>亚行行长：巨额增资计划近期有望获批</t>
  </si>
  <si>
    <t>本报马尼拉电(记者许林贵)亚洲开发银行行长黑田东彦15日说，亚行董事会近日提出的规模高达1100亿美元的增资计划有望于近期得到批准，这就意味着亚行用于发放贷款的资本金将增至1650亿美元。 　　    黑田东彦在位于菲律宾首都马尼拉的亚行总部召开的小型新闻发布会上说，增</t>
  </si>
  <si>
    <t>我国鳗鱼产业危机生存</t>
  </si>
  <si>
    <t>我国是世界第一鳗业大国，养鳗业一度被称为“软黄金”产业。目前，我国鳗鱼主要养殖品种欧洲鳗被列入“濒危野生动植物种国际贸易公约”的附录。根据有关规定，2009年3月中旬我国取消了养殖的欧洲鳗鱼出口退税，让已受金融危机影响的鳗鱼出口形势更加严峻。目前，各地鳗鱼加工</t>
  </si>
  <si>
    <t>粤企打赢美337调查案  扳倒英国泰莱公司</t>
  </si>
  <si>
    <t>本报讯(记者陈冀)广东省食品工业研究所和广东广业清怡食品科技有限公司日前正式对外发布，美国国际贸易委员会于北京时间4月7日作出终裁，针对英国泰莱公司诉广东省食品工业研究所和广东广业清怡食品科技有限公司“涉嫌侵犯其三氯蔗糖生产专利”337调查案，判决广东省食品工业</t>
  </si>
  <si>
    <t>法国汽车转产海外导致外贸逆差</t>
  </si>
  <si>
    <t>一直对法国外贸有正面贡献的汽车行业去年贸易逆差高达48亿欧元，为该行业连续10年保持顺差后首次出现逆差。出口乏力是一个很表面的因素，法国汽车制造商转产海外才是深层的结构性原因。 　　    据法国海关最新统计数据，去年法国外贸逆差高达556.58亿欧元，连续多年创历史</t>
  </si>
  <si>
    <t>品味中国茶里的知识产权</t>
  </si>
  <si>
    <t>茶是中国的“国饮”，中国人至少喝了3000年的茶。茶起源于中国，19世纪后成为世界性的饮品，成为除了水以外的第一饮品。中国茶种植第一，产量第二，产值只比一个“立顿”多20%。说到品牌，在国际市场上比不过印度、斯里兰卡，在国内甚至还没有一个国人皆知的品牌。我们不缺好</t>
  </si>
  <si>
    <t>专家呼吁中日韩加强区域性金融合作</t>
  </si>
  <si>
    <t>本报釜山电(记者李拯宇)来自中日韩三国的经济学家13日在此间举行的第四次“东北亚名人会”上就应对国际金融危机展开讨论，呼吁加强中日韩三国的区域性金融合作，共同应对金融危机。 　　    “东北亚名人会”由新华通讯社、日本经济新闻社和韩国中央日报社三家新闻机构共同</t>
  </si>
  <si>
    <t>“散户联盟”有望解决农产品标准化推行难</t>
  </si>
  <si>
    <t>本报讯(记者吴华国)出席日前在北京举行的食品安全国际对话会的中美专家一致认为，有关食品安全的国际标准与中国国情并无冲突，国际通行标准是各国消费者选择食品的依据和应该享有的权利。“散户联盟”合作方式有望帮助中国解决农产品分散经营情况下的国际标准难题。</t>
  </si>
  <si>
    <t>首家台企借壳A股上市股价大起大落</t>
  </si>
  <si>
    <t>本报福州电(记者康淼)首家台资企业“借壳上市”成为上周A股市场的一个亮点，台湾中华映管“借壳”的闽闽东(000536)遭遇市场资金疯狂炒作，股价大起大落。 　　    根据闽闽东此前的公告，公司将向大股东福建电子信息集团转让全部资产和负债，现有全部业务及职工也一并由信?</t>
  </si>
  <si>
    <t>各国博弈“冰融相见”</t>
  </si>
  <si>
    <t>随着全球气候变暖，北极潜藏的巨大经济利益日益显现，相关各国的围绕北极权益的博弈也渐次浮出深海，开始呈现“冰融相见”之势。 　　    北极争夺呈激烈复杂化态势 　　    中国海洋大学法政学院郭培清副教授介绍，近期北极争夺呈现新的特点，欧盟和北约开始加入北极争?</t>
  </si>
  <si>
    <t>北极：从“科考时代”步入“纷争时代”</t>
  </si>
  <si>
    <t>3月27日，俄罗斯公布最新“北极战略规划”，其战略目标是将北极地区发展成为俄罗斯“21世纪的能源基地”。这一计划宣布组建北极集团军，以维护俄方在北极的核心利益，此举再一次将国际社会关注的目光投向了地球最北端。 　　    随着全球气候变暖，北冰洋海冰加速融化，北?</t>
  </si>
  <si>
    <t>香港拍卖市场：这个春天不太冷</t>
  </si>
  <si>
    <t>有人唱衰，也有人看好，在金融风暴来袭的第一个春天，苏富比带着悬念敲响香港2009年春拍第一槌。 　　    香港苏富比8日交出了近7亿港元的拍卖成绩单，比预估价高出近1亿港元，足以让人们对拍卖行情维持审慎的乐观。这次春拍表明，当前亚洲艺术品市场并不萧条。一些场次买?</t>
  </si>
  <si>
    <t>中法经贸合作凸显三大变化</t>
  </si>
  <si>
    <t>本报讯(记者文婧实习生谢婧怡)法国空中客车公司与中方机构共同设立A320、A350技术研发中心，道达尔集团与中国石油企业启动在非洲的合作投资……在4月8日至9日在北京举行的第十五届中法经济研讨会上，这样的消息不绝于耳。 　　    国务院发展研究中心对外经济研究部副部长?</t>
  </si>
  <si>
    <t>欧盟拟提前拨款援助发展中国家应对危机</t>
  </si>
  <si>
    <t>本报布鲁塞尔电(记者尚绪谦)欧盟委员会8日通过一份政策文件，拟通过提前支付援助款等措施帮助发展中国家克服当前的经济危机。 　　    欧盟委员会主席巴罗佐和欧盟负责发展和人道援助的委员路易·米歇尔共同召开记者招待会公布了新措施。欧盟许诺兑现2005年八国集团峰会上?</t>
  </si>
  <si>
    <t>国际金融危机与世界经济前景</t>
  </si>
  <si>
    <t>李向阳简介 经济学博士，研究员，中国社会科学院世界经济与政治研究所副所长。1996年荣获“中国社会科学院有突出贡献的中青年专家”。1998年荣获国务院政府特殊津贴。兼任：中国世界经济学会副会长，全国美国经济学会副会长，中华外国经济学说研究会理事，中国社会科学院研究</t>
  </si>
  <si>
    <t>医改是全世界的难题</t>
  </si>
  <si>
    <t>医改一直是困扰全球多数国家的难题。不少国家的领导人都致力于向广大民众提供价廉、方便、可及的医疗服务，但几乎没有一个国家的医疗制度模式能达到满堂喝彩的效果。即使是目前占主流地位的英国模式、美国模式、德国模式，也因各有局限而饱受责难。各国和地区都在医改的道路?</t>
  </si>
  <si>
    <t>供求因素利弊互现  铜价上行能量弱化</t>
  </si>
  <si>
    <t>在中国传统消费旺季来临和美国数量型货币政策导致的美元贬值的刺激下，铜价在3月份走出了一波强劲反弹行情。3月初，铜价延续着2月底的强势。价格的上涨之后，注销仓单的下滑使得市场相信库存的下降将是不可持续的，从而迎来了为时一周的调整。之后在美国数量型货币政策导致的</t>
  </si>
  <si>
    <t>纽约帝国大厦全面启动节能改造工程</t>
  </si>
  <si>
    <t>本报纽约电(记者王建刚)纽约帝国大厦及其合作伙伴6日宣布，浩大的帝国大厦节能改造工程全面启动，预计完工后该地标性建筑可节能近40%，惠及纽约并具有全球推广价值。 　　    美国前总统克林顿、纽约市长布隆伯格出席了当天在帝国大厦举办的新闻发布会，以全力支持这项预计</t>
  </si>
  <si>
    <t>我国科学家揭示药物治疗牛皮癣的分子基础</t>
  </si>
  <si>
    <t>本报上海电(记者杨金志)记者从中科院上海生命科学研究院获悉，我国科学家已揭示单克隆抗体药物“依法利珠”治疗银屑病(俗称牛皮癣)的分子基础。这一研究成果将对降低药物副作用、提高治疗效果起到重要指导作用。 　　    这一研究成果最近发表在《美国国家科学院院刊》。它</t>
  </si>
  <si>
    <t>业内人士称今年铜价难以大幅回升</t>
  </si>
  <si>
    <t>本报讯(记者李兴文)江西铜业股份有限公司董事长李贻煌近日分析认为，在全球宏观经济好转及需求没有有效回升之前，2009年铜价难以大幅回升。 　　    去年第四季度，美国次贷危机进一步升级成国际金融危机并迅速波及实体经济领域。在全球经济突然陷入衰退的背景下，全球铜价</t>
  </si>
  <si>
    <t>IMF：明年上半年全球经济有望复苏</t>
  </si>
  <si>
    <t>本报巴黎电(记者芦龙军)国际货币基金组织(IMF)总裁斯特劳斯-卡恩6日表示，二十国集团伦敦金融峰会取得的成功对经济复苏有决定性意义，预计2010年上半年全球经济会恢复增长。 　　    卡恩在法国《费加罗报》刊登的专访中指出，伦敦金融峰会获得的成功、各国领导人表现出的?</t>
  </si>
  <si>
    <t>美少数学者提出“G2”的真实意图</t>
  </si>
  <si>
    <t>近段时间来，美国少数学者和前政要先后提出建立所谓中美“两国集团”和“中美国”等主张，引起国际社会广泛注意，甚至招致某些国家的担心。此类主张的真实意图究竟是什么？这不能不让我们警醒。 　　    “两国集团”的背景和意图 　　    中美“两国集团”论是由美国彼?</t>
  </si>
  <si>
    <t>“地球村村民”出境游莫忘旅行险</t>
  </si>
  <si>
    <t>当前，很多爱好旅游人士热衷出境游。但出行之前的准备工作你是否已经做好了呢？旅途变幻莫测，暗藏各种风险。如今年年初发生在美国的两起中国游客意外事故再次为我们敲响了旅行安全的警钟。因此，游客出行前莫忘为自己和家人购买一份旅行意外保险，拥有了它可以分散风险、减?</t>
  </si>
  <si>
    <t>市场中短期或将继续活跃</t>
  </si>
  <si>
    <t>本周，有关于创业板IPO的各种消息和分析激荡着整个市场。3月31日中国证监会发布《首次公开发行股票并在创业板上市管理暂行办法》之后，沪深两市连续走高，市场对于创业板IPO的反应相对乐观。 　　    有市场人士认为，创业板的推出和预计中的IPO重启，不会改变市场总体趋势</t>
  </si>
  <si>
    <t>把握大变局中的大机会</t>
  </si>
  <si>
    <t>美国政府最近端出来的货币政策，怎么看都觉得是模棱两可、自相矛盾。细究之，其近期举措与长远目标更是不相容。奥巴马上任不久的讲话称，他施政的目标是到2003年底把美国的赤字减少一半，即减至7500亿美元。然而，3月18日，美联储却宣布，计划在未来半年内，购买最多3000亿美</t>
  </si>
  <si>
    <t>伦敦金融峰会花絮</t>
  </si>
  <si>
    <t>二十国集团金融峰会即将在伦敦开幕之际，东道主、来宾、安保人员等陆续就位。会议尚未开始，相关人等的言行和相关安排已成为媒体关注焦点。 　　    峰会礼品从简 　　    金融危机背景下，东道主英国会向参加峰会的领导人送什么礼物？这个困扰英国首相布朗数星期的难题3</t>
  </si>
  <si>
    <t>中国网游业传递乐观信号</t>
  </si>
  <si>
    <t>国际金融危机大环境之下的中国网游业似乎了无寒意。不仅各主要网游企业相继公布良好业绩，搜狐近日更是逆势而上，拟将游戏业务分拆后在美国上市。在当前国际国内“寒冷”的经济形势下，中国网游业正在传递乐观信号。 　　    搜狐分拆游戏 　　    日前，搜狐向美国证监?</t>
  </si>
  <si>
    <t>美国精神病学协会拒绝药企的“免费午餐”</t>
  </si>
  <si>
    <t>本报华盛顿电(记者任海军)美国精神病学协会日前表示，为避免引发利益冲突，该协会今后召开的年会将不再举行由制药公司赞助的研讨会，也不再接受制药企业提供的免费饮食。 　　    美国精神病学协会主席娜达·斯托特兰表示，部分制药企业会向协会支付资金，以便在年会期间举</t>
  </si>
  <si>
    <t>G20伦敦峰会能否率全球经济突围</t>
  </si>
  <si>
    <t>二十国集团领导人将于4月2日再次在英国伦敦会晤，商讨如何应对金融危机和拯救全球经济。人们期待此次峰会能够为全球经济摆脱困境突出重围找到一条道路。 　　    如何刺激经济复苏 　　    身为东道主，英国首相戈登·布朗将各国携手拯救经济作为伦敦峰会的重点之一，希?</t>
  </si>
  <si>
    <t>G20峰会前的大国博弈</t>
  </si>
  <si>
    <t>20国集团伦敦金融峰会即将召开，一场事关未来国际经济金融秩序的大国博弈拉开了序幕。在近来的欧美大报上，几乎每隔几天就会看到有关国家领袖论评峰会的大作。 　　    美国总统奥巴马多次表示，此次峰会有两大目标：一是敦促其他国家采取美国式刺激经济计划，以促进世界经</t>
  </si>
  <si>
    <t>“汽车工业铁娘子”：吴舜文</t>
  </si>
  <si>
    <t>她戴着台湾“纺织女王”、“汽车皇后”和“铁娘子”三顶桂冠，是台湾实业界最富传奇色彩的女性。1986年4月她推出台湾第一辆自产车“飞羚101”轿车，将台湾汽车产业推向一个新纪元。她的企业曾独占台湾年度纳税排行榜鳌头，美国《福布斯》杂志将她选入全球亿万富翁榜——她就?</t>
  </si>
  <si>
    <t>央行：需进一步改革国际金融监管体系</t>
  </si>
  <si>
    <t>本报讯(记者张莫刘振冬)中国人民银行网站26日晚发布的其所属金融研究所发表的文章指出，目前国际金融监管体系存在诸多问题，需进一步改革。 　　    文章指出，本次金融危机源于美国次贷危机，通过各类金融产品、金融机构和金融市场等渠道，迅速在全世界蔓延。有效的金融监</t>
  </si>
  <si>
    <t>简历专家与创业观念</t>
  </si>
  <si>
    <t>在国外，金融危机造成许多人失业，为找一个新工作而发愁，但这也因此成就了另外一些人的事业。 　　    据《今日美国报》报道，美国全国简历作者协会调查发现，随着经济情势不断恶化，54%的简历专家客户增多。简历专家杰里·比尔斯1986年入行，迄今已写近三万份简历。他说?</t>
  </si>
  <si>
    <t>国际机构：中国公司“走出去”速度明显加快</t>
  </si>
  <si>
    <t>本报北京电(记者王立彬)国际机构有关数据显示，在金融危机使全球公司并购行为急剧减少情况下，今年以来中国公司“走出去”步伐明显加快，并成为世界各国“招商引资”重要对象。 　　    英国著名出版社机构Longtail国际出版人庄恩(Aaron N.Ward)25日在就《中国企业境外投资</t>
  </si>
  <si>
    <t>金融危机恶化程度在各国援救中减缓</t>
  </si>
  <si>
    <t>自去年9月美国华尔街爆发金融危机以来，全球金融市场和实体经济先后遭受冲击，国际货币基金组织日前预测，世界经济今年会面临60年来首次负增长。不过，伴随着各国政府陆续出台救市措施，金融危机恶化程度已有所减缓。 　　    危机爆发以来，欧美一些大型金融机构濒于破产?</t>
  </si>
  <si>
    <t>平板产业两岸合作有待进一步深化</t>
  </si>
  <si>
    <t>本报上海电(记者高少华)金融危机使台湾面板制造企业目前正普遍陷入低谷，大陆彩电厂商有着全球最大的制造产能和消费市场却长期遭遇面板缺失的束缚，在此情况下，两岸产业合作渐成共识，并于近期开始持续升温。 　　    平板显示产业被认为是继汽车和计算机产业之后，第三个</t>
  </si>
  <si>
    <t>学习太紧张是高中生最大烦恼</t>
  </si>
  <si>
    <t>中国青少年研究中心23日公布的《中日韩美四国高中生权益状况比较研究报告》显示，学习太紧张是四国高中生最大的烦恼。 　　    其中，中国普通高中学生学习时间最长，日本高中生感觉学习负担最重，美国高中生感觉学习负担最轻；四国大多数高中生曾有过不想上学的想法；韩国</t>
  </si>
  <si>
    <t>美消化“有毒资产”计划能否药到病除</t>
  </si>
  <si>
    <t>美国财政部长盖特纳23日宣布了一项帮助银行剥离不良资产(俗称“有毒资产”)的计划。这是奥巴马政府为恢复信贷流动而采取的一系列措施中的最新步骤。对于当天出台的这份计划，市场反响积极，美国股市暴涨。 　　    美国总统奥巴马当天表示，剥离银行不良资产是促使信贷恢复</t>
  </si>
  <si>
    <t>脱去功能性饮料的“白大褂”</t>
  </si>
  <si>
    <t>超市里各种功能性饮料琳琅满目：维他命水、含氧水、离子水、太空水……装在花哨的瓶子里，让人眼花缭乱。它们都自称富含多种营养成分，有益健康，因而备受欢迎。 　　    然而营养学家提醒消费者，面对功能性饮料，应三思而后“饮”。美国营养学家帕梅拉·佩克博士说，不少</t>
  </si>
  <si>
    <t>欧盟乌克兰谈“气”惹恼俄罗斯</t>
  </si>
  <si>
    <t>欧洲联盟23日与乌克兰签署一份合作协议，帮助乌克兰对天然气运输系统进行现代化改造，以期保障来自俄罗斯但途经乌克兰的天然气供应。 　　    俄罗斯对自己被排除在改造计划之外表示不满，称这一“单边做法”将损害欧盟能源安全，俄方可能被迫重新考虑与欧盟的关系。 　?</t>
  </si>
  <si>
    <t>谁来拯救欧宝</t>
  </si>
  <si>
    <t>3月末的德国已经春暖花开，但是在德国吕塞尔海姆的欧宝总部外，我们依然感受到寒意阵阵。1862年，亚当·欧宝先生在这里创立了欧宝公司。此后多年中，欧宝汽车销量一直稳居德国第一。但是在近150年后的今天，欧宝汽车正处在破产边缘。谁将会挽救欧宝？德国政府？美国通用？还?</t>
  </si>
  <si>
    <t>应对美联储“印钞机”中国三种选择皆难成</t>
  </si>
  <si>
    <t>美联储18日宣布“购买美国国债”。此消息一出，美元暴跌。18日当天，美元指数出现20年来最大单日跌幅。 　　    根据美国财政部公布的国际资本流动报告(TIC)，中国目前持有美国国债7396亿美元，居各国持有美国国债总量首位。中国目前近2万亿美元的外汇储备中，80%是美元，?</t>
  </si>
  <si>
    <t>欧盟对意能源巨头提起反垄断指控</t>
  </si>
  <si>
    <t>本报布鲁塞尔电(记者尚军)欧盟委员会日前宣布，已对意大利能源巨头埃尼公司(ENI)涉嫌滥用市场优势地位，利用对天然气输送网络的控制权排挤竞争对手提起反垄断指控。 　　    欧盟委员会当天发表声明说，它已于日前向埃尼公司发出反对意见书，此举标志着埃尼公司正式受到反?</t>
  </si>
  <si>
    <t>世界经济明年复苏的关键在美中</t>
  </si>
  <si>
    <t>世界银行副行长詹姆斯·亚当斯日前在接受本报记者专访时指出，世界经济可能会要到2010年才会出现复苏，而能否复苏，其实主要取决于美国和中国经济的走势，因为现在的中美经济重要性非欧洲和日本可比。 　　    “如果中国经济实现8%的增长率目标并持续增长，这将成为本次经</t>
  </si>
  <si>
    <t>三天内观众创纪录  梵高名画引人注目</t>
  </si>
  <si>
    <t>正在荷兰马斯特里赫特举办的第22届欧洲艺术博览会吸引了来自世界各地的参展商、收藏家和艺术爱好者，开展仅三天参观者人数就已超过了往届。在众多展品中，荷兰画家梵高的名作《圣保罗医院公园》无疑最引人注目。 　　    圣保罗医院位于法国普罗旺斯中部的圣雷米，1889年5?</t>
  </si>
  <si>
    <t>为政府“打工”走俏美国职场</t>
  </si>
  <si>
    <t>经济衰退致使美国不少大小企业和民间机构裁减员工，但仍有一个大雇主在困难时期打出“扩招”牌，即联邦政府。 　　    因待遇有保障、工作有意义，政府职位成为美国职场“香饽饽”。 　　    录用增长 　　    美国人事管理局公布的数据显示，政府工作人员招录数量过去</t>
  </si>
  <si>
    <t>文化产业：怎样成为扩大内需新亮点</t>
  </si>
  <si>
    <t>●政协副主席厉无畏：抓住机遇 　　    ●财贸所所长裴长洪：开拓市场 　　    ●北京大学肖鸣政：培养人才 　　    ●四川大学蔡尚伟：内外兼顾 　　    ●英国专家伊万斯：扶持小企业　　    编者按　　    经济不景气，让人们将启动消费的目光转向潜力巨大的?</t>
  </si>
  <si>
    <t>海外市场技术壁垒升级  玩具企业生存环境堪忧</t>
  </si>
  <si>
    <t>不久前,印度政府宣布，放松对中国玩具进口的禁令，将允许获得全球安全机构认证的中国玩具进入印度市场。印度政府1月23日曾宣布，在6个月内禁止从中国进口玩具，此后印度市场玩具价格大幅上涨，而且一些玩具零售商和批发商已出现缺货现象。新华社记者王晔摄　　    年前，欧</t>
  </si>
  <si>
    <t>英国勾勒全球金融监管改革路线图</t>
  </si>
  <si>
    <t>本报伦敦电（记者陈文仙）英国金融监管局18日发布一份报告，试图为全球金融监管改革绘制一份详尽的路线图。英国政府希望借此向世界表明英国的改革立场，并试图为即将于伦敦召开的二十国集团金融峰会定下基调。 　　    英国金融监管局当天发布了该机构主席特纳的一份报告，</t>
  </si>
  <si>
    <t>强生有害无害官方没说法市场接着卖</t>
  </si>
  <si>
    <t>12日，美国一个非营利组织“安全化妆品运动”发布报告称，其对该国市场上48种婴儿洗浴、护肤和化妆品检测后发现，其中过半含有甲醛和1，4-二氧杂环己烷等。其中在我国婴儿卫浴市场占有很高销售比例的强生品牌赫然在列。由于对甲醛和1，4-二氧杂环己烷均在美国环境保护署列出?</t>
  </si>
  <si>
    <t>国内三大期货交易所齐进全球前20名</t>
  </si>
  <si>
    <t>本报讯(记者方家喜)美国期货业协会(FIA)日前发布的全球69家主要衍生品交易所2008年交易量(含代为清算的场外市场衍生品)统计分析报告显示，大连商品交易所以成交6.38亿手跃居全球前十大交易所之列。 　　    据统计，去年中国的三家商品期货交易所即大连商品交易所、郑州商?</t>
  </si>
  <si>
    <t>欧盟经济刺激计划谈判仍陷僵局</t>
  </si>
  <si>
    <t>本报布鲁塞尔电(记者尚军) 欧盟成员国16日未能就经济刺激计划中互联网和能源基础设施建设一项达成一致。    当天，欧盟成员国外交部长在布鲁塞尔举行会晤，为定于19日和20日召开的欧盟春季首脑会议做准备。但由于各方未能打破互联网和能源基础设施建设方面的谈判僵局，</t>
  </si>
  <si>
    <t>伯南克乐观措辞为哪般</t>
  </si>
  <si>
    <t>美国联邦储备委员会主席伯南克15日难得地接受了一次电视采访，打破了在任美联储主席多年来不接受媒体采访的传统。对于这次“罕见的”受访，伯南克倒也未加回避，承认因为当前是“非常时刻”，他希望能有机会和美国人民“直接对话”。    由此，打气、鼓劲、发表积极言?</t>
  </si>
  <si>
    <t>俄总统催行业寡头还“良心债”</t>
  </si>
  <si>
    <t>在15日晚播出的一次电视访谈中，俄罗斯总统德米特里·梅德韦杰夫敦促各行业寡头，在经济颓势中置社会责任和国民利益于自身之上，偿还他们作为“先富起来”人群向俄罗斯社会欠下的“良心债”。    经济不景气使俄罗斯不少企业面临经营困境。但梅德韦杰夫认为，这恰为企?</t>
  </si>
  <si>
    <t>光伏产业亟待改变终端市场在外现状</t>
  </si>
  <si>
    <t>“当中国廉价的劳动力在挥汗生产太阳能多晶硅原料和太阳能电池板，耗费着水、电等能源，冒着高危副产物污染环境的风险同时，欧洲消费者正在蓝天、白云、与和暖的阳光下享受着太阳能发电洁净能源的好处，‘墙里开花墙外香’，这就是中国光伏产业的发展现状。’在记者前往四川?</t>
  </si>
  <si>
    <t>枸杞可能丢掉欧盟等新兴市场</t>
  </si>
  <si>
    <t>笔者从宁夏出入境检验检疫局了解到，2008年，由于美国对中国枸杞采取不合理限制措施，作为我国枸杞出口量最大的省区宁夏，对美国出口枸杞干果及其制品为零。专家呼吁，如再不采取措施，枸杞产品将可能退出美国市场，进而丢掉欧盟和澳大利亚等新兴市场，将严重影响枸杞产业发?</t>
  </si>
  <si>
    <t>“金砖四国”共同要求更大发言权</t>
  </si>
  <si>
    <t>二十国集团财长和央行行长会议当地时间14日在英国霍舍姆闭幕。会议发表的联合公报指出，与会者一致认为，应采取进一步行动恢复全球增长和支持放贷，同时加强全球金融体系的改革。    参加会议的中国财政部部长谢旭人在会后接受新华社等中国媒体联合采访时指出，各方主?</t>
  </si>
  <si>
    <t>股神失手、选美理论和顺势而为</t>
  </si>
  <si>
    <t>2008年第三季度，正当华尔街次贷危机爆发、金融海啸冲击全球，雷曼兄弟倒闭、冰岛破产，各国资本市场处于风雨飘摇之际，美国股神巴菲特却摆出逆风飞扬，越是艰险越向前的架势，隆重召开新闻发布会，老调重弹:当众人恐惧时，我们要心怀贪婪；当众人贪婪时，我们要心怀恐惧。并</t>
  </si>
  <si>
    <t>发挥区位优势 提升发展水平</t>
  </si>
  <si>
    <t>政府工作报告明确了今年的工作目标和方向，来自沿边沿海地区的代表们表示，要按照国家统一部署，充分发挥区位优势，加快结构调整，提升发展水平，让人民群众得到更大实惠。    全国人大代表、福建厦门市市长刘赐贵说，政府工作报告强调推进区域经济发展，支持海峡西岸?</t>
  </si>
  <si>
    <t>台湾化纤工业的奠基人:石凤翔</t>
  </si>
  <si>
    <t>提要    石凤翔、是中国近代的纺织教育家、纺织技术专家和民族实业家，他致力于发展民族企业，并积极创办纺织学校，为纺织工业培养科技人才，并开创了台湾生产粘纤、锦纶及涤纶的先河。同时，他还组织成立了台湾纺织工程学会，致力于纺织学术之推广，对台湾的纺织工业?</t>
  </si>
  <si>
    <t>英央行实施“定量宽松”货币政策</t>
  </si>
  <si>
    <t>本报伦敦电(记者陈文仙) 英国中央银行——英格兰银行11日正式启动“定量宽松”货币政策，当天计划购买20亿英镑(1英镑约合1.3848美元)英国国债。    这是该央行实施总规模750亿英镑资产收购计划的第一步，当天它将通过逆向拍卖的方式从保险公司、养老金和投资基金等机构</t>
  </si>
  <si>
    <t>G20财经高官周末聚首 铺路伦敦金融峰会</t>
  </si>
  <si>
    <t>二十国集团(G20) 财政部长和央行行长将于周六(14日)在伦敦召开会议，旨在为定于4月2日在伦敦召开的二十国集团领导人峰会做准备，根据相关报道，加大经济刺激力度、国际货币基金组织(IMF)增资、国际金融体系改革等话题将成为此次会议讨论的重点。    美国总统奥巴马11日</t>
  </si>
  <si>
    <t>经济危机挤压亿万富豪集体“瘦身”</t>
  </si>
  <si>
    <t>美国《福布斯》2009年度富豪榜11日揭晓，比尔·盖茨以400亿美元资产跃居首富，而去年排名第一的美国“股神”巴菲特则以370亿美元资产位居第二。香港首富李嘉诚从去年的第11位降至第1 6位。    正如之前许多人所预料的一样，在几十年不遇的经济危机影响下，今年的榜单风</t>
  </si>
  <si>
    <t>外资非正常撤离现象抬头</t>
  </si>
  <si>
    <t>在当前的经济形势下，一些产业出现外资撤离是难以避免的，有些也属于阶段性调整。    地方政府对引进外资的态度和监管存在问题。对于外资的过度偏爱，使外资来去自如，对外企的监管形同虚设。    随着国际金融危机继续蔓延，在华外资撤离的可能性增加，其中非正?</t>
  </si>
  <si>
    <t>美中协调应对金融危机事关全球大局</t>
  </si>
  <si>
    <t>美国前驻华大使芮效俭(Stapleton Roy)2月底在休斯敦出席亚洲协会年会期间接受了本报记者的专访。作为本次年会的特邀嘉宾，芮效俭就中美贸易关系的现状和前景阐述了自己的观点。    共同应对危机    芮效俭在接受专访时表示，今天美中两国面临的共同敌人是金融危?</t>
  </si>
  <si>
    <t>八成美国在华企业看好中国市场</t>
  </si>
  <si>
    <t>本报讯 (记者张莫 实习生郑娥)中国美国商会日前公布的“2009商务环境调查”结果显示，受全球金融危机、人民币汇率变动、价格竞争、人才争夺等因素影响，美国在华企业短期面临巨大挑战，但81%的被调查企业对未来五年内中国市场的商务环境仍充满很强信心。    尽管美国在</t>
  </si>
  <si>
    <t>是否再次减产 欧佩克内部存异</t>
  </si>
  <si>
    <t>石油输出国组织(欧佩克)将于15日在维也纳举行部长级会议，以讨论国际原油市场供需形势，并就是否再度减产作出决定。    虽然会期在即，但据有关方面报道，目前欧佩克成员国内部对于是否应进一步减产尚未达成共识。    伊拉克石油部长沙赫里斯塔尼日前表示，目前?</t>
  </si>
  <si>
    <t>美国会通过4100亿美元政府开支法案</t>
  </si>
  <si>
    <t>本报华盛顿电(记者刘洪 胡芳)美国国会10日通过了2009财年(截至今年9月30日)最后一项总额为4100亿美元的政府开支法案，该法案将使奥巴马政府能够顺利运转至本财年末。    美国国会参议院在当天的口头表决中通过了这一法案。众议院上月通过了这一法案，但绝大多数共和党?</t>
  </si>
  <si>
    <t>市场推出收音机新概念</t>
  </si>
  <si>
    <t>你知道吗，被大多数中国家庭淘汰了的收音机，凭借新技术，又成了时髦消费。    其实收音机在很多国家都还是家庭必备品。世界上60%的地震都发生在日本，而日本每个家庭都会至少备用两台随时可用的收音机，以防地震不测，可以接收指令，了解周边情况；在英国，居民应付紧</t>
  </si>
  <si>
    <t>谨防投资中的三类现象</t>
  </si>
  <si>
    <t>中央政府4万亿投资计划一出，其去向和作用立即成为众人关注的焦点。对此，专家提醒，要谨防投资中的三类现象。    现象一:    权钱交易    有一个例子引入深思。    为了应对1997年爆发的亚洲金融危机，1998年我国出台了积极的财政政策。在这一政策?</t>
  </si>
  <si>
    <t>伦敦稳坐国际金融中心头把交椅</t>
  </si>
  <si>
    <t>本报伦敦电(记者王建华) 英国《金融时报》9日援引最新调查结果报道，尽管金融危机令世界各大金融中心遭受重创，但是伦敦和纽约的承受力远远高于其他金融中心，依然高居世界金融中心排行榜前两位。    在3月份的全球金融中心指数排行榜上，伦敦以781分高居榜首，纽约以1</t>
  </si>
  <si>
    <t>金融风暴改变美国人消费观念</t>
  </si>
  <si>
    <t>金融风暴已改变许多美国人的消费观念，不少人不敢“今天花明天的钱”，而是未雨绸缪，为可能到来的更艰苦日子储备“过冬粮”。美国商务部日前公布的数据显示，今年1月份美国个人储蓄率升至5%，创1995年以来最高水平。    泰勒·肯伊是美国一家杂志的资深编辑，不久前托</t>
  </si>
  <si>
    <t>避险情结维稳美元指数</t>
  </si>
  <si>
    <t>由于全球经济形势恶化依旧显现愈演愈烈的趋势，加之对美国银行体系生存的忧虑挥之不去，投资者纷纷寻求在美元中避险。美元指数在上周三(4日)达到35个月的高点89.60后，上周四持稳于88.80一线，除日元外各非美货币在上周四也纷纷从低点反弹。    美联储4日公布的褐皮书?</t>
  </si>
  <si>
    <t>油价走势拉锯 金属价格走高</t>
  </si>
  <si>
    <t>受全球股市暴跌和美国原油库存意外下降等因素的影响，当周国际油价呈拉锯走势。    当周首个交易日，由于亚洲、欧洲以及美国股市全部暴跌，使市场投资者对世界经济以及国际能源需求的前景感到悲观，纽约和伦敦两地油价开盘后即一路大幅下滑。之后受美国原油库存意外下?</t>
  </si>
  <si>
    <t>首购车用户居多 促汽车市场升温</t>
  </si>
  <si>
    <t>今年，政府明确表示支持汽车产业，为了达到这个目标，相关政策接连出台。    有关专家认为，中国与美国等传统汽车市场相比，新车消费的比例要高得多，这对中国是一个有利的因素；在多个政策的刺激下，今年汽车市场的增长有望达到10%。    汽车刚性需求仍然强劲</t>
  </si>
  <si>
    <t>抖开积极财政的钱袋子看看</t>
  </si>
  <si>
    <t>凸显保增长的调控意图    今年国家预算报告说，2009年将继续实施积极财政政策。    财政政策前面冠以?积极”二字，这在我国是第二次。上一次是在1998年，当时为应对东南亚金融危机带来的外需不振及国内通货紧缩、内需不足等问题，首次提出实施积极财政政策。</t>
  </si>
  <si>
    <t>农村高中费用高影响劳动力素质</t>
  </si>
  <si>
    <t>仅仅几年前，我国部分沿海地区还曾是一片“民工荒”，短短几年，情况就急转直下，高达两千多万的农民工就业不足或失业，“民工荒”演变成了“民工慌”。    农民工失业虽源于金融危机的影响，但也与我国既有的经济发展模式相关联。我国的经济发展模式已经到了转型升级?</t>
  </si>
  <si>
    <t>刘铭传:“台湾近代化的奠基人”</t>
  </si>
  <si>
    <t>提要    刘铭传作为台湾第一任巡抚，成功地在台湾推行了改革，被誉为台湾近代化的奠基人、台湾近代化之父、工业化的先驱。他在治理台湾任内，整顿吏治、协调民族关系，开发资源、创办铁路、发展邮电业，在繁荣经济和勃兴教育文化诸方面都取得卓越成效，为台湾的经济发?</t>
  </si>
  <si>
    <t>创新是文化创意企业血脉</t>
  </si>
  <si>
    <t>有一种比较流行的说法，在经济萧条的时代，常常给文化创意企业带来机遇。比如，1929年至1933年，美国经济大衰退时，好莱坞借机崛起，进而渗透进世界各国的文化中；20世纪70年代，日本动漫产业在西方经济危机后苏醒；1997年，亚洲遭遇金融风暴，韩国饱受冲击，但随后“韩流”?</t>
  </si>
  <si>
    <t>欧钢联盟撤回对我商品的申诉</t>
  </si>
  <si>
    <t>本报布鲁塞尔电(记者尚军) 欧洲钢铁工业联盟4日发表声明说，鉴于当前经济形势，决定撤回对中国冷轧不锈钢板发起的反倾销申诉。    欧洲钢铁工业联盟说，在当前的经济和市场形势下，对中国冷轧不锈钢板采取措施已经显得不合时宜，可能征收的反倾销税也将过低，因此决定?</t>
  </si>
  <si>
    <t>奥巴马改革政府采购体制</t>
  </si>
  <si>
    <t>本报华盛顿电(记者杨晴川 王薇)美国总统奥巴马4日宣布改革政府采购合同体制，认为此举一年可节省400亿美元开支，有利于解决居高不下的财政赤字问题。    奥巴马当天在白宫发表讲话说，政府采购中的浪费现象在政府各部门普遍存在，尤其是一些国防和武器项目不仅耗资巨大</t>
  </si>
  <si>
    <t>白宫公布住房救援方案细节</t>
  </si>
  <si>
    <t>本报华盛顿电(记者刘洪 胡芳)美国政府4日对外公布了此前推出的住房救援方案细节，该方案将对因高房贷而陷入困境的约900万户美国家庭提供援助。    美国财政部长盖特纳在当天发表的声明中指出，政府将加快行动使房贷降至购房者可承受的水平，遏制住房市场的破坏性影响，</t>
  </si>
  <si>
    <t>中国民企逆势登陆纽约股市</t>
  </si>
  <si>
    <t>随着美国经济陷入深度衰退，纽约股市今年以来在凄风苦雨中不断下滑。来自中国的民营企业——沈阳太宇机电设备有限公司逆势登陆，成为2009年纽约股市的一个亮点。    作为今年在纽约股市上市的第一家中国企业负责人，公司首席执行官王军认为，中国的民营企业如果炼好内?</t>
  </si>
  <si>
    <t>美国趁油价低迷补充战略石油储备</t>
  </si>
  <si>
    <t>美国能源部年初曾发表声明说，由于国际油价处于低位，将在未来几个月内为战略石油储备补充近2000万桶原油。据估算，从1975年12月22日福特总统签署《能源政策和保护法》至今，美国的战略石油储备量已接近7.27亿桶的储存上限。    总体思路    美国在建立和确保战?</t>
  </si>
  <si>
    <t>奥巴马:现在是买股票的好时机</t>
  </si>
  <si>
    <t>从长期投资角度看，现在是入市买股票的好时机。谁说的?美国总统奥巴马。    3日，奥巴马在会见英国首相布朗后回答记者提问时说，他现在密切关注的不是股市日常表现，而是信贷是否会重新流动、企业是否看到投资机会以及企业是否会重新雇用员工，他本人对这些方面的表现?</t>
  </si>
  <si>
    <t>李书福委员:应增加公共交通工具数量</t>
  </si>
  <si>
    <t>本报讯 (记者邢梅) 全国政协委员、浙江吉利集团董事长李书福建议，增加城市无障碍公共汽车和出租车等公共交通工具的数量，以达到公交总量的5%至10%。    目前，美国、英国和日本等国家以及我国香港、台湾等地区的无障碍交通系统都非常完善。美国早在1961年就由美国国家</t>
  </si>
  <si>
    <t>金融危机催生“焦虑一族”</t>
  </si>
  <si>
    <t>艾琳·格里芬三年前从美国兰登书屋退休，爱书的她倾注全部积蓄创办“格里芬书店和咖啡吧”，很快顾客盈门。    好景不长，书店经营在金融风暴冲击下每况愈下，上架新书减少、营业时间缩短……这一切让年过花甲的格里芬寝食难安。    据《华盛顿邮报》报道，格里?</t>
  </si>
  <si>
    <t>中国到了走内需驱动型发展道路的时候</t>
  </si>
  <si>
    <t>如果不是因为金融危机，深圳市浩景丰实业发展有限公司也许现在还是一个纯外贸企业。这家企业以生产厨房小家电和日用陶瓷为主，产品全部出口到欧洲、中东和东南亚地区。直到去年9月份，其年销售额还能达到1300万美元，但是金融危机使其订单迅速下滑了一半。    “如果不</t>
  </si>
  <si>
    <t>“鸡尾酒疗法”能否拯救美国金融业?</t>
  </si>
  <si>
    <t>上世纪90年代，日本房地产泡沫破灭，金融业陷入全面困境。在国际金融界，许多人以“僵尸银行”来形容当时的日本金融业——死不了，却也活不好。如今，美国的金融业，比如花旗集团、美国银行、美国国际集团(AIG)等金融巨擘似乎正在重蹈日本同行的覆辙。    美国金融业危</t>
  </si>
  <si>
    <t>欧盟强调严守单一市场规则共克时艰</t>
  </si>
  <si>
    <t>欧盟成员国领导人3月1日在布鲁塞尔召开的特别峰会上一致同意，严守欧盟单一市场规则，以协调立场、消除分歧、加强团结，拯救遭金融危机重创的欧洲经济。    遏制贸易保护    伴随着经济危机加剧，欧盟内部的贸易保护主义日渐抬头。一些西欧成员国在救助本国金融?</t>
  </si>
  <si>
    <t>奥巴马四管齐下 谨防滥用“新政”资金</t>
  </si>
  <si>
    <t>正如许多国家一样，随着奥巴马“新政”出炉，美国各州市县乃至各社区，近来都行动起来，采取各种手段争食这块巨大的蛋糕。对奥巴马来说，拯救经济非常关键；但如何防范滥用资金、防范“跑步(部)前(钱)进”中的舞弊行为，对“新政”成败和他的历史名声也格外重要。    ?</t>
  </si>
  <si>
    <t>欧洲市场碳排放配额价格暴跌</t>
  </si>
  <si>
    <t>本报巴黎电(记者芦龙军) 经济危机正在向各个经济领域扩散，欧洲碳交易市场也没能躲过冲击。由于需求不断下降，欧洲碳排放配额价格自去年夏季开始不断下滑，目前其价格与高点相比已下跌了近70%。    日前巴黎Bluenext碳交易市场上，欧盟碳排放配额的价格跌至每吨9.2欧元</t>
  </si>
  <si>
    <t>东盟一体化进入发展关键期</t>
  </si>
  <si>
    <t>为期两天的第14届东盟首脑会议3月1日在泰国海滨小城华欣闭幕。会议取得的重要成果是：东盟国家领导人签署了《东盟共同体2009-2015年路线图宣言》，以及作为共同体三大支柱的安全共同体、经济共同体和社会文化共同体相关文件。分析人士认为，东盟一体化正处于发展的关键时期，</t>
  </si>
  <si>
    <t>印度欲阻止拍卖甘地用品</t>
  </si>
  <si>
    <t>印度独立运动领袖圣雄甘地生前部分私人用品定于3月在美国拍卖，引起印度方面不满。 　　    印度政府成立特别委员会，商讨阻止拍卖对策。甘地的一名亲属则在民间发起筹款，希望追回这些珍贵物品。 　　    珍贵拍品 　　    拍卖定于3月4日至5日在纽约举行，由瑞士知名</t>
  </si>
  <si>
    <t>金融海啸“第二波”伤得了中国的筋骨吗</t>
  </si>
  <si>
    <t>“我们已经着手对东欧银行危机和所谓‘第二波’金融海啸问题进行研究，”中国银行国际金融研究所高级分析师温彬对记者说。从一纸评级报告暴露东欧地区银行蕴藏的巨大风险，到欧美商业银行纷纷将被国有化，“第二波”金融海啸之说在国内也引起了不小的争论。 　　    不论“</t>
  </si>
  <si>
    <t>挽救花旗模式是否可行？</t>
  </si>
  <si>
    <t>美国政府与花旗集团2月27日达成股权转换协议，纽约股市当天闻声而跌。花旗公司的股票盘中一度重挫50%，整个金融板块全面下挫。一些金融业分析人士和经济学家认为，美国与花旗的协议为解决金融困局提供了新模式，但能否挽救花旗目前还是个未知数。 　　    根据花旗与美国政</t>
  </si>
  <si>
    <t>纽约：招聘会上5000多人拼抢1000个职位</t>
  </si>
  <si>
    <t>本报讯(记者王建刚)5000多名应聘者近日参加了在美国纽约举行的一个招聘会，拼抢1000个职位。 　　    据主办方妇女就业集团介绍，41家用人单位当天提供了1000个职位供人们选择。消息一经公布，这个原本只为妇女就业提供帮助的公司举办的招聘活动却吸引了大批男性应聘者。鉴</t>
  </si>
  <si>
    <t>欧盟拟建立统一金融监管机构</t>
  </si>
  <si>
    <t>本报布鲁塞尔电 欧盟委员会一个高级顾问团25日发布报告，建议欧盟设立统一金融监管机构。同日欧盟委员会公布了处理银行“有毒资产”的统一指导方案。　　　　受欧盟委员会委托，以前法国央行行长、前国际货币基金组织总裁雅克·德拉罗西埃为首的专家小组当天发布报告，建议</t>
  </si>
  <si>
    <t>东盟华欣峰会务实  一体化进程更明朗</t>
  </si>
  <si>
    <t>第14届东盟首脑会议于2月27日至3月1日在泰国中部海滨小城华欣举行。东盟领导人在本次峰会上重点磋商东盟共同体建设、《东盟宪章》以及合作应对全球性威胁这三大议题并签署相关文件。　　　　面对当前世界经济增速放慢、一些主要经济体经济陷入衰退、金融危机持续蔓延的状况</t>
  </si>
  <si>
    <t>瑞士设立特别工作组  捍卫银行保密法</t>
  </si>
  <si>
    <t>本报日内瓦电 瑞士联邦主席兼财政部长默茨25日成立了一个特别工作组，旨在捍卫日益受到美欧等国重压的银行保密法。　　　　据官方的“瑞士资讯”网站报道，该工作组由银行家、外交官、经济学家和法律专家等组成，其任务是抵挡瑞士银行保密法所受到的攻击。　　　　该网站</t>
  </si>
  <si>
    <t>美经济“严重收缩”上半年继续下滑</t>
  </si>
  <si>
    <t>本报华盛顿电(记者胡芳刘洪)美国联邦储备委员会主席伯南克24日说，美国经济正在经历一场“严重收缩”，今年头6个月可能继续下滑。他表示，将采取一切可能的措施，帮助经济摆脱衰退。 　　    伯南克当天在国会参议院银行委员会作证时说，如果美联储和奥巴马政府能成功地使?</t>
  </si>
  <si>
    <t>德国汽车共享业去年两位数增长</t>
  </si>
  <si>
    <t>本报柏林电(记者班玮)尽管金融危机使德国汽车销售大打折扣，但是“汽车共享”(carsharing)业过去一年中在德国继续取得两位数的增长。这标志着“汽车共享”这一起初带有点理想主义色彩的特殊服务行业在欧洲最大的汽车市场上已日趋成熟。 　　    所谓“汽车共享”，是指许多</t>
  </si>
  <si>
    <t>三大利空悬顶“两会行情”增变数</t>
  </si>
  <si>
    <t>2月24日，由于受到美国股市连续暴跌的影响，以及国内市场上市公司业绩滑坡、QFII减仓出逃等利空信息的拖累，沪深股市双双放量下挫。在金融、石油、煤炭等权重股疯狂砸盘的冲击下，市场人气遭受沉重打击，投资者普遍期待的“两会行情”陡增变数。 　　    英大证券研究所所?</t>
  </si>
  <si>
    <t>浙江外向型经济:西方不亮东方亮</t>
  </si>
  <si>
    <t>宁波的海天集团是全球最大的注塑机生产商，受金融危机影响，去年四季度订单锐减了50%。“1月份开始有所回升，元宵节这天一天就卖出了57台注塑机，单日销售回升到正常水平，不过全部是国内市场的订货，外销仍然是死水一潭。”董事长张静章说。    注塑机是广泛用于家电?</t>
  </si>
  <si>
    <t>为全球强化金融监管“指路”</t>
  </si>
  <si>
    <t>为了在伦敦二十国集团金融峰会之前协调好各方立场，应德国总理默克尔邀请，欧盟8个成员国领导人和欧盟委员会主席等22日聚首德国首都柏林，经密切磋商，在强化国际金融监管问题上达成七点共识。    二十国集团峰会于2008年11月在美国首都华盛顿召开。会议提出了近60年来</t>
  </si>
  <si>
    <t>“中国糖都”缘何利润连年下降</t>
  </si>
  <si>
    <t>位于南亚热带季风气候区的广西壮族自治区，光照充足，雨水丰沛，适宜甘蔗生长。2008年广西食糖产量941万吨，占全国食糖产量的60%多，是名副其实的“中国糖都”。然而不少制糖企业2006年赚得盆满钵满以后，遭遇了2007年和2008年食糖价格连续下跌的困境，受冰冻灾害和2008年农?</t>
  </si>
  <si>
    <t>机构预计:今年中国石油需求增长0.3%</t>
  </si>
  <si>
    <t>本报上海电(记者陈云富) 全球最大的能源咨询公司Wood Mackenzie最新预计，由于亚洲也深受全球经济衰退影响，预计2009年中国原油的需求增长只有0.3%，即每天2.7万桶。    该机构同时修正此前其对全球经济增长的预期，认为由于经济衰退，2009年全球的GDP将下滑0.6%，这导</t>
  </si>
  <si>
    <t>境外工业园区:中国企业“扎堆”投资避风险</t>
  </si>
  <si>
    <t>从埃及首都开罗向东驱车约120公里，茫茫大漠中出现一片海市蜃楼般的工业集群地，这就是埃及苏伊士省的苏伊士湾西北经济区，中国政府在埃及成立的境外经贸合作区就坐落在这里。合作区紧邻苏伊士运河，地处连接亚欧非三大洲的金三角地带，位居全球的重要地理交通中心和世界主要</t>
  </si>
  <si>
    <t>美国政坛 金钱国度里的家族“私产”</t>
  </si>
  <si>
    <t>2月16日至22日，美国国务卿访问亚洲四国，国外媒体多以“克林顿”称呼她。可是此克林顿非比尔·克林顿，而是希拉里·克林顿；此希拉里·克林顿也非当年的第一夫人，而是新一届美国政府的重臣了。    希拉里·克林顿就任美国国务卿，给本就家族政治大行其道的美国政坛平</t>
  </si>
  <si>
    <t>美国MBA调整就业策略</t>
  </si>
  <si>
    <t>美国商学院毕业生近些年一直把投资银行看作能带来富足生活的就业好去向。但受金融危机影响，他们如今开始调整就业策略，把就业目标从金融业转向其他行业，把就业地点从美国转向其他地区。    眼光放低    梅格汉:加勒里现年24岁，去年9月入读马萨诸塞理工学院斯?</t>
  </si>
  <si>
    <t>谁在收藏中国?</t>
  </si>
  <si>
    <t>圆明园，这个承载了中国人太多悲情和感伤的地方，由于来自园内的两件文物将于近日在异国被拍卖，而再度成为国内舆论关注的焦点。    虽然外交部、国家文物局等官方机构已明确表态反对拍卖，以刘洋为首的民间律师团也已向拍卖方发出律师函和律师声明，但拍卖方——法国?</t>
  </si>
  <si>
    <t>“10+3”普吉财长会为区域外汇储备库扩容</t>
  </si>
  <si>
    <t>□本报综合报道    东盟十中日韩(10+3)特别财长会22日在泰国南部普吉岛举行。根据会议审定和发布的《亚洲经济金融稳定行动计划》，筹建中的区域外汇储备库规模将从各方以前商定的800亿美元扩大至1200亿美元。    在之后的新闻发布会上，东南亚国家联盟秘书长素林</t>
  </si>
  <si>
    <t>斯坦福与麦道夫欺诈伎俩相似 监管再次缺位</t>
  </si>
  <si>
    <t>美国得克萨斯州富豪艾伦·斯坦福及其旗下3家企业本月被曝欺诈80亿美元，受害客户遍及全球，拉丁美洲客户所受影响尤其严重。    这一丑闻距离纳斯达克股票市场公司董事会前主席伯纳德·麦道夫制造历史上最大金融欺诈案曝光仅两个多月。    回顾欺诈案演变过程，不</t>
  </si>
  <si>
    <t>卢文兵:用资本撬动传统行业</t>
  </si>
  <si>
    <t>公司人物在餐饮领域，卢文兵是个有想法的人物。作为小肥羊集团有限公司总裁，10年间他把一家个体餐厅发展成了规模近400家的餐饮连锁企业。目前，小肥羊年营业收入突破60亿元，已经是中国内地最大的中餐企业，在中国餐饮行业中仅次于肯德基和麦当劳。    不久前，</t>
  </si>
  <si>
    <t>美俄撞星凸显太空拥堵现状</t>
  </si>
  <si>
    <t>美俄卫星在太空相撞，美国宇航局约翰逊航天中心轨道碎片专家马克·马特内顿时成了全球媒体追逐的焦点人物。    几经周折，这位自称“大活宝”的著名科学家15日终于同意接受本报记者的专访。访谈在休斯敦航天城110楼持续了近两小时。身着便装、满脸洋溢着激情与梦想的马</t>
  </si>
  <si>
    <t>外媒冷观奥巴马上任后首个“重大成就”</t>
  </si>
  <si>
    <t>本报讯 (记者肖莹莹) 美国总统奥巴马17日正式签署总额高达7870亿美一一元的经济刺激计划。西方媒体将其称为新总统上台后取得的首个“重大成就”，但这种“成就”似乎只是停留在计划被很快签署为法律这一点上。    “美国之音”网站刊登的篇文章指出，该计划被签署为法?</t>
  </si>
  <si>
    <t>中国汽车市场不排外</t>
  </si>
  <si>
    <t>本报讯 (记者吴华国) 在美国金融危机严重冲击全球汽车产业的背景下，由我国商务部批准的“2009首届北京进口汽车博览会”将于7月28日至8月2日如期举行。这是主办方中欧经济技术合作协会、中国汽车流通协会2月18日在北京正式披露的消息。    由美国次贷危机引发的全球金?</t>
  </si>
  <si>
    <t>松下电器08财年预计亏损3800亿日元</t>
  </si>
  <si>
    <t>本报东京电(记者叶佳) 日本电器制造业巨头松下电器日前发布财报称，2008财年(2008年4月至2009年3月)最终利润预计将出现3800亿日元的亏损。    财报表明，2008年4月至12月松下集团销售额为62237亿日元，同比减少9%；营业利润为2545亿日元，同比减少34%；纯利润则只有654</t>
  </si>
  <si>
    <t>奥巴马“新政”在疑云密布中起航</t>
  </si>
  <si>
    <t>在大萧条以来最严峻的经济危机阴影笼罩下，美国总统奥巴马17日签署了总额为7870亿美元的经济刺激计划，奥巴马“新政”由此正式扬帆起航。“新政”预计将对美国和世界经济产生深远影响，但目前各方对“新政”能否一帆风顺仍存疑虑。    作为第二次世界大战后美国规模最?</t>
  </si>
  <si>
    <t>中国钻机企业开拓伊拉克市场</t>
  </si>
  <si>
    <t>两个月前，局势依旧动荡的中东石油大国伊拉克举行了首届国际能源博览会，中国四川宏华石油设备有限公司作为惟一参展的中国企业格外醒目。两个月后，伊拉克多家公司邀请宏华，共同参加伊南部油田钻井投标，并最终找到了当地颇具实力的合作伙伴。    宏华公司专业从事石?</t>
  </si>
  <si>
    <t>手机宽带网络发展将提振全球经济</t>
  </si>
  <si>
    <t>本报巴塞罗那电(记者朱蕊 张碧弘) 国际移动通信业专业人士16日在巴塞罗那举行的世界移动通信大会上表示，手机宽带网络发展有助于促进全球经济增长，并敦促各国政府加大在该领域的投资。    全球移动通信系统协会主席、俄罗斯VimpelCom通信公司首席执行官亚历山大·伊佐</t>
  </si>
  <si>
    <t>巴西拟向WTO状告“购买美国货”条款</t>
  </si>
  <si>
    <t>本报巴西利亚电 巴西外交部长阿莫林16日说，美国国会最新通过的新经济刺激计划中带有“购买美国货”的贸易保护主义条款，巴西就此可能将上告到世界贸易组织(WTO)。    当天阿莫林在接受巴西国家电视台采访时说:“虽然这涉及复杂的法律分析，但我们正在行动，上告至WTO?</t>
  </si>
  <si>
    <t>西班牙实施节能灯泡推广行动</t>
  </si>
  <si>
    <t>本报马德里电(记者陈海通)西班牙政府日前开始实施用节能灯泡替代传统灯泡的环保行动，计划2009年在全国免费发放2196万个节能灯泡，保证每户家庭都能获得一个。    西班牙东北部的阿拉贡自治区是实施节能灯泡推广行动的首个地区，当地民众在收到本月电费发票后，可以凭?</t>
  </si>
  <si>
    <t>提高生活品质 飞利浦力促节能照明</t>
  </si>
  <si>
    <t>本报讯 荷兰皇家飞利浦电子公司近日宣布，将力促欧盟作出关于在2012年以前逐步停止在欧盟国家销售白炽灯的决定。这与飞利浦此前于2006年12月7日在布鲁塞尔发布的因气候变化加快向节能照明解决方案转换的声明一脉相承。    事实上，随着白炽灯的逐步淘汰，消费者将大大?</t>
  </si>
  <si>
    <t>欧洲议会敦促欧盟坚守经济开放原则</t>
  </si>
  <si>
    <t>本报布鲁塞尔电(记者尚军) 欧洲议会16日在布鲁塞尔召开全会，与会代表敦促欧盟坚守经济开放原则，对日益抬头的保护主义说不。    当天，欧洲议会邀请成员国议会代表举行联席会议，共同商讨如何拯救陷入严重衰退的欧盟经济。欧盟轮值主席国捷克参议院议长普雷米斯尔·索</t>
  </si>
  <si>
    <t>日本经济出现近35年来最大季度跌幅</t>
  </si>
  <si>
    <t>去年第四季度日本经济降幅创近35年来之最。政府官员承认，日本正面临二战以后最严重的经济危机。近日，日政府已确定即将出台大规模经济刺激方案，以期推动严重依赖海外市场的经济早日走出低谷。    日本内阁府16日发表的统计速报显示，扣除物价变动因素，去年第四季度?</t>
  </si>
  <si>
    <t>钨价低迷:收储好时机来了</t>
  </si>
  <si>
    <t>作为战略资源，钨关系着我国经济命脉和国防安全。美国、日本等发达国家均已将钨列为战略金属而收储。中国钨业协会有关专家认为，当前钨价低迷正是我国收储钨资源的好时机，我国应建立以钨资源战略储备、钨产品商业储备、行业自律和行业监管相互协调配合的“四位一体”的国家?</t>
  </si>
  <si>
    <t>美报刊称:大宗商品走软带来能源并购机遇</t>
  </si>
  <si>
    <t>本报讯 美国《华尔街日报》日前刊登题为《商品热潮退去  资源巨头左右逢源》的文章，指出在大宗商品热结束后，全球的油井滑向低谷，不少能源类公司陷入财务困境，这也给像埃克森美孚这样拥有雄厚财力的巨头带来了并购机遇。    大多数工业大宗商品价格今年可能会继续低</t>
  </si>
  <si>
    <t>智能电网——离中国有多远</t>
  </si>
  <si>
    <t>美国新任总统奥巴马在其能源战略中提出的智能电网大规模改造，一下子炒热了中国的电力设备股和超导概念的新材料股，近日多只股票接连涨停，最多连续5日触及涨停  但分析人士指出，在目前中国国家电网公司正在全力推进“特高压电网”工程的情势下，似乎不太可能转向智能电网的</t>
  </si>
  <si>
    <t>伊藤忠商社收购杉杉集团28%股权</t>
  </si>
  <si>
    <t>本报讯 (记者魏宗凯) 日本伊藤忠商事株式会社16日宣布收购杉杉集团28%股权。双方当日均不愿透露此笔收购的具体金额。据日本媒体日前披露，伊藤忠商社在此项收购上投入100亿日元(约合7.46亿元人民币)，但杉杉集团称这一数字并不准确。    杉杉集团创始入郑永刚当日接受?</t>
  </si>
  <si>
    <t>限薪紧箍咒越念越紧</t>
  </si>
  <si>
    <t>16日是美国的总统日，连股市也休市。不过，在这个连休三天的周末，华尔街的高管们恐怕辗转难眠，因为一系列新的、更加严格的薪酬限制条款摆在了他们的面前。    13日美国参众两院通过的最终版本经济刺激计划，明确写入了对接受政府救援的金融机构高管的限薪条款。总统?</t>
  </si>
  <si>
    <t>美国人找工作怪招迭出</t>
  </si>
  <si>
    <t>美国政府最新数据显示，美国1月份就业岗位减少60万个，失业率达7.6%，创下34年来最高纪录。    严峻的就业形势迫使美国人想方设法谋求工作岗位。他们或在人多处搭讪“贵人”，或办就业派对，或大幅降低预期，以求早日找到工作。    巧搭讪    现年23岁的戴</t>
  </si>
  <si>
    <t>美国财长盖特纳“起跑”不稳</t>
  </si>
  <si>
    <t>美国新任财政部长盖特纳日前举行首次新闻发布会，宣布备受外界关注的新金融救援方案。但市场对总额高达1.5万亿美元的方案似乎并不领情。当他略显紧张开始讲话后，道琼斯股指持续下滑，最后大跌近400点收盘，为奥巴马入主白宫后股市的最糟糕表现。    市场对盖特纳寄予?</t>
  </si>
  <si>
    <t>广西企业东盟国家同台唱戏</t>
  </si>
  <si>
    <t>近年来，西南边陲广西依托独特自然条件和地缘优势，将生物质能源产业作为支柱产业发展，不少企业与毗邻东盟国家开展了广泛合作。有关专家指出，广西与东盟国家生物质能源产业合作前景乐观，从企业层面来说，需要进一步加强合作的深度和广度，实现国家层面上的能源多元化，从?</t>
  </si>
  <si>
    <t>中铝将以195亿美元入资力拓</t>
  </si>
  <si>
    <t>北京时间2月12日，中国铝业公司与力拓集团通过伦敦证券交易所和澳大利亚证券交易所发布联合公告，宣布签署战略合作协议，中铝公司投入195亿美元，其中约72亿美元用于认购力拓集团发行的可转债。这笔债券转为股份后，中铝在力拓集团整体持股比例可由目前的9.3%增至约18%，其中</t>
  </si>
  <si>
    <t>两个高管之“生死”结局</t>
  </si>
  <si>
    <t>近来有两条消息引人注目。  一条来自国外，在加拿大通讯社公布的一年一度“商界风云人物”评选中，加拿大枫叶食品厂行政总裁麦凯恩以高票名列第一。另一条是国内的，元月22日，石家庄中级人民法院一审宣判被告人、原三鹿集团董事长田文华犯有生产、销售伪劣产品罪，被判处无?</t>
  </si>
  <si>
    <t>贸易保护无异于饮鸩止渴</t>
  </si>
  <si>
    <t>一条“Buy American”的条款在世界各国引起轩然大波，各方人士口诛笔伐，甚至有媒体用了“美欧可能再次爆发贸易战”这样的字眼来估测它可能带来的严重后果。    贸易保护主义古已有之，而大的经济危机往往更成为其滋长的“温床”。当前，在各国政府都在为金融危机而忙?</t>
  </si>
  <si>
    <t>河北将加强“三大区域”经济统筹发展</t>
  </si>
  <si>
    <t>本报石家庄电(记者杨守勇) 河北省省长胡春华日前说，河北地区发展不平衡，生产力布局分散，缺少中心城市带动，是制约经济发展突出的问题。为此，河北将顺应环渤海地区加速崛起的趋势，加强“环京津地区、冀东经济区、冀中南地区”三大区域经济统筹，形成经济发展的整体合力。</t>
  </si>
  <si>
    <t>美国3万亿美元救市计划 框架大细节少</t>
  </si>
  <si>
    <t>美国财政部、美联储和国会参议院10日分别公布和通过了新金融救援计划和经济刺激计划，总额达3万亿美元，虽然数额巨大但细节太少，结果纽约股市报以重挫。    当天国会参议院批准了总额为8380亿美元的经济刺激计划；美国财长盖特纳宣布了新金融救援计划，最终总开支或高</t>
  </si>
  <si>
    <t>贸易保护阴云密布 欧盟内部反应强烈</t>
  </si>
  <si>
    <t>当美国的“买国货”条款引起全球一片哗然时，一团保护主义阴云同样笼罩在欧盟上空。随着经济形势因金融危机急剧恶化，保护主义在欧盟开始抬头。在10日召开的欧盟财政部长月度例会上，欧盟轮值主席国捷克财长米罗斯拉夫·卡劳谢克说，欧盟内部的保护主义倾向正成为阻碍经济复?</t>
  </si>
  <si>
    <t>松下发布世界最薄等离子电视</t>
  </si>
  <si>
    <t>本报东京电(记者叶佳) 日本松下电器公司日前宣布，将于3月1日起陆续推出三个系列的平板电视新机型，其中包括厚度不到2.5厘米的世界最薄等离子电视。    松下发布新闻公报称，即将上市的“Viera”系列平板电视搭载的新型面板用电量将比旧机型减少一半，同时像素和画质也</t>
  </si>
  <si>
    <t>天然气进口推动我国天然气定价机制改革</t>
  </si>
  <si>
    <t>西气东输二线东段近日正式开工，标志着我国第一条引进境外天然气资源的大型管道工程西气东输二线建设大大加速。随着西气东输二线西段于今年年底前建成投产，来自土库曼斯坦的天然气将如期进入我国。加快理顺国内天然气价格，完善天然气价格形成机制被进一步提上了日程。</t>
  </si>
  <si>
    <t>中美贸易将在摩擦中曲折前行</t>
  </si>
  <si>
    <t>1月20日奥巴马走马上台前夕，即将卸任的美国贸易代表施瓦布举行任内最后一次记者会。我在会上跟她开玩笑问:“我很好奇的一点是，在你最后一个星期任内，美国是否会提出更多针对中国的贸易诉讼?”全场记者大笑，她也不禁莞尔。    中美经贸问题，一直是两国关系中的热点</t>
  </si>
  <si>
    <t>辉瑞模式拉开世界医药业并购序幕</t>
  </si>
  <si>
    <t>全球最大药品制造商辉瑞5日对外宣称，与惠氏达成并购协议:辉瑞以总价值大约680亿美元收购惠氏。据美国权威医药咨询公司IMS预测，合并后的公司有望成为美国生物药品销售额最大的公司，拥有约12%的市场份额，在欧洲占10%，在亚洲占7%，在拉丁美洲也将占有6%的市场份额。在拉美?</t>
  </si>
  <si>
    <t>限制高管薪酬应与国际接轨</t>
  </si>
  <si>
    <t>北京时间2月5日凌晨消息，美国总统奥巴马和财政部长盖特纳周三宣布，政府将要求接受救援资金企业的高管年薪不得高于50万美元。奥巴马表示:“为了重建金融体系，我们必须先重建信任。为了重建信任，我们就必须确保纳税人提供的资金不会用来向华尔街发放高额薪酬。”(2月5日新?</t>
  </si>
  <si>
    <t>职场情绪:影响管理效能的杀手</t>
  </si>
  <si>
    <t>20世纪上半叶，美国哈佛大学心理病理学教授梅奥提出一个在当时学术界是离经叛道的结论:生产效率的决定因素不是作业条件，而是职工的情绪。    这一研究发现改变了传统的管理对象假设。以前，管理把人假设为“经济人”，认为金钱是刺激积极性的惟一动力。梅奥的研究则认</t>
  </si>
  <si>
    <t>联合国呼吁各国政府积极应对金融危机</t>
  </si>
  <si>
    <t>本报纽约电(记者顾震球 王湘江)联合国负责经济和社会事务的副秘书长沙祖康4日在这里呼吁各国政府采取有效措施，积极应对金融危机，努力实现1995年联合国社会发展问题世界首脑会议所确立的创造就业机会、消除贫困和促进社会融合等目标。    沙祖康当天在联合国社会发展?</t>
  </si>
  <si>
    <t>美国硅谷将设“奇点大学”</t>
  </si>
  <si>
    <t>本报旧金山电(记者毛磊) 创新氛围浓厚的美国硅谷地区今年6月将诞生一所与众不同的大学:  “奇点大学”。它的宗旨是汇聚全球最优秀的年轻人才，采用跨学科教学方式，为应对人类面临的气候变化、能源、健康和贫困等重大挑战培养未来领军人物。    美国《旧金山纪事报》等</t>
  </si>
  <si>
    <t>抱团应战后 中国彩电出口专利壁垒开始松动</t>
  </si>
  <si>
    <t>一台彩电出口到美国就要征收30美元的专利费，这显然是利润微薄的中国彩电企业所无法承受的。2007年3月以来，围绕着中国彩电出口专利收费的话题引发社会的强烈关注。记者获得的独家消息表明:经过近2年时间的努力，中国10家彩电骨干企业抱团应对出口专利壁垒已经取得了重大进展</t>
  </si>
  <si>
    <t>整顿风电设备招标工作</t>
  </si>
  <si>
    <t>本报讯 (记者李新民) 本报分别于1月6日和22日刊发的关于风电设备招标指定“韩国货”的报道，引起中国节能投资公司(简称中国节能)的高度关注。中节能风力发电投资公司(简称风电公司)有关负责人表示:  “虚心接收”媒体的批评，并按照中国节能的要求对风电设备招标工作“认真整</t>
  </si>
  <si>
    <t>索尼调整电视机生产体制</t>
  </si>
  <si>
    <t>本报东京电(记者叶佳) 据《日本经济新闻》最新报道，为重振陷入低迷的电子产品部门，索尼开始着手对国内业务进行重组，把两个电视机工厂的生产集中到一处，并削减相当于国内总人数3%的2000名正式员工。    由于日元汇率飙升和产品销售低迷，2008财年(2008年4月至2009年</t>
  </si>
  <si>
    <t>危机孕育出免费的早餐</t>
  </si>
  <si>
    <t>都说天下没有免费的午餐，那么早餐呢?3日一大早，遍及全美各地超过1500家丹尼连锁餐馆的门前就开始排起了长队，场面蔚为壮观。无数人从温暖的被窝里爬出来顶着凛冽的寒风甚至不辞辛苦驱车数十里，就是为了一顿免费的早餐。    刚刚过去的周日是美国人传统体育盛事——?</t>
  </si>
  <si>
    <t>奥巴马反对参议院强化“购买美国货”条款</t>
  </si>
  <si>
    <t>美国总统奥巴马提出的经济刺激方案2日开始在国会参议院审议。由于参议院民主党和共和党阵营就方案细节问题意见分歧，致使方案在3日第一轮投票表决中未能获得通过所需3/5票数。参议院多数党(民主党)领袖哈里·里德说，参议院4日和5日将继续对方案投票表决。    参议</t>
  </si>
  <si>
    <t>欧洲经济仍处冰点</t>
  </si>
  <si>
    <t>进入2月份，欧洲天气本该转暖，但近日大部分地区却普遍降雪，寒冷如隆冬。除了天气，让人感受到寒意的还有惨淡的经济形势。随着时间的推移，金融风暴对欧洲实体经济的影响日益凸显，欧盟最近发布的一系列负面经济数据说明欧洲经济正值隆冬。    反映欧元区和欧盟总体经</t>
  </si>
  <si>
    <t>纺织企业“走西口” 新“东锭西移”是喜是是忧?</t>
  </si>
  <si>
    <t>受全球经济形势拖累，去年以来，我国沿海地区纺织企业“难”声四起。与此同时，一批大型棉纺织集团纷纷西去，将眼光投向我国最大的产棉区——新疆。雅戈尔、华孚、巨鹰等知名纺织企业相继“走西口”，不事声张地设点布局……    此番景象，让人不禁联想起上世纪90年代?</t>
  </si>
  <si>
    <t>陕汽今年计划出口整车1.5万辆</t>
  </si>
  <si>
    <t>本报西安电(记者毛海峰) 陕西汽车集团有限责任公司在全球金融危机中“逆势而上”，日前与阿尔及利亚签订了3200辆重卡的销售合同。根据现有的市场预测，陕汽集团2009年将出口整车1.5万辆，同比增长15%。    陕汽集团是我国重要的商用车生产基地，近年来以年均两位数的高</t>
  </si>
  <si>
    <t>全球行动应对气候变化</t>
  </si>
  <si>
    <t>本报瑞士达沃斯电(记者刘国远尚军)  在瑞士达沃斯举行的世界经济论坛2009年年会日前召开气候变化问题专题会议，与会人士呼吁全球采取紧急行动应对气候变化，力争在今年年底召开的联合国气候变化大会上达成共识。    美国前副总统、诺贝尔和平奖得主阿尔·戈尔在会上说?</t>
  </si>
  <si>
    <t>美经济刺激新计划疑似难产</t>
  </si>
  <si>
    <t>□本报综合报道    美国总统奥巴马1日在接受美国全国广播公司采访时说，他相信国会共和党议员最终会支持政府的经济刺激方案。而美国多名共和党参议员当天却表示，奥巴马提出的总额8190亿美元经济刺激计划如果不经全面修订，可能难获国会参议院放行。    奥巴马期</t>
  </si>
  <si>
    <t>年报行情值得期待</t>
  </si>
  <si>
    <t>自2009年1月1日中兵光电拉开A股2008年报披露大幕以来，截至1月底，沪深两市已有10家上市公司发布年报；加上此前发布2008年度业绩预告的公司，两市已累计有近千家上市公司发布了年报业绩公告或预告。近七成上市公司已经实现或者预计盈利，这其中半数实现盈利增长，半数盈利同?</t>
  </si>
  <si>
    <t>达沃斯年会呼吁更多改革和合作</t>
  </si>
  <si>
    <t>世界经济论坛年会于2月1日在瑞士滑雪胜地达沃斯闭幕，年会的主题是“构建危机后的世界”。在金融危机的阴影下，本届年会不免让人感到阵阵“寒意”。但各界代表对当今全球贸易、国际金融秩序以及能源发展问题的讨论，还是能让人感到世界经济在修正中朝好的方向改革。</t>
  </si>
  <si>
    <t>美欧企业掀裁员风潮</t>
  </si>
  <si>
    <t>美国、欧洲多家大型企业近日宣布大规模裁员计划，仅美国4家企业的计划裁员人数就达3.7万人。    市场人士担心，随着全球经济和商品需求进一步寻底，更多裁员恐怕不可避免。    美国    美国建筑机械制造巨头卡特彼勒公司、家具建材零售巨头家得宝公司、美?</t>
  </si>
  <si>
    <t>纽约股市摊上最糟开局</t>
  </si>
  <si>
    <t>在刚刚过去的2009年1月份，受金融危机等因素影响，纽约股市先扬后抑，总体继续下跌。其中，道琼斯30种工业股票平均价格指数下跌了8.84%，标准普尔500种股票指数下跌了8.57%，均创历史同月最大跌幅。    分析人士认为，造成纽约股市开年不利的主要原因在于，美国整体经?</t>
  </si>
  <si>
    <t>从美国次贷危机看中国住房政策</t>
  </si>
  <si>
    <t>美国次贷危机已经演化成一场波及全球的金融危机。细究这场危机的发生，不难发现它与美国近些年的住房政策有着直接联系，可以说是美国失败的住房政策把这个国家乃至全世界都拖入了一场灾难深重的危机之中。作为正致力于解决百姓住房问题和实现住有所居目标的中国来说，应当以?</t>
  </si>
  <si>
    <t>两受俄乌“斗气”之苦 欧盟强化能源安全</t>
  </si>
  <si>
    <t>俄乌“斗气”风波21日基本平息，俄罗斯经由乌克兰输往欧盟的天然气在中断两周后终于得以恢复。但对于在严冬时节再次经受“断气”之苦的欧盟来说，实现能源供应多元化以确保能源安全已是当务之急。    新年伊始，俄乌双方便因为天然气定价纠纷剑拔弩张。和2006年初的情?</t>
  </si>
  <si>
    <t>俄规划将莫斯科建成国际金融中心</t>
  </si>
  <si>
    <t>本报莫斯科电(记者赵嘉麒) 据俄罗斯《导报》21日报道，俄罗斯总理普京20日批准了2020年前俄罗斯金融市场发展战略，目的是规范和发展俄罗斯证券市场，并将莫斯科建成国际金融中心。    报道援引该战略的内容说，2020年前，俄罗斯的上市公司市值总额将达170万亿卢布(1美?</t>
  </si>
  <si>
    <t>科威特峰会绘出阿拉伯国家10年发展蓝图</t>
  </si>
  <si>
    <t>首届阿拉伯经济、发展和社会峰会20日在科威特首都科威特城闭幕。会议通过的一系列决议为阿拉伯国家未来10年的经济社会发展确立了方向。科威特埃米尔艾哈迈德·萨巴赫在闭幕会议上说，此次峰会通过的决议是经济发展的核心，也是阿拉伯民族发展的平台。    解决阿拉伯国?</t>
  </si>
  <si>
    <t>风电设备招标“哈韩”曝光  中节能变“公然”为“暗箱”</t>
  </si>
  <si>
    <t>本报讯 (记者李新民) 本报1月6日头条位置刊发的报道——《风电设备招标公然指定韩国货》引发舆论强烈关注，国家有关部门介入查处。面对压力，中节能港建(张北)风力发电有限公司修改招标文件，变“公然”为“暗箱”，操作。    《风电设备招标公然指定韩国货》发表后被?</t>
  </si>
  <si>
    <t>海峡两岸平板显示企业达成采购大单协议</t>
  </si>
  <si>
    <t>本报福州电(记者沈汝发) 日前，在福州举行的“海峡两岸平板显示产业战略合作论坛”上，大陆九家彩电企业与台湾液晶面板生产企业达成购买21.9亿美元的电视用液晶面板的协议。    根据协议，康佳、海信、TCL等九家彩电企业将向以友达光电、奇美电子为主的台湾液晶面板生?</t>
  </si>
  <si>
    <t>美国经济站在“重大变革”路口</t>
  </si>
  <si>
    <t>经济还在下滑，失业仍在上升，股市当天继续暴跌。在严重金融危机的阴影中，以“变革’为口号的奥巴马20日正式宣誓成为美国总统。从他的就职演讲中可以看出，这位新总统已认识到，必须对美国经济进行重大变革。    奥巴马在就职演讲中坦承，美国面临的挑战“严重且多重?</t>
  </si>
  <si>
    <t>我国税收成本几成世界最高</t>
  </si>
  <si>
    <t>我国是税收收入增长最快的国家之一，但也是全球税收成本最高的国家之一。有数据显示，按1992年的年报统计，美国的税收征收成本占税收收入总额的0.58%，日本为1.13%，而据有关专家透露，估算中国这一指标近年来已接近8%。 　　    税收成本指的是国家在税收征纳过程中所发生</t>
  </si>
  <si>
    <t>巴菲特:看好以比亚迪为代表的中国技术型企业</t>
  </si>
  <si>
    <t>本报讯 据比亚迪汽车公司透露，公司总裁王传福在参加于底特律举行的北美车展期间，会晤了职业投资人股神巴菲特先生，这是巴菲特入股比亚迪之后双方首次正式会晤。巴菲特表示，全球金融危机爆发后，更加看好以比亚迪为代表的中国技术型企业。　　　　在市场低迷情况下，比亚</t>
  </si>
  <si>
    <t>哈萨克斯坦去年进口汽车销量狂跌30%</t>
  </si>
  <si>
    <t>本报阿拉木图电 据哈萨克斯坦“阿斯塔纳集团”总裁斯马古洛夫19日透露，2008年哈萨克斯坦的进口汽车官方代理商遭遇10年来首次“滑铁卢”，全年进口新车销量比2007年暴跌30%。　　　　斯马古洛夫当天在哈第一大城市阿拉木图举行的记者招待会上表示，2007年哈进口汽车官方代?</t>
  </si>
  <si>
    <t>日本央行再次对金融机构提供低息贷款</t>
  </si>
  <si>
    <t>本报东京电 日本中央银行日本银行20日再次实施公开市场操作向金融机构提供1.2883万亿日元的低息贷款，以促使金融机构向企业放贷。这是日本央行自本月8日后再次向金融机构提供低息贷款。　　　　日本银行此次贷款利率仍为0.1%，实施期限为1月23日至4月8日，商业银行和其他金</t>
  </si>
  <si>
    <t>法政府想帮汽车业  标致雪铁龙不领情</t>
  </si>
  <si>
    <t>本报巴黎电 汽车制造是受金融危机冲击最严重的产业之一，各国政府不断推出新政策想救助企业。法国政府19日宣称政府会加大对汽车企业的扶持力度，但标致雪铁龙集团却反对国有资金过度注入其资本。　　　　法国负责工业事务的国务秘书夏泰尔表示，在月底之前会通过产业扶持基</t>
  </si>
  <si>
    <t>“当代国窑” 为何能在寒冬中怒放</t>
  </si>
  <si>
    <t>近日，淄博陶瓷商人苏希敬正忙着准备一批发往美国市场的餐具。这批共计10万套160万件的餐具订单来自去年的广交会，总货款80多万美元。在金融危机的冲击下，被誉为“当代国窑”的淄博陶瓷为何能够在寒风中怒放，200多家陶瓷企业无一倒闭呢?    “当代国窑”为何能在寒冬</t>
  </si>
  <si>
    <t>美国报业转型  寻觅突围路径</t>
  </si>
  <si>
    <t>图为《今日美国报》、《华盛顿邮报》和《纽约时报》的头版版面。新华社记者 侯俊 摄 　　　　金融危机爆发以来，美国各大报业集团的财务状况日益恶化。裁员、减版、出售旗下报纸等缓解资金紧张的一时之举不足为道，近期几家报纸的动作倒是值得关注，或许代表了美国报业发展</t>
  </si>
  <si>
    <t>中非贸易额去年创历史新高</t>
  </si>
  <si>
    <t>本报罗安达电(记者戴阿弟) 正在安哥拉访问的中国商务部长陈德铭19日在接受本报记者采访时说，中非贸易额去年达到1068亿美元，创历史新高。    陈德铭说，2000年中非贸易额首次突破100亿美元，此后连续8年保持30%以上的增长速度，特别是近年来中非经贸合作发展迅速。同?</t>
  </si>
  <si>
    <t>恰希玛核电站水下修复成功</t>
  </si>
  <si>
    <t>本报讯 六根改造后的辐照监督管近日成功地插入新保护套管内，标志着由秦山核电有限公司承担的巴基斯坦恰希玛核电站水下修复项目提前圆满完成。这是中国核工业集团公司自主创新能力的又一综合体现，它填补了国内核电检修技术领域的空白，标志着中核集团已经掌握了反应堆水下检</t>
  </si>
  <si>
    <t>经济难题考验奥巴马执政能力</t>
  </si>
  <si>
    <t>1月20日(美国当地时间)，当奥巴马如期宣誓成为第44任美国总统时，迎接他的不仅仅只有鲜花和掌声，还有大萧条以来最严峻的经济危机。如何破解经济难题，成为这位白宫新主人当前压倒一切的首要任务。 　　    挑战是全方位的，自前年12月以来，美国经济一直处于衰退中，消费?</t>
  </si>
  <si>
    <t>警惕海外“烂账”“坏账”增多</t>
  </si>
  <si>
    <t>本报讯 (记者王攀) 眼下，随着源自美国次贷危机的全球“金融海啸”不断加剧，中国外贸企业面临来自海外市场的信用风险也在大大增加!广东省银监局和中国出口信用保险公司广东分公司有关负责人19日在广州举行的新闻发布会上表示，广大企业务必提高警惕，警惕因国外企业拖欠货款</t>
  </si>
  <si>
    <t>俄宣布将举行天然气消费国峰会</t>
  </si>
  <si>
    <t>俄罗斯总统新闻秘书季马科娃15日说，有关天然气供应问题的峰会将于本月17日在莫斯科举行。目前，俄方正通过外交途径向俄罗斯天然气消费国和运输国的政府首脑发出邀请。　　　　俄塔社援引季马科娃的话报道说，举行天然气问题峰会的倡议是俄罗斯总统梅德韦杰夫14日在会见到?</t>
  </si>
  <si>
    <t>伯南克:单靠财政刺激措施难挽危局</t>
  </si>
  <si>
    <t>本报伦敦电(记者陈文仙) 美国联邦储备委员会主席伯南克13日在伦敦发表演讲时指出，仅仅依靠财政刺激措施不足以实现经济的持久复苏，除非政府采取强有力的措施来进一步稳定和加强金融体系。    伯南克说，美联储在促进美国经济复苏方面会尽力而为，但与此同时还需要其他</t>
  </si>
  <si>
    <t>恢复供气流量少 俄乌重开口水仗</t>
  </si>
  <si>
    <t>欧盟委员会主席巴罗佐13日与俄罗斯总理普京通电话，抱怨俄罗斯恢复向欧洲供气后气流量过少，并对欧盟监测人员无法进入天然气输送中心表示失望。    巴罗佐次日在欧洲议会发表讲话时敦促俄罗斯和乌克兰尽快解决天然气争端。巴罗佐说:“目前的情况令人难以置信且不能</t>
  </si>
  <si>
    <t>整合将成国内软件外包行业大趋势</t>
  </si>
  <si>
    <t>去年，受人民币升值、新劳动法实施等影响，中国软件外包企业成本上升、利润下降的趋势已经出现，而金融危机的全面爆发更是令整个软件外包行业雪上加霜。面对日趋严峻的市场形势，业内人士认为，整合将成为今年行业发展的主要趋势。    “日本软件外包订单占外包订单总?</t>
  </si>
  <si>
    <t>节能，节能，更节能!</t>
  </si>
  <si>
    <t>节能、节能，更节能!这是2009北美国际车展带给记者的最直观、最鲜明的感受。无论是通用、福特、丰田这些全球汽车巨头，还是中国参展车企比亚迪，节能降耗无一例外地成为各展台上吸引消费者的最大卖点。    参展商对节能概念的偏爱，与2008年史无前例的高油价不无关系。</t>
  </si>
  <si>
    <t>探访巴拿马“桃花源”</t>
  </si>
  <si>
    <t>从巴拿马首都巴拿马城出发，乘小型飞机1小时，就能到达巴拿马与哥斯达黎加边境的博卡斯一德尔托罗群岛。如果你对人声鼎沸的热闹海滩已经厌倦，不妨来这里看看。在这片保持原生态的群岛中，有着许许多多鲜为人知的“桃花源”。    博卡斯一德尔托罗在西班牙语中的意思为</t>
  </si>
  <si>
    <t>我正式加入泛美开发银行集团</t>
  </si>
  <si>
    <t>本报华盛顿电(记者胡芳) 中国加入泛美开发银行集团签字仪式12日在美国首都华盛顿泛美开发银行总部举行。这使中国正式成为泛美开发银行集团下属的泛美开发银行、泛美投资公司和多边投资基金的成员国。    中国驻美大使周文重出席签字仪式，并代表中国政府签署、交存了相</t>
  </si>
  <si>
    <t>清洁煤技术开发或将提速</t>
  </si>
  <si>
    <t>本报讯 BP中国近日宣布，经过严格遴选，陈黎明先生被任命为BP中国总裁。此举引发业界对BP中国业务发展走向的新猜想。　　　　据介绍，陈黎明1960年出生于新疆石河子。1989年获美国康乃尔大学硕士学位，并于2003年顺利完成美国哈佛商学院高级管理课程。他在2008年11月加入BP</t>
  </si>
  <si>
    <t>奥巴马将就业目标再加码100万</t>
  </si>
  <si>
    <t>美国当选总统贝拉克·奥巴马及其经济团队10日把经济刺激计划中承诺的就业目标从300万调升至400万。　　　　美国《政治周报》说，奥巴马短短一个月内第二次调整经济刺激计划，意在为这一计划在国会获批准增添胜算筹码。　　再加百万　　　　奥巴马经济团队两名顾问当天?</t>
  </si>
  <si>
    <t>制剂产品出口有望实现零的突破</t>
  </si>
  <si>
    <t>本报讯 北京医药集团下属的赛科药业日前顺利通过欧盟CGMP(动态药品生产管理规范)认证，并开始与欧洲大型医药企业开展全面战略合作。这不仅意味我国制剂生产水平已经达到欧盟认证水平，还将填补我国作为一个医药大国制剂产品零出口的空白。　　　　随着世界化学原料药生产重</t>
  </si>
  <si>
    <t>境外市场回暖 QDII基金或现转机</t>
  </si>
  <si>
    <t>2008年全球股市走弱，令出海“淘金”的QDII们(合格境内机构投资者)悉数折戟。近期境外市场出现回暖迹象，基金业内人士认为，这或许可以为QDII带来转机。    自2007年问世以来，QDII海外投资之路遭遇坎坷。尤其是2008年，在美国次贷危机逐步演化为全球金融海啸的背景下?</t>
  </si>
  <si>
    <t>印度版“安然”欺诈案惊爆上演</t>
  </si>
  <si>
    <t>美国一家联邦上诉法院6日宣布，将重新审判前安然CEO斯基林，唤醒了人们对安然造假丑闻的痛苦回忆。而印度版“安然”欺诈案的突然曝光，则再次向善良的人们敲起警钟。    印度软件外包业领军企业萨特亚姆电脑服务公司(Satyam)的联合创始人兼董事长拉马林加·拉朱7日承认</t>
  </si>
  <si>
    <t>“洋国企”高管薪酬管理的经验与启示</t>
  </si>
  <si>
    <t>西方国家国有企业高管薪酬管理可以归纳为以下两个主要特点:第一，分类管理、控制水平。第二，动态调整、强化激励。    近几年来，我国国有企业高层管理人员薪酬增长速度较快、薪酬水平显著提高，与普通职工之间收入差距扩大引起了社会各界的广泛关注。(中共中央关于构?</t>
  </si>
  <si>
    <t>英国基准利率创历史最低纪录</t>
  </si>
  <si>
    <t>本报伦敦电(记者陈文仙) 英国央行——英格兰银行8日宣布降息50个基点至1.5%，创下该央行自1694年成立以来的最低利率水平。    这也是英格兰银行成立315年以来首次将其基准利率降到2%以下。为了阻止英国经济的进一步衰退和尽早实现复苏，以强硬和保守著称的英格兰银行不</t>
  </si>
  <si>
    <t>法国3G业务“变通”之后获新生</t>
  </si>
  <si>
    <t>比起韩日等国3G手机业务的一帆风顺，法国3G产业的发展之路可谓曲折得多，尽管从2001年开始出售3G牌照，但乏人问津，直到近几年法国的3G手机业务才重获新生。    2001年，3G手机前景看上去一片光明，法国政府宣布高价出售四张3G手机牌照，原指望利用这一新兴产业赚个盆?</t>
  </si>
  <si>
    <t>日本将修改税制吸引外资</t>
  </si>
  <si>
    <t>本报东京电(记者刘浩远) 据《日本经济新闻》7日报道，日本政府决定通过修改税制，免除部分海外投资者对日投资税负，以促进对日投资。    报道说，根据日本政府的税制修正案，要成为免税对象的海外投资者需满足以下条件:在投资基金中的出资比例不超过25%、在投资基金运?</t>
  </si>
  <si>
    <t>东芝投资300亿日元新建锂电池工厂</t>
  </si>
  <si>
    <t>本报东京电(记者叶佳) 在全球经济下滑，企业纷纷收缩投资之时，日本东芝公司却宣布将投资300亿日元，新建一家锂离子电池工厂，以满足产业机械和汽车业等的需求。    据日本媒体最新报道，东芝的新充电电池工厂将建在新渴县柏崎市，计划2009年开工建设，2010年秋天建成?</t>
  </si>
  <si>
    <t>日本最大家电销售商将在中国开分号</t>
  </si>
  <si>
    <t>本报东京电  据此间媒体报道，日本最大家电连锁销售商——山田电机将加快进军中国市场的步伐，把原来2010年下半年在中国开分号的计划提前一年。    报道称，山田电机决定提前推进在中国开店的计划，主要是认为经济危机以来，原本有一定过热倾向的中国房地产市场近来趋?</t>
  </si>
  <si>
    <t>普京同意中断向俄乌边境输气</t>
  </si>
  <si>
    <t>本报莫斯科电(记者赵嘉麟)俄罗斯总理普京7日在圣彼得堡与俄罗斯天然气工业股份公司米勒会见时表示，同意米勒提出的中断向俄罗斯与乌克兰边境输送天然气的建议。    据俄塔社报道，米勒在会见时表示，俄罗斯天然气工业股份公司截至目前仍向乌克兰方向输送过境运往欧洲的</t>
  </si>
  <si>
    <t>金融危机下海外留学市场“风景”各异</t>
  </si>
  <si>
    <t>正在全球蔓延的这场金融危机对留学市场影响有多大?英国、澳大利亚、日本、美国这些深受中国留学生青睐的国家留学政策在金融危机中是否会改变?中国留学生2009年前往这些国家求学应注意些什么事项?发自这四个国家的一线报道可以为您详细解读——美国:危机寒流缩减补助  冲击留?</t>
  </si>
  <si>
    <t>旅游前景好 通关待提速</t>
  </si>
  <si>
    <t>从中国广西南宁至越南首都河内(嘉林)的旅客列车1月1日起正式开行，首发列车于北京时间当日上午9时38分从南宁出发，当晚21时40分抵达河内。新华社记者随车采访了解到，列车的开行吸引了众多旅游者和旅行社的目光，与此同时，通关过程、服务细节等尚需进一步优化。    中</t>
  </si>
  <si>
    <t>普京拍板“减气” 欧盟表示不满</t>
  </si>
  <si>
    <t>俄罗斯总理弗拉基米尔·普京5日批准俄天然气工业股份公司新计划，继续减少途经乌克兰境内输送管道向欧盟国家传送的天然气，使巴尔干地区多个国家用气愈发吃紧。    由于俄经乌输送到欧盟的天然气6日突然大幅减少，欧盟随即发表声明表示强烈不满。俄将继续“减气”</t>
  </si>
  <si>
    <t>借款人每月偿还房贷不得超过个人收入的50%</t>
  </si>
  <si>
    <t>本报讯 (记者徐蓉蓉) 中国人民银行金融市场司副司长霍颖励6日在国务院新闻办发布会上介绍说，借鉴美国次贷危机，我国在促进房地产市场健康发展的同时，在商业性个人住房贷款、房地产投资信托基金试点方案设计等方面均严格控制房地产金融风险。    霍颖励指出，商业性个</t>
  </si>
  <si>
    <t>英国将如期取消卖空金融股禁令</t>
  </si>
  <si>
    <t>本报伦敦电(记者陈文仙) 英国金融监管局在5日伦敦股市收盘之后宣布，将如期于1月16日取消卖空金融股的临时禁令。    与此同时，该机构表示，至少到今年6月底之前，它还会对那些卖空的金融股头寸进行曝光。如果需要，还会再次实施该禁令。    该监管机构决定如期?</t>
  </si>
  <si>
    <t>通用推出卡迪拉克SRX混合型豪华车</t>
  </si>
  <si>
    <t>本报讯 通用汽车公司4日在美国底特律推出2010年版卡迪拉克SRX混合型豪华车，通用计划在本月将于底特律举行的2009北美国际车展上展出这款新车。    据美联社4日报道，2010年版的卡迪拉克SRX将取代2004年推出的首款SRX。新版SRX的设计吸收了其他卡迪拉克车型的元素，旨在</t>
  </si>
  <si>
    <t>今年日本国内新车销量将跌破500万辆</t>
  </si>
  <si>
    <t>本报东京电 据此间媒体报道，日本汽车工业会5日发表预测称，经济衰退使日本汽车市场面临非常严峻的态势，预计2009年包括微型车在内的国内新车销量将跌破500万辆。    该会会长青木哲5日表示，2009年日本汽车制造商的经营环境势必仍将是严峻的，新车销量预计将进一步下?</t>
  </si>
  <si>
    <t>中电投:抓住“核”心 “风”生“水”起</t>
  </si>
  <si>
    <t>2008年11月15日，北京中国大饭店掌声雷动。由联合国环境规划署等组织的一项活动——“联合国节能环保新型示范企业”颁奖仪式在此隆重举行。中国电力投资集团(简称中电投)作为五大发电集团中惟一获此殊荣的企业登台捧得奖牌……    “这是我们近年来全力推进节能减排，?</t>
  </si>
  <si>
    <t>MAZ国际能源千万元捐资送抵灾区</t>
  </si>
  <si>
    <t>本报讯 (实习生尹乃潇) 记者1月5日从北京长信万林科技有限公司获悉，今年元旦，由MAZ国际能源科技有限公司捐赠的10顶冬季大帐篷、1500个冬季大睡袋等总价值417万元人民币的灾区急需越冬物资送到甘肃省陇南地震灾区，并分发到了灾民手中。    据了解，去年5月12日中国四</t>
  </si>
  <si>
    <t>俄乌斗气升级 欧盟袖手旁观</t>
  </si>
  <si>
    <t>本报综合报道    新年伊始，俄罗斯再度因定价纠纷切断了对乌克兰的天然气供应。乌方3日警告说，如果情况继续，乌输气管道系统在10天至15天将产生严重的技术问题，可能被迫中断向欧洲输送天然气    欧盟对此则一直保持置身事外的态度，表示自身眼下拥有足够天然气</t>
  </si>
  <si>
    <t>奥巴马披露经济激励计划细节</t>
  </si>
  <si>
    <t>美国当选总统奥巴马在3日发表的全国每周广播视频讲话中进一步披露了即将推行的经济激励计划的细节，他还呼吁民主、共和两党合作共御经济危机。    奥巴马说，这项经济激励计划有5个目标:使美国可再生能源产量增加一倍并提高公共建筑的能源使用效率；修复破损的道路、桥</t>
  </si>
  <si>
    <t>力拓收购煤企案加剧国际焦煤垄断</t>
  </si>
  <si>
    <t>铁矿石巨头力拓公司近日宣布，拟以每股16澳元的价格，斥资39亿澳元(合人民币257亿元)全面收购澳大利亚焦煤矿产商RiversdaleMiningLtd.(RML)。RML在非洲莫桑比克拥有丰富的焦煤资源。除了力拓，不少其他国际矿业巨头均表露出收购RML的兴趣。中国武钢虽然早已展开投资RML的计划</t>
  </si>
  <si>
    <t>本·伯南克：2010年最受关注的发言人</t>
  </si>
  <si>
    <t>2010年，美国联邦储备委员会主席本·伯南克可以说是年度最容易引起市场波动的发言人。几乎是在“量化宽松”的话题中度过的这一年，美国大方的“印钞”政策，让柏南克的一言一行都在资本市场里掀起千层浪。　　　　在美国当地时间12月5日播出的哥伦比亚广播公司的《60分钟》</t>
  </si>
  <si>
    <t>柴达木：从单一“挖宝”到循环经济</t>
  </si>
  <si>
    <t>亿万年的造山运动和印度大陆板块的碰撞，造就了高寒荒凉的青藏高原，但也留给中国一个集中了盐、煤炭、石油、天然气、金属矿产等丰富资源的“聚宝盆”——柴达木盆地。    近年来，拥有“聚宝盆”的青海省加快实施资源转换战略，依托柴达木盆地丰富的资源，着力构建资源型?</t>
  </si>
  <si>
    <t>美国银行业摆脱困境尚需时日</t>
  </si>
  <si>
    <t>美国银行破产家数创近20年来高点，但随着数起银行业间并购活动的兴起以及大银行重新开闸放贷，美国银行业近来又看到一片回暖迹象。业内人士认定，美国银行业已渡过最艰难时期，但受楼市按揭风险增大等因素的影响，摆脱困境尚需时日。　　　　路透社报道称，历经三年低迷期?</t>
  </si>
  <si>
    <t>气候大会渐远碳税话题又起</t>
  </si>
  <si>
    <t>第16次联合国气候变化大会虽然已经落幕一段时间，但广受业内关注的碳税能否出台仍然是一个热议话题。世界自然基金会(WWF)全球气候变化应对计划主任杨富强不久前曾在坎昆表示，中国最早在2012年，最迟在2012—2015年期间或将推出碳税。　　　　中国作为能源消耗大国和二氧化</t>
  </si>
  <si>
    <t>欧美债务恐拖累明年全球经济</t>
  </si>
  <si>
    <t>据外媒报道，欧洲央行28日从欧元区商业银行提取的用于冲销欧元区政府债券购买开支的款项仅约600亿欧元，尚未达到计划的735亿欧元。这为年底的欧元区金融市场又增加了一些紧张情绪。　　　　自今年5月开始，欧洲央行的债券购买行动已经持续了7个月。欧洲央行以周为单位从欧?</t>
  </si>
  <si>
    <t>俄气天然气开采量同比增长10%</t>
  </si>
  <si>
    <t>俄罗斯天然气工业股份公司(简称俄气)发言人谢尔盖·库普里亚诺夫28日说，今年该公司天然气开采量为5085亿立方米，同比增加10%。　　　　库普里亚诺夫说，尽管这一开采量低于公司的预期，但比部分分析人士的预测值要高。他还说，今年俄气天然气出口量和去年持平，约为1400亿</t>
  </si>
  <si>
    <t>境外投资者增持日本国债</t>
  </si>
  <si>
    <t>受欧美经济前景不明朗等因素影响，今年以来，境外投资者重新把目光转向日本国债。截至今年9月底，境外投资者所持日本国债规模两年来首次出现同比增长。　　　　《日本经济新闻》29日援引日本中央银行本月公布的统计数据说，截至今年9月底，境外投资者持有的日本国债约为57.</t>
  </si>
  <si>
    <t>塔里木：中国能源供应与保障的支撑点</t>
  </si>
  <si>
    <t>塔里木，一个从来就不缺乏财富故事的地方。    2000多年前，商贾和使者骑着马和骆驼结伴来到这里，踏出了一条后来以丝绸命名的商贸通道；一百多年前，瑞典和英国探险者循着前人足迹来到这里，发现了瑰丽的楼兰、尼雅遗迹；如今，更多的开发者、经商者来到这里，寻找自己的?</t>
  </si>
  <si>
    <t>美国圣诞消费未被暴风雪降温</t>
  </si>
  <si>
    <t>在一年中最忙碌的购物时节，持续两天的暴风雪袭击了美国东北部地区，华盛顿、纽约和波士顿等主要城市都成为重灾区，旅游、交通运输、零售等行业均受到不同程度的冲击。不过，美国人圣诞购物的热情似乎没有被暴风雪降温。　　　　当地时间26、27日，暴风雪横扫美国东北部大?</t>
  </si>
  <si>
    <t>澳大利亚人对生活水平信心下降</t>
  </si>
  <si>
    <t>根据最新公布的一项调查，目前澳大利亚人针对就业和生活成本的信心指数已跌至2008年底以来的最低点。分析人士认为，这反映出当前高通胀预期和高利率等因素对民众生活和心理造成的影响。　　　　据当地媒体27日报道，这项12月初进行的调查要求受访者展望今后六个月的个人生?</t>
  </si>
  <si>
    <t>阿根廷拟推动对华贸易多元化</t>
  </si>
  <si>
    <t>阿根廷工业部长德沃拉·乔治26日表示，阿根廷将积极推动对华贸易产品多样化，提升对华出口产品附加值，将两国贸易水平提高到新的高度。　　　　德沃拉·乔治在当天接受阿根廷媒体采访时指出，目前阿中已经互为重要的贸易伙伴，中国企业在阿根廷的投资也持续增长，两国经贸?</t>
  </si>
  <si>
    <t>CPP“铁军”是如何“炼”成的</t>
  </si>
  <si>
    <t>从西气东输到北气南送，在国内已初步形成的“横跨东西、纵贯南北、覆盖全国、连通海外”的油气管道干线网建设中，他是当之无愧的主力军；从冰天雪地的西伯利亚到赤日炎炎的非洲大陆，在国际管道建设市场，他是引人瞩目的生力军；无论国内还是国际，所有了解他们的人都称他们?</t>
  </si>
  <si>
    <t>社科院认为明年全球经济增长不平衡不稳定</t>
  </si>
  <si>
    <t>中国社会科学院世界经济与政治研究所发布的2011年《世界经济黄皮书》表示，根据IMF(国际货币基金组织)预测，2010年全球经济将增长4.8%，全球经济呈现普遍复苏局面。无论是发达经济体还是新兴经济体或其他发展中经济体，基本上均实现一定程度的正增长。　　　　黄皮书指出，</t>
  </si>
  <si>
    <t>圣诞前夕：改变了消费方式的美国人</t>
  </si>
  <si>
    <t>年年岁岁花相似，岁岁年年人不同。对于大多数美国人来说，今年圣诞节显得与往年有些不同。随着美国经济正逐渐从二战以来最严重的衰退中踉踉跄跄地步入复苏路，就像大萧条曾改变了一代人的生活方式一样，这轮经济衰退也在很大程度上改变了众多美国人的消费习惯，甚至影响了他?</t>
  </si>
  <si>
    <t>美国博彩业巨头阿德尔森：强者回归</t>
  </si>
  <si>
    <t>对美国博彩业巨头谢尔登·阿德尔森而言，过去3年的经历可用“坐过山车”来形容。2007年，阿德尔森拥有全美排名第3的财富，但随后的金融危机使他名下的博彩帝国市值一度蒸发90%。　　　　不过，2010年，他重回《福布斯》美国富豪榜，位列第13位，演绎完美回归。　　　　谈</t>
  </si>
  <si>
    <t>高债务阻碍美国经济复苏</t>
  </si>
  <si>
    <t>美国商务部22日公布的数据显示，今年第三季度，美国实际国内生产总值最终修正值按年率计算增长2.6%，高于前两次预估增幅，11月份美国新房销售量也比上个月增长5.5%，表明美国经济复苏速度略有加快。然而，美联储所持美国国债仓位日前首次突破万亿美元，多个地方政府面临破产?</t>
  </si>
  <si>
    <t>主要飞机制造国就改革出口信贷机制达成协议</t>
  </si>
  <si>
    <t>总部位于巴黎的经济合作与发展组织(经合组织)22日发布新闻公报说，欧盟、美国、加拿大等主要飞机制造国政府已就飞机出口信贷机制改革达成新的原则性协议，以确保公平竞争。　　　　新协议旨在创建并保持一个基于市场和风险的费率体系，统一提供民用飞机出口融资，在飞机制?</t>
  </si>
  <si>
    <t>全球性通胀危机来了</t>
  </si>
  <si>
    <t>石油价格再次冲上90美元一桶。更重要的是，这次攻过90美元恐怕很难回头。如果石油价格当真刚性上涨，第二次“全球通胀危机”必将变成现实。第一次“全球通胀危机”发生在上世纪70年代，“中东战争”导致所谓的“石油供应短缺”，引发石油价格暴涨，导致“全球通胀危机”。?</t>
  </si>
  <si>
    <t>俄农业部建议对粮食进口实行零关税</t>
  </si>
  <si>
    <t>俄罗斯农业部长叶连娜·斯克伦尼克23日在莫斯科表示，俄农业部建议对粮食进口实行零关税政策，但进口规模尚未确定。　　　　斯克伦尼克当天在新闻发布会上说，受今夏旱灾影响，俄罗斯面临粮食特别是大麦和饲料小麦短缺，需要从国外进口。　　　　粮食进口零关税的建议最?</t>
  </si>
  <si>
    <t>韩国央行称明年物价指数增幅或高于3%</t>
  </si>
  <si>
    <t>韩国中央银行———韩国银行在23日举行的金融货币委员会会议上称，韩国今年消费者物价指数增幅将达到2.9%，明年增幅可能会高于韩国政府设定的3%的物价稳定目标值。　　　　韩国央行分析称，近来世界经济逐渐复苏，推高了国际原材料价格，这也将进一步拉高韩国国内物价。此?</t>
  </si>
  <si>
    <t>世行行长再次建议将黄金作为全球货币基本参考点</t>
  </si>
  <si>
    <t>世界银行行长罗伯特·佐利克22日在巴黎再次建议世界各国考虑将黄金作为全球货币的基本参考点，并以此作为国际货币体系改革的一种选择。　　　　佐利克当天在爱丽舍宫会见法国总统尼古拉·萨科齐后对记者说，他与萨科齐讨论了国际货币体系改革及相关建议。他说，他在英国《?</t>
  </si>
  <si>
    <t>利差对热钱重要吗</t>
  </si>
  <si>
    <t>虽然11月份CPI再度显著超出市场预期约0.4个百分点，虽然未来物价仍将高位徘徊已成共识，虽然储户对物价满意度跌至了有调查以来的历史最低，虽然市场加息预期爆棚，但加息仍然未在数据公布前后如期而至！　　　　一个普遍的猜测是：政策部门可能是担心，在美国联邦基金目标?</t>
  </si>
  <si>
    <t>美众议院通过食品安全改革法案</t>
  </si>
  <si>
    <t>美国国会众议院21日以215票赞成、144票反对的结果通过了一项食品安全改革法案，要求扩大美国食品和药物管理局监管食品安全的权力。如果法案最终成为法律，美国食品安全监管体系将面临70多年来最大一次改革。　　　　该法案名为《食品和药物管理局食品安全现代化法》，此前?</t>
  </si>
  <si>
    <t>严重冰雪天气中的英国商家</t>
  </si>
  <si>
    <t>对于英国人来说，12月18日和19日是个极不平常的周末。一是，这两天是西方最大的节日———圣诞节前的最后一个周末，也是节前购物的最后一个最佳时机。二是，18日英国许多地方普降20年来最大暴雪，有些地方积雪盈尺。大雪使许多地方交通瘫痪，一些购物中心被迫关闭。　　　?</t>
  </si>
  <si>
    <t>澳大利亚圣诞消费季中的“聪明购物”</t>
  </si>
  <si>
    <t>徜徉在澳大利亚悉尼市主要超市，人们常会看到带有“聪明购物”(SmartBuy)标示的商品。一般而言，这类商品因包装简单、物流成本低廉而比较实惠，为省钱人士所钟爱。　　　　笔者发现，作为一种追求实惠的消费理念，“聪明购物”已经渗透进今年圣诞购物季———澳大利亚消费?</t>
  </si>
  <si>
    <t>日本宣布维持零利率政策</t>
  </si>
  <si>
    <t>日本中央银行——日本银行21日宣布维持实质上的零利率政策，其对经济前景的判断基调与上一次政策会议基本一致。    日本央行在当天的金融政策会议上决定，作为基准利率的银行间无担保隔夜拆借利率维持在零至0.1%的水平。日本央行在会议公报中说，日本经济复苏步伐迟滞的状?</t>
  </si>
  <si>
    <t>西部对石材荒料外流说不</t>
  </si>
  <si>
    <t>日前，贵阳金石石材产业园区开工。该项目规划建设6.6万平方米石材原材料展示交易区和30万平方米加工区，全部建成后，每年可销售石材原材料20万立方米，生产板材1500万平方米。    此前一天，包括国际知名的石材机械设备供货商——意大利加斯巴利公司在内的20余家企业和上海</t>
  </si>
  <si>
    <t>欧盟委员会批准向爱尔兰三家银行注资</t>
  </si>
  <si>
    <t>欧盟委员会21日根据相关规定，批准向包括英爱银行在内的三家爱尔兰银行注资，以维持爱尔兰金融业稳定。　　　　欧盟委员会当天发表声明说，委员会已批准向英爱银行注资49.46亿欧元，向全国建筑协会注资27亿欧元，以维持其正常运转。欧盟委员会还同意为爱尔兰联合银行公司提</t>
  </si>
  <si>
    <t>海尔创新管理模式打造软实力</t>
  </si>
  <si>
    <t>国力的较量在于企业，企业的较量在于企业家，而企业家的较量又在于企业管理。    改革开放几十年来，我们曾经追随西方的商业哲学，西方的管理理论和管理思想成为中国企业管理可资借鉴的一个重要理论源泉。然而，近两年来国际经济环境的风云突变和西方企业出现的诸多问题使?</t>
  </si>
  <si>
    <t>日本高层建筑消防完备务实</t>
  </si>
  <si>
    <t>日本城市化程度高、高层建筑众多，但20多年来未发生重大高层建筑火灾事故。为解决高层建筑消防和逃生难题，日本建立了完善的消防安全法律体系并将规定落实到位，同时重视技术开发，不断推出“花小钱办大事”的消防安全解决方案。日本虽然拥有发达的航空消防力量，但对其并不?</t>
  </si>
  <si>
    <t>电信运营商国际合作提速  专家称需讲策略</t>
  </si>
  <si>
    <t>iPhone4新政、剪卡……如今国内电信运营商的争夺可谓激烈，而在海外市场上国内运营商也不甘人后，国际合作开始提速。　　　　日前，有消息称，自收购巴基斯坦运营商后，中国移动巴基斯坦公司(ZONG)的用户增量在本财年第一季度(2010年7-9月)居巴基斯坦运营商之首。此外，中?</t>
  </si>
  <si>
    <t>法国正式公布银行业“限薪令”</t>
  </si>
  <si>
    <t>法国经济、财政和工业部长克里斯蒂娜·拉加德19日发表新闻公报说，法国政府已正式公布“限薪令”，对金融行业薪酬监管作出具体规定。　　　　拉加德说，法国政府政令规定，法国金融业发放的奖金至少有40%必须分三年支付，奖金额度越大，延期支付比例越高，最高可达60%。政?</t>
  </si>
  <si>
    <t>韩“让炮弹飞”惊扰全球金融市场</t>
  </si>
  <si>
    <t>继11月朝韩两国炮击事件后，韩国军方20日下午在延坪岛的实弹射击训练再次惊扰了全球金融市场，多地股市应声下跌，美元和黄金等避险产品价格再被推高。不过专家表示，鉴于美国等发达经济体明年复苏进程存在诸多不确定性，突发性的事件难改国际资本持续流入新兴经济体的趋势，?</t>
  </si>
  <si>
    <t>大雪令欧洲圣诞经济降温</t>
  </si>
  <si>
    <t>当地时间19日，欧洲多地交通枢纽旅客滞留的场面仍然在不断重现。16日开始再度袭击欧洲的第二轮强降雪不仅给欧洲人的圣诞出行造成严重不便，也使欧洲的圣诞经济雪上加霜。　　　　欧洲交通全面受到重创。德国法兰克福机场19日取消航班超过540架次。逾千名旅客留宿航站楼，一</t>
  </si>
  <si>
    <t>德国经济能“独秀”多久？</t>
  </si>
  <si>
    <t>在准备去度圣诞假期之前，德国总理默克尔在冬季欧盟峰会上以一个强硬的姿态“收官”2010年：支持建立欧元长期稳定机制，反对扩大紧急救助机制规模，反对发行欧元债券。　　　　默克尔之前与法国总统萨科齐协调了意见，事实上，此次欧盟峰会也基本是按照德法的“既定方针”?</t>
  </si>
  <si>
    <t>中国当代艺术形象的新地标</t>
  </si>
  <si>
    <t>北京798艺术区经过十年发展，已成为树立中国当代艺术形象的新地标，“登长城、看故宫、逛798”正成为外国游客在北京的新旅行路线。北京798艺术区通过建立承载当代中国“以人为本、科学发展”主流价值观的新文化载体，有效扩大了中国科学发展理念的国际影响。很多国内外参观者</t>
  </si>
  <si>
    <t>范安德：从“欧洲兵”变身到“中国通”</t>
  </si>
  <si>
    <t>范安德(WinfriedVahland)，汽车界众所周知的“老”人，曾带领大众中国开辟了新纪元的前大众汽车集团中国总裁，在升任斯柯达全球总裁三个月后重返故地，以斯柯达全球总裁的身份再亮相中国。　　　　2005年7月，范安德作为大众汽车集团副总裁，出任大众汽车集团中国总裁兼首?</t>
  </si>
  <si>
    <t>“奇思妙想”有理50大发明助你创造美好世界</t>
  </si>
  <si>
    <t>美国《时代周刊》日前揭晓了“2010年《时代周刊》50大最佳发明”。这些发明涉及IT技术、城市交通、医疗卫生、生物工程、绿色能源等领域。其中有些发明听起来像是天方夜谭，比如可以在拥挤的街道上行驶的无人驾驶汽车、可以打印器官的3D打印机、不用水的洗衣机等等。但是，正?</t>
  </si>
  <si>
    <t>《中国上市公司治理发展报告》正式发布</t>
  </si>
  <si>
    <t>作为中国证监会和经济合作与发展组织(简称经合组织、OECD)达成的“OECD-中国：公司治理共同评估项目”的重要成果，《中国上市公司治理发展报告》在16日于上海举行的“2010亚洲公司治理圆桌会议”上正式发布。　　　　这份报告通过中国公司治理框架、股东权利、平等对待股东</t>
  </si>
  <si>
    <t>中美商贸联委会签多项合作文件</t>
  </si>
  <si>
    <t>为期两天的第二十一届中美商贸联委会15日在华盛顿闭幕，中美双方签署了多项重要经贸合作文件，涉及投资促进、农产品、检验检疫等一系列热点议题。　　　　在美方关心的牛肉出口、知识产权保护等议题上，中方重申，在基于科学原则、满足中国检验检疫条件的前提下，恢复进口3</t>
  </si>
  <si>
    <t>欧盟峰会商讨欧元区永久性危机应对机制</t>
  </si>
  <si>
    <t>欧盟成员国领导人16日在布鲁塞尔举行为期两天的会议，有望就修改《里斯本条约》以建立欧元区永久性危机应对机制达成一致。　　　　根据记者事先获得的会后声明草案，欧盟领导人将同意对去年12月1日刚生效的《里斯本条约》作出“有限”修改，在相关条款中新加入两句话，从而</t>
  </si>
  <si>
    <t>“绿点子”的新价值</t>
  </si>
  <si>
    <t>美国人类学家和环保先驱玛格丽特·米德上世纪70年代号召人类保护环境、珍爱地球。彼时，“绿色运动”远未形成如今规模声势，“可持续发展”“碳足迹”等字眼尚未归入流行词库。　　　　不过，米德那时就坚信，只要拥有“好点子”，一小群思想深刻而富有执行力的地球公民将?</t>
  </si>
  <si>
    <t>新兴经济体百姓日子不好过</t>
  </si>
  <si>
    <t>后经济危机，新兴市场复苏步伐明显快于发达经济体。但是，由于美国推出第二轮量化宽松货币政策，全球流动性持续过剩，新兴经济体面临的通胀压力空前加大。随着热钱不断涌入，新兴经济体国家消费者物价指数(CPI)持续走高，以食品为主的消费品价格飞速上涨，印度、俄罗斯、巴西</t>
  </si>
  <si>
    <t>广州车展将创历届规模之最</t>
  </si>
  <si>
    <t>记者从第八届广州车展组委会获悉，即将在本月21日举行、有年度最后盛宴之称的广州车展将创历届规模之最。目前已有超过600家海内外知名汽车及零部件企业报名参展，近万名国内外采购商确定参会，其中日本贸易振兴机构将组织超过100家企业参会。此外，整车及零部件企业展位数量?</t>
  </si>
  <si>
    <t>美债跌势给美联储QE2“添堵”</t>
  </si>
  <si>
    <t>美国联邦储备委员会14日发表声明称，继续执行第二轮量化宽松货币政策(QE2)，并将基准利率继续维持在0至0.25%的区间。消息传出后，美国国债价格跌幅扩大。　　　　自11月初QE2出炉后，30年期美国国债价格已经下跌9%，美元指数由低位75点升至近日的80点，债汇两市的反映与美?</t>
  </si>
  <si>
    <t>爱尔兰议会通过IMF/欧盟救助计划</t>
  </si>
  <si>
    <t>爱尔兰议会15日以81票对75票的表决结果通过了有关爱尔兰接受675亿欧元(合900亿美元)国际援助贷款的法案。　　　　爱尔兰总理考恩当天表示，由于从债券市场融资的成本更高，爱尔兰不得不接受国际货币基金组织(IMF)和欧盟平均利率为5.8%的援助贷款。他还指出，当前若还希望为</t>
  </si>
  <si>
    <t>匈牙利改革养老保险制度</t>
  </si>
  <si>
    <t>匈牙利国会13日通过一项法案，对养老保险制度进行改革。　　　　根据这一法案，强制性私人养老基金的投保人必须作出决定：是继续留在私人养老基金，还是返回国家的养老保险体系。凡是愿意继续留在私人养老基金的投保人，必须在明年1月31日之前向养老保险管理机构作出声明，</t>
  </si>
  <si>
    <t>东北东部(12+1)区域合作：白山黑水间串起金色城市链</t>
  </si>
  <si>
    <t>东北东部(12+1)区域合作区简读　　　　东北东部地区分布着鹤岗市、佳木斯市、双鸭山市、七台河市、鸡西市、牡丹江市、吉林市、延边朝鲜族自治州、白山市、通化市、本溪市、丹东市12个城市。　　　　12市虽然分属黑龙江、吉林、辽宁三省，但都属于沿中朝、中俄边境线地区?</t>
  </si>
  <si>
    <t>美联邦法院首次裁定医改关键条款违宪</t>
  </si>
  <si>
    <t>美国一家联邦法院13日裁定，奥巴马政府医疗保险改革法案中有关强制公民购买医疗保险的条款违反宪法。这是联邦法院首次裁定医改关键条款违宪，也是医改法案签署生效以来遭遇的首个重大挫折。　　　　弗吉尼亚州联邦法院法官亨利·赫德森在判决书中宣布，医改法案中有关强制?</t>
  </si>
  <si>
    <t>日本政府决定下调法人税率5%</t>
  </si>
  <si>
    <t>日本政府13日晚决定把法人税实际税率下调5%，以减轻日本企业负担，激发经济活力。　　　　日本2011年税制改革大纲将于近日出炉。日本媒体报道，日本财务大臣野田佳彦和国家战略担当大臣玄叶光一郎向政府建议将法人税下调3%或5%，日本首相菅直人13日拍板，决定下调幅度为5%?</t>
  </si>
  <si>
    <t>欧元区建立“财政联盟”分歧渐弥</t>
  </si>
  <si>
    <t>欧盟各成员国领导人将于12月16日至17日开会讨论欧洲债务危机扩散问题，由于此前德法两国反对关于救助机制调整的改革，外界预计会议取得实质性进展的可能性较低。　　　　德国财长最新表态愿意建立欧元区“财政联盟”，显示德国作为本轮欧债危机的救援主力，已疲于应付各种?</t>
  </si>
  <si>
    <t>日本通缩还将持续八年？</t>
  </si>
  <si>
    <t>日本央行预测日本经济长期处于通货紧缩的状况有望在2011年终结，并斥资35万亿日元(合4178亿美元)刺激日本经济的复苏，但这些并未提振市场信心。从日本债券市场走势来看，投资者预期通货紧缩还将长期持续，物价下跌的情况还会持续八年。　　　　Investors are skeptical som</t>
  </si>
  <si>
    <t>日本电子业将逐渐剥离终端品牌</t>
  </si>
  <si>
    <t>近日有媒体报道称，日本松下公司将在2012年全面弃用三洋品牌，往日风光无限的日本电子业正经历着新一轮品牌淘汰期。笔者认为，松下弃用三洋品牌本质上是当前日本电子业转变产业发展战略的外在体现，但同时也是其无法为消费者增值而被市场抛弃的一种必然。　　　　当前全球?</t>
  </si>
  <si>
    <t>“机器人签名”折射房产抵押监管漏洞</t>
  </si>
  <si>
    <t>12月1日的华府气温骤降，而美国联邦储备委员会于当日发布了本年度收官的“褐皮书”。这份全美经济形势调查报告认为，美国经济将延续低速复苏态势，房地产市场依旧不景气；有多家地区储备银行指出，在过去一个半月内，包括住宅地产和商业地产在内的当地楼市变得更加疲弱。</t>
  </si>
  <si>
    <t>麦道夫案的悲剧还在上演</t>
  </si>
  <si>
    <t>12月11日，对华尔街来说是个大日子。　　　　两年前的这天，美国金融史上最大一宗“庞氏骗局”(650亿美元)的操盘手伯纳德·麦道夫被捕，古稀之年的白发翁最终被判150年监禁。两年后(2010年12月11日)，麦道夫的大儿子马克被警方发现在其位于纽约的公寓中上吊自杀。巧合的是?</t>
  </si>
  <si>
    <t>优酷网海外上市首日股价大涨</t>
  </si>
  <si>
    <t>网络概念股优酷网于美国当地时间8日正式登陆纽交所，首日开盘价为27美元，收盘价报于34.44美元，较发行价上涨超过160%。优酷网此次成功登陆美国纽交所，成为全球首家在美独立上市的视频网站。据外媒报道，优酷网是纽约证券交易所五年多以来首日交易表现最强劲的股票，而其上?</t>
  </si>
  <si>
    <t>美指重上80关口 金价短期难再创历史新高</t>
  </si>
  <si>
    <t>尽管美国扩大量化宽松预期及欧债危机隐忧为金价提供了支撑，但受获利回吐打压及中国加息预期增强等因素的影响，金价连日下跌，而美元指数反弹至80附近。分析认为，年底美元指数或继续保持涨势，加之中国收紧流动性预期，或对金价再创历史新高产生压力。　　　　中国加息预?</t>
  </si>
  <si>
    <t>移民政策大调整  中国公民到英国居留更困难</t>
  </si>
  <si>
    <t>以保守党为首、自由民主党参与的英国联合政府5月份上台后，对移民政策进行大幅度调整，严格控制非欧盟国家人员进入英国。从明年4月份开始，英国政府将对这些国家人员到英国谋职和求学进行更加严厉的限制，使包括中国在内的非欧盟国家人员谋求到英国发展变得更加困难。　　?</t>
  </si>
  <si>
    <t>机器人成为日本老人的朋友</t>
  </si>
  <si>
    <t>日本正在开发走入寻常百姓家的机器人，用来支援孤独老人的生活，它们可以和老人进行简单的交流，通知客人来了，提醒老人吃药。对孤独老人来说既可解闷，也可承担家务，是老年人生活的好伙伴。　　　　日本科学家在介绍机器人时给人们描绘出这样一幅生活情景：再过十几年，?</t>
  </si>
  <si>
    <t>美减税新方案堪比二次刺激计划</t>
  </si>
  <si>
    <t>美国的富人们在圣诞节前收到一份大礼：美国总统奥巴马6日宣布，已经与共和党就减税政策达成协议，把上届布什政府即将到期的全民减税政策延期两年，同时将领取失业救济金的时限延长到13个月。这意味着奥巴马用为富人延长减税的条件换取了延长失业救济金时限。　　　　路透社</t>
  </si>
  <si>
    <t>美国10月份消费信贷增长1.7%</t>
  </si>
  <si>
    <t>美国联邦储备委员会7日发布的数据显示，美国消费信贷今年10月份环比增长1.7%，为连续第二个月上升。　　　　10月份美国消费信贷比9月份增加了33亿美元，但用于信用卡消费等方面的周转性信贷下降了56亿美元，降幅为8.4%，为连续第26个月下降，这显示出金融危机后美国民众的?</t>
  </si>
  <si>
    <t>华菱：在世界最高商用车舞台展实力</t>
  </si>
  <si>
    <t>随着高端重卡产销量的递增，我国重卡高端化趋势日渐明朗，并且正逐步改变着重卡市场的产品结构。　　　　10月份华菱以最新研发的星凯马重卡参加了在德国举办的汉诺威车展，向世界最高的商用车舞台展现了自身的实力。业内人士认为，如果说2004年华菱参加汉诺威车展是一鸣惊?</t>
  </si>
  <si>
    <t>卡恩：IMF支持希腊延迟还贷</t>
  </si>
  <si>
    <t>国际货币基金组织(IMF)总裁多米尼克·斯特劳斯·卡恩7日在雅典会见希腊总理帕潘德里欧时表示，IMF支持希腊推迟偿还欧盟和IMF贷款。他说，这更多的是一个技术性问题。　　　　斯特劳斯·卡恩说：“就我个人而言，希腊政府和人民为摆脱危机而付出的努力令人印象深刻，希腊政?</t>
  </si>
  <si>
    <t>中国高铁将进入美国市场</t>
  </si>
  <si>
    <t>12月7日，第七届世界高速铁路大会在北京开幕。据介绍，这是该会议首次在欧洲以外的国家举办，充分显示了中国高铁在世界范围内所占有的地位愈加重要。　　　　同一天，两则重磅消息引人瞩目：其一，中国铁道部部长刘志军与法国阿尔斯通董事长柏珂龙签署长期合作协议，双方将</t>
  </si>
  <si>
    <t>中关村,中国战略性新兴产业策源地</t>
  </si>
  <si>
    <t>9月，在中关村论坛的会场上，先后登台演讲的摩托罗拉和高通两大高科技公司负责人开着玩笑说，多年来，他们飞遍全球都很难碰面，而近两年他们见面的机会越来越多，不是在美国，而是在中国，在北京。　　　　两位大人物坦言，吸引他们来到中国的是一种孕育新兴技术革命的朝气</t>
  </si>
  <si>
    <t>多国考虑筹建碳交易市场</t>
  </si>
  <si>
    <t>在本次坎昆气候变化大会上，通过碳市场推动温室气体减排成为各方讨论的焦点之一。中国等各国筹建碳市场的举动受到欢迎。相反，美国作为“碳市场”概念的发源地却在“开倒车”，这一状况让世界各国相当失望，也让未来建立全球化统一碳交易市场的希望显得更为渺茫。　　　　1</t>
  </si>
  <si>
    <t>纽约黄金期货收盘价再创新高</t>
  </si>
  <si>
    <t>在美国就业数据低迷和欧洲债务危机持续等因素的作用下，纽约商品交易所黄金期货6日收盘价再创历史新高，市场交投最为活跃的2月合约收于每盎司1416.1美元，超过11月份创下的1410.1美元的历史最高纪录。　　　　交易员表示，市场近日连续走高主要还是得益于投资者对美国经济?</t>
  </si>
  <si>
    <t>奥巴马与国会共和党达成减税协议</t>
  </si>
  <si>
    <t>美国总统贝拉克·奥巴马6日宣布，已与共和党就减税政策达成协议，并同意延长失业救济金时限。　　　　奥巴马当天在白宫说，这项两党支持的方案同意把上届布什政府即将到期的全民减税政策延期两年，同时将领取失业救济金的法案期限延长13个月。奥巴马说，两党之间的分歧是“</t>
  </si>
  <si>
    <t>匈牙利信用评级遭下调</t>
  </si>
  <si>
    <t>穆迪6日将匈牙利本外币政府债券评级由Baa1下调两档至Baa3。主要理由是匈牙利的财政状况不断遭到损耗，政府施政在很大程度上依赖于临时措施，而非可持续性的财政稳定政策。　　　　匈牙利经济部长毛托尔奇·捷尔吉6日说，穆迪在下调匈牙利信用评级时有诸多积极因素没有考虑?</t>
  </si>
  <si>
    <t>美实施货币量化宽松政策：发达国家反应不一</t>
  </si>
  <si>
    <t>编者按：自美联储11月初实施第二轮量化宽松货币政策以来，全球都把目光集中到美国这一政策的后续影响，以研究其对本国经济的辐射作用及将要采取的应对措施。　　　　近日，本报驻外记者跟踪采访了欧盟及英国、俄罗斯、日本等几个在世界经济舞台上具有举足轻重影响的国家，?</t>
  </si>
  <si>
    <t>大公发布爱尔兰等五国国家信用等级</t>
  </si>
  <si>
    <t>大公国际资信评估有限公司(以下简称“大公”)6日在京发布对爱尔兰、芬兰、乌拉圭、肯尼亚和苏丹5国国家信用等级评级报告。其中，芬兰本币级别为AAA级、爱尔兰本币为BBB级、乌拉圭本币为BB+级，肯尼亚本币为B级，苏丹本币为C级。　　　　最引人瞩目的当属对爱尔兰和苏丹的评</t>
  </si>
  <si>
    <t>欧佩克周油价创两年多来新高</t>
  </si>
  <si>
    <t>受到美元汇率下滑等因素影响，石油输出国组织(欧佩克)市场监督原油一揽子平均价上周再度反弹，并创下两年多来的新高。欧佩克秘书处6日公布的数据显示，欧佩克上周的周平均油价为每桶84.90美元。　　　　鉴于近期欧元区主权债务危机有所缓解，市场对经济二次探底的担忧相对?</t>
  </si>
  <si>
    <t>中国在WTO诉欧盟第一案获胜</t>
  </si>
  <si>
    <t>世贸组织专家组3日就“中国诉欧盟紧固件反倾销措施案”发布裁决报告。专家组明确裁定，欧盟《反倾销基本条例》有关“单独税率”的规定不符合世贸组织规则；欧盟对中国碳钢紧固件采取的反倾销措施也违反了世贸组织规则。　　　　这是中国在WTO对欧盟提起的首次诉讼，胜诉的?</t>
  </si>
  <si>
    <t>双速欧洲催生南北欧元？</t>
  </si>
  <si>
    <t>爱尔兰接受欧盟援助不仅没有缓和欧元区的紧张形势，反而让债务危机加速发酵。希腊十年期国债利率已超过11%，爱尔兰达到8.4%，葡萄牙也升至6.1%。市场在等待下一张倒下的多米诺骨牌，而这“下一张”很可能成为压垮欧元区经济的最后一根稻草。欧美一众经济学家群起而攻击不治标</t>
  </si>
  <si>
    <t>苏司兰推进本土化战略启用华人CEO</t>
  </si>
  <si>
    <t>12月1日，何耀祖正式履职苏司兰能源(天津)有限公司(简称苏司兰中国)CEO。有业内人士就此评论说：“德国技术、中国制造、中国供应商、中国员工，如今又有了中国CEO……这表明风机制造业巨头苏司兰开始加快实施在中国的本土化战略。”　　　　据苏司兰能源集团创始人、董事长</t>
  </si>
  <si>
    <t>牡丹江市临岸经济实现“抱团”发展</t>
  </si>
  <si>
    <t>黑龙江省牡丹江市充分发挥毗邻俄罗斯的口岸优势，通过打破县域界限、优化产业配置等手段，使临岸经济产生放大效应，助推县域经济步入快车道。去年，在黑龙江省66个县(市)中，牡丹江市所辖的6个县(市)财政收入全部进入前21位。    由于过去“各自为战”，牡丹江的口岸优势没</t>
  </si>
  <si>
    <t>法国大餐：魅力何在</t>
  </si>
  <si>
    <t>11月中旬，在肯尼亚首都内罗毕举行的联合国教科文组织保护非物质文化遗产政府间委员会第五次会议经过审议，将法国大餐等3个法国申报项目列入人类非物质文化遗产代表作名录。这是教科文组织首次将一国的餐饮列入非物质文化遗产名录。　　　　委员会成员认为，法式大餐已经融</t>
  </si>
  <si>
    <t>古城印象</t>
  </si>
  <si>
    <t>日本　　追寻奈良盛唐遗风　　记者　蓝建中　　奈良，日本的古都，古称平城京。今年正是日本首都从藤原京迁到平城京1300周年，记者趁参加迁都庆典之际，体验了一番奈良的古都意趣。　　　　平城京是日本历史上第一座比较固定的首都，而定都平城京时期是日本全面吸收?</t>
  </si>
  <si>
    <t>走近笑星麦金太尔</t>
  </si>
  <si>
    <t>英国知名喜剧演员迈克尔·麦金太尔常令人捧腹大笑。很难想象，这个舞台上热情洋溢、充满欢笑的人却有着不一般的童年。他曾经济困窘、追不到女孩、不受重用，但最终还是实现了成名梦想。　　　　“多事”的童年　　　　麦金太尔出生时，父亲37岁，母亲19岁。　　　　父?</t>
  </si>
  <si>
    <t>专家建议投资不如收藏</t>
  </si>
  <si>
    <t>《经济参考报》记者近日从上海地区市场了解到，由于成本上升，红木家具价格平稳走强。业内专家建议，红木家具作为古典艺术家具，其收藏价值远远超过投资价值，消费者应首重其收藏价值。　　　　红木涨价主因是成本上升　　　　2007年红木家具市场曾“辉煌一时”，但随着2</t>
  </si>
  <si>
    <t>美科学家黄锷：要求中国节能减排20%不合理</t>
  </si>
  <si>
    <t>美籍华裔科学家黄锷在广西防城港市出席一个海洋文化论坛时指出，国际上要求中国节能减排20%不合理，中国应综合考虑这个问题，以求得科学发展。　　　　美国国家工程研究院院士、中国科学院外籍院士、曾任美国航空航天总署海洋科学首席科学家的黄锷指出，国际上称中国已经是</t>
  </si>
  <si>
    <t>日本经济深陷通缩漩涡</t>
  </si>
  <si>
    <t>日本的通货紧缩现象呈日益严峻之势，劳务、商品的价格下跌不止，日本政府大规模动用财政手段，银行放松货币刺激国内需求，但关乎企业生存的竞相降价似乎越演越烈。　　　　日本几大啤酒商朝日、麒麟、三得利、札幌等长期占据国内市场。它们好像很有默契，从不打价格战，啤?</t>
  </si>
  <si>
    <t>看中非处方药这片大市场</t>
  </si>
  <si>
    <t>“在健康药业领域我们公司排名全球第五位，我希望，5年之内，公司这块业务能做到中国市场前列。要达到这个目标，销售额需要不少于15亿元，这对我们是很大挑战。”在杭州赛诺菲民生健康药业有限公司的成立大会上，总经理梁伟强。　　　　目前，中国的健康药业市场是仅次于美</t>
  </si>
  <si>
    <t>日本抓紧推行应对稀土短缺措施</t>
  </si>
  <si>
    <t>中国即将公布的稀土出口配额无疑让日本在内的其他国家感到“恐慌”。业内人士分析称，中国收紧稀土出口配额只是希望把这一产业从之前的无序和混乱回归到理性的状态，和2010年中国出口配额大幅减少的情况一样，明年情况不会有太大变化。在此情况下，日本和欧盟等主要稀土进口?</t>
  </si>
  <si>
    <t>iPhone之战再拷问市场伦理规则</t>
  </si>
  <si>
    <t>据《新京报》报道，近日中国联通推出新的iPhone4用户协议，规定用户手机必须与卡和号码绑定，否则将会对其号码停机、对手机锁定。业内人士称，联通引入iPhone4目的主要在于推广3G业务，未料其他运营商的“机卡分离”服务冲击其iPhone4销量，更打乱了其3G业务计划。</t>
  </si>
  <si>
    <t>俄欧将于一周后签署结束入世谈判文件</t>
  </si>
  <si>
    <t>俄罗斯总理茹科夫1日在莫斯科表示，俄罗斯与欧盟将在12月7日就结束俄入世双边谈判签署相关文件。　　　　茹科夫当天在参加俄罗斯和西班牙政府间经济和工业合作委员会会议时说，在俄罗斯入世问题上，俄与欧盟之间不存在尚未解决的问题，主要的争议问题“包括木材出口关税问?</t>
  </si>
  <si>
    <t>欧盟对谷歌发起反垄断调查</t>
  </si>
  <si>
    <t>欧盟委员会11月30日对美国谷歌公司发起反垄断调查，以查明这家全球互联网搜索引擎巨头是否滥用了自己的市场优势地位。　　　　负责欧盟反垄断事务的欧盟委员会当天发表声明说，调查主要涉及谷歌公司是否人为操控搜索结果排名，对于提供竞争性服务的商家，故意降低它们的排?</t>
  </si>
  <si>
    <t>欧债危机：信心比资金更重要</t>
  </si>
  <si>
    <t>爱尔兰终于获救了！但实事求是地讲，这其实算不上“新闻”，甚至可以说，从一开始，这就是板上钉钉的事情。毕竟在目前情况下，欧元区绝对不会让任何一个成员国政府“破产”，因为这将对其他欧元区国家、对欧元作为国际储备货币的地位乃至欧洲经济一体化带来难以估量的冲击和?</t>
  </si>
  <si>
    <t>欧元区10月份失业率再创历史新高</t>
  </si>
  <si>
    <t>欧盟统计局30日公布的数据显示，今年10月份，欧元区失业率由前月的10%上升至10.1%，高于去年同期的9.9%，创下欧元区1999年成立以来的新高。　　　　欧盟统计局上月底公布的初步统计数据说，欧元区9月份失业率为10.1%，但修正后的数据为10%。　　　 　今年10月份，欧盟27?</t>
  </si>
  <si>
    <t>俄12月起上调石油出口税</t>
  </si>
  <si>
    <t>俄罗斯总理普京30日签署命令，决定自12月1日起将俄石油出口税从现在的每吨290 .6美元上调至303.8美元。俄罗斯财政部官员萨科维奇对媒体表示，今年10月15日至11月14日期间，俄石油出口均价为每桶82.89美元。根据俄石油出口税计算公式，自下月起俄石油出口税征收标准应提升至每</t>
  </si>
  <si>
    <t>商务部预警：美国又有人拿人民币升值说事</t>
  </si>
  <si>
    <t>新一轮人民币升值压力再次来袭。29日，商务部网站发布预警提示称，美国会议员正努力寻求参院领导人的支持，期望在感恩节假日(11月25日至28日)后开始的两院跛鸭会期间，将已经众议院投票通过的《以货币改革促进公平贸易法案》提交参议院投票表决。　　　　业内专家表示，最?</t>
  </si>
  <si>
    <t>坎昆气候变化会议难获实质进展</t>
  </si>
  <si>
    <t>继哥本哈根大会后，各国又迎来了一次应对气候变化的重量级会议。《联合国气候变化框架公约》第16次缔约方会议暨《京都议定书》第6次缔约方会议将于11月29日至12月10日在墨西哥东部城市坎昆举行。由于目前各种矛盾和分歧难以在短期内得到解决，外界对在坎昆会议上达成具有约束</t>
  </si>
  <si>
    <t>马德伦：俄将于近期挂牌交易卢布兑人民币</t>
  </si>
  <si>
    <t>中国人民银行副行长马德伦29日透露，中国此前适时推出人民币兑卢布挂牌交易，俄罗斯也将于近期挂牌交易卢布兑人民币，俄将有多家银行参与这项交易。　　　　11月22日，中国人民银行授权，中国外汇交易中心宣布在中国银行间外汇市场开办人民币兑卢布的挂牌交易，目前已有数?</t>
  </si>
  <si>
    <t>美国“威尼斯”还在冬眠</t>
  </si>
  <si>
    <t>“佛罗里达不仅房价低，而且气候好，我们自然愿意去那生活。”这是笔者不久前在去美国佛罗里达州劳德代尔堡市出差的飞机上，身旁的咨询公司经理丽萨说的。　　　　丽萨的男友是个生意人，和丽萨一样，日程安排相对比较自由，因而两年前他们从华府移居到号称美国“威尼斯”?</t>
  </si>
  <si>
    <t>美加速史上最大规模内幕交易调查</t>
  </si>
  <si>
    <t>据了解，美国金融监管法案出台后，“内幕交易”这一具有欺骗性的谋取利益的模式将被法办。金融危机以来，美国金融市场因金融机构制造的次贷危机而逐渐失信于普通投资者，而此番监管机构的“严打”正是为弥补和修复不正之风对市场所造成的创伤，观察人士认为，这对各国来说均?</t>
  </si>
  <si>
    <t>风投掘金中国汽车租赁市场</t>
  </si>
  <si>
    <t>来杭州旅游的北京游客张达平一家刚下飞机，一辆崭新的别克君越车已经停在了机场。这是他三天前在网上通过汽车租赁公司租借的车辆。张达平告诉记者：“租汽车比挤公车、等的士方便多了。”　　　　汽车租赁这种全新的汽车使用模式在各大城市逐渐流行，并吸引了众多国内外风?</t>
  </si>
  <si>
    <t>日本大学生遭遇就业“冰河期”</t>
  </si>
  <si>
    <t>日本大学生正遭遇就业“冰河期”。明年春天毕业的大学生就职内定率为57.6%，是1996年有统计以来最低的。　　　　为方便大学生就业，也为了便于选拔优秀人才，日本每年都在全国各地举行各种说明会，让学生和用人单位直接见面，相互有好感后，通过企业招聘考试就可签订就职合</t>
  </si>
  <si>
    <t>当心美元沽空人民币和黄金</t>
  </si>
  <si>
    <t>上周五午夜，全球无事，只有美元大涨让我目瞪口呆。美元从79.66开始，一路上攻轻松越过80点整数关口，一度上探至80.5030，黄金价格被逼入1350美元。美国东部时间午时后，黄金买盘进场抄底，重新将黄金价格拉回到1363美元，随后买盘疲软，维持在1363美元，全天黄金大跌9.5美元</t>
  </si>
  <si>
    <t>坎昆会议能否收获务实成果</t>
  </si>
  <si>
    <t>联合国气候变化大会将于29日在墨西哥海滨城市坎昆开幕。经历了去年哥本哈根会议的跌宕起伏，人们对坎昆会议寄予期望———各方拿出诚意，在一些分歧较小的问题上达成平衡的一揽子协议，对争议较大问题努力“相向而行”，为明年南非会议达成最终协议打下基础。　　　　气候?</t>
  </si>
  <si>
    <t>土豆网CEO王微：当IPO遭遇“婚姻保卫战”</t>
  </si>
  <si>
    <t>“每个人都是生活的导演”———这是土豆网的宣传语。现在这句话用在土豆网CEO王微身上再合适不过。王微可能做梦都不会想到，自己现在的生活仿佛一部杂糅了爱恨情仇的商战大戏。就在土豆网向美国证券交易所递交上市申请书被曝光的同时，王微的前妻杨蕾正式向法院提出诉讼，要</t>
  </si>
  <si>
    <t>嘉德秋拍成交41.33亿元刷新中国艺术品拍卖单季纪录</t>
  </si>
  <si>
    <t>中国嘉德2010秋季拍卖会日前在北京收槌，总成交额跃过40亿元大关，达到41.33亿元人民币，刷新中国艺术品拍卖单季纪录。    中国嘉德国际拍卖有限公司董事总裁王雁南表示，从拍场表现来看，艺术品市场更加活跃，越来越受到各方的瞩目和参与；市场对珍罕拍品的追捧更加显著，</t>
  </si>
  <si>
    <t>法国坚定实行财政紧缩措施</t>
  </si>
  <si>
    <t>法国总理弗朗索瓦·菲永24日在法国国民议会发表讲话时说，法国政府将继续推进现有改革，坚定实行财政紧缩措施，以减少财政赤字和公共债务。　　　　菲永说，法国政府将大力削减财政赤字，以保证将利率保持在尽可能低的水平，从而巩固经济增长。法国政府计划将财政赤字占国?</t>
  </si>
  <si>
    <t>警惕华尔街资金全球逃顶</t>
  </si>
  <si>
    <t>一个朋友提醒我说，最近华尔街资本大撤退，因为他们嗅到了二次探底的味道。　　　　这个朋友的主要观点是，美国政府这时候通过房屋止赎和银行压力测试，逼迫华尔街的资金从世界各地逃顶。当然，这也是给华尔街撤资找到最好的借口。分析说，华尔街为什么要在这个时候撤退？?</t>
  </si>
  <si>
    <t>英国救助爱尔兰的“精明”之处</t>
  </si>
  <si>
    <t>爱尔兰债务危机闹得沸沸扬扬。起初，爱尔兰政府为了面子，或者说为了本国主权，一再拒绝外部救助；后来实在顶不住了，才在11月21日同意接受由欧盟和国际货币基金组织(IMF)出资的救助计划。就在爱尔兰与欧盟和IMF达成总体救援计划的第二天，英国财政大臣乔治·奥斯本就表示，?</t>
  </si>
  <si>
    <t>中美贸易：苦涩的顺差</t>
  </si>
  <si>
    <t>中美关系正常化、特别是中美建交以来，两国经贸关系迅速发展。据中国海关统计，从1973年到1992年，中美贸易额从2.6亿美元增加到174.9亿美元，20年间美国对中国贸易顺差为280.2亿美元。从1993年到2009年，中美贸易额从276.5亿美元增加到2982.6亿美元，加上1972年，18年间中国?</t>
  </si>
  <si>
    <t>欧债危机焦点移至葡西两国</t>
  </si>
  <si>
    <t>爱尔兰向欧盟和国际货币基金组织提出的财政援助申请虽然获批，但欧元区国家债务问题并未消除，市场开始担忧葡萄牙、西班牙甚至意大利很快将步爱尔兰后尘。葡萄牙24日爆发全国性大罢工，给政府整顿财政带来新的阻力；西班牙股市22日和23日连续两天合计大跌5.64%，其10年期国债</t>
  </si>
  <si>
    <t>涉华最大金额贸易摩擦案或终止调查</t>
  </si>
  <si>
    <t>涉案金额高达41亿美元的中欧数据卡贸易摩擦案调查或将终止，中国相关涉案企业或将免受巨额损失。　　　　案件惟一起诉方比利时企业Op-tion日前在邮件中向《经济参考报》记者证实，已经向欧盟委员会提出撤诉申请。“我们已经撤诉，但正式的调查是否结束，还要取决于欧盟委员</t>
  </si>
  <si>
    <t>干部赴美国挂职难免成为特权福利</t>
  </si>
  <si>
    <t>据《北京晨报》报道，日前，北京市东城区表示拟将选派干部赴美国政府部门挂职锻炼。此外，北京东城区出台规划称，将建立人才发展专项基金列入财政预算，每年投入资金不低于5000万元。　　　　既有规划，又有资金保障，想必干部赴美国挂职锻炼必将搞得有声有色，到时候，扔?</t>
  </si>
  <si>
    <t>“节约比任何循环利用都重要”</t>
  </si>
  <si>
    <t>在24日开幕的中国绿色产业和绿色经济高科技国际博览会上，丹麦税务部部长特勒尔斯·伦·波尔森接受《经济参考报》记者专访表示，中国在环保道路上应把节能理念摆在首位，重视程度要高于开发可再生能源，同时政府应通过税收等手段强化各方节能效率。　　　　波尔森说：“中?</t>
  </si>
  <si>
    <t>反虐待动物立法：事关社会经济文明的讨论</t>
  </si>
  <si>
    <t>●2010年3月，台湾地区发生了一个值得深思的案子：大陆的一个厨师到台湾表演活拔鸡毛，未对鸡进行击昏和放血程序就把鸡丢进滚烫热水，迅速拔除鸡毛、切块，结果被台湾当局以残忍为由，处以10万元新台币的罚款。　　　　●中国传统法律中对动物的保护规定比英国第一部《反虐</t>
  </si>
  <si>
    <t>整合稀土资源的难点和解决办法</t>
  </si>
  <si>
    <t>由于占有资源和产能优势，稀土已经成为我国争取国际市场定价权的突破口。在这个产业，我们是储量第一、产量第一、出口第一。2009年我国稀土产量12.48万吨，占全世界95%以上，其它主要生产国俄罗斯、美国、印度产量分别只有2470吨、1700吨和50吨。即使不考虑稀土的战略价值，?</t>
  </si>
  <si>
    <t>联合国官员：坎昆气候变化大会可能取得进展</t>
  </si>
  <si>
    <t>联合国负责政策规划的助理秘书长罗伯特·奥尔22日表示，即将在墨西哥坎昆举行的联合国气候变化大会有可能在一些重要问题上取得进展。　　　　奥尔当天在纽约联合国总部举行的记者会上说，目前各国在气候变化谈判中，已经在很多问题上接近达成共识，特别是在保护森林、技术?</t>
  </si>
  <si>
    <t>爱尔兰有点冤</t>
  </si>
  <si>
    <t>在2010年上半年，希腊成为第一个因主权债务危机倒下的欧元区国家。随着5月份希腊获得救助，加上欧盟和IM F联手推出7500亿欧元的危机稳定机制，欧元区主权债务危机一度平息。笔者曾一度预计，本来问题也不小的爱尔兰很可能躲过一劫。　　　　但正是应了那句老话，“出来混，</t>
  </si>
  <si>
    <t>俄无意出售国家储备粮</t>
  </si>
  <si>
    <t>俄罗斯政府第一副总理祖布科夫22日表示，由于国内市场局势稳定，俄政府不打算出售干预储备库中的粮食。　　　　祖布科夫表示，今年俄粮食收成达到6050万吨，“完全能够保障内需、畜牧业及食品工业需求，也能满足明年的储备量”。　　　　祖布科夫说，由于政府先前实施的?</t>
  </si>
  <si>
    <t>隐忧潜伏视频网站恐陷上市“魔咒”</t>
  </si>
  <si>
    <t>继土豆网于近期向美国证券交易委员会(SEC)提交纳斯达克上市申请之后，另一家视频网站巨头优酷网亦申请在纽交所上市，拟融资1.5亿美元。而在今年8月12日，乐视网也在国内创业板上市。受这几家公司的带动，国内不少网络视频公司也开始暗中盘算起各自的上市计划。据业内人士透露</t>
  </si>
  <si>
    <t>通用汽车再次上市获投资者热捧</t>
  </si>
  <si>
    <t>经过17个月的破产重组，美国通用汽车公司上周重回华尔街。由于受到投资者追捧，重组后的通用汽车公司将首次公开募股(IPO )价格从原定的每股26至28美元提高到每股33美元。通用汽车股票于18日在纽约证券交易所开始交易，以35美元高位开盘，随后表现稳定，涨幅维持在6%左右。?</t>
  </si>
  <si>
    <t>日经股指收于5个月高位</t>
  </si>
  <si>
    <t>受海外利好消息提振及日元汇率下跌等因素支撑，22日东京股市日经225种股票平均价格指数连续第四个交易日上涨，收盘点位创出自6月21日以来的新高。　　　　当天东京外汇市场日元对美元汇率小幅下跌，日元对欧元汇率也下跌至114比1，奥林巴斯等在欧洲市场占份额较大的股票大?</t>
  </si>
  <si>
    <t>警示与奋起：中国自主品牌忧思录</t>
  </si>
  <si>
    <t>美国52席，欧洲41席，日本和韩国7席，中国0席——    这是《商业周刊》最新出炉的“全球最有价值100品牌榜”席次统计。    美国360美元，德国、韩国和日本46.46美元，中国6.54美元——    这是研究人员对一部iPhone4手机实施的利润拆解。    酸楚的数字发出警示：在?</t>
  </si>
  <si>
    <t>签约图书就像“赌石”</t>
  </si>
  <si>
    <t>2010年2月15日大年初二，正在与家人团聚的北京湛庐文化公司“财富汇”主编董寰的手机滴滴地响起。董寰随手抄起手机，一则短信息映入眼帘。“最近两天我与金融界朋友聚会，大家都在谈论英文版《大而不倒》。该书不仅在美国畅销，而且一个朋友说，作者在一次公开演讲很自豪地宣</t>
  </si>
  <si>
    <t>澳大利亚住房市场还能“牛”多久</t>
  </si>
  <si>
    <t>在欧美住房市场依然萧条的背景下，澳大利亚住房价格维持在相对高位。伴随近期澳央行收紧银根，一些市场机构预期，当地房产市场在经历数年牛市之后，可能存在泡沫破灭风险。对此，澳政府和央行一直齐声否认。　　　　然而，据当地媒体日前披露，澳大利亚政府内部就市场走势?</t>
  </si>
  <si>
    <t>夏斌：中国应加强资本管制</t>
  </si>
  <si>
    <t>央行货币政策委员会委员夏斌日前在北京大学举办的第七届中国经济增长与经济安全战略论坛上说，面对目前国内通胀预期压力，中国应当加强资本管制，而且应该理直气壮，该管就管。　　　　夏斌指出，当前国内通货膨胀预期压力增加的原因有两个，一是国内流动性充足，二是美国?</t>
  </si>
  <si>
    <t>救得了通用也救得了“两房”？</t>
  </si>
  <si>
    <t>通用汽车公司阔别17个月后重返华尔街可喜可贺，难怪美国总统奥巴马发表讲话说，此举是美国汽车业实现转折的重要里程碑。但若放宽视野，将美国失业率高达9.6%、通缩阴霾日益加重、“止赎门”逐渐发酵等纳入眼帘，通用汽车这桩美事似乎还不足以为身染沉疴的美国经济冲喜。　?</t>
  </si>
  <si>
    <t>中国民航业一年将向欧盟支付8亿元？</t>
  </si>
  <si>
    <t>近年来“低碳革命”对全球航空业格局造成巨大冲击，给我国航空业发展带来空前压力。欧盟去年单方面公布，自2012年起对所有抵离欧盟的商业航班实施碳排放权配额制度。按照这一方案测算，中国民航业仅2012年一年就将向欧盟支付约8亿元人民币。　　　　新一轮“碳政治”席卷全</t>
  </si>
  <si>
    <t>日本  驹形泥鳅美味</t>
  </si>
  <si>
    <t>东京的浅草和神田地区，是日本旧时手工业者等平民聚集之地，因此传统美食众多，老店云集。驹形泥鳅就是其中一家响当当的老店，已经创业220年，传了六代店主。日前，记者在日本朋友的邀请下享用了这里美味的泥鳅。　　　　□记者 蓝建中 东京报道　　　　在东京吃泥鳅，真</t>
  </si>
  <si>
    <t>上汽5亿美元入股美国通用汽车</t>
  </si>
  <si>
    <t>18日晚，上海汽车集团股份有限公司宣布，旗下全资子公司上海汽车香港投资有限公司以每股33美元获得配售美国通用汽车15151515股普通股，总计出资499999995美元，约占美国通用汽车总股本0.97%。全部资金由上海汽车香港投资公司在香港金融市场自筹解决。　　　　此前不久，美?</t>
  </si>
  <si>
    <t>纽约拍卖金融巨骗麦道夫私人物品</t>
  </si>
  <si>
    <t>美国执法官局日前在纽约拍卖“金融巨骗”伯纳德·麦道夫及其妻子的私人物品。拍卖品多以高于预估价成交，拍卖所得将用于赔偿这场“庞氏骗局”的受害者。　　　　麦道夫夫妇私人物品拍卖会在纽约市喜来登酒店举行，由加斯顿·希恩拍卖行组织，引来不少竞拍者。　　　　拍?</t>
  </si>
  <si>
    <t>日本大力开发智能电网</t>
  </si>
  <si>
    <t>智能电网的开发早已成为世界热门的话题，日本是其中少数几个先进国家之一，不少经验值得学习和借鉴。　　　　智能电网是有效利用太阳能发电等绿色能源的先进技术之一。太阳能相对于化石燃料而言，取之不尽，用之不竭，一小时照射到地球的太阳光转化成电，够全世界消费一年?</t>
  </si>
  <si>
    <t>欧盟欲救助 爱尔兰不买账</t>
  </si>
  <si>
    <t>正在比利时布鲁塞尔举行的为期两天的欧元区国家财长会议，针对如何解决爱尔兰债务危机展开讨论，欧盟正与国际货币基金组织商讨救助计划。由于爱尔兰方面16日仍没有提出援救申请，欧盟是无法向爱尔兰提供帮助的，而围绕这一点展开的谈判必将在17日财长会议的第二天继续进行。?</t>
  </si>
  <si>
    <t>人民币对卢布挂牌交易在即</t>
  </si>
  <si>
    <t>人民币国际化进程再次提速。中国外汇交易中心日前下发《关于银行间外汇市场人民币对卢布交易技术准备工作的通知》，要求各银行间外汇市场会员“做好银行间外汇市场人民币对卢布交易的技术准备工作”。这意味着银行间外汇市场人民币对俄罗斯卢布交易即将启动。　　　　目前?</t>
  </si>
  <si>
    <t>日本大学毕业生就业内定率创新低</t>
  </si>
  <si>
    <t>日本文部科学省和厚生劳动省联合发布的最新数据显示，截至今年10月1日，日本明年春季毕业的大学生就业内定率比上一年度减少4.9个百分点，仅为57.6%，创1996年有调查以来的最低纪录。　　　　此前日本大学生就业内定率最低纪录出现在2003年，为60.2%，当年被称为“就业冰河?</t>
  </si>
  <si>
    <t>日本经济刺激计划获众议院支持</t>
  </si>
  <si>
    <t>日本国会众议院16日通过2010财政年度补充预算案，总额4.4万亿日元(约合530亿美元)。这将为菅直人内阁5.1万亿日元(约合600亿美元)的一揽子经济刺激计划提供大部分资金，剩余资金将通过成本削减等措施筹集。不过，日本政府支持率当天跌至菅直人出任首相以来最低。　　　　日?</t>
  </si>
  <si>
    <t>韩国今年第二次加息抑通胀</t>
  </si>
  <si>
    <t>韩国中央银行韩国银行16日宣布，将基准利率上调0.25个百分点至2.50%，但为扶持中小企业的总额限度贷款利率仍维持在1.25%的水平。这是金融危机以来韩国第二次启动加息。　　　　2008年8月以来，韩国央行将基准利率从5.25%逐渐下调至2%的历史低点，并曾连续16个月保持不变。?</t>
  </si>
  <si>
    <t>美企业库存连续9个月上升</t>
  </si>
  <si>
    <t>美国商务部15日公布的报告显示，今年9月份，美国企业库存比8月份增长0.9%，为连续第九个月上升。　　　　9月份企业库存环比增幅与8月份经修正后的0.9%持平。与去年同期相比，9月份美国企业库存增长6.3%。另外，9月份企业销售环比增长0.5%，比去年同期增长8.9%。　　　　9</t>
  </si>
  <si>
    <t>希腊发行3个月短期国债融资3.9亿欧元</t>
  </si>
  <si>
    <t>希腊政府16日发行了3个月短期国债，共融资3.9亿欧元，利率为4.1%，高于10月和9月分别发行的3个月国债利率3.75%和3.98%。　　　　希腊债务管理机构表示，希腊政府原计划融资3亿欧元，由于市场需求大，最终融资3.9亿欧元。分析人士认为，此次国债发行利率上升与最近希腊经济?</t>
  </si>
  <si>
    <t>必和必拓放弃收购加拿大钾肥公司</t>
  </si>
  <si>
    <t>全球矿业巨头澳大利亚必和必拓公司14日发表声明，宣布放弃收购全球最大钾肥生产商加拿大萨斯喀彻温钾肥公司(以下简称“加钾”)，并将转而进行总额为42亿美元的股票回购。这意味着必和必拓已经彻底放弃收购该公司。有分析称，必和必拓对加钾的收购失败对中国来说是有利的，因?</t>
  </si>
  <si>
    <t>中国“天河一号”问鼎世界最快计算机</t>
  </si>
  <si>
    <t>全球超级计算机500强排行榜14日在美国公布，中国“天河一号”以每秒2570万亿次的实测运算速度，成为世界最快超级计算机，这是来自欧美日之外国家的超级计算机首次登上榜首位置，引起国外媒体和专家的高度关注。　　　　排行榜显示，由中国国防科技大学研制的“天河一号”位</t>
  </si>
  <si>
    <t>“瓷器爱国主义”只是一种传说</t>
  </si>
  <si>
    <t>本周，一对中年英国兄妹在打扫去世亲人的房间时发现的乾隆时期瓷瓶，拍出超过5亿人民币天价，震惊英国媒体。据报道，“在(乾隆瓷瓶)竞拍的最后阶段，每一次出价都以100万英镑递增，这时只剩下了数名竞拍者，据信，他们都是来自中国大陆的商人。”在英国媒体网站，瓷瓶来源问?</t>
  </si>
  <si>
    <t>日本三季度经济增速达3.9%</t>
  </si>
  <si>
    <t>日本内阁府15日公布的初步数据显示，去除物价变动因素并经季节调整后，日本第三季度国内生产总值(GDP)环比增长0.9%，按年率计算增长3.9%，这是日本经济连续四个季度保持正增长。　　　　数据显示，日本第三季度GDP增长主要依赖内需拉动，其对GDP的贡献为0.9个百分点，而外?</t>
  </si>
  <si>
    <t>通用汽车即将重返华尔街</t>
  </si>
  <si>
    <t>阔别华尔街17个月后，美国汽车业巨头通用汽车公司将于本周在纽约证券交易所进行首次公开募股(IPO )，据信有望创下今年美国最大一笔IPO。整装上阵后的通用汽车，是否已准备好再次面对资本市场的考验？　　　　2009年6月，通用汽车公司不堪金融危机重创，宣布申请破产保护，?</t>
  </si>
  <si>
    <t>法大型企业业绩普遍改善</t>
  </si>
  <si>
    <t>据法国《论坛报》日前报道，法国大型企业第三季度报告显示，其经营业绩普遍改善，已公布季报的36家大型企业中仅2家企业季度业绩出现负增长。　　　　在36家大型企业中，奢侈品消费行业增长最为醒目，其中路易威登集团和巴黎春天集团季度销售收入增长均超过20%，其增长主要?</t>
  </si>
  <si>
    <t>IMF份额改革暗藏陷阱</t>
  </si>
  <si>
    <t>国际货币基金组织(IMF)执行董事会本月初通过了份额改革方案。份额改革完成后，中国所占份额将从目前的3.72%升至6.39%，投票权也从3.65%升至6.07%，超越德、法、英，仅位列美国和日本之后。国内媒体为此欣欣然发表评论，国外媒体也异口同声认定，此举将增强中国的国际影响力。</t>
  </si>
  <si>
    <t>爱尔兰恐遭市场非理性惩罚</t>
  </si>
  <si>
    <t>最近几天，爱尔兰形势骤然紧张，有关爱尔兰即将要求欧盟救助的消息甚嚣尘上。在金融市场一股非理性恐慌情绪的推动下，爱尔兰是否会沦为第二个希腊，是否会在欧元区掀起第二波债务危机备受关注。　　　　爱尔兰或步希腊后尘　　　　11日，爱尔兰10年期国债收益率逼近9%，?</t>
  </si>
  <si>
    <t>高筑坝  深挖池</t>
  </si>
  <si>
    <t>美联储开闸放水，向市场注入几千亿美元的流动性。据说，是为了刺激美国经济。实际上，美国经济的毛病并不是流动性不足，而是结构问题。所以，美国增加的这些流动性，很可能成为在世界四处游荡的“热钱”，让本已流动性过剩的世界经济更加动荡。此举，不能不说是以邻为壑。?</t>
  </si>
  <si>
    <t>“天鹤奖”中国青年设计师大赛评选揭晓</t>
  </si>
  <si>
    <t>11月14日下午，首届“天鹤奖”中国青年设计师大赛举行颁奖仪式。　　　　本次大赛由中国贸促会携手商务部、中央美术学院，以及欧洲设计学院等国际知名组织共同举办，旨在挖掘和培育中国自己的青年设计师。大赛分为产品设计和交流设计两大类，共收到参赛作品1300多件。　?</t>
  </si>
  <si>
    <t>“你能否设计时尚”</t>
  </si>
  <si>
    <t>11月14日，由国家商务部支持，中国贸促会和中央美院、中国设计艺术院共同主办的主题为———“你能否设计时尚”的“中国国际创意设计论坛”，在北京皇家大饭店举行。这一活动，是中国贸促会主办2010年中外服务贸易企业洽谈会一系列论坛会议活动中的重要组成部分，得到了欧洲?</t>
  </si>
  <si>
    <t>在瑞典感受便捷的自行车租赁服务</t>
  </si>
  <si>
    <t>瑞典首都斯德哥尔摩是今年的“欧洲绿色首都”，它也是欧盟委员会两年前开展评选活动后评选出的第一个“欧洲绿色首都”。斯德哥尔摩之所以能获此殊荣，除了自身所具有的优美自然环境这一得天独厚的条件外，还因为这座北欧都市为保护其自然环境所作出的不懈努力，其中为市民和?</t>
  </si>
  <si>
    <t>欧洲议会正式批准对冲基金监管法案</t>
  </si>
  <si>
    <t>欧洲议会11日正式通过欧盟对冲基金监管法案，为将对冲基金首次置于一套泛欧监管体系之下扫除了最后一道障碍。　　　　欧洲议会在当天的全会表决中以513票赞成、92票反对和3票弃权的表决结果高票通过了这部历时近两年才完成的金融监管立法。欧盟委员会主席巴罗佐发表声明说?</t>
  </si>
  <si>
    <t>中日韩筑堤防范“QE2”热钱潮</t>
  </si>
  <si>
    <t>美国的第二轮量化宽松政策(QE2)在全球激起强烈反应，所引发的热钱效应更加剧了多国资产泡沫膨胀和汇率波动风险，东亚三国中日韩近来不得不加紧颁布措施应对热钱对本国经济的侵袭。日本可能扩大收购资产计划，韩国则打算恢复对外国人持有的公债征税14%，以抑制汇率的激烈波动?</t>
  </si>
  <si>
    <t>英国风能发电方兴未艾</t>
  </si>
  <si>
    <t>英国地处欧洲一隅，四面环海。或许正是由于这特殊的地理环境，英国对海洋能源资源的研究和开发可以说是情有独钟。在著名的北海油田即将枯竭和绿色能源异军突起的当今，英国对开发风能发电更为重视，目前风力发电方面的开发真可谓方兴未艾。　　　　不久前，英国一项绿色能?</t>
  </si>
  <si>
    <t>英国内衣女王米歇尔·莫恩</t>
  </si>
  <si>
    <t>她出身贫寒，少年辍学，却不怨天尤人，凭双手打造商业帝国。　　　　她擅长营销，不断创新，拓展事业版图，以设计释放灵感激情。　　　　她是米歇尔·莫恩，英国内衣企业女掌门。　　　　走出贫困　　　　莫恩现年39岁，一头金发，笑容灿烂，机敏善谈。作为英国最具?</t>
  </si>
  <si>
    <t>欧盟未来10年从五方面确保能源供应</t>
  </si>
  <si>
    <t>欧盟委员会10日出台新的能源战略，提出未来10年需要在基础设施等领域投资1万亿欧元以满足欧盟能源需求。　　　　根据这份名为《能源2020》的新战略文件，欧盟未来10年将从5个重点领域着手确保欧盟能源供应，即提高能效，完善统一能源市场和基础设施建设，推动技术研发和创?</t>
  </si>
  <si>
    <t>G20峰会前外媒关注“中国立场”</t>
  </si>
  <si>
    <t>以“跨越危机携手成长”为主题的二十国集团(G20)首尔峰会定于11日至12日在韩国首都首尔举行。而早在序幕拉开之前，各国就有关议题展开的交锋就已经全面铺开。有外媒认为，眼下G20看上去更像是在预示着21世纪将是国际冲突的时代，大多数议题的冲突核心是在美国与中国之间，甚?</t>
  </si>
  <si>
    <t>英国央行说通胀率近期内将继续走高</t>
  </si>
  <si>
    <t>英国中央银行———英格兰银行10日公布的季度通货膨胀情况报告说，英国的通胀率在近期内将继续走高，明年全年仍将高于英格兰银行确定的2%控制目标，但此后将不断走低。　　　　英格兰银行在每季度发布一份的通胀报告中说，从目前来看，英国的通胀近期内存在明显的上升压力?</t>
  </si>
  <si>
    <t>三大矿山紧缩供货中方再遇尴尬</t>
  </si>
  <si>
    <t>铁矿石再度步入“上涨”通道。日照一家大型矿石贸易公司负责人向《经济参考报》透露，目前不仅印度对矿石出口限制，三大矿山也在把控对中国市场的资源发货量，因此导致高品位资源吃紧同时价格高位坚挺。据联合金属网数据显示，10日63.5%印粉外盘报价已达到163-165美金/干吨。</t>
  </si>
  <si>
    <t>中加电动车合作有市场前景</t>
  </si>
  <si>
    <t>在全球大力推广新能源汽车之际，由于中国在该领域的快速发展和中国市场的巨大潜力，从而吸引了世界多国相关汽车厂商的关注。　　　　由加拿大驻华广州总领事馆牵头，10余家来自加拿大新能源汽车零件制造商组团亮相深圳第25届电动车大会。在为期五天的展会中，加方寻求与中?</t>
  </si>
  <si>
    <t>美国9月份贸易逆差降至440亿美元</t>
  </si>
  <si>
    <t>美国商务部10日公布的报告显示，由于进口下降和出口增长，今年9月份，美国贸易逆差比上个月的465亿美元下降约5.4%，降至440亿美元。　　　　数据显示，9月份，受飞机、计算机和电信设备等出口增长带动，美国出口的商品和服务环比增长0.3%，达到1541亿美元，创下两年来最高?</t>
  </si>
  <si>
    <t>东盟成人民币国际化第一站</t>
  </si>
  <si>
    <t>中国与东南亚国家经贸联系紧密，完善跨境结算将使人民币成为中国与东南亚贸易与投资便利化的重要载体，而不断放大的贸易与投资将进一步提高人民币在东南亚的地位，加快其国际化进程。分析人士认为，鉴于我国对东盟地区的贸易逆差不断扩大，东盟国家最有可能成为人民币“走出?</t>
  </si>
  <si>
    <t>化解分配失衡须深化体制改革</t>
  </si>
  <si>
    <t>王小鲁，澳大利亚国立大学经济学博士。现任中国经济改革研究基金会国民经济研究所副所长、研究员。　　王小鲁曾先后担任中国社会科学院《未定稿》编辑部编辑(1978-1985)，《经济发展与体制改革》杂志主编(1985-1989)、中国经济体制改革研究所发展研究室主任(1985-1989)，中</t>
  </si>
  <si>
    <t>佐利克呼吁建立全球货币新体系</t>
  </si>
  <si>
    <t>世界银行行长佐利克周一在英国《金融时报》刊文称，应考虑重新实行经过改良的全球金本位制，为汇率变动提供指引。上述言论刺激当天的国际金价飙升至每盎司1400美元上方，再创名义价格历史新高。    分析人士认为，佐利克选择在G20首尔峰会召开之前抛出上述观点，其政治意义</t>
  </si>
  <si>
    <t>美联储正在输出社会动乱</t>
  </si>
  <si>
    <t>从日本到美国，西方两个最大经济体的定量宽松货币政策先后落地：日本央行10月5日金融政策会议决定重新实施业已停止4年多的零利率政策，并创立总额35万亿日元的基金用于购入资产，以便为市场进一步提供流动性；市场议论多时的美联储第二轮定量宽松政策(QuantitativeEasing)落?</t>
  </si>
  <si>
    <t>中国大陆“盛世移民”现象大调查</t>
  </si>
  <si>
    <t>编者按：自改革开放以来，我国曾在上世纪70年代末和90年代初出现过两次移民潮。出人意料的是，进入新世纪以来，我国盛世初现，却又出现第三拨更大规模的移民潮，其中尤以专业精英及富裕阶层人士所占比例逐年增大，美国、加拿大、澳大利亚等国家正成为他们投资移民的目标国家?</t>
  </si>
  <si>
    <t>日本家电业“白退黑进”</t>
  </si>
  <si>
    <t>今年以来日本家电业颇不平静：先是松下深陷冰箱“召回门”，紧接着市场上传闻夏普空调退出中国市场，近期日系彩电企业又发动了新一轮的降价狂潮。笔者认为，在日元快速升值、全球原材料价格持续攀升的背景下，日本白电产业衰退在情理之中，而技术驱动型的黑电产业却处于产业?</t>
  </si>
  <si>
    <t>新一波欧债危机端倪再现</t>
  </si>
  <si>
    <t>欧盟委员会负责经济与货币事务的委员奥利·雷恩8日开始对爱尔兰进行为期两天的访问。按照预定方案，雷恩此行的重点是对爱尔兰政府上周公布的预算削减计划进行检查。　　　　但彭博社的文章认为，爱尔兰政府将利用这次机会竭力“游说”欧盟官员，使后者相信自己有能力恢复国</t>
  </si>
  <si>
    <t>已然两春秋,天凉好个秋</t>
  </si>
  <si>
    <t>从2008年秋天华尔街巨鳄雷曼兄弟公司申请破产保护算起，那场冲击全球的金融海啸爆发已过去两个春秋了。　　　　不久前，笔者在开户的美洲银行与自己的客户经理聊天。因为之前曾与他接触过几次，一来二往大家成了朋友。巴基斯坦裔的这位客户经理18年前在英国拿到MBA学位后，</t>
  </si>
  <si>
    <t>经合组织预测主要经济体短期增长前景分化</t>
  </si>
  <si>
    <t>总部设在法国巴黎的经济合作与发展组织(经合组织)8日公布的9月综合经济先行指数报告显示，世界主要经济体短期增长前景分化。　　　　报告显示，短期内，美国、日本、德国和俄罗斯的经济增长势头将持续，但英国、法国、加拿大、意大利、中国和印度的经济增速将放缓。　　?</t>
  </si>
  <si>
    <t>从“龙象之争”说起</t>
  </si>
  <si>
    <t>尽管这几年稍有降温，但当全球的目光齐聚中国、印度这两个相邻的亚洲国家时，同样的话题仍将持续———这是一个中国的世纪，还是印度的世纪？　　　　早在2005年，印度执政联盟国大党少壮派领袖兰密施在其《CHINDIA应该说得通：中国与印度之探讨》一书中，创造性地发明了“</t>
  </si>
  <si>
    <t>2010年全球FDI流动可能总体停滞</t>
  </si>
  <si>
    <t>11月5日，联合国贸易和发展组织(UNCTAD)、经济合作与发展组织(OECD)共同发布《二十国集团投资政策报告》(简称投资报告)。当天，上述两组织还与世界贸易组织(WTO)共同发布了最新的《二十国集团贸易和投资政策报告》(简称贸易投资报告)。这两份监测2010年5月至10月G20国家和全?</t>
  </si>
  <si>
    <t>美印签署价值100亿美元销售协议</t>
  </si>
  <si>
    <t>美国总统奥巴马6日到访印度经济中心城市孟买。奥巴马在美印商业和企业家峰会上表示，双方当天共签署20余项协议，价值100亿美元。　　　　据悉，印度信实电力公司与美国企业签署了价值22亿美元的协议，其中信实电力公司以7.5亿美元从通用电气公司采购6台燃气轮机和3台蒸汽机</t>
  </si>
  <si>
    <t>世界电动汽车发展步入关键期</t>
  </si>
  <si>
    <t>节能减排已经成为世界汽车业界的共识。目前，世界传统汽车生产强国，如美国、日本、德国、英国、法国、韩国等都积极进行电动汽车的研发、生产和推广。电动汽车已经成为现阶段世界公认的汽车新发展方向。　　　　业内人士指出，电动汽车的发展空间和市场前景被普遍看好，目?</t>
  </si>
  <si>
    <t>我国大量富余电量“窝”在西北出不来</t>
  </si>
  <si>
    <t>新疆至内地首条“电力高速公路”虽开通，但由于“西电东送”通往中东部的通道迟迟未能大规模开通，因而作用有限    11月3日，新疆至内地的首条“电力高速公路”——新疆与西北电网750千伏联网工程正式开通，这一我国最大能源“水龙头”的打开为解决近年来频频发生的“电荒?</t>
  </si>
  <si>
    <t>三大组织称货币战加剧保护主义</t>
  </si>
  <si>
    <t>世界贸易组织(WTO)、经济合作与发展组织(OECD)及联合国贸易和发展会议三大机构在即将发布的报告中警告20国集团(G20)首脑，由于汇率问题引起情势紧张，全球经济日益面临保护主义威胁。同时有迹象表明，由于近期全球货币战根源是美元持续贬值，欧洲方面也不再跟随美国的货币主?</t>
  </si>
  <si>
    <t>美经济增长乏力  民主党惨败中期选举</t>
  </si>
  <si>
    <t>美国2010年中期选举2日晚落下帷幕，出口民调结果显示，民主党痛失众议院多数地位，仅以微弱优势保住参议院多数。在此之前，美国商务部公布了美国三季度国内生产总值(GDP)数据。报告显示，三季度美国实际GDP初值按年率计算增长了2%，略高于二季度的1.7%。美国主流媒体和经济学</t>
  </si>
  <si>
    <t>最早的中国原版老照片现身2010华辰影像秋拍</t>
  </si>
  <si>
    <t>现身2010华辰影像秋拍的《广州将军》是目前中国影像收藏市场已知年代最早的原版老照片，这张8×15厘米大小的蛋白立体原版老照片，由摄影家瑞士人皮埃尔·约瑟夫·罗西耶(PierreJosephRossier，1829-1897)于1858-1859年拍摄制作。　　　　罗西耶在中国的摄影活动目前尚未得?</t>
  </si>
  <si>
    <t>通胀风险推升加息预期</t>
  </si>
  <si>
    <t>从监管层的一些表态来看，我国通胀压力中长期化的可能性越来越大。而在美国重启量化宽松前夜，澳洲央行和印度央行已经双双选择再度加息。经济学家认为，国内的通胀预期管理也将成为未来一段时间内宏观政策的侧重点。如果10月份CPI再创新高，年内可能还将加息1次，到明年年底?</t>
  </si>
  <si>
    <t>英将全面评估航空货运安全</t>
  </si>
  <si>
    <t>英国内政大臣特雷莎·梅1日宣布，英国将对航空货运安全进行全面评估。　　　　梅当天下午在议会下院发表讲话时说，英国将禁止来自也门和索马里的航空货运入境，这一新规定将从1日午夜开始生效。　　　　梅说，这一决定是基于也门“基地”组织分子可能与索马里恐怖主义组?</t>
  </si>
  <si>
    <t>澳大利亚央行意外加息</t>
  </si>
  <si>
    <t>据外媒报道，由于担忧强劲的经济增长可能引起通货膨胀加速上升，澳大利亚联邦储备银行(RBA)2日决定再次加息，将基准利率从4.50%提高到4.75%。这是澳大利亚央行自去年10月以来第七次加息，也是近6个月以来首次加息。　　　　此前大多数预测均认为澳大利亚央行此次不会加息，</t>
  </si>
  <si>
    <t>英国石油处理漏油成本或高达400亿美元</t>
  </si>
  <si>
    <t>据法新社报道，英国石油公司2日宣布，应对墨西哥湾原油泄漏事件的费用估算目前已经从先前的323亿美元上调至近400亿美元。　　　　墨西哥湾钻井平台“深水地平线”4月爆炸事件发生后，超过400万桶原油泄漏，9月才最终完成封堵。英国石油称，数月的清理堵漏费用，以及法律方?</t>
  </si>
  <si>
    <t>美元走弱将支撑油价震荡上扬</t>
  </si>
  <si>
    <t>由于中国和美国经济数据利好等因素的影响，国际油价1日全面走高。纽约商品交易所12月交货的轻质原油期货价格比前一个交易日上涨1.52美元，收于每桶82.95美元；伦敦市场北海布伦特原油期货价格上涨1.47美元，收于每桶84.62美元。　　　　美国供应管理协会1日公布的报告显示?</t>
  </si>
  <si>
    <t>美财政部拟发债3620亿美元</t>
  </si>
  <si>
    <t>美国财政部1日表示，今年第四季度拟向市场发行3620亿美元债券，规模为历史同期的第二高，但低于此前预期。　　　　美国财政部说，此次预期发行债券规模比一个月前的预期低170亿美元，部分原因是2010财年(截至今年9月底)美国政府的现金结余比预期多400亿美元。但这一新债发?</t>
  </si>
  <si>
    <t>放弃高福利承诺：欧洲社保改革未来之路</t>
  </si>
  <si>
    <t>在10月25日至27日举行的“中欧社会保障高层圆桌会议”上，多位欧洲专家和官员对欧洲社会保障制度的现状和未来发展展开了讨论。欧洲各国目前面临着一个共同的难题，那就是二战后生育高峰期出生的一代人已经开始退休，再加上欧洲老龄人口的预期寿命也在持续增加，整个欧洲都面?</t>
  </si>
  <si>
    <t>中外厂商争夺三网融合终端市场将加剧</t>
  </si>
  <si>
    <t>谷歌(中国)内部人士近日向《经济参考报》记者透露，谷歌有计划将使用谷歌TV平台的智能互联网电视(以下简称“谷歌TV”)产品打入中国市场，此前将会同索尼等制造商先对中国市场进行考察，然后再推出相关产品。　　　　本月16日，索尼首先在美国发布谷歌TV产品。据国外媒体报?</t>
  </si>
  <si>
    <t>全球商务旅行开支明年上涨一成</t>
  </si>
  <si>
    <t>美国运通公司商务旅行部日前发布预测报告称，基于经济持续增长、需求不断攀升与供给能力有限三大因素，2011年全球各大主要市场的机票和酒店价格可能上浮10%，反弹至本轮国际金融危机爆发之前水平。　　　　美国运通全球商务旅行预测年度报告由美国运通商务旅行部的全球咨询</t>
  </si>
  <si>
    <t>美个人消费开支微增收入下降</t>
  </si>
  <si>
    <t>美国商务部1日公布的数据显示，9月份美国个人消费开支比前一个月微增0.2%，但个人收入下降0.1%，数据显示出美国经济缓慢复苏的态势。　　　　美国个人消费开支9月份的增速慢于8月份经修正后的0.5%，显示出在失业率高企的背景下美国民众的消费心态依旧谨慎。　　　　美国?</t>
  </si>
  <si>
    <t>“非理性”：行为经济学的独特魅力</t>
  </si>
  <si>
    <t>丹·艾瑞里先生是美国杜克大学行为经济学教授，著名的行为经济学家。作为心理学和商学的“双料”博士，艾瑞里的文章曾发表在许多重要的学术期刊以及大众媒体上。不过最让中国读者熟悉的，就是他这本畅销书《怪诞行为学》。在此书中，丹·艾瑞里继续施展其幽默、诙谐的语言风?</t>
  </si>
  <si>
    <t>欧元区靠制度创新补“窟窿”</t>
  </si>
  <si>
    <t>在10月29日结束的欧盟峰会上，与会领导人最终敲定了欧盟经济治理改革方案，拟通过强化财政纪律等多项举措，标本兼治，堵住债务危机暴露出的欧元区体制性漏洞。这套政策被誉为是欧元诞生以来最重大的变革。　　　　今年上半年，一场主权债务危机率先在希腊爆发并在欧元区内?</t>
  </si>
  <si>
    <t>美中期选举能否酝酿政治新版图</t>
  </si>
  <si>
    <t>美国将于11月2日举行国会中期选举。选前最后冲刺阶段的多份民调结果显示，眼下在国会两院都处于少数党地位的共和党选情比较主动，国会席位可能增加。民主党方面则将主要精力放在“防守”上，希望尽可能保住多数党地位。　　　　分析人士认为，此次中期选举有可能影响美国国</t>
  </si>
  <si>
    <t>红木家具：从“天价”暴跌到“地价”的背后</t>
  </si>
  <si>
    <t>2007年10月在中国—东盟博览会上，曾经展出过一套价格为“8000万元”的老挝“红酸枝”家具，令人记忆犹新的是，这套家具的现场明确标出“价格不打折，卖给有缘人”。    2010年10月，同样在中国—东盟博览会的会场，《经济参考报》记者再次看到了包括“酸枝木”、“鸡翅木?</t>
  </si>
  <si>
    <t>索罗斯：巨鳄返港  来者不善？</t>
  </si>
  <si>
    <t>据香港《经济日报》报道，随着热钱涌港，13年前在亚洲金融风暴中狙击港元无功而返的索罗斯，将携90亿美元巨资卷土重来。鉴于十多年前亚洲金融危机的惨痛教训，报道很快引起了香港监管层及海内外华文媒体的高度关注。有业内人士认为，索罗斯此次的手法和前几次差不多，与其说?</t>
  </si>
  <si>
    <t>法国退休制度改革为何步履艰难</t>
  </si>
  <si>
    <t>备受争议的法国退休制度改革法案27日在法国国民议会(议会下院)以336票对233票的表决结果最终获得通过，但立法程序的完成并不意味着针对这一改革持续近两个月的抗议风潮的结束。近期法国工会还将举行全国范围的罢工游行。法国政府和民众在退休制度改革问题上为何会产生如此尖?</t>
  </si>
  <si>
    <t>走吧去展览逛逛</t>
  </si>
  <si>
    <t>在相对小的空间、相对短的时间呈现出某个主题的全貌或新貌，这就是展 们选取了三个近期在国外举办的特色展览，透过它们，相信您能够开阔视野，捕捉到不少新趋势、新讯息。　　　　法国　　　　食品展“创意美食”的聚会　　　　生活水平的提高让人们的味蕾变得越来越挑</t>
  </si>
  <si>
    <t>英削减财政开支拿社会福利“开刀”</t>
  </si>
  <si>
    <t>说到福利国家，人们往往想起瑞典、芬兰等北欧国家，经济发达，生活富足，人口不算多，福利很优厚。据在瑞典工作过的同事介绍，偶尔患上感冒，医院马上安排住院治疗，食宿医药等费用医院全包。其实，西欧发达国家的福利制度都比较健全，福利待遇普遍较好。英国的福利也算不错?</t>
  </si>
  <si>
    <t>澳大利亚经验可借鉴</t>
  </si>
  <si>
    <t>业内人士认为，在绿色建筑和生态城市建设方面，已经走过工业化阶段的现代西方发达国家对此有更深的体会和反思，也有很多先进技术值得我国借鉴。在刚举行不久的“中澳绿色建筑与生态城市高峰论坛”上，专家认为，澳大利亚有一些可以为我国借鉴的技术和经验。　　　　一是政?</t>
  </si>
  <si>
    <t>欧盟宣布对中国铝合金轮毂等征收反倾销税</t>
  </si>
  <si>
    <t>欧盟28日宣布，对从中国进口的铝合金轮毂和葡萄糖酸钠正式征收反倾销税，并对中国企业涉嫌绕道马来西亚向欧盟出口紧固件以逃避反倾销措施展开反规避调查。　　　　欧盟在当天的官方公报中公布了这3项贸易救济决定。根据这些决定，欧盟将对中国铝合金轮毂正式征收22.3%的反?</t>
  </si>
  <si>
    <t>央行加息动机的另一个视角</t>
  </si>
  <si>
    <t>在亚洲国家主流语境里，货币升值与加息是不能同时出现在货币政策选项中的。因为按一般的理解，货币升值会减少外部需求，而外部需求对亚洲发达国家和新兴经济体来说是经济增长发动机，因此，货币升值或会破坏增长，进而引发萧条。这便是弥漫在亚洲国家的“升值萧条恐惧”。?</t>
  </si>
  <si>
    <t>法国国民议会最终通过退休制度改革法案</t>
  </si>
  <si>
    <t>法国退休制度改革法案27日在法国国民议会以336票对233票得以最终获得通过，至此这项备受争议的法案走完议会的立法程序。　　　　根据立法程序，这项法案草案在今年7月中旬提交议会审议，9月中旬在国民议会(议会下院)初审通过，10月22日在参议院(议会上院)投票通过。两院组?</t>
  </si>
  <si>
    <t>美国中期选举  两党激辩经济</t>
  </si>
  <si>
    <t>美国国会中期选举将于11月2日举行，目前民主、共和两党选战已进入白热化阶段。共和党利用民众对经济现状的不满，对奥巴马政府的政策“狂轰滥炸”；而民主党则攻击共和党“抱残守缺”，坚称该党代表“变革”。　　　　布鲁金斯学会美国政治问题专家托马斯·曼恩说：“此次选</t>
  </si>
  <si>
    <t>担心美国新刺激措施“缩水”  亚太股市下跌</t>
  </si>
  <si>
    <t>因市场担心美联储定量宽松货币政策力度将小于预期，美元出现反弹并打压大宗商品类股，亚太地区主要股市27日多数下跌。　　　　美联储公开市场委员会定于下周举行例会。美国媒体27日报道，美联储预计将在会议结束时宣布数额数千亿美元的定量宽松计划。不过，美联储主席伯南?</t>
  </si>
  <si>
    <t>日本经济刺激计划挡不住日元冲高</t>
  </si>
  <si>
    <t>继25日美元兑日元触及80.40日元的过去15年来最低点后，在26日的亚洲汇市中，日元继续保持高位，美元兑日元汇率盘中报80.72日元，低于上一交易日纽约汇市收盘报价的80.82日元。市场预计，日元汇率近期可能突破1美元兑80日元。　　　　为了实施经济刺激计划，促进经济复苏，?</t>
  </si>
  <si>
    <t>中国应力促IMF加快改革</t>
  </si>
  <si>
    <t>国际货币基金组织(IMF)“回来了”。这一点在日前结束的二十国集团(G20)财政部长和中央银行行长会议上再一次得到验证。　　　　曾几何时，在广大新兴和发展中国家眼里，IMF只是发达经济体推行其政策的工具，在拉丁美洲金融危机和亚洲金融危机当中，IMF盛气凌人，开出的援助?</t>
  </si>
  <si>
    <t>中国国家竞争力全球排名第17位</t>
  </si>
  <si>
    <t>中国社会科学院25日发布《中国国家竞争力报告》。报告指出，20世纪90年代以来，中国国家竞争力稳步上升，2008年排名升至全球第17位。从国际比较来看，中国国家竞争力与美国差距较大，与印度的距离也还未全面拉开。　　　　报告由孙冶方经济科学基金会、中国社会科学院城市?</t>
  </si>
  <si>
    <t>从露天汉堡摊看美国经济冷暖</t>
  </si>
  <si>
    <t>秋日中午的阳光晒得人慵懒惬意，笔者在弗吉尼亚州阿灵顿郡的一家全食超市(WholeFoods)外的汉堡摊旁享用午餐。不一会儿，戴维、詹妮弗夫妇和女儿乔安娜坐到了笔者身旁。平易近人的这一家就和我开始了汉堡午餐对话。　　　　金融海啸冲击美国时，有人从星巴克生意清淡的角度?</t>
  </si>
  <si>
    <t>郑功成：社保法或28日通过</t>
  </si>
  <si>
    <t>“目前《社会保险法(草案)》正在进行第四次审议，估计28日可能通过。”在25日举行的第五届中欧社会保障高层圆桌会议上，中国人民大学教授、中国社会保障研究中心主任郑功成向记者透露。　　　　人力资源和社会保障部部长尹蔚民则表示，推进法制建设是我国社会保障事业下一?</t>
  </si>
  <si>
    <t>自然有“价”</t>
  </si>
  <si>
    <t>森林净化水源，昆虫为作物授粉，珊瑚礁保护海岸……　　　　联合国环境规划署10月20日发布报告说，生态系统的各种功能具有经济价值，生态系统受损导致全球每年遭受2万亿至4.5万亿美元经济损失。报告提出，各国应为生态系统“标价”，从而促进政府、企业合理利用自然资源，?</t>
  </si>
  <si>
    <t>美银行业三季度财报喜忧参半</t>
  </si>
  <si>
    <t>近期，美国企业开始陆续公布三季度财报。分析人士认为，从高盛、摩根士丹利等数家银行已公布的财报来看，美国银行业与本国消费信贷相关的业务开始企稳，不过考虑到经济复苏的脆弱性，美国银行业是否具备盈利的持续性尚不确定。　　　　The  firm’s (Morgan  Stanley’s) $</t>
  </si>
  <si>
    <t>法国大罢工：欧洲高福利之殇</t>
  </si>
  <si>
    <t>在一波接着一波、持续近两个月的罢工示威浪潮中，当地时间10月22日晚上8点多，法国参议院终于在多次推迟之后，对充满争议并引发强烈反对声浪的退休法案进行了决定性投票。因为执政党握有多数席位，法案最终获得通过。这虽在意料之中，但为期三周、长达140多个小时的参议院辩?</t>
  </si>
  <si>
    <t>印日拟结“全面经济伙伴”</t>
  </si>
  <si>
    <t>印度外交秘书尼鲁帕玛·拉奥23日说，总理曼莫汉·辛格24日至26日访问日本期间有望同日方签署“全面经济伙伴关系协定”。　　　　拉奥还说，两国打算进一步推动民用核能合作谈判。　　　　日本外交官说，印方对《全面禁止核试验条约》的抵触是两国达成民用核能合作协定的?</t>
  </si>
  <si>
    <t>俄延长谷物“禁出令”加剧粮价涨势</t>
  </si>
  <si>
    <t>俄罗斯总理弗拉基米尔·普京22日宣布，俄罗斯今年收获6000万吨谷物，原定今年底到期的谷物出口禁令将延长至明年7月1日。同为谷物出口大国的乌克兰本月也宣布，把截至今年年底的谷物出口上限定为270万吨，而且对粮食出口配额实行拍卖。　　　　欧洲两大粮食出口商收紧供应举</t>
  </si>
  <si>
    <t>中国加息挤压大宗商品价格泡沫</t>
  </si>
  <si>
    <t>当周国际大宗商品价格全线回落，周中受中国意外加息影响，市场担心需求减少，各品种期货价格暴跌，截至周末跌幅收窄。不过，由于大多数投资者预期美联储将采取定量宽松的政策刺激美国经济复苏，大宗价格仍将在一段时间获得支撑。　　　　中国人民银行19日晚宣布，自10月20?</t>
  </si>
  <si>
    <t>金秋多吉日  异国说婚俗</t>
  </si>
  <si>
    <t>金秋十月，吉日扎堆、天气适宜，不仅在中国，在世界其他许多国家，10月也是年轻人喜结良缘的好日子。今天，记者就带你走进日本、韩国、沙特和乌克兰，为你说婚礼、解民俗。　　　　日本　　　　各式婚礼各有特色　　　　在现代日本，婚礼习俗丰富多样，有“神前式”、?</t>
  </si>
  <si>
    <t>流动性泛滥“撑杀”全球市场</t>
  </si>
  <si>
    <t>美国即将重启定量宽松政策，这一规模或将达每月1000亿美元。此举将引起美元进一步贬值，并进一步加大全球流动性泛滥压力。伴随着低息美元套利交易的活跃，新兴市场的通胀压力和资产泡沫风险日盛，专家建议投资者关注抗通胀产品防御风险。　　　　美国即将重启定量宽松　?</t>
  </si>
  <si>
    <t>宜黄事件对我们的启示</t>
  </si>
  <si>
    <t>宜黄事件耐人思考：为什么在中央一再制止野蛮拆迁，面对《宪法》和《物权法》中关于私人财产的规定，个别地方政府还在进行野蛮拆迁？　　　　《重庆晚报》10月12号的一篇文章介绍了美国的一个拆迁案例。34年前，美国北卡罗来纳州的唐尼在梅登小镇买了块地盖房自住。和全球?</t>
  </si>
  <si>
    <t>英大学生就业：求救不如自救</t>
  </si>
  <si>
    <t>金融危机下，英国大学毕业生面临就业危机。有人选择当无偿服务的实习生以积累工作经验，有人靠失业救济过活，也有人摆脱不了困境而沮丧甚至走上绝路。与此同时，不少人积极“自救”，走上创业之路。他们说，经济低迷也是机会。　　　　“失落的一代”　　　　英国兰开夏?</t>
  </si>
  <si>
    <t>G20庆州会议汇率和IMF份额改革成焦点</t>
  </si>
  <si>
    <t>作为下月首尔峰会的准备会议，二十国集团(G20)庆州会议21日在韩国庆州正式开幕。按照会议日程，G20“副财长与央行副行长会议”21日举行，22日至23日则召开“财长与央行行长会议”，与会成员将基于“副财长与副行长会议”的成果，共同商讨世界经济问题。　　　　分析人士普?</t>
  </si>
  <si>
    <t>美国智库预测美国未来能源走向</t>
  </si>
  <si>
    <t>美国近期发布《技术与变革：美国能源的未来》报告，该报告是由美国能源部立项启动支持的技术报告，对美国能源优先发展领域，战略能源技术发展和有关政策进行研究，并对当前使用的技术和未来二三十年的系列潜在技术的发展状态、成本、执行的障碍和影响做出评估。本文介绍和分?</t>
  </si>
  <si>
    <t>中美博弈正从汇率转战贸易</t>
  </si>
  <si>
    <t>剑拔弩张的货币战局势最终点燃了贸易保护主义的硝烟，中美之间的博弈正从汇率转战贸易，就连一向闭口不谈汇率的世贸组织也坐不住了，称越来越担心汇率争端会威胁全球贸易。　　　　虽然在汇率问题上美国财政部选择了暂缓对中国直接施压，但是作为汇率的替代工具———对贸?</t>
  </si>
  <si>
    <t>俄罗斯批准600亿美元的私有化计划</t>
  </si>
  <si>
    <t>法新社20日援引俄罗斯第一副总理舒瓦洛夫的话说，俄政府当天批准了一项价值600亿美元的私有化计划。根据该计划，俄政府将在未来5年内出售其持有的国企和国有银行的股权，其中包括俄最大的石油公司———俄罗斯石油股份公司。　　　　除筹集资金外，俄政府希望通过私有化推?</t>
  </si>
  <si>
    <t>汇率大战或进一步推高金价</t>
  </si>
  <si>
    <t>据英国《金融时报》网站报道，韩国央行行长18日表示，韩国正在考虑买入黄金进行多元化投资，但是在作出任何最终决定前仍将保持高度谨慎。有分析人士认为，随着投资者对美国新一轮联储量化宽松政策的出台形成一致预期，美元持续走弱引起的汇率大战可能会使黄金成为最佳的避风?</t>
  </si>
  <si>
    <t>印度金融行业引领“包容性增长”</t>
  </si>
  <si>
    <t>“包容性增长”，这个在2007年由亚洲开发银行首次提出的概念，一时间成为世界关注的焦点。以“包容性增长”为信条的印度国大党，已经陆续推出了《农村就业保障法》、学生免费午餐计划、食品安全法案、国家城市改造计划等旨在改善弱势群体和“平民”生活的措施。这些雄心勃勃?</t>
  </si>
  <si>
    <t>我国伪劣商品在乌干达遭遇围追堵截</t>
  </si>
  <si>
    <t>在东非国家乌干达，中国商品主要占据低端市场，其中不乏一些假冒伪劣商品，从去年10月份开始，乌干达有关部门对中国鞋类等商品进行突击检查，封存了大批商品，多数华商受到冲击，有的华商开始摸索经营转向和产业转移之路。　　　　假冒产品冲击正牌产品　　　　在乌干达?</t>
  </si>
  <si>
    <t>“两拓”合并难产  亚洲钢企喘息</t>
  </si>
  <si>
    <t>由于顾及各国的反对，澳大利亚矿业巨头———必和必拓和力拓18日宣布，放弃价值1160亿美元、历时十六个月的成立合资公司方案。此举已是“两拓”合并计划的第二次失败，铁矿石需求旺盛的亚洲钢企都对该消息表示欢迎，表示铁矿石价格被操控的压力能稍微减少。不过专家提醒，三?</t>
  </si>
  <si>
    <t>央行副行长易纲：中国将继续渐进的汇率改革</t>
  </si>
  <si>
    <t>中国人民银行副行长易纲18日在上海表示，中国将继续推进渐进的汇率改革，人民币可以保持在合理均衡水平上的基本稳定。　　　　易纲是在IMF“宏观审慎政策：亚洲视角”研讨会上作上述表示的。他说：“自今年6月中国重启汇改以来，人民币汇率弹性有所增大，我们会朝着‘以市?</t>
  </si>
  <si>
    <t>APEC强调扩大粮食供给</t>
  </si>
  <si>
    <t>今年10月16日是第30个世界粮食日。当天，为期两天的亚太经合组织(APEC)首次粮食安全部长会议在日本新泻开幕，世界粮食安全委员会第36届会议在罗马落下帷幕，而联合国秘书长潘基文也专门为此发表致辞。这些都契合了今年世界粮食日的主题———“团结起来，战胜饥饿”，反映出?</t>
  </si>
  <si>
    <t>打造“未来的经济总统”</t>
  </si>
  <si>
    <t>孩子理财，在国内还是一门“陌生课程”，而在国外则早已成为一种共识。美国甚至把4月定为“青少年理财教育月”。有“世界经济总统”之称的美国联邦储备委员会前主席格林斯潘率先提出了“理财盲”这一名词。他认为，“理财盲是社会中产生的21世纪新型盲人，将会酿造出比文盲更</t>
  </si>
  <si>
    <t>英国马戏团辉煌不再</t>
  </si>
  <si>
    <t>场内是日渐稀少的观众，场外是动物保护主义者的抗议，官方限制越来越多，社会上禁止动物表演的呼声日益高涨……作为英国唯一仍保留大型猛兽表演的马戏团，大英马戏团的生存空间越来越窄。    现年67岁的大英马戏团团长马丁·莱西，在当了40多年驯兽师后发现，他娴熟指挥老?</t>
  </si>
  <si>
    <t>150年前游记揭秘圆明园昔日辉煌</t>
  </si>
  <si>
    <t>对于现代中国人来说，圆明园既是一段能够触摸的历史伤疤，也是一个带有神秘色彩的传说。每一个面对残垣断壁凭吊的人，都会有个疑问萦绕于心：这个至今仍令人震撼的园林，到底昔日拥有怎样惊人的美丽？2010年10月，正值英法联军火烧圆明园150周年。近日，一位法国人150前撰写?</t>
  </si>
  <si>
    <t>服装业大亨的餐厅梦</t>
  </si>
  <si>
    <t>一个偶然的机会，英国服装业大亨理查德·卡林涉足高档餐饮行业。他迅速将这一“业余爱好”转变为自己的主业。短短几年时间，他斥资数亿英镑，在世界多个地区买下数十家高档餐馆和私人会所。　　　　卡林的野心不仅限于此。他的梦想是，将英国的一流餐厅推向世界，建立全球?</t>
  </si>
  <si>
    <t>美元急跌成推高油价最大动力</t>
  </si>
  <si>
    <t>石油输出国组织(欧佩克)12个成员国的石油和能源部长14日在维也纳欧佩克总部举行会议，就下一阶段欧佩克原油生产配额举行磋商。有迹象表明，欧佩克本次会议可能决定维持原油日产限额不变。　　　　在美元指数急跌至9个月来新低和欧佩克拟维持原油产量并调高全球原油需求预期</t>
  </si>
  <si>
    <t>国内首个煤炭价格指数试运行</t>
  </si>
  <si>
    <t>国内首个煤炭价格指数——环渤海动力煤价格指数13日开始试运行。分析人士指出，试运行环渤海动力煤价格指数，将有利于及时反映煤炭价格水平及变化趋势，并扩大我国煤炭价格指数的国际影响力。    环渤海动力煤价格指数是指通过采集环渤海地区有关港口动力煤离岸平仓价格，?</t>
  </si>
  <si>
    <t>芝加哥农产品期货价格普涨</t>
  </si>
  <si>
    <t>受基金买盘及美国农业部供需报告持续性利好的影响，芝加哥期货交易所12日农产品价格普涨。玉米期价再度刷新两年多新高，大豆期价连续第四个交易日上涨，小麦期价追随玉米及大豆涨势止跌企稳。　　　　13日，玉米市场交投最活跃的12月合约上涨23.25美分，收于每蒲式耳5.79美</t>
  </si>
  <si>
    <t>今年进口车市增幅将再创历史新高</t>
  </si>
  <si>
    <t>为期五天的2010北京进口汽车博览会日前落下帷幕，车展透露的诸多信息表明，我国今年进口车市增幅将再创历史新高。　　　　会展期间，位于鸟巢附近的国家会议中心24000平方米的大展厅，就像个汽车品牌联合国。参加展示的汽车包括雷克萨斯、奔驰、宝马、奥迪、路虎、捷豹、英</t>
  </si>
  <si>
    <t>樊纲：调节供需防范资产泡沫</t>
  </si>
  <si>
    <t>樊纲，北京大学、中国社会科学院研究生院教授；国家级有突出贡献的中青年专家，现任中国经济体制改革会副会长，中国经济体制改革研究基金会秘书长，国民经济研究所所长。1953年9月生于北京。1978年考入河北大学经济系；1982年考入中国社会科学院研究生系主攻西方经济学；1985</t>
  </si>
  <si>
    <t>抑制房价上涨亟待调整城市化方向</t>
  </si>
  <si>
    <t>今年接连两次的楼市调控政策凸显了政府稳定房价、体恤民生的决心，令人甚感欣慰。但欣慰之余，我们也不应忘记思考如下问题：为什么我国使用了最严厉的调控政策，却依然泼不冷滚烫的楼市？为什么许多国家基本没有调控，但房价却波澜不惊，不能成为投机家的乐园？为什么房价上?</t>
  </si>
  <si>
    <t>诺奖“搜索理论”给奥巴马开药方</t>
  </si>
  <si>
    <t>当欧美国家高失业率的问题日益成为这些国家政府摆脱金融危机干扰的老大难问题时，传来了瑞典皇家科学院将今年经济学诺奖颁给了在质疑“劳动力市场是否一定存在瓦尔拉斯均衡价格机制”问题上做出卓越贡献的三位“搜索理论”的经济学大家的消息。    就当前美国高失业率问题?</t>
  </si>
  <si>
    <t>匈牙利废水泄漏事故又给人类上了一课</t>
  </si>
  <si>
    <t>匈牙利维斯普雷姆州奥伊考的一家铝厂废物池10月4日发生泄漏，大约100万立方米含有铅等重金属的有毒废水涌向附近3个村镇和河流，导致7人死亡，150多人受伤。匈牙利总理欧尔班·维克托视察了灾区，将这次污染事件称为“匈牙利史无前例的生态灾难”。　　　　这次灾难引起了世</t>
  </si>
  <si>
    <t>诺奖契合了当下金融危机大背景</t>
  </si>
  <si>
    <t>瑞典皇家科学院11日宣布，将2010年诺贝尔经济学奖授予美国经济学家彼得·戴蒙德(PeterA.Diamond)、戴尔·莫顿森(DaleT.Mortensen)，以及具有英国和塞浦路斯双重国籍的经济学家克里斯托弗·皮萨里德斯(ChristopherA.Pissarides)。对这三位学者的获奖，《经济参考报》邀请了多?</t>
  </si>
  <si>
    <t>把金融危机发生的频率压到最低</t>
  </si>
  <si>
    <t>纽约今天作为世界金融中心，区别于当初伦敦金融中心最大的地方，就在于其在股权交易方面有了全新、更深、更广的发展。所以整个20世纪，在股权交易方面纽约作为新的世界中心，是伦敦、阿姆斯特丹或者中国香港这些其他的金融中心所不可替代的。　　　　美国过去200多年的金融</t>
  </si>
  <si>
    <t>美各地掀起房屋止赎禁令潮</t>
  </si>
  <si>
    <t>一场地方政府积极推动、国家政策制定者却反对的房屋止赎禁令潮正在美国掀起。　　　　美国中期选举临近，为争取居民拥护和选票，饱受房屋止赎数高企压力的地方政府等不及白宫的法律签署，先行调查并干预起本地区的止赎问题。据透露，美国超过2/3的州检察长计划本周对部分银</t>
  </si>
  <si>
    <t>中国家电产品热销委内瑞拉</t>
  </si>
  <si>
    <t>根据委内瑞拉与中国政府签署的一项家电产品合作协议，第一批2.5万件中国海尔集团生产的家电产品近来已在委内瑞拉展销并受到委内瑞拉民众广泛欢迎。　　　　委内瑞拉商务部长理查德·迦南(RichardCanan)表示，委内瑞拉民众习惯每年11月和12月更换家电产品，迎接即将到来的圣</t>
  </si>
  <si>
    <t>“德国制造”制造“特大号”德国经济</t>
  </si>
  <si>
    <t>德国人最近喜欢用“特大号”(XL)来形容今年来一路高歌猛进的德国经济。今年二季度2.2%的增长已让德国人欣喜不已，最近一系列机构的经济形势预测报告又不约而同地认为德国今年全年经济增速将达3%以上。报告认为，明年即使有所放缓，增速也会在2%以上。尽管对德国的经济发展模?</t>
  </si>
  <si>
    <t>IMF份额改革将在几周内完成</t>
  </si>
  <si>
    <t>国际货币基金组织(IMF)和世界银行2010年全体会议8日至10日在华盛顿举行。来自两大国际金融机构187个成员的中央银行和财政部主要负责人出席会议，近万人一起探讨世界经济复苏、国际金融形势以及国际金融机构改革等重大议题。其中，IMF份额改革在会前就被认为是其中重要议题之?</t>
  </si>
  <si>
    <t>两种战争  三种视角</t>
  </si>
  <si>
    <t>美国经济学教授保罗·波斯特的这本《战争经济学》，其大框架可以这样概述：从三种视角分析两种性质的战争。三种视角分别是经济学的、政治学的、社会学的，两种战争分别是传统战争和非传统战争，或者说符合战争铁律的战争和不符合战争铁律的战争。　　　　作者从“战争铁律?</t>
  </si>
  <si>
    <t>印度央行表示将根据需要干预汇市</t>
  </si>
  <si>
    <t>据印度央行网站10日公布的公告显示，印度央行行长杜武里·苏巴拉奥9日在国际货币基金组织小组讨论时强调，如果维护稳定需要，印度将对外汇市场进行干预。　　　　今年以来，境外机构投资者对印度证券市场的投资已经达到214亿美元，印度主要股指因此接近历史最高水平，印度?</t>
  </si>
  <si>
    <t>多国货币走强  引发“货币战争”担忧</t>
  </si>
  <si>
    <t>澳元兑美元汇价7日升至1澳元兑98.71美分，创下1983年汇率管控结束后最高水平，包括日元、巴西里亚尔和韩元在内的多种货币近期也呈持续走强态势。此外，即使是受到金融危机重创的欧洲，欧元汇率7日报1.3913美元兑1欧元，逼近8个月来高点。除日本已于5日三度出手抑制日元升值之</t>
  </si>
  <si>
    <t>另类竞技玩的就是心跳</t>
  </si>
  <si>
    <t>新鲜、刺激、搞笑、好玩……这些千奇百怪的竞技令人着迷的不仅仅是比赛本身另类的形式，更多的是参与其中的快乐体验。就让我们一起置身其中，体会一下心跳加速的感觉。　　　　美国　　　　骑绵羊比赛：小不点过把“牛仔瘾”　　　　□张进　　　　美国一些儿童最近?</t>
  </si>
  <si>
    <t>精英人士领衔  拒用手机有理</t>
  </si>
  <si>
    <t>他们是商界精英、大学教授、情报高官，他们有一个共同点：拒绝使用手机。他们是美国的“拒手机一族”。　　　　他们以“拒手机”为荣　　　　现如今，美国几乎人人使用手机。联邦电讯委员会的统计数字显示，美国现有2.8亿名手机用户。　　　　尽管如此，仍有一部分人坚</t>
  </si>
  <si>
    <t>不能让基本药物制度在地方走样</t>
  </si>
  <si>
    <t>据《人民日报》报道，自去年8月以来，作为新医改重要内容的国家基本药物制度的各项政策陆续出台，相关省份开始试点，对列入名录的药物实施零差率销售。能否遏制虚高的药价？近日，农工党中央联合国家发改委、财政部、商务部、卫生部、食品药监局等相关部委，对基本药物制度的</t>
  </si>
  <si>
    <t>经济波动不能动摇结构调整</t>
  </si>
  <si>
    <t>中国最新经济统计数据出炉后，包括比较权威的西方媒体都认为，中国经济已经企稳。从目前情况看，中国采取超常规的政策措施，应对突如其来的国际金融危机冲击，算是成功地抗过了这一关。笔者认为，今后一段时间，世界经济形势仍将异常复杂，随时可能出现新的动荡。受外部环境?</t>
  </si>
  <si>
    <t>IMF总裁说全球爆发货币战可能性很小</t>
  </si>
  <si>
    <t>国际货币基金组织(IMF)总裁多米尼克·斯特劳斯-卡恩28日说，世界经济复苏迟缓，各国正在积极寻找推动增长的对策，但全球发生货币战的可能性很小。　　　　卡恩当天在国际货币基金组织华盛顿总部举行的记者会上说，本次金融危机爆发后，世界各主要经济体采取了有效的合作应?</t>
  </si>
  <si>
    <t>一个老工业城市的转型之路</t>
  </si>
  <si>
    <t>2007年9月，世界最大的非官方国际会议夏季达沃斯落户中国，首届新领军者年会在大连举办，会场设在大连世界博览广场。这个现代宏伟的建筑，俯瞰着亚洲最大的海滨广场———大连星海湾广场。当世界经济领袖和精英们在这里探求全球经济良策的时候，他们无不为这里怡人的场景所打</t>
  </si>
  <si>
    <t>欧盟欲加强制裁债台高筑国</t>
  </si>
  <si>
    <t>欧盟委员会定于当地时间周三出台一项新法案，加强对违反欧盟预算规则国家的制裁，进而巩固欧盟《稳定与增长公约》。　　　　分析人士称，该法案出台的背景是，欧元区虽已度过今年的生存危机，但金融市场对爱尔兰等几个二线国家仍心存疑虑，投资者仍担心欧元区长期前景，出?</t>
  </si>
  <si>
    <t>油价远期或补涨</t>
  </si>
  <si>
    <t>国际原油价格在最近一段时间内呈现宽幅震荡的态势，虽然前期由于一条从加拿大通至美国中西部的重要输油管道发生泄漏，从而造成油价短暂上探到78美元的位置，但是由于管道的迅速修复和恢复运作，油价又再度回落至75美元附近。国际油价28日欧洲市场早盘跌至76美元下方，追随欧?</t>
  </si>
  <si>
    <t>德英：积极沟通果断应对减少延误</t>
  </si>
  <si>
    <t>在德国和英国，由于天气、机械故障或空中流量等原因，有时会不可避免地造成飞机航班延误。为了尽可能地维护乘客权利，同时兼顾航空公司利益，德英两国政府、欧盟以及各家航空公司多年来不断完善相关政策条例，制定了成套的应急处理方案、培训课程和课题研究等，控制由于航班?</t>
  </si>
  <si>
    <t>失物招领可学习德国经验</t>
  </si>
  <si>
    <t>报载，南京近日出现了一家有偿失物招领公司，公司人员表示失物都是环卫工送来的，收取费用后立即给环卫工人提成30%。对于收费标准，公司人员表示并非漫天要价，是在参考市场行情后才定的：譬如补办一张身份证要40元，但很费神耗时，所以公司定下50元的收费价格；公交卡、银行</t>
  </si>
  <si>
    <t>谁该对日元大幅升值负责</t>
  </si>
  <si>
    <t>近期日本政府干预汇市后，日元经过短暂回调后又开始升值。日元大幅升值这背后的深层次原因是什么？恐怕最根本的要与日本货币政策长期失当相关。　　　　20世纪90年代初，资产泡沫破灭严重打击了日本经济。“泡沫经济”崩溃以来日本经济一直处于资产价格收缩状态，作为对泡?</t>
  </si>
  <si>
    <t>华尔街上没有新事物</t>
  </si>
  <si>
    <t>常常有人问起这样一个问题：“我如何能够在华尔街赚钱？”对于这个问题，用老迈耶·罗斯柴尔德的一句话可以算是最好的回答，他说：“低买高卖。”　　　　第一次以讲述华尔街历史的方式引用这句经典名言的人，当数亨利·克卢斯，他的《华尔街回忆录》1908年出版，至今让中?</t>
  </si>
  <si>
    <t>阿富汗铁矿开采权招标</t>
  </si>
  <si>
    <t>阿富汗政府25日宣布，外国矿商可竞标开采阿富汗中部一座铁矿。　　　　这座铁矿蕴藏将近20亿吨铁矿石，预计开采后每年可为阿富汗政府带来数亿美元收益。　　　　阿富汗矿产和工业部网站公布的信息显示，这次招标的铁矿为哈吉加克铁矿，位于首都喀布尔以西大约100公里，处</t>
  </si>
  <si>
    <t>欧洲经济走向复苏还是趋于崩溃</t>
  </si>
  <si>
    <t>即使是从同样的数据出发，对经济运行和趋势的分析也常常会南辕北辙。就如当前欧美经济学家对欧洲经济前景的预判，有人说是道路曲折，前途光明；有人则认为欧元区分崩离析是不远的事情。　　　　2010年欧盟春季经济预测报告被乐观的经济学家解读为欧洲经济迎来了复苏。在经?</t>
  </si>
  <si>
    <t>肯尼亚华商迎来多元化发展契机</t>
  </si>
  <si>
    <t>作为东非最大的经济体，肯尼亚在发展旅游业、农业、新能源开发和轻工业等方面具有巨大潜力，也因此成为在非华商主要聚集地之一。但由于肯尼亚同时存在经济基础薄弱、投资门槛高、治安环境差和汇率不稳定等因素，当地华商的正常经营仍存在一定隐患。　　　　华商多元化发展?</t>
  </si>
  <si>
    <t>来自美国参院办公楼的“杂音”</t>
  </si>
  <si>
    <t>9月16日上午10点，美国财政部长盖特纳在国会参议院银行委员会作证，主题是中国的货币政策和中美经济关系，会议室选在参议院德森(Dirksen)办公楼的五层。由于这位财经界呼风唤雨的大人物出席，会议室里早就座无虚席。笔者所在媒体区办公桌上的同行既有来自欧美通讯社的，也有?</t>
  </si>
  <si>
    <t>非洲科学家开发出预测疟疾暴发新方法</t>
  </si>
  <si>
    <t>非洲几个国家科学家的一项联合研究显示，借助计算机对天气条件加以分析预测，可提前三个月预知疟疾疫情。　　　　据此间媒体报道，负责此项研究的科学家安德鲁·吉德可来自肯尼亚医学研究所。吉德可介绍说，他们将气象和气候资料输入电脑，计算出加速蚊子繁殖的天气条件将?</t>
  </si>
  <si>
    <t>日本紧随韩国加快自贸协定谈判</t>
  </si>
  <si>
    <t>欧盟各国外长在上周召开欧盟特别理事会后宣布，27个欧盟成员国一致承认韩国-欧盟自由贸易协定(FTA)，该协定将于10月6日在布鲁塞尔正式签署，于明年7月1日开始生效。　　　　由于这将是欧盟首度和亚洲贸易伙伴签订自由贸易协定，被视为欧盟未来和印度等国签订类似协定的样板</t>
  </si>
  <si>
    <t>欧盟建立碳捕捉和储存技术发展协作网</t>
  </si>
  <si>
    <t>欧盟委员会9月17日启动旨在全力促进碳捕捉和存储技术发展的协作网络，这一网络将有助于该技术相关知识的共享，帮助科学家、能源企业和民众更好地了解这类技术在减少二氧化碳排放方面的作用，从而促进这项技术的商业化进程。　　　　欧盟委员会在一份声明中表示，那些加入碳</t>
  </si>
  <si>
    <t>新一代手机或成私人秘书</t>
  </si>
  <si>
    <t>手机功能花样翻新给人们生活带来越来越多便利。手机今后能先进成什么样？美国英特尔公司首席技术官贾斯廷·拉特纳认为，能分析出并满足使用者兴趣和习惯是手机发展方向。　　　　私人秘书　　　　拉特纳9月15日在美国旧金山参加英特尔开发者论坛时提到“语境感知”概念。</t>
  </si>
  <si>
    <t>美进一步宽松货币政策暂难出台</t>
  </si>
  <si>
    <t>美联储下属的联邦公开市场委员会(FOMC)21日将召开货币政策决策例会，讨论美国经济形势和货币政策走势。外界普遍认为，最近公布的数据显示出美国经济复苏放缓的情况正在改善，这给了美联储些许喘息的机会，本次会议不大可能推出新的量化宽松措施。但是，美联储仍然处在密切的?</t>
  </si>
  <si>
    <t>来自日本视野的商业启示</t>
  </si>
  <si>
    <t>“最了不起的公司”按五条衡量　　　　扉页上一行小字，清楚地写着“发现最珍贵的经营理念”，一语道破天机，这正是坂本光司写《日本最了不起的公司》的唯一缘起。但问题是，哪些属于“日本最了不起的公司”？是索尼吗？是松下吗？是丰田吗？是本田吗？是日立吗？是东芝吗?</t>
  </si>
  <si>
    <t>德国煤机借煤炭资源整合之机抢占中国市场</t>
  </si>
  <si>
    <t>煤炭资源整合以来，我国一大批产能低、技术装备落后的小煤矿被关闭，矿井通过技术改造升级，将全部实现大型机械化开采，由此形成巨大的煤机市场。一些国外客商瞄准商机，欲扩大在中国市场份额。　　　　16日在山西太原举行的第三届国际能源产业博览会上，就有来自德国北威?</t>
  </si>
  <si>
    <t>西克雷斯特：《美国偶像》背后的偶像</t>
  </si>
  <si>
    <t>瑞安·西克雷斯特身为美国选秀节目《美国偶像》主持人，和每年过五关斩六将方能脱颖而出的选手们不同，他既不会唱歌又不会跳舞，仅凭“舌灿莲花”，成为这个选秀舞台上的固定风景，成为美国电视主持界的“偶像”。凭5100万美元的年收入，西克雷斯特还入选《福布斯》本年度“?</t>
  </si>
  <si>
    <t>中美经济学家聚首颐和园对话两国经济</t>
  </si>
  <si>
    <t>9月15日，由中国经济50人论坛和布鲁金斯协会主办的第二届中美经济学家颐和园对话会———“后危机时期的全球经济平衡与中美合作”在京举行。会上，中外经济学家对后危机时代中美经济发展所要面对的问题和应对之策进行了探讨。双方学者共同认为，中美两国有许多共同利益，应加</t>
  </si>
  <si>
    <t>感受英国火车晚点</t>
  </si>
  <si>
    <t>英国火车晚点的情况很少。最近记者遭遇一次火车严重晚点，感受良多。　　　　几天前，参加伦敦外国记者协会组织的到英国中部城市利兹采访活动。下午4点05分，乘坐的火车返回。火车从利兹车站正点发车，预计傍晚6点25分到达伦敦，全程2小时20分钟。由于我们乘坐的是一等车，</t>
  </si>
  <si>
    <t>“最长”假期需配“最强”保险</t>
  </si>
  <si>
    <t>3天中秋假期，7天国庆假期，再休上6天年假，“史上最长假期”便可“出炉”，境外远游触手可及。但不久前香港游客在菲律宾遭劫持、杀害的事件让人心有余悸。保险专家提醒，去那些安全系数较低的地方，可能遭遇盗抢等意外，但不是所有保险公司的保险都承保此意外风险，游客在购</t>
  </si>
  <si>
    <t>王冬胜：登陆“国际板”汇丰准备好了</t>
  </si>
  <si>
    <t>儒雅的气质，和蔼的笑容，以及一口流利而近乎标准的普通话，是汇丰亚太区行政总裁王冬胜留给记者的第一印象。作为一个扎根于香港的全球性金融机构，汇丰一直视亚洲和中国为其重要的市场。日前，王冬胜在接受《经济参考报》记者采访时表示，汇丰已经为登陆“国际板”做好充分?</t>
  </si>
  <si>
    <t>高铁加速改变商业地产版图</t>
  </si>
  <si>
    <t>近日，“国家级高铁网络催生城市轨道交通商务区”尖峰论坛在北京开幕，原铁道部相关领导及行业专家联袂出席并参与论坛发言。与会专家表示，高铁对中国经济发展影响巨大。而对于高铁网络对房地产市场的影响，北京光耀东方董事长李贵斌认为：“无论从日本、法国、韩国等国的国?</t>
  </si>
  <si>
    <t>冲破政治阻力  鞍钢投资美钢厂签约</t>
  </si>
  <si>
    <t>在胶着长达4个月之久后，遭遇美方政治阻力的鞍钢啃下了这块“硬骨头”。鞍钢集团15日宣布，正式在北京与美、意、日等合作伙伴签署《合资公司运营协议》。根据协议，鞍钢在第一钢厂项目中将持有14%股权。这一项目成为中国钢企在美国参与投资建设的首个钢铁生产项目。这标志着?</t>
  </si>
  <si>
    <t>菅直人经济政策能走多远？</t>
  </si>
  <si>
    <t>9月14日，日本民主党选举党代表。最终，现任首相菅直人以721分对491分击败小泽一郎，当选民主党代表，继续担任日本首相。　　　　菅直人连任民主党代表反映了国民希望政治稳定、发展经济的愿望。从这次选举得分情况来看，民主党员选票中菅直人得249分，小泽一郎只得51分；?</t>
  </si>
  <si>
    <t>岂能让雷曼兄弟白白“牺牲”</t>
  </si>
  <si>
    <t>又是一个“9·15”。两年前，雷曼兄弟控股公司申请破产保护，成了本轮国际金融危机正式全面爆发的头一件“祭品”。两年后，纵然雷曼兄弟已与华尔街今日之荣辱无关，但也难免不被翻出来继续警示后人。　　　　英国《金融时报》当日刊登了彼得·查普曼撰写的一篇反思性文章，</t>
  </si>
  <si>
    <t>商务部未收到中国企业申请并购加拿大钾肥</t>
  </si>
  <si>
    <t>商务部新闻发言人姚坚15日在回答记者提问时表示，商务部已经注意到了有关必和必拓欲收购加拿大一钾肥公司的相关报道，将对这一交易予以关注，如获正式申报，会依法进行审查。　　　　姚坚说，中国是世界上钾肥的重要进口国之一。2008年中国钾肥的进口依存度是55%，2009年为</t>
  </si>
  <si>
    <t>美近海石油和天然气监管收紧</t>
  </si>
  <si>
    <t>美国总统奥巴马13日要求国会拨款9000万美元用于改革石油和天然气行业监管。继墨西哥湾漏油事故和近日发生的加利福尼亚州天然气管道爆炸事件之后，美国不得不紧绷关于石油和天然气安全的神经。有分析人士认为，从长期来看美国深海石油钻探禁令等在内的一系列监管收紧措施，可?</t>
  </si>
  <si>
    <t>宏观税负到底有多重</t>
  </si>
  <si>
    <t>近日，中国社科院财政与贸易经济研究所发布的《中国财政政策报告2009/2010》称，按全口径计算的中国政府财政收入占GDP的比重，在2009年达到32.2%。而今年8月23日，财政部官方网站转载了媒体一篇文章称，“我国宏观税负实际偏低”。文章指出，按照国际货币基金组织(IMF)的统计</t>
  </si>
  <si>
    <t>网络电话：还要在灰色地带游走到何时</t>
  </si>
  <si>
    <t>最近谷歌(Google)又火了，因为它又推出了一项新玩意儿———GoogleVoice。　　　　这项互联网语音服务可以让用户在邮箱Gmail中拨打全球各地的市话与手机，并且费用出奇的便宜：美国用户打电话到美国和加拿大完全免费，而打到其他国家如英、法、德、中国和日本的电话费是每?</t>
  </si>
  <si>
    <t>从上海世博探寻国外城市“治水”之道</t>
  </si>
  <si>
    <t>建造周密的下水管道系统疏导水流，安装“移动式”堤坝抵御洪水，设计干湿两用下沉式广场排除积水……在上海世博会上，不难探寻到国外城市为应对常见的洪涝灾害而尝试的种种做法。这些做法，对我国一些常遭“水患”城市颇多启示。　　　　日本大阪“地下功夫”解决排水　?</t>
  </si>
  <si>
    <t>反跨国商业贿赂的瓶颈不在立法在司法</t>
  </si>
  <si>
    <t>2005年6月和7月，就天津德普公司在中国行贿国有医院医生行为在美国受罚案，南开大学法学院教授、国际经济法研究所所长程宝库提请政府制订统一的反商业贿赂法，以维护我国公平竞争的市场环境和投资环境。他的提议得到国家领导人两次批示，并促成中央治理商业贿赂领导小组的成?</t>
  </si>
  <si>
    <t>欧盟将2010年经济增长预测调高至1.8%</t>
  </si>
  <si>
    <t>欧盟委员会13日发布经济预测报告说，由于第二季度经济增长势头强劲，欧盟2010年经济增长率将达1.8%，高于其春季预测的1%。但欧盟经济复苏仍然脆弱，尤其是下半年经济增速将放缓。　　　　报告说，由于第二季度欧盟经济增幅达到1%，而且私人消费和投资在促进经济增长中也发?</t>
  </si>
  <si>
    <t>矿用救生舱亮相千亿蛋糕待分食</t>
  </si>
  <si>
    <t>第五届中国国际安全生产及职业健康展览会日前在京举行。在展会入口最显眼处，中煤集团与美国斯特塔联合推出的救生舱格外引人瞩目。记者深入展会发现，多个企业在研发救生舱。　　　　国务院《关于进一步加强企业安全生产工作的通知》要求，2013年，所有的煤矿都要安装避险?</t>
  </si>
  <si>
    <t>德国是移民国家吗？</t>
  </si>
  <si>
    <t>德国是移民国家吗？很多人会毫不犹豫地回答，当然不是。而事实上，德国8200万人口中，移民有1500万。德国是欧洲移民人口最多的国家。最大的移民群体是德裔回归移民，共约400万人；其次是土耳其人，280万人，其中约一半是在德国出生的。　　　　德国移民的大量增加缘于上世?</t>
  </si>
  <si>
    <t>希腊经改方案难平民众怨气</t>
  </si>
  <si>
    <t>按计划将被援助千亿欧元的希腊目前正加紧改革的步伐，以实现财政标准符合欧盟要求并逐步摆脱危机。虽然欧盟和国际货币基金组织的第二批援助款已顺利获批，但希腊国内民众对政府坚持的紧缩政策反对声势依旧。11日，希腊总理宣布包括给企业减税的最新经济改革方案时，迎来的不?</t>
  </si>
  <si>
    <t>金风科技亮相乌洽会意在拓展中亚风电市场</t>
  </si>
  <si>
    <t>在日前闭幕的第19届乌洽会上，金风科技(002202)携“风电整体解决方案”高调亮相。据金风科技公共关系部总监姚雨透露，此次金风科技亮相乌洽会意在开拓中亚市场。　　　　作为新疆最大的上市公司和全球知名风电制造企业，金风科技今年已是连续第3次参展乌洽会。与以往两届不</t>
  </si>
  <si>
    <t>资金走进非洲  思维走出非洲</t>
  </si>
  <si>
    <t>2010达之路非洲投资高峰论坛日前落下帷幕。来自41个非洲国家和两个非洲国际组织的高级官员、500多名中国企业家和中国政要出席了会议。　　　　非洲国家对中国企业、中国投资的期待，可用“渴望”二字来形容。几乎每一位在论坛上发言的非洲国家高官，都表示了对中国企业、中</t>
  </si>
  <si>
    <t>中国就业面临两难</t>
  </si>
  <si>
    <t>9月10日，国务院新闻办公室发表《中国的人力资源状况》白皮书。这是新中国成立以来第一本专门阐述人力资源状况和政策的白皮书。白皮书显示，截至2008年底，全国的人才资源总量达到1.14亿人。截至2009年底，中国总人口达到133474万人(不含香港、澳门特别行政区和台湾省)，其中</t>
  </si>
  <si>
    <t>把建设人口均衡型社会作为新政策目标</t>
  </si>
  <si>
    <t>李建民，南开大学人口与发展研究所教授。1982年毕业于南开大学经济学系并留校任教。曾先后在印度和美国进修，1991年获南开大学“人口经济学”专业经济学博士学位。1995年起任教授，1997年起指导博士研究生。1993年3月至2004年1月曾任南开大学人口与发展研究所所长。</t>
  </si>
  <si>
    <t>国内钢厂确认收到三大矿山报价</t>
  </si>
  <si>
    <t>“三大矿山的传真函已经来了。”华中地区一大型钢厂高层在电话里告诉《经济参考报》记者。在外媒爆出“力拓已与日本达成四季度价格”后，《经济参考报》记者从上述高层处得到证实，该钢厂近期已经收到了包括力拓、必和必拓和淡水河谷三家公司各自的报价。力拓的价格是离岸价1</t>
  </si>
  <si>
    <t>中国家电“超欧赶美”</t>
  </si>
  <si>
    <t>最近中国家电产业发生的两件事具有世界意义：一是海尔取代欧美巨头成为新的白电全球品牌冠军，二是在德国IFA展上海尔展出了欧美企业所没有的物联网家电等产品。这两件事虽然都发生在海尔一家企业身上，但足以说明中国家电领先品牌无论是在产业规模上还是创新质量上都已经具备</t>
  </si>
  <si>
    <t>宝洁CEO麦睿博：一切为了美化生活</t>
  </si>
  <si>
    <t>今年8月的一天，在数百位宝洁员工的齐声高呼中，他走上了宝洁位于北京的全球创新中心的开幕仪式的舞台；没有演讲稿，他踱着小步轻松地致辞，然而举手投足间又无时不渗透出其军人的气质。他就是宝洁新任的总裁兼首席执行官———麦睿博。　　　　从加入西点军校到服役于美国</t>
  </si>
  <si>
    <t>我为什么要全捐</t>
  </si>
  <si>
    <t>我和比尔·盖茨在北京一家酒店会晤，两人交流了两个多小时。那次见面给我的触动很大，西方富人回馈社会已经成为一种常态，而在中国只有百分之一的富人选择回报社会，两者的差距让人心寒。当时比尔·盖茨邀请我赴京会面的主要目的就是商量怎样把中国的慈善事业做好。我决定在?</t>
  </si>
  <si>
    <t>奥巴马缘何热衷经济再刺激</t>
  </si>
  <si>
    <t>据外电报道，美国总统奥巴马本周相继公布了3个财政刺激提案，既有关于铁路、公路、航空等基础设施的新建与维修方略，又有涉及企业研发和设备投资的税收优惠等内容，预计投资达3500亿美元，他还表示要尽全力帮中产阶级渡过难关。　　　　美国当地一些政治观察家认为，目前正</t>
  </si>
  <si>
    <t>碳基金：英国推广低碳技术的重要支撑</t>
  </si>
  <si>
    <t>低碳经济是以低能耗、低污染、低排放为基础的经济模式，是未来国际经济发展的新趋势。低碳经济要求建立相应的低碳能源系统、低碳技术体系和低碳产业结构，建立与低碳发展相适应的生产方式、消费模式和市场机制，其核心是技术创新和制度创新。在这方面，英国碳基金(CarbonTrus</t>
  </si>
  <si>
    <t>中国彩电创新冲击日韩技术优势</t>
  </si>
  <si>
    <t>9月3日，来自中国的知名家电品牌海尔在2010德国柏林消费电子展(IFA)上展出了全球首台3D无尾电视等系列创新产品，首次实现3D显示技术与无线传输技术的融合。　　　　除此之外，海尔还展出了3DLED电视和三网智能电视等高技术产品，充分展示了海尔的自主创新能力和对于未来趋?</t>
  </si>
  <si>
    <t>日本单方面干预日元升值回天乏术</t>
  </si>
  <si>
    <t>日本中央银行日本银行7日结束了为期两天的金融政策决策会议，决定继续将银行间无担保隔夜拆借利率维持在0.1%的水平不变。这一结果早在市场预测之中，但是日本央行总裁白川方明表示货币当局不能控制汇率，加深了市场对当局尚不知如何抑制日元走强局面的猜测。加之股市回调引发</t>
  </si>
  <si>
    <t>首家大陆企业登陆台湾资本市场</t>
  </si>
  <si>
    <t>8日上午9时整，江苏扬子江船业集团所属股票“扬子江船业”以台湾存托凭证(TDR)的方式在台湾证券交易所正式挂牌上市。扬子江船业成为海峡两岸经济合作框架协议(ECFA)正式生效后登陆台湾资本市场的第一家大陆资本背景的上市企业，也成为第一家同时在新加坡和台湾两地挂牌上市的</t>
  </si>
  <si>
    <t>民主党选党魁经济主张无新意</t>
  </si>
  <si>
    <t>日本执政党民主党定于14日举行党代表选举。由于日本首相是由政党提名、国会众参两院议员投票选举产生，而民主党目前在众议院占多数席位，因此该党新一任代表将出任首相一职。日本国民普遍希望，通过现任首相菅直人和前干事长小泽一郎对国家政策的争论，看到拯救日本经济的良?</t>
  </si>
  <si>
    <t>希腊第二季度GDP同比下降3.7%</t>
  </si>
  <si>
    <t>据希腊国家统计局8日发布的公报，今年第二季度希腊国内生产总值(GDP)与去年同期相比下降3.7%，与上一季度相比下降1.8%。　　　　今年第二季度希腊消费支出同比下降5.1%，其中政府开支下降8.4%，居民个人消费开支下降4.2%。希腊第二季度进口同比下降13.5%，其中商品进口下降</t>
  </si>
  <si>
    <t>美改善就业市场不能坐等经济复苏</t>
  </si>
  <si>
    <t>英国《经济学家》网站日前刊登《更棘手的问题》一文称，美国经济一年前就停止了萎缩，但其失业率问题却越来越大。    为什么失业率会如此之高？政策制定者中的主流看法是，失业是经济疲弱的创伤性反应。美国人丢掉工作，因为本轮经济衰退太深而复苏又相当乏力。只有更强劲?</t>
  </si>
  <si>
    <t>欧金融改革序曲难掩债务危机阴影</t>
  </si>
  <si>
    <t>为期两天的欧盟财长例会，于当地时间7日讨论征收银行税和金融交易税事宜，财长们还在会议上批准新的金融监管机构框架，象征着举步维艰的欧洲金融业改革帷幕初开。　　　　不过，在6日举行的第一天会议没有取得建设性成果，欧盟财长未就引入惩罚措施以强化财政纪律取得进展?</t>
  </si>
  <si>
    <t>巴罗佐重提发行欧元债券</t>
  </si>
  <si>
    <t>欧盟委员会主席巴罗佐7日说，他将建议发行欧元债券，用于支持欧盟重大基础设施建设，但这一提议先前因遭到部分成员国反对而不了了之。　　　　当天，巴罗佐在法国斯特拉斯堡对欧洲议会全体成员首次发表“国情咨文”。他在讲话中说，欧盟必须要为重大基础设施建设找到新的融</t>
  </si>
  <si>
    <t>中国家电品牌首超欧洲品牌</t>
  </si>
  <si>
    <t>2010年，欧洲家电市场正迎来前所未有的“中国品牌冲击波”。9月3日，在德国柏林举行的国际消费类电子展览会(IFA)上，来自中国的海尔集团展出了物联网冰箱、3D冰箱、无尾电视等最新趋势产品，在产品创新上领先很多欧洲品牌。　　　　对此，业内人士分析，2010年将成为中外家</t>
  </si>
  <si>
    <t>货币依旧宽松退出大幕难启</t>
  </si>
  <si>
    <t>9月6日至9日，日本、澳大利亚、加拿大和英国等发达经济体的央行，将陆续召开货币政策会议并公布利率决议。外界预计，在全球经济复苏步伐尚不稳健之时，各国央行普遍加息的可能性很小，各国仍将维持宽松的货币政策，以巩固尚显温和的经济复苏。　　　　多数央行或暂不加息</t>
  </si>
  <si>
    <t>创新让“通力”电梯稳坐龙头地位</t>
  </si>
  <si>
    <t>芬兰通力集团成立于1910年，是全球四大电梯和自动扶梯供应商之一。通力集团从100年前赫尔辛基的一个小机械厂起家，逐步发展成为全球技术领先的电梯行业的龙头企业，其成功的秘诀就是不断创新。　　　　机制创新———力保研发　　　　芬兰因市场有限，通力集团要想进入国</t>
  </si>
  <si>
    <t>奥巴马将推提振经济新措施</t>
  </si>
  <si>
    <t>据路透社报道，白宫官员透露，为拉动就业增长，美国总统奥巴马定于6日在威斯康星州密尔沃基市的劳工集会上公布初始投资额为500亿美元的基础设施改造计划，而这只是奥巴马本周即将公布的提振经济新措施的一部分。分析指出，11月国会中期选举的日益临近是奥巴马出台一系列新举?</t>
  </si>
  <si>
    <t>警惕公司权力无限膨胀</t>
  </si>
  <si>
    <t>新书《谁在真正统治世界》提醒我们：过去，只需成为政府内阁大员，便可达到主宰世界的目的，但这种时代已一去不复返了。如今，要主宰世界，我们还要坐进全球企业董事会的会议中。对比阅读《当公司统治世界》、《当企业收购国家》《美国黑帮：公司强权的扩张和民主制度的衰落?</t>
  </si>
  <si>
    <t>今年全球粮食产量忧不忧</t>
  </si>
  <si>
    <t>全球有两个国家出现粮食安全方面的新闻：一个是非洲的莫桑比克，因为国内粮食价格上涨，百姓生活困难，导致群众游行示威抗议引起骚乱；另外一个对全球粮食市场很依赖的老牌资本主义国家英国，近来食物价格飞涨，米饭面粉飙近6成，肉类价格上涨迅猛，引起百姓的愤怒。这两个粮</t>
  </si>
  <si>
    <t>全球车市：东边日出西边雨</t>
  </si>
  <si>
    <t>全球主要汽车公司最新发布的数据显示，美国8月份新车销量较上年同期大幅下滑。通用汽车下降25%，福特汽车降11%，丰田下滑34%。同月，欧洲数个国家中，因补贴政策逐步结束汽车销量骤减。唯独新兴市场国家8月份汽车消费增长强劲，全球车市形成“东边日出西边雨”的局面。</t>
  </si>
  <si>
    <t>G20光州会议：复苏继续  增速放缓</t>
  </si>
  <si>
    <t>作为将于11月在首尔召开的二十国集团(G20)首脑峰会的准备会议，G20副财长和央行副行长会议9月4日至5日在韩国光州举行。与会代表就将在首脑峰会上讨论的议题相互交换了意见，并对当前的国际经济形势达成了共识，认为“全球经济复苏仍将继续，尽管经济增速可能放缓”。</t>
  </si>
  <si>
    <t>世界粮价波动  中国再显从容</t>
  </si>
  <si>
    <t>由俄罗斯禁止小麦出口而引发的全球粮价上涨已近1月。在这1个月里，拥有13亿人口的中国市场，主要粮食品种供应充足，价格走势平稳。这表明，继平稳度过2008年世界粮食危机之后，拥有13亿人口的中国再次从容应对国际粮价波动，续写了“世界粮荒、中国不慌”的奇迹，回答了10多?</t>
  </si>
  <si>
    <t>小“魔棒”创英国投资节目纪录</t>
  </si>
  <si>
    <t>一支能遥控各种家用电器的“魔棒”获得英国广播公司(BBC)投资类真人秀节目“龙穴”全体评委关注和90万英镑(约合135万美元)投资，创下新纪录。　　　　这支魔棒名叫“Kymera”，长约35厘米，外形看起来颇似电影中哈利·波特手持那根神奇魔法棒。　　　　Kymera虽不能施展?</t>
  </si>
  <si>
    <t>英国人对经济前景信心不足</t>
  </si>
  <si>
    <t>“信心是丰收的良种。”这是几十年前笔者在农村上初中时看到老师的笔记本封面上写的一句话。这话很富有哲理，也被许多事情所证实，因此至今记忆犹新。当下，英国公布的相关数据显示，企业和消费者对经济前景信心不足，自然也就产生疑问：英国经济何时才能迎来丰收？　　　?</t>
  </si>
  <si>
    <t>香港苏富比推出单季估价最高的中国瓷器及工艺品拍卖会</t>
  </si>
  <si>
    <t>香港苏富比将于10月7日及8日在香港会展中心举行中国瓷器及工艺品拍卖会，届时将呈现乾隆玉玺、成化青花等370多件巧夺天工的拍品，预计总成交额逾7 .8亿港元。这次拍卖会以“单季估价最高”创下历届中国瓷器及工艺品拍卖会之最。　　　　苏富比亚洲区副主席及中国艺术部国际</t>
  </si>
  <si>
    <t>跨国公司：经济扩张之外的其他角色</t>
  </si>
  <si>
    <t>不久前，在中国现代国际关系研究院举办的“新时期美国问题研究：方向与路径”学术研讨会上，清华大学中美关系研究中心主任孙哲教授提出：“加强对美国跨国公司的研究。美国政治与市场紧密相连，美国的跨国公司不仅在很大程度上扮演为美国积累财富并‘藏富于民’的角色，而且?</t>
  </si>
  <si>
    <t>日本政治乱局延误经济决策</t>
  </si>
  <si>
    <t>日本政局几乎乱成了一锅粥。首相菅直人内忧外患、腹背受敌，以至于无法静下来考虑日元升值、股票下跌、经济复苏可能夭折等迫在眉睫的课题，财政重建以及长远经济发展战略更是停留在纸面上。　　　　日本政府和日本银行针对日元升值，8月30日出台了具体对策的基本方针。然而</t>
  </si>
  <si>
    <t>美拒绝就人民币汇率政策展开反补贴调查</t>
  </si>
  <si>
    <t>美国商务部8月31日拒绝就中国人民币汇率政策是否构成不正当补贴展开调查。　　　　美国商务部在一份声明中说，美国国内制造商在有关中国输美铝型材和铜版纸的两项反补贴案例中指控人民币汇率政策构成不正当补贴，要求商务部展开反补贴调查。但商务部在对两案中的相关法律主</t>
  </si>
  <si>
    <t>商务部：美加大限制进口会破坏国际贸易秩序和规则</t>
  </si>
  <si>
    <t>针对美国商务部日前出台的强化贸易救济措施一揽子建议，商务部公平贸易局负责人1日表示，上述一揽子建议中多项建议针对非市场经济国家，中方对此表示严重关切。　　　　美国商务部8月26日公布了从政府执行和规则调整两个方面强化贸易救济措施的14条建议，涉及反倾销、反补?</t>
  </si>
  <si>
    <t>澳经济增长超预期推升股市汇市</t>
  </si>
  <si>
    <t>受澳大利亚二季度经济增长超预期、前一个交易日纽约股市上涨以及投资者逢低买入操作等因素的影响，澳大利亚悉尼股市主要股指1日上涨91.5点，收于4495.7点，涨幅为2.08%；澳元兑美元汇率上涨1.07%至0.8993。　　　　根据澳大利亚统计局1日公布的数据，澳大利亚2010年第二季?</t>
  </si>
  <si>
    <t>纽约市场油价创近3个月最大单日跌幅</t>
  </si>
  <si>
    <t>由于投资者预期美国原油商业库存将再次增加，纽约市场油价8月31日大跌至每桶72美元之下。　　　　美国能源部于9月1日公布最新的库存报告，而市场普遍预计美国原油商业库存将连续第二周增加。据统计，美国原油商业库存总量目前已经达到1990年以来的最高水平，表明全球第一大</t>
  </si>
  <si>
    <t>动荡时代的世界经济将走向何方</t>
  </si>
  <si>
    <t>肇始于美国的金融危机还没有完全结束，欧洲主权债务危机又为世界经济复苏投下了一丝阴霾，欧洲经济何时走出低谷，未来欧元和欧洲经济将会向何处去？这成为人们关心的话题。8月18日，在中国人民大学举行的“欧元将走向何方？——动荡时代的欧元与世界经济”货币金融圆桌会议上</t>
  </si>
  <si>
    <t>黄金价坚挺四周基本面并不乐观</t>
  </si>
  <si>
    <t>由于投资者预测本周发布的经济数据将进一步印证美国经济复苏放缓态势，市场观望氛围浓厚，纽约商品交易所8月30日黄金期货12月合约小幅上涨。在避险情绪增强和近期涨幅过大相互作用下，金价近期有可能维持区间震荡行情。　　　　美国商务部当天公布的报告显示，7月份美国消?</t>
  </si>
  <si>
    <t>印度  政府多方面扶持  企业国际化运作</t>
  </si>
  <si>
    <t>近年来，印度政府通过法规和行业政策为自主品牌提供了基本的成长环境，一批知名企业成功的商业化、国际化运作促使自主品牌不断发展，在线社交网络又成为部分企业扩大国际影响力的有力工具。　　　　政府扶持传统行业品牌　　　　让沙丽、宝莱坞电影、板球运动和瑜伽等成?</t>
  </si>
  <si>
    <t>韩国  引进先进技术鼓励自主创新</t>
  </si>
  <si>
    <t>一提起韩国，许多人便会联想起三星、现代、LG……　　　　自2001年美国Interbrand品牌咨询公司和美《商业周刊》开始携手发布“全球最有价值的品牌100强”名单以来，韩国的三星电子、现代汽车及LG连续多次名列榜单。此外，韩国在化妆品、石化、造船、钢铁等其他领域，也拥有</t>
  </si>
  <si>
    <t>破山中悍马易  破心中悍马难</t>
  </si>
  <si>
    <t>在北京西四环的一家通用汽车专卖店院内，显眼处摆放着一辆悍马越野车，在中午灼热的阳光照耀和旁边小轿车的比衬下，显得格外张扬。但这或许是最后的张扬了———美国通用汽车已宣布，将在8月底关闭悍马生产线，不仅中国市场无法再进到新货，美国人也终于要和悍马说再见了。这</t>
  </si>
  <si>
    <t>日本急打组合拳抑汇价治通缩</t>
  </si>
  <si>
    <t>日本央行30日召开紧急货币政策会议，决定扩充新型贷款工具进一步放松货币政策，将注资规模从20万亿日元提高到约30万亿日元，利率仍维持0.1%。受此消息影响，当天东京股市收涨，但外汇市场收效甚微，日元近段强劲的升势并没有被平抑。此外，日本政府30日宣布将实施新的经济刺?</t>
  </si>
  <si>
    <t>普京出席中俄石油管道俄罗斯段开通仪式</t>
  </si>
  <si>
    <t>据俄罗斯媒体报道，正在俄罗斯远东进行工作视察的俄总理普京29日在阿穆尔州斯科沃罗季诺市出席了中俄石油管道俄罗斯段的开通仪式。　　　　普京在仪式上发表讲话说，关于建设中俄石油管道的想法产生于6年前，虽然实现这个想法并不容易，会遇到很多问题，但双方当时就相信，</t>
  </si>
  <si>
    <t>全球最大3D电视面板量产</t>
  </si>
  <si>
    <t>友达光电日前宣布，针对中国市场正式率先量产目前全球最大尺寸的3D液晶电视面板，即65寸3D超立体液晶电视屏，这家台湾面板商预计，其产品将占据大陆3D市场份额50%。为了推广3D电视普及，友达将联手国内几大彩电巨头成立3D显示技术推广联盟，在产品开发及营销推广方面深入合作</t>
  </si>
  <si>
    <t>中国对欧盟首次发起反补贴调查</t>
  </si>
  <si>
    <t>8月30日，商务部发布2010年第48号公告，决定对原产于欧盟的进口马铃薯淀粉发起反补贴调查。这是我国首次对欧盟发起反补贴调查。　　　　商务部称，本案是应中国淀粉工业协会马铃薯淀粉专业委员会申请发起的，被调查产品归在《中华人民共和国进出口税则》税则号：11081300。</t>
  </si>
  <si>
    <t>必和必拓硬吃Potash,谁将笑到最后？</t>
  </si>
  <si>
    <t>近日，矿业巨擘必和必拓出价386亿美元(每股130美元)收购全球最大的化肥生产商———加拿大Pot-ash，但后者拒绝这个报价，并表示潜在的竞购者“不计其数”。一场恶意收购战拉开序幕。Potash投资者提出，必和必拓必须提高其出价至每股150美元到160美元，才能赢得Potash公司董事</t>
  </si>
  <si>
    <t>希腊“模范生”的代价</t>
  </si>
  <si>
    <t>希腊在等待第二批贷款。　　　　今年5月10日，在希腊债务危机急剧恶化的背景下，欧盟财长会紧急通过了总额为7500亿欧元的欧洲稳定机制。根据这套机制，欧元区国家将提供为期3年的4400亿欧元贷款担保，欧盟委员会将从金融市场上筹集600亿欧元，国际货币基金组织(IMF)将提供2</t>
  </si>
  <si>
    <t>莫让美国的麻烦变成中国的问题</t>
  </si>
  <si>
    <t>近日，笔者读完《美国的秘密》第二卷后发现，其实美国并没有秘密。作者所要揭露的秘密，其实是要探讨、要叩问：在当今美国独大的世界上，究竟出了什么样的问题？　　　　这本书的副标题“新自由市场主义兴盛与崩溃”就是一个对此的总结，即独大的美国，不仅是一个摇摇晃晃?</t>
  </si>
  <si>
    <t>年内将公布多项LED产业国家标准</t>
  </si>
  <si>
    <t>工信部电子信息司副巡视员关白玉日前表示，LED照明是新兴产业，今年将有多项国家标准和行业标准完成报批程序予以发布，同时还有一批标准在研究制定过程中。她是在20日中国照明学会举办的“首届LED普通照明产品与技术研讨会”上作上述表述的。　　　　关白玉介绍，工信部半?</t>
  </si>
  <si>
    <t>为减压西方白领挥起拳头玩拳击</t>
  </si>
  <si>
    <t>看过电影《拳击俱乐部》的人大概都能体会到拳头的激情。拳王阿里曾说：“像蝴蝶一样躲避对手，像蜜蜂一样蜇伤对手。”阿里或许没有想到，这句话如今正被不少西方白领奉为至理名言。　　　　迎合人类天然本性不只是属于男人的运动　　　　有人说，拳击迎合了人类需要打击?</t>
  </si>
  <si>
    <t>畅游全球避暑胜地领略别样“海派”风情</t>
  </si>
  <si>
    <t>漫漫长夏，最惬意的莫过于寻一方清凉洁净的海滩，在海水中与浪花追逐，在沙滩上享受海风吹拂。　　　　在夏威夷、马尔代夫、普吉、三亚这些世界著名度假胜地之外，还有哪些别具特色的海滨值得一游？请和本报驻外记者一起穿越欧亚、游走美洲，寻访那些不一样的海洋明珠。?</t>
  </si>
  <si>
    <t>英国大学今年门槛有点儿高</t>
  </si>
  <si>
    <t>英国新政府削减财政开支导致对教育和培训的投入减少，经济严重衰退后复苏劲头不足，上学开销越来越大……诸多原因导致今年英国的大学有点难上。这一现象目前引起了不少人的关注和担忧。　　　　难点之一：考生多，录取难。英国有关部门最近公布的数据显示，今年英国高考成?</t>
  </si>
  <si>
    <t>陈颂雄：响应“捐赠号召”的首位华人富豪</t>
  </si>
  <si>
    <t>美国华裔生物制药大亨陈颂雄响应比尔·盖茨和沃伦·巴菲特联合发起的“捐赠号召”，决定将捐出至少一半个人财富用于慈善事业。他和太太米歇尔·陈承诺通过家族基金贡献力量，确保每个人都能得到最高水平的医疗服务。　　　　陈颂雄是首位响应这一号召的华人，此举引起美国?</t>
  </si>
  <si>
    <t>梵高名画失窃埃及博物馆安保薄弱是主因</t>
  </si>
  <si>
    <t>埃及总检察长马哈茂德8月22日视察前一天发生梵高名画失窃案的开罗马哈茂德·哈利勒博物馆时指出，该博物馆安全防范措施薄弱是导致失窃的主要原因。　　　　埃及文化部长胡斯尼21日证实，哈利勒博物馆收藏的梵高画作《罂粟花》被人从画框中切割后盗走，下落不明。《罂粟花》</t>
  </si>
  <si>
    <t>美商界认为对华轮胎特保措施有害无益</t>
  </si>
  <si>
    <t>美国美中贸易全国委员会(USCBC)25日说，美国对华轮胎特保措施实施近一年来，并没有使美国轮胎进口总量下降，也没有帮助轮胎制造行业增加就业，相反却加重了美国消费者的负担。　　　　美中贸易全国委员会会长傅强恩当天致信美国总统奥巴马说，受特保措施影响，美国从中国进</t>
  </si>
  <si>
    <t>肯尼亚年轻人兴起网上淘金</t>
  </si>
  <si>
    <t>近年来，随着肯尼亚通信网络设施的日益完善，肯尼亚人开始在“e世界”里寻找自己的“第一桶金”，网购、网络金融服务、网上办公等正在肯尼亚年轻人中悄然兴起。　　　　25岁的肯尼亚小伙子奥科斯经营一家名为“Mkoba”的网店。在网店中，顾客可尽览服装鞋帽、电子产品、家?</t>
  </si>
  <si>
    <t>美国：绑牢大学与企业合作的政府之手</t>
  </si>
  <si>
    <t>编者按：从20世纪80年代初开始，美国联邦政府和立法机构进行了一系列的研发成果管理制度创新，以1980年《斯蒂文森惠德勒技术创新法》和《专利商标修正案》的颁布为标志，一直到2000年《技术转移商业化法》的出台，为研发成果技术转移创造了宽松的政策环境。深入了解美国政策?</t>
  </si>
  <si>
    <t>全球银行业正在发生两大变局</t>
  </si>
  <si>
    <t>最新数据显示，截止上周，由于有毒资产原因，美国今年以来中小银行倒闭数量超过100家。世界权威机构认为，欧美中小企业倒闭高峰来临，并将一直延续到2012年。　　　　在削减有毒资产的同时，全球银行业的格局也正在发生变化。　　　　另有数据显示，从2009年开始，美国联</t>
  </si>
  <si>
    <t>零关税冲击受保护领域</t>
  </si>
  <si>
    <t>8月25日，在第一届中国-东盟行业合作会议新闻发布会上，商务部国际司副司长孙元江接受《经济参考报》记者采访表示，中国和东盟正力图在这些竞争性产业内发掘互补因素，打造新的产业链。　　　　孙元江表示，中国和东盟贸易互补性强，但是在一些领域，如纺织业，此前是有一?</t>
  </si>
  <si>
    <t>长寿大国的一声叹息</t>
  </si>
  <si>
    <t>日本是世界第一长寿大国，2009年女性平均寿命为86.44岁，男性平均寿命为79.59岁。百岁老人全国有40399人。然而，最近，关于老人生存现状的报道，让人对日本老人的命运实在感到担忧。　　　　日本今夏高温，连续数十日都在34摄氏度左右，日本湿气大，是蒸热，每天都像蒸桑拿</t>
  </si>
  <si>
    <t>国家安全只是美国政客的蹩脚借口</t>
  </si>
  <si>
    <t>中国企业在美国投资似乎一直是敏感问题。时至今日，相信许多人仍对2005年中海油“天价”收购美国优尼科石油公司失败一事记忆犹新。很多时候，对于少数美国国会议员来说，所谓的“国家安全”其实是一个非常蹩脚的借口，根本掩饰不了他们对中国投资的歧视和偏见。　　　　近?</t>
  </si>
  <si>
    <t>中国精铜概念或将高位支撑铜价</t>
  </si>
  <si>
    <t>伦敦金属交易所(LME)期铜依然试图寻找方向指引，LME三个月期铜24日电子盘中微涨5美元至7260美元/吨。8月以来，美国市场逊于预期的经济数据重燃市场担忧情绪，铜价一改之前强劲上涨的势头，高位剧烈震荡。市场人士分析，虽然全球经济复苏仍存不确定性，2009年全球范围内大量信</t>
  </si>
  <si>
    <t>国际油气上游资源争夺正酣 我国油企境外开发尚需补短</t>
  </si>
  <si>
    <t>新能源时代迫近，但发展水平和运用范围仍处于较初级阶段，传统油气被普遍认为还将在全球能源版图格局中主导很长一段时间。我国作为能源消费大国，还应在海外油气资源产业上游的激烈竞争中进一步拓展，以实现能源安全，保证经济发展需要。　　　　在经济危机消退和英国石油?</t>
  </si>
  <si>
    <t>巧解“找工作难” 美国流行“买”工作</t>
  </si>
  <si>
    <t>如今，由于经济不景气，美国不少大学生毕业后不好找工作，想创业又缺乏启动资金。一些家长干脆花钱为子女买一间品牌加盟店，帮助他们实现创业梦想。　　　　家长买下“第一桶金”　　　　塔娜·沃尔瑟现年25岁，是俄亥俄州州立肯特大学服装设计专业毕业生。不过，在她看?</t>
  </si>
  <si>
    <t>日本汇市干预措施暂难出台</t>
  </si>
  <si>
    <t>由于对政府出台金融政策的期待减弱，日元汇率23日进一步走高，东京股市也继续下挫，日经225种股票平均价格指数下跌0.68%，收于年初以来最低值。　　　　日本央行23日表示，日本央行行长白川方明和首相菅直人通过电话对日元走势及其对日本经济的影响作了讨论，但菅直人并没?</t>
  </si>
  <si>
    <t>本币贬值不是南非制造业的救世良方</t>
  </si>
  <si>
    <t>虽然南非经济界和各大企业主管主张南非货币兰特贬值，但南非《星期日时报》22日发表的一项研究表明，兰特贬值并不能推动南非制造业发展。　　　　日前，南非经济发展部、贸易和工业部、南非工会大会以及经济合作与发展组织都曾表示，兰特应贬值以促进南非出口与生产，并创?</t>
  </si>
  <si>
    <t>英国经济滞胀风险增大</t>
  </si>
  <si>
    <t>英国财政大臣奥斯本最近表示，可以开始对英国经济形势持谨慎乐观态度，但来自英国央行———英格兰银行的统计数字却表明，英国经济目前复苏缓慢且动力不足。特别是由保守党和自由民主党联合执政的新政府自5月份成立后，立即对前工党政府的经济政策实施大规模调整，重点是大力</t>
  </si>
  <si>
    <t>一颗螺丝  两种结局</t>
  </si>
  <si>
    <t>近读杨钢博士的新作《质与量的战争》，很有感触。书中所举因质量问题而败北的企业真是不胜枚举，其中“一颗螺丝，两种结局”的实例更是耐人寻味。　　　　2010年7月2日，摩尔多瓦共和国(东欧发展中国家之一)“汽车大王”格尔德·波恩宣布：旗下的克莱斯勒汽车公司破产！这?</t>
  </si>
  <si>
    <t>盖特纳呼吁彻底改革美国住房融资市场</t>
  </si>
  <si>
    <t>美国财政部长蒂莫西·盖特纳日前呼吁对住房融资市场进行彻底改革。他表示，政府应当继续对尚未恢复活力的住房融资市场提供支持，避免发生更严重的衰退，但应审慎地规划政府参与方式，避免使纳税人蒙受损失。奥巴马政府计划在2011年1月之前向国会提交一份全面住房融资市场改革</t>
  </si>
  <si>
    <t>中国钢铁工业的国际市场占有率表现出增长态势</t>
  </si>
  <si>
    <t>2009年中国粗钢产量达56800万吨，居世界第一。中国社会科学院22日在北京发布的《产业蓝皮书：中国产业竞争力报告(2010)》这样表示。　　　　蓝皮书指出，2009年，中国粗钢产量达56800万吨，是排名前五的日本、俄罗斯、美国和印度粗钢产量之和的2.2倍，进一步确立了中国是世</t>
  </si>
  <si>
    <t>北欧国家看好我绿色产业前景</t>
  </si>
  <si>
    <t>丹麦驻华使馆20日启动“骑回自行车”活动，中丹两国政府人员和相关环保机构探讨了绿色出行、绿色经济等方面的话题，形成了两个“自行车王国”的一次绿色对话。在双方就两国绿色生活和可再生能源合作等问题的交流中，以丹麦为代表的北欧发达国家表现出对我相关绿色产业的极大?</t>
  </si>
  <si>
    <t>关建中：信用评级不得不说的事</t>
  </si>
  <si>
    <t>十几天前，来自大公国际资信评估有限公司(以下简称“大公国际”)《五十个国家信用等级报告》引起了全球的高度关注。这份报告不仅挑战了美国顶级信用评级的地位，更让世界听到了来自中国评级机构的声音。该报告的主要策划者和撰写者，就是大公国际董事长兼总裁关建中和他的科?</t>
  </si>
  <si>
    <t>超级细菌：警示还是阴谋？</t>
  </si>
  <si>
    <t>自英国医学杂志8月11日称发现一种源自印度的新超级耐药细菌以来，“超级细菌”事件成为全球关注的焦点。经历过非典型肺炎(SARS)、禽流感和甲型流感等全球性传染病带来的恐慌之后，人们对于类似消息已经相当敏感。但是，这次事件引起人们关注的原因不仅在于细菌的超强耐药性本</t>
  </si>
  <si>
    <t>每单价格500英镑十年成就Net——a——porter</t>
  </si>
  <si>
    <t>二十世纪初，女性习惯购买那些看得见、摸得着、试穿过的衣服。而如今，全球数以百万计女性登录知名奢侈品购物网站Net-a-porter，网购大牌时装设计师的作品。　　　　2010年7月，Net-a-porter迎来十周岁生日。网站创始人兼主席纳塔莉·马斯内接受英国《观察家》报采访时，为</t>
  </si>
  <si>
    <t>澳大选在即  新政府主张将对我不利</t>
  </si>
  <si>
    <t>澳大利亚两党领袖日前发表了21日竞选前最后一次正式演讲，并强调了各自主张，矿业税和控制外商在澳投资问题成为关注焦点，两党的政策新主张分别有不利于我国矿业企业的方面，将提高我国矿业企业的买矿成本和投资门槛，这些不利因素恐持续对我国企业的贸易成本和投资计划形成?</t>
  </si>
  <si>
    <t>中古表：手腕上的收藏与投资</t>
  </si>
  <si>
    <t>在今天的收藏市场上，早期出品的古董表因受到众多钟表收藏爱好者的追捧而价格不菲，一些有眼光的钟表收藏者把注意力纷纷投向了价格相对较低的中古表上。　　　　收藏中古表渐成时尚　　　　中古表的概念源自日本，它不是新表，也不是普通的二手表。它是指生产于上世纪20?</t>
  </si>
  <si>
    <t>到东方“淘金”</t>
  </si>
  <si>
    <t>肆虐全球的金融危机剥夺了不少人的工作机会，一些饱受失业痛苦或对现有工作不满的西方人纷纷将目光投向古老而神秘的东方。在他们眼中，亚洲就像一座巨大金矿，蕴藏着更多工作机会与发展空间。　　　　“转战”亚洲　　　　沙阿扎德·莫阿文4个月前放弃了在英国伦敦从事的</t>
  </si>
  <si>
    <t>家中细菌藏何处</t>
  </si>
  <si>
    <t>家中什么地方细菌最多？马桶、水槽还是电脑键盘？英国健康卫生记者伊丝拉·惠特克罗夫特让实验室检测家中12件物品上的细菌数，结果发现，细菌往往藏匿在意想不到的地方。　　　　电子产品污染严重　　　　惠特克罗夫特家中生活着五口人、两只豚鼠和一只猫，打扫习惯是每?</t>
  </si>
  <si>
    <t>警惕危机效应外溢导致“热钱”冲击我国</t>
  </si>
  <si>
    <t>目前来看，欧洲债务危机对我国的直接影响不大。但宜警惕危机效应“外溢”，恶化世界经济环境，进而影响我国出口，增大国际“热钱”对我冲击风险。同时，部分欧洲人士认为，欧洲债务危机为中国推进外汇储备多元化提供了契机。　　　　或使我出口形势更为严峻　　　　欧洲?</t>
  </si>
  <si>
    <t>日照钢铁不认同澳矿指控其“欺诈”</t>
  </si>
  <si>
    <t>一石激起千层浪。澳大利亚吉布森山铁矿公司17日发布公告称，日照钢铁由于一项2008年的合同违约，被裁定向其支付1.14亿美元的合同违约金。据了解，这是首例国外矿商针对中国内地钢企单方面毁约公开进行的仲裁索赔。　　　　上述类似“秋后算账”的做法，立即引发了国内人士?</t>
  </si>
  <si>
    <t>发达国家带来的汽车回收启示</t>
  </si>
  <si>
    <t>当前我国汽车报废不尽如人意，与发达国家相比，还有很大的差距。梳理欧美日等汽车强国的汽车回收经验，能够带给我们有益的借鉴和启示。    经验一：谁生产谁回收的报废汽车处理模式    这种模式受到很多国家的青睐，在德国等欧洲国家，汽车制造企业在新车上市之前，必须?</t>
  </si>
  <si>
    <t>增持日本国债是无奈又现实的选择</t>
  </si>
  <si>
    <t>投资日债在当下无可奈何，但又是不得不为之的选择。在多重难题之下，选择理论次优，也可以看成是现实最优。中国外汇储备投资正在朝着多元化的正确方向行进。美国财政部最新数据显示，继5月份大规模减持后，6月份我国再减持美国国债240亿美元，同时继续增持日本国债。</t>
  </si>
  <si>
    <t>美经济复苏与企业盈利背道而驰</t>
  </si>
  <si>
    <t>8月16日一期美国《商业周刊》刊登《好预期坏预期》一文指出，目前，针对美国经济前景，华尔街莫衷一是。美国主要投行的一些分析师预计，下半年美国股市将出现两位数的增长，但另一些分析师———甚至后者与前者供职于同一家投行，却纷纷调降自己对美国今年经济速度的预期值。</t>
  </si>
  <si>
    <t>铁矿石价格反弹超钢材涨幅</t>
  </si>
  <si>
    <t>受钢材本轮持续上涨影响，铁矿石也应时涨价。《经济参考报》记者从港口了解到，目前，63%—63.5%印度粉矿到岸价的港口报价已达到153—155美元/吨，巴西南部粉矿到岸价港口报价为155—157美元/吨。这也是铁矿石连续第5周上涨，比1个月前上涨30美元/吨。另据联合金属网统计数据</t>
  </si>
  <si>
    <t>论经济发展,日本仍可为师</t>
  </si>
  <si>
    <t>2010年第二季度，日本经济总量再次落后于中国。虽然今年上半年，日本经济总量仍略微超过中国，但今年全年中国超越日本成为世界第二大经济体已经“没有悬念”。　　　　面对这一局面，国内媒体已有很多分析，绝大多数都比较客观、理性。大家一般认为，虽然中国经济从数量和?</t>
  </si>
  <si>
    <t>美国农民的福音,中国农业的警讯</t>
  </si>
  <si>
    <t>对美国农民来说，现在最可爱的可能就是中国采购商了，急剧增加的对华农产品出口正成为美国农民增收的保障。继大量棉花、大豆涌向中国后，另一项大宗农产品———玉米正成为美对华贸易新的主打产品。按照美国方面的统计，今年中国从美国进口玉米量就将达到120万吨。</t>
  </si>
  <si>
    <t>日本经济上半年勉强维持世界第二</t>
  </si>
  <si>
    <t>日本经济复苏势头受消费和出口增长乏力拖累，在2010年第二季度骤然放缓，16日公布的二季度国内生产总值(GDP)环比增长率仅为0.1%。对于饱受通货紧缩和日元升值困扰的日本经济而言，其世界第二大经济体地位年内很有可能被中国取代，各方的担忧情绪更是将重振经济的焦点落在新首</t>
  </si>
  <si>
    <t>中期需财政整固远期宜投资升级</t>
  </si>
  <si>
    <t>英国《金融时报》7月19日-23日推出“刺激与紧缩之争”专题，10位知名学者和官员展开激烈辩论，他们的争论焦点是：当前应采取更多刺激措施避免经济“二次探底”，还是应退出剌激计划以减轻债务和通胀？通过交锋，他们形成了以下主要观点。　　　　赤字救不了经济调整需从长?</t>
  </si>
  <si>
    <t>我国继续释放外储多元化信号</t>
  </si>
  <si>
    <t>根据美国财政部16日发布的T IC　(国际资本流动)报告显示，6月份我国减持美国国债240亿美元，减持规模位列今年第二。这样算来，截至6月底，我国共计持有美国国债8437亿美元，仍为美国第一大债主。　　　　数据显示，自去年10月开始，中国一直处于减持美国国债的通道中，减持</t>
  </si>
  <si>
    <t>英国公布新待客指南</t>
  </si>
  <si>
    <t>迎奥运　　　　距离2012年伦敦奥运会召开已经进入两年倒计时。　　　　英国国家旅游局上星期在线刊登出了新版待客指南，希望无论是出租司机还是酒店经理，都能在奥运会召开前熟练掌握这种待客技巧，让外国游客享受到尽可能热情的接待，同时避免因误解而产生不快。　　?</t>
  </si>
  <si>
    <t>美欧酝酿推出第二波量化宽松政策</t>
  </si>
  <si>
    <t>尽管德国13日公布的二季度经济增长数据显现出惊人的强劲迹象，但很多人认为全球经济复苏正在失去动能。美联储近日已决定将所持抵押证券的到期回笼资金用于购买更多公债，这或许预示着更多激进量化宽松措施的开始。美联储的这一政策取向也降低了欧洲央行收紧货币政策的需要，?</t>
  </si>
  <si>
    <t>美国高逆差敲响经济下滑警钟</t>
  </si>
  <si>
    <t>美国商务部11日公布的数据显示，美国6月份贸易逆差环比增加18.8%，达到499亿美元。截至6月份，美国贸易逆差已经连续三个月环比出现扩大趋势，且6月当月创2008年10月份以来的最高水平，远远超出经济学家的预期。这一数据的公布，令美国政府和分析师大跌眼镜，也让人们更担心这</t>
  </si>
  <si>
    <t>沈阳“亚洲城”：一个“五证”全无的房地产项目为何一路绿灯</t>
  </si>
  <si>
    <t>位于沈阳市黄金地段的“亚洲城”房产开发项目，土地证、预售许可证等“五证”全无，10余座大楼居然拔地而起，销售金额上亿元。记者调查发现，这个项目除了没有按规定办理相关手续，在建设和销售过程中还乱象丛生：开发商拿地后未经批复就提高容积率，多盖出4万多平方米建筑；</t>
  </si>
  <si>
    <t>中国成德国豪华车商梦幻地</t>
  </si>
  <si>
    <t>几天前关于中国汽车销量增长可能放缓的消息让德国汽车厂商有点紧张。现在，德国人对中国经济状况的关注程度应该不亚于中国人，因为中国的经济前景在很大程度上决定了德国出口商的前景，而出口在可预见的未来仍是德国经济增长的引擎，这其中，汽车业又占据了极其重要的地位。?</t>
  </si>
  <si>
    <t>避险因素再次推高国际金价</t>
  </si>
  <si>
    <t>在美国经济数据不佳的刺激下，伦敦市场金价当周快速上扬，盘中升至每盎司1217.65美元，为近一个月来新高。分析人士认为，目前的金价走势受宏观经济环境的影响很大，即使市场上的风吹草动，也会在黄金市场得到最快反映。　　　　备受关注的美国7月份非农就业报告令市场失望?</t>
  </si>
  <si>
    <t>别学美国征房产税</t>
  </si>
  <si>
    <t>西方许多国家都已经开征房产税，如美国50个州都已开征房产税，税率一般为1%到3%。理论上说，住房价格上涨意味着资产价值增加，个人税款也因此增加。根据美国国家统计局数据，从2000年到2007年，美国的个人收入增长了28%，中等价位房的房价增长了48%，而美国房产税的同期增幅?</t>
  </si>
  <si>
    <t>美元前景：异乎寻常的不确定</t>
  </si>
  <si>
    <t>美元指数又站到82以上了!前一秒刚被推向谷底，后一秒又冲上云霄，外汇市场永远如此瞬息万变。美联储主席伯南克在谈到下半年美国经济时，曾用“异乎寻常的不确定”来形容，而目前的美元走势，似乎也可以用这个词语来概括。坚定的看涨派和坚定的看跌派在扑朔迷离的美元走势中频</t>
  </si>
  <si>
    <t>英国：多“老”退休才合适</t>
  </si>
  <si>
    <t>在英国，长期以来就有一个比较通行的说法：学校教育20年，辛勤工作40年，退休赋闲20年。说的是大体上6岁至25岁上学20年，25岁至65岁工作40年，65岁退休后养老20年。当前，这一传统说法正面临冲击。　　　　“多老才算老得不能工作？”目前正成为英国不少人议论的热门话题。</t>
  </si>
  <si>
    <t>美国颓势给全球经济浇一盆凉水</t>
  </si>
  <si>
    <t>美国总统奥巴马11日表示，美国经济全面回到正轨还有一段很长的路要走。加之此前美联储也对经济前景作出悲观的表态，作为经济晴雨表的股市11日应声转阴，全球主要股指纷纷大跌，美国三大股指跌幅达到7月16日来最大，欧洲股市也跌至三周低点。投资者涌入国债市场避险，德国和美</t>
  </si>
  <si>
    <t>大幅增持日本国债 我国推进外汇储备多元化</t>
  </si>
  <si>
    <t>近来美元走贬、日元走俏，我国适时加大买进了日元及欧元资产。6月我国大幅增持约53亿美元的日本国债。今年以来，我国已累计买入价值200亿美元的日元金融资产，几乎相当于前5年买入规模的5倍。　　　　我国目前有2万多亿美元的外汇储备，其中大部分为美元资产。对于持美债过</t>
  </si>
  <si>
    <t>全球小麦尚不具备大涨基础</t>
  </si>
  <si>
    <t>今年全球多数国家遭遇拉尼娜袭击，中国、巴基斯坦多强降雨天气，而俄罗斯、美国则多干旱天气。恶劣的天气引发市场对农产品价格上涨预期，外加俄罗斯干旱、遭遇森林大火暂停小麦出口，强化了市场对美麦需求的乐观情绪，美麦出现大幅上涨。但综合分析发现，相比2006-2008年的小</t>
  </si>
  <si>
    <t>美国各州财政告急或引新一轮危机</t>
  </si>
  <si>
    <t>美国国会众议院当地时间10日通过一项总额260亿美元的法案，旨在帮助各州政府缓解财政紧张状况，避免大量裁减教师和警察等公共部门员工。　　　　有分析称，奥巴马政府正面临着两难境地：如果联邦政府不继续出手援助，各州财政短缺问题或将引发新一轮危机；但是如果继续实施</t>
  </si>
  <si>
    <t>连对冲基金都不敢赌了</t>
  </si>
  <si>
    <t>8月9日的美国《商业周刊》，刊登《为何赚钱的对冲基金变得小心翼翼》一文指出，由于经济前景不明，连那些敢在金融危机里火中取栗的对冲基金都缩手缩脚了。他们对美国经济前景同样缺乏信心。　　　　在不同资本市场中快进快出、赌涨赌跌，这是对冲基金约定俗成的套路。这种?</t>
  </si>
  <si>
    <t>圣元海外奶源商急辩原料无激素</t>
  </si>
  <si>
    <t>作为陷入“早熟门”圣元乳业的奶源供货商，新西兰乳业巨头恒天然公司(Fonterra)11日发表声明表示，公司有“100%的信心”，保证向中国圣元公司供应的奶粉原料没有问题，即绝不含有激素。据悉，圣元的奶产品用的是进口奶源。　　　　据法新社报道，恒天然公司做出声明，公司?</t>
  </si>
  <si>
    <t>芝加哥农产品期价集体下跌</t>
  </si>
  <si>
    <t>由于上周小麦期价涨幅已远远超出市场供需基本面可以支撑的范围，芝加哥期货交易所小麦期价10日连续第三个交易日大幅回调。在美元汇率盘中上涨及美国玉米作物丰产在望的打压下，玉米期价创下三周来最大跌幅。而美国中西部近期的适宜降雨或将缓解大豆作物的压力，打压大豆期价?</t>
  </si>
  <si>
    <t>朔州：煤炭大市的“低碳”思考</t>
  </si>
  <si>
    <t>1979年，邓小平和美国西方石油公司总裁哈默的一次会面孕育了一座城市的新生。这一年亚洲最大的现代化露天煤矿———平朔安太堡露天煤矿开工建设，10年后，国务院正式批准在该地区成立朔州市。　　　　自此，朔州市成为了改革开放以来第一座因能源而生的城市，也成为一块探?</t>
  </si>
  <si>
    <t>BP赔偿基金或能了却漏油事故</t>
  </si>
  <si>
    <t>随着英国石油公司(BP)200亿美元墨西哥湾漏油赔偿基金的方案获得美国司法部认可，首期30亿美元已经到位，加上封堵工作进入收尾阶段，漏油事件正走向尾声。　　　　分析人士认为，巨额的清理和赔偿费用令BP陷入巨额亏损的境地，但由于主营业务增长强劲、大举变卖资产、油价仍</t>
  </si>
  <si>
    <t>“房地美”再向政府求援18亿美元</t>
  </si>
  <si>
    <t>美国住房抵押贷款融资机构“房地美”9日发布第二季度财务报告，显示公司连续四个季度亏损，寻求财政部再注资18亿美元。这将使联邦政府救援“房地美”的出资总额上升至631亿美元。　　　　“失血”不止　　　　总部位于弗吉尼亚州的“房地美”在呈交证券交易委员会的文件?</t>
  </si>
  <si>
    <t>日本“第六产业”与城乡共生</t>
  </si>
  <si>
    <t>提要：按行业分类，农林水产业属于第一产业，加工制造业则是第二产业，销售、服务等为第三产业。“1+2+3”等于6，“1×2×3”也等于6。作为日本振兴日益萧条的农业和农村的措施，用的不是加法，而是乘法，即通过搞多种经营，而获取迄今为第二产业与第三产业所获得的部分增值?</t>
  </si>
  <si>
    <t>自主创新：日本企业最强的生命力</t>
  </si>
  <si>
    <t>创新是企业的生命。在知名品牌众多的日本，更是把创新放在企业最重要的位置。记者日前走访了日本最大的液晶产品和太阳能发电厂家夏普公司，日本最大的计算器、电子词典和电波表厂家卡西欧公司以及著名的化妆品厂家佳丽宝公司，深刻感受到了自主创新才是企业最强的生命力，也?</t>
  </si>
  <si>
    <t>意大利度假小镇拒绝外国买房客</t>
  </si>
  <si>
    <t>始建于16世纪的小镇马尔米堡拥有意大利最美丽的沙滩，向来是意大利富翁、作家和电影明星青睐的避暑胜地。但随着越来越多俄罗斯富豪的“入侵”，这里的房价直线上升，导致当地居民无法承受，纷纷搬离。　　　　小镇不久前颁布一条法律，规定在海景区域新建造的住宅，只能出?</t>
  </si>
  <si>
    <t>美联储重启购债计划将打压美元</t>
  </si>
  <si>
    <t>美国联邦储备委员会(美联储)定于10日开会，就经济形势讨论新政策并公布最新利率决议。几乎没有任何悬念的是，利率还将维持在当前0%至0.25%的区间，会后还会发布经济形势不乐观的言论。此次会议悬念在于美联储主席本·伯南克所说的“或许进一步放宽货币政策”能否具体应验，美</t>
  </si>
  <si>
    <t>我国宽带资费是韩国的124倍</t>
  </si>
  <si>
    <t>国家信息中心信息化研究部日前发布的一份报告称，我国主要信息产品与服务的资费水平依然偏高，这影响了信息技术普及和应用效果，成为信息社会快速发展的巨大阻力。　　　　这份题为《中国信息社会发展报告2010》的报告称，以互联网为例，当前我国互联网存在“速率低”的问?</t>
  </si>
  <si>
    <t>谁掌捐赠都有困境</t>
  </si>
  <si>
    <t>社科院美国研究所前所长资中筠，在美国曾遇到这样一件事，她到了某个基金会提出希望看一下过去一年的全年收支，雇员马上从电脑里打出一大页纸，上面清楚注明了每项收支，甚至包括主管人员的工资支出。每笔钱是从哪里来的，有多少，这些钱又是怎么花出去的……在美国这并不新?</t>
  </si>
  <si>
    <t>全球电子工业设计浮现“双核”格局</t>
  </si>
  <si>
    <t>全球电子业正在进入以工业设计为代表的创意经济竞争时代。对中国企业来说，只要采用“为用户找产品”的新经营模式，以为消费者提供增值生活方式为目标，加快全球资源整合步伐，完全有可能成为全球电子业工业设计的重要一极，与西半球的美国形成“双核”结构，共同推动全球电?</t>
  </si>
  <si>
    <t>政府采购体制对接成GPA谈判难点</t>
  </si>
  <si>
    <t>随着新提议的递交，中国加入世贸组织《政府采购协定》(GPA)的进程再一次引来诸多关注。最近，美国财政部官员表示，中国递交的政府采购协议新提议虽然取得了一定进展，但在很多方面还远远不够。　　　　我国不少业内专家一致认为，虽然加入GPA符合中国的长远利益，但短期内?</t>
  </si>
  <si>
    <t>美国老牌杂志《新闻周刊》将易主</t>
  </si>
  <si>
    <t>经过几个月的喧嚣，当地时间8月2日，美国《华盛顿邮报》公司宣布，已将旗下连年亏损的杂志《新闻周刊》出售给哈曼国际工业集团创始人西德尼·哈曼。　　　　《华盛顿邮报》公司并未透露相关的交易条款以及出售《新闻周刊》的具体金额，但据消息人士称，哈曼集团可能象征性?</t>
  </si>
  <si>
    <t>俄因何出台粮食出口禁令</t>
  </si>
  <si>
    <t>俄罗斯政府5日宣布将暂时禁止粮食和粮食产品出口后，全球粮食市场反映强烈。分析人士认为，俄政府此举旨在抑制国内粮食价格的快速上涨，稳定市场情绪，保证牲畜数量并为明年建立粮食储备。　　　　俄政府总理普京5日在政府工作会议上宣布，俄将从8月15日至12月31日禁止粮食</t>
  </si>
  <si>
    <t>美元会从“宠儿”变“弃儿”吗？</t>
  </si>
  <si>
    <t>8月6日，美国非农数据的出炉再次给美元指数以当头一击。数据显示，7月美国非农就业人数减少13.1万人，比预期6.3万人的降幅高出了近一倍。美元指数自今年6月7日触及一年多高位88.71以来，跌势已经持续了两个月之久，目前收于80.33，突破80的低点近在咫尺。　　　　美元真的?</t>
  </si>
  <si>
    <t>不为人知的鞍钢海外投资内幕</t>
  </si>
  <si>
    <t>鞍钢，一个非常具有“话题性”的钢厂，既是中国历史最悠久的钢铁企业之一——自1948年新鞍钢正式成立，至今经过62年；也是迄今为止中国铁矿石自给率最高的钢厂之一——达到60%。这样一个典型的老国企，今年以来却快速果断地对攀钢、本钢进行兼并重组，并开创性的同美国钢铁发</t>
  </si>
  <si>
    <t>东盟和中国将实现互利双赢发展</t>
  </si>
  <si>
    <t>东南亚联盟经济共同体分管副秘书长普斯巴那丹(H.E.SUNDRAMPUSHPANATHAN)近日在接受记者采访时表示，中国的经济发展对东盟有利，而东盟经济一体化也将为中国提供广阔的市场。　　　　普斯巴那丹说，东盟的经济发展肯定会影响到中国等邻近国家和地区，而且这种影响将在东盟的</t>
  </si>
  <si>
    <t>BP让英国人爱恨交加</t>
  </si>
  <si>
    <t>说起英国石油公司(BP)，现在恐怕可以用爱恨交加来形容英国人对它的感情。BP既是英国的骄傲与自豪，而严重的漏油事件又使很多人恨其不争。　　　　在英国乃至世界许多国家，人们走到哪里，总能看到标有醒目圆形绿色花朵状图案的加油站，这就是英国石油公司的标志。这个被称?</t>
  </si>
  <si>
    <t>“甲骨文”创始人列美高管“吸金王”</t>
  </si>
  <si>
    <t>美国《华尔街日报》7月26日发布的上市企业首席执行官薪酬调查结果显示，甲骨文公司创始人兼首席执行官拉里·埃利森过去10年间获得总额18.4亿美元薪酬，成为同期薪酬最丰厚的美国上市企业首席执行官。　　　　调查结果显示，巴里·迪勒排名第二，过去10年间，他从互联网企业</t>
  </si>
  <si>
    <t>欧洲央行维持1.0%主导利率不变</t>
  </si>
  <si>
    <t>欧洲中央银行5日宣布，把欧元区16国主导利率维持在1.0%不变。　　　　欧洲央行自去年5月以来一直将主导利率维持在这一历史最低水平。　　　　在欧洲债务危机逐渐平息后，欧洲金融市场当前处在重拾信心的十字路口，欧洲央行正在考虑，是否将逐步退出在危机期间的救市措施?</t>
  </si>
  <si>
    <t>草地资源保护：绕不开的人类生存话题</t>
  </si>
  <si>
    <t>草地是人类生存和发展的基本土地资源，草地资源是一种可更新资源。在人类干预以前，原生草原面积约占地球陆地面积的40%到50%。随着畜牧业发展，全球草地面积不断缩小。据联合国粮农组织2000年统计，现代世界草地面积为3500万平方公里，占地球陆地面积的26.91%。合理开发草地?</t>
  </si>
  <si>
    <t>欧元区料难加息  将紧盯美“印钞机”</t>
  </si>
  <si>
    <t>没有了主权债务危机的困扰，欧元区各项经济数据都稳步走高，欧洲中央银行(欧洲央行)本月决策会议可能是近期最轻松的一次。但由于欧元区经济形势依然充满不确定性，复苏势头脆弱，在该行于5日召开的议息会议上，有望连续第16个月将利率维持在历史低位的1%。　　　　欧元区经</t>
  </si>
  <si>
    <t>俄再次大规模出售国有资产加速“国退民进”进程</t>
  </si>
  <si>
    <t>俄罗斯政府日前宣布了一个令国际经济界瞩目的消息：俄计划在2011年至2013年间对11家“重量级”国企和国有银行进行部分私有化。这将是苏联解体后俄政府的又一轮大型国企私有化进程，其规模仅次于上世纪90年代的“证券私有化”。　　　　规模庞大　　　　根据俄经济发展部?</t>
  </si>
  <si>
    <t>鞍钢在美设厂9月有望启动</t>
  </si>
  <si>
    <t>胶着一个月后，针对“鞍钢在美设厂”引发的争端，《经济参考报》记者日前从鞍钢集团高层处独家获悉，经过协调和沟通后，投资建厂项目已无太大阻力，工作正在推进过程中，如果进展顺利有望在9月启动。　　　　“美国很多机构都专门来电话提出，希望帮助我们对此项目和政府部</t>
  </si>
  <si>
    <t>奥巴马高调宣扬美汽车业起死回生</t>
  </si>
  <si>
    <t>美联社等多家媒体预测，即将公布的7月份美国汽车销量有望突破100万辆大关，创下去年8月以来的新高。同时，在美国规模庞大的汽车救助方案实施一周年之际，美国总统奥巴马上周五高调访问通用和克莱斯勒在底特律的工厂，并且盛赞美国本土汽车业在增加就业和改善营收方面取得的成</t>
  </si>
  <si>
    <t>中国经济成为“世界第二”背后的ipod警示</t>
  </si>
  <si>
    <t>美国一家市场研究公司曾经将一台iPod媒体播放器进行“暴力拆解”，然后研究其中每一个零部件的生产商及其成本和利润，最后的结果发人深省。　　　　研究发现，一台在美国零售价为299美元的iPod，分销和零售成本为75美元，苹果公司的收入为80美元，所有成本为144美元。在这1</t>
  </si>
  <si>
    <t>德国  实施“高技术战略”全球揽人才</t>
  </si>
  <si>
    <t>在日趋激烈的全球人才资源竞争中，欧洲工业强国德国也面临严峻挑战。根据欧洲经济研究中心的预测，到2014年，德国因人口老龄化和经济结构转变造成的专业人才缺口将达到18万至48万人。为此，德国政府于2006年推出了包括培养和吸引创新型高级人才的“高技术战略”。　　　　?</t>
  </si>
  <si>
    <t>恒瑞医药遭遇“质量门”</t>
  </si>
  <si>
    <t>曾因全球第三大制药企业法国赛诺菲安万特的侵权起诉而陷入“专利门”的江苏恒瑞医药股份有限公司(600276，恒瑞医药)，近日又因药品质量两度被质监部门通报而遭遇“质量门”。可公司未对这些情况作出回应，至今也未刊登相关公告。不少人对恒瑞医药药品的质量表示担心。有关律?</t>
  </si>
  <si>
    <t>美国金融业面临二次危机风险</t>
  </si>
  <si>
    <t>最近立法通过的金融改革法案将是美国经济的下一个重要挑战，再加上国际货币基金组织(IMF)近日公布了针对美国金融体系的评估报告显示中小型银行生存艰难，不少分析认为，美国银行业正面临着遭遇二次金融危机的巨大挑战。　　　　新法案是一大挑战　　　　在美国金融监管改</t>
  </si>
  <si>
    <t>俄罗斯前7个月煤炭开采量及出口量双增长</t>
  </si>
  <si>
    <t>俄罗斯能源部2日发布的数据显示，今年1至7月，俄罗斯煤炭开采量达到1.804亿吨，同比增长11.5%；其中7月份采煤2410万吨，同比增长1.4%。　　　　今年1至7月，俄煤炭出口量也出现增长，达到5670万吨，同比增长2.2%；其中7月份出口量为848.9万吨，同比下降10.1%。　　　　据</t>
  </si>
  <si>
    <t>经济数据支撑强劲  欧元反转可期</t>
  </si>
  <si>
    <t>欧洲近期强劲的经济数据，舒缓了市场对欧洲主权债务危机蔓延至全球的疑虑，欧元兑美元汇价7月涨幅超过6%，为8个月来首度出现全月升值的表现。上周四更是上涨至1.3106的12周高位。另外美国经济前景的不明将在一段时间内打压美元走势，业内人士表示欧元对美元的涨势不久可能出?</t>
  </si>
  <si>
    <t>航空紧急救援产业前景巨大</t>
  </si>
  <si>
    <t>在突发的天灾人祸面前，航空救援具有快速高效、灵便多用，受地理空间限制少等优势，是组织应急救援所采用的最及时有效的手段。航空紧急救援产业在培训市场、技术市场、服务市场已经展现了巨大的发展空间和广阔的市场前景。然而，我国的紧急救援目前仍是由政府主导。与西方发?</t>
  </si>
  <si>
    <t>民营航空飞出国门可否名利双收？</t>
  </si>
  <si>
    <t>7月28日，低成本民营航空公司春秋航空正式开通上海浦东———日本茨城航线，这是春秋航空的首条国际航线。在航空市场处于弱势地位的民营航空公司，面对激烈的国际竞争和严峻的经营环境如何逢凶化吉？春秋航空将低成本运营带入国际航线可否名利双收，既保证盈利又打响春秋航空</t>
  </si>
  <si>
    <t>换种心态看日本</t>
  </si>
  <si>
    <t>刚进书店，就被这本有些夸张的封面吸引住了，史上最强日本史？大概是平时读过的日本史极少，对日本的历史有些好奇，且这本书封面上噱头十足，让我忍不住拿起来翻看，感觉内容还是不错，读起来觉得有些趣味，于是当即买下，带回家细细品读。　　　　作者樱雪丸80后，出生于?</t>
  </si>
  <si>
    <t>美经济复苏放缓引起新一轮忧虑</t>
  </si>
  <si>
    <t>美国商务部7月30日公布的初步统计数据显示，今年第二季度美国经济按年率计算增长2.4%，增速低于此前两个季度，表明美国经济复苏继续放缓。此前两天，美国联邦储备委员会发表的全国经济形势调查报告称，美国经济活动正在继续回升，但部分地区复苏势头有所放缓。美联储每年8次?</t>
  </si>
  <si>
    <t>压力测试自欺欺人</t>
  </si>
  <si>
    <t>大清朝北洋水师操演，将靶船固定住，事先测好距离、角度，发炮果然百发百中，博得西太后、李中堂欢悦，天朝水师果然神威。到了真正开战时，原来日本战舰会不停地移动，战阵、战术也会随时转换，结果大清耗费巨资建立起来的海军，在5个月内便被摧枯拉朽般地消灭了。做出来的演</t>
  </si>
  <si>
    <t>卡梅伦访印坦陈“贸易使命”</t>
  </si>
  <si>
    <t>英国首相戴维·卡梅伦率领90人“高规格”代表团访问印度，28日发表讲话直言此行的“贸易使命”，希望借印度市场带动英国经济发展，并降低失业率。印度巨大的商业潜力是卡梅伦此次访印的动力，其代表团此行与印度方面签署了总额11亿美元的教练机合同，并且欲开拓印度近年刚放?</t>
  </si>
  <si>
    <t>粮食安全不止是18亿亩耕地红线</t>
  </si>
  <si>
    <t>“手里有粮，心里不慌”———在中国这个历史上因灾害频仍而被某些西欧学者称作“饥荒国度”(Thelandoffamine)的国家，饥荒的阴影离开我们为时并不长久，粮食安全始终是中国人必须时刻面对的重大挑战，这种挑战遍及粮食生产、流通各个环节。而在生产环节，首要的挑战又是趋利</t>
  </si>
  <si>
    <t>意大利财政紧缩法案获得议会通过</t>
  </si>
  <si>
    <t>意大利众议院29日投票通过了政府提出的财政紧缩法案，至此该法案已获得意大利议会两院批准。　　　　意大利参议院是在15日通过财政紧缩法案的。在众议院29日也通过这一法案后，意大利参议长斯基法尼表示，制定财政紧缩法案是一项“痛苦”的决定，需要意大利民众做出牺牲，?</t>
  </si>
  <si>
    <t>“欧洲的巴菲特”葛涵思：“先走后跑”的中国策略</t>
  </si>
  <si>
    <t>“在过去12个月，欧洲信心大减；而中国，我觉得跟一年前来一样，一直信心十足。我强烈地感受到，在未来20至50年里，中国将统帅世界经济。”近年来多次来中国“考察”的泰丰资本(terrafirma)董事长兼首席投资官葛涵思(GuyHands)对中国市场的兴趣溢于言表。投资无数、被称为“?</t>
  </si>
  <si>
    <t>国际对冲基金6月溃败中国战场</t>
  </si>
  <si>
    <t>据好买基金研究中心最新统计显示，今年6月国际对冲基金业绩略有下滑，尤其是基于中国市场的疲软表现，6月份所有重仓中国的基金几乎全线溃败。　　　　在众多对冲基金中，重仓中国、澳大利亚、菲律宾等的RAB-Pi亚洲基金仅在6月净值就下跌了6.48%。该基金今年以来重仓房地产?</t>
  </si>
  <si>
    <t>标普首席经济学家：原油供应隐患或成经济新风险</t>
  </si>
  <si>
    <t>标准普尔公司首席经济学家戴卫斯29日表示，全球经济复苏势头近期出现放缓迹象，但这应该是一种调整而不是逆转，世界经济不会出现二次探底。不过，他提醒说，中东地区的地缘政治变化可能为全球原油供应埋下隐患，进而成为影响经济复苏的新风险。　　　　戴卫斯当天是在参加?</t>
  </si>
  <si>
    <t>云计算在日本已成投资和应用热点</t>
  </si>
  <si>
    <t>在日本IT业界，云计算成为热门话题，云计算成为信息产业变革的代名词，不开展云计算业务，似乎就有可能落后于潮流，落后于潮流就意味着在一日千里的IT业界新一轮竞争中有可能败下阵来。　　　　对企业经营者来说，信息装置发生从“所有到利用”的转变，只是在必要的时候，?</t>
  </si>
  <si>
    <t>“两房”问题提上美国金改日程</t>
  </si>
  <si>
    <t>奥巴马政府27日表示，财政部将在8月17日召开专门会议，就国内两大房地产抵押贷款机构———房利美和房地美未来经营问题进行研讨。上周生效的金融监管法案未明确提及对两房的处理方案，美政府因此饱受非议。不过，此次对住房金融市场改革仅是提上日程，改革成果或许只可能是各</t>
  </si>
  <si>
    <t>不妨学学日本政府的“装穷”</t>
  </si>
  <si>
    <t>《青年参考》日前登载了一篇很有意思的文章，其中讲到，日本政府部门的办公设备，凡是老百姓看得到的，日本政府有个约定俗成的做法，那就是能凑合就凑合，越看着寒酸越好，要保持一种看来比民间公司差一档次的样子。　　　　其实，日本政府一点儿也不缺钱，就说公务员这一?</t>
  </si>
  <si>
    <t>路透社：美禁止进口中国鸡肉案 WTO裁定中方胜诉</t>
  </si>
  <si>
    <t>路透社的消息称，在美国禁止中国熟制鸡肉进口的贸易纷争中，世贸组织(WTO)调查委员会已裁定中方胜诉。　　　　此次争端的起因是，美国国会2009年通过了一项拨款禁令法案，禁止有关部门通过任何途径从中国进口鸡肉。美方的理由是，由于亚洲爆发禽流感疫情，美国担忧中国禽类</t>
  </si>
  <si>
    <t>IMF称赞我应对金融危机举措</t>
  </si>
  <si>
    <t>国际货币基金组织(IMF)27日发布报告说，中国政府在金融危机中采取的“迅速、果断、有效的”政策措施减轻了危机对中国经济的冲击，并确保中国引领全球经济复苏。　　　　国际货币基金组织执行董事会在与中国方面磋商后发表的这份报告认为，全球金融危机对中国经济造成重击，</t>
  </si>
  <si>
    <t>汽车召回新政应让消费者受益最大化</t>
  </si>
  <si>
    <t>各方正在热议中的汽车召回条例意见稿，因对汽车企业的违规处罚中采取了严厉的措施，备受关注。从条例的相关规定来看，较之以前也有不少进步之处。　　　　作为快速发展的汽车市场，中国在2009年汽车产销实现了大跨步前进，汽车产销量超越了美国，成为世界第一大汽车市场。?</t>
  </si>
  <si>
    <t>延边“领跑”图们江国际合作开发</t>
  </si>
  <si>
    <t>吉林省延边朝鲜族自治州在国务院正式批复《中国图们江区域合作开发规划纲要———以长吉图为开发开放先导区》之后，其重要的经济战略位置日益得到提升，再度成为国际关注的热点地区。　　　　延边州位于吉林省东部，是我国唯一的朝鲜族自治州，也是我国最大的朝鲜族聚居地?</t>
  </si>
  <si>
    <t>中国产品宜在中东欧实现“欧洲制造”</t>
  </si>
  <si>
    <t>随着中国企业走出去的步伐加快，“中国制造”当前面临转型道路的选择之一是实现在海外本地化生产。对于欲在欧洲实现本地化生产的中国企业，中东欧地区较低的劳动力成本和得天独厚的地理位置，成为中国企业进军欧洲的“桥头堡”。由中东欧地区的波兰、立陶宛、匈牙利、捷克等9</t>
  </si>
  <si>
    <t>珲春：高唱“海之歌”</t>
  </si>
  <si>
    <t>来珲春，一定要去防川：　　　　登上防川的望海楼，中国、俄罗斯、朝鲜三国的迷人景致尽收眼底。举首望去，一座连接朝俄水岸的铁桥横卧在江水之上，图们江尽头，日本海宛若一条白练高悬天际。　　　　在珲春口岸雄伟的国门下，满载集装箱的车辆通检过关，俄罗斯、日本和?</t>
  </si>
  <si>
    <t>日优惠关税拟缩规模 中国商品恐首当其冲</t>
  </si>
  <si>
    <t>据《日本经济新闻》报道，日本财务省计划从2011年起调整针对发展中国家商品的贸易“普惠制”(G SP)，从目前规定每个发展中国家可利用的上限为20%降至10%到15%。由于中国是日本的第一大进口来源国，预计中国商品将受最大冲击。　　　　据介绍，“普惠制”是全球最低的一种关</t>
  </si>
  <si>
    <t>印度央行上调利率</t>
  </si>
  <si>
    <t>印度央行27日宣布，将回购利率和反向回购利率分别上调25个基点和50个基点至5.75%和4.5%。回购利率和反向回购利率均属印度央行的关键利率。　　　　印度央行当天发布季度货币政策回顾报告说，印度经济复苏已经巩固，复苏的基础在不断扩大，但受需求因素推动，当前通胀压力明</t>
  </si>
  <si>
    <t>英国  以集体谈判等方式化解劳资纠纷</t>
  </si>
  <si>
    <t>英国是工业革命的发源地，各种劳资纠纷和罢工活动贯穿了英国资本主义的发展史。经过政府、工会和雇主间长期的斗争与妥协，特别是撒切尔夫人执政以来，英国全国性的劳资争端与波及全国的罢工日渐减少，越来越多的纠纷通过劳资协商、专门机构的调节、工会与雇主间的集体谈判以?</t>
  </si>
  <si>
    <t>中国与东盟经贸进入高增长期</t>
  </si>
  <si>
    <t>今年上半年，中国与东盟双边贸易额达到1365亿美元，同比增长55%，超出同期中国进出口增幅11个百分点。东盟已成为中国第四大贸易伙伴。不过，与强劲的贸易增长伴随的，还有贸易壁垒和服务贸易发展相对缓慢等阻碍自贸区纵深发展的问题。　　　　专家表示，在全球经济艰难进入</t>
  </si>
  <si>
    <t>法国  独具特色的劳资调解委员会</t>
  </si>
  <si>
    <t>巴黎第四大学信息与传播高等研究学院教授让-马克·勒加尔在接受本报记者采访时认为，法国多层次的工会组织和法律法规有效地预防了劳资纠纷的发生，准司法机构劳资调解委员会对疏导劳资矛盾起到了积极作用，在处理劳资纠纷过程中政府主导、法律保障和建立机制三者相得益彰，成</t>
  </si>
  <si>
    <t>印度  劳资纠纷频发鼓励“和为贵”</t>
  </si>
  <si>
    <t>近年来，随着印度经济快速发展和自由化，劳资纠纷频繁发生，已成为印度政府面临的一个新问题。印度政府鼓励以和解方式解决劳资纠纷，工会对维护工人权益也起到一定作用。　　　　劳资纠纷频繁发生　　　　据印度劳工部介绍，最近几年，印度包括外资在内的私营企业连续发?</t>
  </si>
  <si>
    <t>危机江湖,高盛“笑傲”丰田和BP</t>
  </si>
  <si>
    <t>过去半年，世界三大公司陷入公关危机。作为华尔街第一投行的高盛集团被指控在次贷金融衍生品交易中欺诈投资者，是为“欺诈门”；世界最大汽车公司丰田公司因刹车故障和油门突然加速被迫全球召回800万辆汽车，是为“召回门”；世界能源巨擘英国石油公司(BP)则制造了美国历史上</t>
  </si>
  <si>
    <t>BP“换帅”策略折射与美关系重要性</t>
  </si>
  <si>
    <t>据外媒报道，英国石油公司(BP)最早将于当地时间26日公布“换帅”决定，现任首席执行官(CEO)托尼·海沃德职位恐将不保。虽然BP表示，换帅一事尚未作出最终决定，但是外界猜测，继承人很可能是BP美国籍高管鲍勃·达德利。　　　　自从墨西哥湾漏油事件发生以来，有关海沃德处</t>
  </si>
  <si>
    <t>全球冰箱业加速步入2.0时代</t>
  </si>
  <si>
    <t>日前，海尔在世博会世贸馆展出了其高端子品牌卡萨帝系列冰箱。据了解，海尔卡萨帝系列冰箱吸收了来自法国、意大利、日韩的设计和色彩时尚元素，能够满足全球消费者对产品的不同品位需求。更具创新性的是，海尔将物联网技术应用于冰箱产品，为消费者描绘了一种智能时尚的未来?</t>
  </si>
  <si>
    <t>《哈佛散记》告诉你一个不一样的哈佛</t>
  </si>
  <si>
    <t>张晓晶小传　　中国社会科学院经济研究所宏观经济室主任、研究员。曾先后赴瑞典斯德哥尔摩经济学院、哈佛大学与美国国民经济研究局(NBER)以及国际货币基金组织从事访问研究。主要研究领域为开放经济宏观经济学、增长理论与发展经济学。出版有《符号经济与实体经济：金融全?</t>
  </si>
  <si>
    <t>东京的垃圾是如何越来越少的</t>
  </si>
  <si>
    <t>据统计，从上世纪90年代后，日本东京都23区的人口没有减少，反而还有所增加，但是城市产生的垃圾和最终被填埋处理的垃圾却逐年减少。那么，东京的人口没有减少，而垃圾为何会越来越少呢？　　　　首先，法律约束起到了重要作用，从源头控制住了垃圾的生成量。　　　　日?</t>
  </si>
  <si>
    <t>市场冷看欧洲银行压力测试结果</t>
  </si>
  <si>
    <t>欧盟日前公布了备受瞩目的欧洲银行业压力测试报告，证明欧洲大多数银行健康状况良好，有能力抵御可能出现的经济二次探底和主权债务危机的双重打击，欧盟和国际货币基金组织(IMF)均对报告表示满意。但市场人士认为，这一颇为乐观结果的公布能否达到预期效果、如愿令投资者放心</t>
  </si>
  <si>
    <t>华为驳摩托罗拉起诉毫无根据</t>
  </si>
  <si>
    <t>摩托罗拉(Motorola)日前在指控中国电信设备集团华为(Huawei)涉嫌窃取商业机密的诉讼中，已将一名所谓的“商业间谍”列为共同被告。    摩托罗拉在民事诉状中指称，华为蓄意从一家雇有12名摩托罗拉前雇员的公司取得了商业机密，这些雇员包括目前在美国受到商业间谍刑事指控?</t>
  </si>
  <si>
    <t>简单是一门学问</t>
  </si>
  <si>
    <t>在读马克·乔伊纳的《简单学》之前，笔者不懂简单是一门学问。　　　　作者马克·乔伊纳，是美国当代著名的成功学大师，网络营销权威，电子商务和互联网销售领域先锋。他曾为美国军事情报部门工作多年，后来，白手起家成立伊索营销公司。在工作中，马克·乔伊纳开创了许多?</t>
  </si>
  <si>
    <t>通胀疑似脱缰  印度央行料再加息</t>
  </si>
  <si>
    <t>印度央行27日举行季度货币政策会议。分析人士普遍认为，在印度国内通货膨胀率维持在10%这一骇人高位之下，印度央行的惟一决定就是加息。如果预测准确的话，这将是印度央行本月第二次、年内第四次上调利率。　　　　去年，印度遭受了近37年来最严重的一次旱灾，农业大幅减产</t>
  </si>
  <si>
    <t>制定环保政策促进绿色经济发展</t>
  </si>
  <si>
    <t>绿色经济的发展现在是全球一个热点问题，联合国环境署建议把大量资金投到新的绿色产业，用于既发展经济，还能够改变我们地球面临的气候变化等重大的环境问题，它倡导要求各国至少把三分之一的投资投到绿色经济，而不是拯救那些银行。许多国家的政府听取了他们的意见，主要投?</t>
  </si>
  <si>
    <t>莉莉安·贝当古：“逃税门”中“欧莱”不“雅”</t>
  </si>
  <si>
    <t>从最初的母女争夺财产对簿公堂，到将法国现任总统萨科齐卷入政治漩涡，欧洲女首富、欧莱雅集团创始人之女，现欧莱雅集团最大股东莉莉安·贝当古执掌的欧莱雅集团，正面临着“逃税门”事件调查，如同英国石油公司的漏油事故一般，后续问题源源不断。　　　　欧莱雅深陷“逃?</t>
  </si>
  <si>
    <t>“雾都”伦敦名不符实</t>
  </si>
  <si>
    <t>不少未曾来过英国的国内亲朋在同我通电话总要问：“伦敦还有雾吗？”我的回答则是，伦敦空气不错，“雾都”早已名不符实。　　　　由于“雾都”的称号自小就“如雷贯耳”，因此去年到伦敦工作后，我也很想寻觅到一些“雾都”的痕迹，哪怕蛛丝马迹也好。但除了阴雨天多些外?</t>
  </si>
  <si>
    <t>金融法案生效 华尔街忙找新财路</t>
  </si>
  <si>
    <t>经过美国总统奥巴马签署，被认为美国金融历史上自“大萧条”以来最严厉的金融改革法案正式生效，华尔街正式掀开新金融时代序幕———新的机构即将成立，新的经营手段也陆续出炉，华尔街与政府的对峙局面也可能转入暗战期。但在美国经济需要稳固复苏，中期选举临近的当下，依?</t>
  </si>
  <si>
    <t>热浪来袭  搜寻消暑良方</t>
  </si>
  <si>
    <t>今天是农历二十四节气中的“大暑”，正是一年中最热的时候，而今年横扫北半球的创纪录高温更是丝毫没有消退的迹象。如何应对这个“史上最热夏天”？本报驻外记者将带您一起到日本、西班牙、韩国走一走，寻访应对酷暑的高招。　　　　日本：当消暑成为文化　　　　□记者</t>
  </si>
  <si>
    <t>屡创天价的背后</t>
  </si>
  <si>
    <t>人们一定还记得2008年北京奥运会上，会徽“中国印·舞动的北京”惊艳登场。北京的“京”字被幻化成一个奔跑的人形印章，中间的英文“Beijing”和阿拉伯数字“2008”出人意料地用毛笔书法的形式写成，书体风格脱胎于古老的敦煌汉简体，古朴稚拙而又动感十足，中国书法的魅力瞬</t>
  </si>
  <si>
    <t>不确定性考验美国宏观政策</t>
  </si>
  <si>
    <t>美国联邦储备委员会主席本·伯南克21日在美国国会参议院银行委员会就半年期货币政策报告作证。在金融市场投资者担忧情绪日渐浓重之时，伯南克这次讲话的内容被赋予了向市场释放经济确定性信号的重任。面对高度不确定的经济形势，要想找出合适的应对方法是一件让奥巴马政府感?</t>
  </si>
  <si>
    <t>上半年欧盟对华贸易救济案与去年全年持平</t>
  </si>
  <si>
    <t>《经济参考报》记者从商务部公平贸易局了解到，仅2010年上半年，欧盟对华发起的贸易救济措施就有7起，已经与2009年全年7起持平。欧盟对华已裁决正在执行的贸易救济措施产品更是多达59种。　　　　除了新发起的调查之外，日落复审案件也呈现上升的势头。2010年7月20日，欧盟</t>
  </si>
  <si>
    <t>构建综合协调畅顺的“大城管”机制  打造和谐宜居中山</t>
  </si>
  <si>
    <t>经济参考报：中山市地处珠江口西岸，改革开放以来，不仅经济社会建设走在全省前列，各项社会事业也取得了长足发展。以广东省1%国土面积、2.7%常住人口，多年保持全省第5位经济总量，先后获得联合国人居奖、国家卫生城市、全国文明城市、全国最具幸福感城市等多项荣誉。能否介</t>
  </si>
  <si>
    <t>秘鲁：减少贫困和发展经济“双轮驱动”</t>
  </si>
  <si>
    <t>社会贫困长期以来一直是困扰拉美国家的重大难题之一，但是，近年来经济并不发达的秘鲁却在扫除贫困方面取得了可喜的进展，居民社会福利状况得到改善，贫困人口指数持续下降，社会矛盾和危机得到缓解。据联合国拉美和加勒比经济委员会公布的数据，2005年，秘鲁贫困人口指数曾?</t>
  </si>
  <si>
    <t>网民认为：尊重法院判决是公民和政府机关的责任</t>
  </si>
  <si>
    <t>7月19日本报题为《“民告官”赢了矿权官司却被告知赢也没用陕国土厅否了法院判决》的报道引发广泛关注，有媒体就此发表了评论，而在网络论坛上，网友的讨论也十分热烈。　　　　权不能大于法　　　　文章指出，这起原本简单明了、是非分明的矿权纠纷案，经榆林市中级人民</t>
  </si>
  <si>
    <t>新西兰放弃开采金矿值得学习</t>
  </si>
  <si>
    <t>据《京华时报》报道，新西兰政府接受公众意见，放弃开采多个国家公园内的金矿等矿产……　　　　新西兰当初为什么要打算开采金矿，一个重要的原因就是，占新西兰经济比重较大的农业受经济衰退重创，开采地下大片矿产资源有助于经济复苏。但即使这样，新西兰最后还是决定放?</t>
  </si>
  <si>
    <t>警方与媒体都应剔除“示众文化”</t>
  </si>
  <si>
    <t>近日，一条名为《警方扫黄令人吃惊：公开展示是否过分》的帖子引发网友热议。帖子称7月3日，广东东莞清溪镇一派出所抓获了4名涉嫌卖淫嫖娼的违法人员。5日本地媒体发布了涉嫌卖淫女子的照片。有记者找到了清溪广电站的报道原文，并在本地网络媒体上看到了未经任何处理的图片?</t>
  </si>
  <si>
    <t>新金融法案给美股后市带来压力</t>
  </si>
  <si>
    <t>逾27家已经公布第二季财报的标准普尔500公司，只有4家的获利不如预期。对财报乐观预期推动了19日美国股市的上涨，但是这难掩美国经济基本面疲弱的景象。再加上新金融监管法案的即将生效对华尔街金融机构利润形成压力，美股后市走势难料。　　　　二季度财报影响股价　　?</t>
  </si>
  <si>
    <t>鞍钢美国建厂受阻 商务部力挺继续“征战”美议会</t>
  </si>
  <si>
    <t>针对鞍钢美国建厂受阻一事，似乎已经进入到新的“白热化”。商务部新闻发言人姚坚在20日举行的新闻发布会上表示，美方把正常的商业项目政治化，是投资保护主义的表现。他同时呼吁，希望美方不要以安全为理由对正常的项目进行所谓的调查。　　　　毫无疑问，这种隐藏其中的?</t>
  </si>
  <si>
    <t>中国更环保还是美国更浪费？</t>
  </si>
  <si>
    <t>美国是世界第一大能源消耗大国，也是最出名的能源浪费大国。在中美气候变化或能源政策辩论中，中国官员自然占据着道德的优势，因为批驳美国的例子可谓俯拾皆是。其中，最有说服力的一个例子，就是在当下的炎炎夏季，至少中国办公室空调温度比美国高了许多———在许多美国写?</t>
  </si>
  <si>
    <t>“绿霸权”之争引领未来世界</t>
  </si>
  <si>
    <t>近来，绿色话题的经管图书接踵而至，2009年引进版中有《世界又热又平又挤》、《从绿到金》，2010年上半年出版的《绿领经济》、《点绿成金》、《低碳阴谋》、《低碳之路：重新定义世界和我们的生活》等，加上绿人物的传记《我的人生“狠”字当头》、《任性总裁的成功创业法则?</t>
  </si>
  <si>
    <t>中国外储正尝试“分散的多元化投资”</t>
  </si>
  <si>
    <t>美国财政部16日发布的TIC(国际资本流动)报告显示，5月份我国减持美国国债325亿美元，降幅达3.62%，这是今年以来中国规模最大的一次减持。这样算来，截至5月底，我国共计持有美国国债8677亿美元，仍为美国第一大债主。　　　　数据显示，自去年10月开始，中国一直处于减持美</t>
  </si>
  <si>
    <t>高盛5.5亿美元化解“欺诈门”</t>
  </si>
  <si>
    <t>美国高盛集团于美国当地时间15日同意支付5.5亿美元罚款，与美国证券交易委员会就民事欺诈指控达成和解。受此消息刺激，当天高盛股票在纽约股市上涨4.2%，市值增长8亿美元。市场普遍认为，尽管这是迄今美国证交会对金融机构开出的最大一笔罚单，但从高盛角度看，其和解成本极?</t>
  </si>
  <si>
    <t>金融创新要求分业监管变统一监管</t>
  </si>
  <si>
    <t>由于金融创新的快速发展,而适当的风险管理和风险监管未能及时跟上，致使监管滞后。　　　　中国加入世贸组织以后，外资金融机构大举进入，其中很多金融机构是混业经营，综合优势明显。以我国现有分业监管体制管理混业经营的外资机构和交叉代理的中资机构将会面临不少新的矛</t>
  </si>
  <si>
    <t>当瑜伽遭遇奢侈</t>
  </si>
  <si>
    <t>如果你是一位瑜伽爱好者，这样的经历会使你兴奋发狂吗？在非洲野生动物园的斑马和长颈鹿边上做太阳致敬式，在一个荒废了的16世纪的印度城市度过清晨的瑜伽时光，或搭乘直升机到加拿大落基山公园的某个风景如画的峰顶接受一次授课。方兴未艾的高端瑜伽市场可以为你提供这样的?</t>
  </si>
  <si>
    <t>“傻傻橡皮筋”风靡背后</t>
  </si>
  <si>
    <t>一包24根，售价不到5美元，五颜六色，造型各异，可以戴在手腕上当饰品，取下来后会“弹”回原形，这就是现在风靡美国校园的儿童玩具“傻傻橡皮筋”。它的原料是硅胶，没什么技术含量，却成了美国孩子彼此攀比、争抢的时尚标志，以致美国部分学校怕学生“玩物丧志”，对它下了</t>
  </si>
  <si>
    <t>法国狙击“心理暴力”</t>
  </si>
  <si>
    <t>法国议会近日通过一项法律，认定对伴侣恶语相向等“心理暴力”行为属于“家庭暴力”范畴。法国因此成为世界首个立法禁止“心理暴力”的国家。　　　　骂人犯法　　　　这项被称为“具有里程碑意义”的法律规定，已婚或同居的伴侣，一方对另一方叫嚷、辱骂均属违法；对伴?</t>
  </si>
  <si>
    <t>《大闹天宫》进了上海动漫博物馆</t>
  </si>
  <si>
    <t>位于上海浦东张江高科技园区的上海动漫博物馆历时两年筹建，日前正式开馆迎客。　　　　上海是公认的我国动画、漫画发祥地，催生了丰子恺、华君武、叶浅予、张乐平、丁聪、缪印堂等一批漫画名家。中国第一部动画片《大闹画室》、亚洲第一部动画长片《铁扇公主》都诞生于此?</t>
  </si>
  <si>
    <t>美国“半边天”快成“多半边天”</t>
  </si>
  <si>
    <t>人口学家预计，从美国人收入发展趋势看，职业女性平均收入到2024年将超过男性。　　　　美国官方统计结果显示，现阶段在男女都有收入的美国家庭中，超过1／3的家庭女性收入超过男性。这一比例在5年前是1／4。　　　　美国人口学家马迪·迪赫特沃尔德分析美国劳动力数据后</t>
  </si>
  <si>
    <t>GDP跌一点,无须大惊小怪</t>
  </si>
  <si>
    <t>国家统计局公布上半年经济数据，引起人们的高度关注。经过初步测算，上半年国内生产总值172840亿元，按可比价格计算，同比增长11.1%，比上年同期加快3.7个百分点。按照这种速度下去，今年中国的GDP超过日本基本已成定局。经济的三驾马车表现都还不错：上半年中国全社会固定资</t>
  </si>
  <si>
    <t>广东台商“隐名投资”造成纠纷日增</t>
  </si>
  <si>
    <t>6000家台资企业，在工商管理部门在册登记仅629户———这是记者从东莞工商局得到的数字，这种情况被一些台商和地方主管部门形容为“隐名投资”。　　　　广东是中国大陆台资企业最集中的地区之一，其中东莞又是大陆台商最为密集的城市之一。　　　　目前，广东省人大常委</t>
  </si>
  <si>
    <t>印度有意限制铁矿石出口</t>
  </si>
  <si>
    <t>路透社和英国《金融时报》13日报道，全球第三大铁矿石出口国———印度钢铁部长阿图尔·查图维迪已提议完全禁止本国铁矿石出口，以求为该国快速增长的国内经济保障矿产资源。　　　　消息很快引起了各国媒体的关注，舆论一致认为，对于财赤不断攀升的印度而言，这一建议“?</t>
  </si>
  <si>
    <t>美参议院本周或最终通过金融改革法案</t>
  </si>
  <si>
    <t>据外媒报道，在美国总统奥巴马的催促下，美国参议院已经为美国金融法案的最终通过打好了基础。美国民主党领袖哈里·里德表示，他很有信心参议员立法者们将会在本周四投票结束有关法案的争论，并在当天或者最迟不超过周六最终通过法案。　　　　根据该法案，美国金融监管体?</t>
  </si>
  <si>
    <t>美国努力推动经济增长促就业</t>
  </si>
  <si>
    <t>美国自2007年12月进入本轮经济衰退以来，已有约800万人失去工作。这也是自第二次世界大战以来美国历次经济衰退中失业人数最多的一次。最新数据显示，美国6月份失业率为9.5%，虽然相比2009年10月份10.1%的10年高点有所回落，但对照历史数据仍处于高位，显示出美国就业市场压力</t>
  </si>
  <si>
    <t>基本面提供支持  油价继续高位运行</t>
  </si>
  <si>
    <t>美国原油期货价格14日在亚盘持稳在每桶77美元附近，仍接近两周高位，13日油价曾跳涨2.9%，受股市涨势和美国企业稳健的季报支撑。　　　　截至发稿时，亚洲电子盘时段纽约商品交易所8月份交货的轻质原油期货价格下滑0.15美元至每桶77.00美元，比前一交易日触及的两周盘中高?</t>
  </si>
  <si>
    <t>中国争夺国际金融话语权迈出重要一步</t>
  </si>
  <si>
    <t>在欧洲债务危机当中，穆迪、标普和惠誉三大国际信用评级巨头接连调降希腊等国主权信用评级，对这些国家造成严重冲击。人们从中看到，国际信用评级机构掌握着“一言可以灭国”的超级金融信息霸权，这让远在万里之外的中国人也会感到“不寒而栗”。　　　　希腊等国饱受债务?</t>
  </si>
  <si>
    <t>默克尔访华与中国合作意愿将更加明显</t>
  </si>
  <si>
    <t>应国务院总理温家宝邀请，德意志联邦共和国总理安格拉·默克尔将于7月15日至18日对中国进行正式访问，在欧美需求依旧低迷的背景下，加强德中经贸合作将是默克尔此访的重中之重。　　　　商务部研究院欧洲研究部李蕙英副研究员在接受《经济参考报》记者采访时介绍说，德国在</t>
  </si>
  <si>
    <t>英石油拟出售资产筹钱</t>
  </si>
  <si>
    <t>英国石油公司11日被曝出拟出售价值100亿至120亿美元资产，潜在买家包括美国阿帕奇石油公司。　　　　一名熟悉事态进展的人士11日说，英石油正与其他企业商谈，不过，任何潜在有关资产出售的商谈仅处于探索阶段。不确定英石油本月底宣布第二季度收益前是否能提出成型计划。$</t>
  </si>
  <si>
    <t>南非世界杯：谁是经济上的获益者</t>
  </si>
  <si>
    <t>有分析认为，足球从来都不只是运动，它跟政治、经济其实是息息相关的。本届世界杯已经在南非落下帷幕，但有关其经济效应的争论却并未消停。为世界杯赛事投入数十亿美元的主办国南非是否会面临入不敷出的困境？巨额投资建成的场馆是否会在赛后成为西方人常说的“大白象”？欧?</t>
  </si>
  <si>
    <t>五家国际顶尖私募“盯上”国内游戏产业</t>
  </si>
  <si>
    <t>《经济参考报》记者从中国游戏商务大会(CGBC)组委会处获悉，启明创投董事总经理甘剑平、高原资本董事总经理叶冠泰、华登国际董事总经理王一敏、海纳亚洲董事总经理王琼以及红杉资本董事总经理计越，五家国际顶尖私募中国地区负责人将出席于本月底举行的中国游戏商务大会，并?</t>
  </si>
  <si>
    <t>美国妖魔化外来投资凸显“丑陋一面”</t>
  </si>
  <si>
    <t>自去年下半年美国逐渐走出金融风暴后，在对待来自中国等所谓“敏感国家”投资的问题上，一些美国政客又找到了新的炒作和妖魔化空间。对于中国鞍钢集团决定在美国合资建厂的举动，50名美国国会议员日前联合致信美国财长盖特纳，声称对此事“深感关注”，担心此举影响美国就业?</t>
  </si>
  <si>
    <t>“中国希望形成自己评估主权债务的能力”</t>
  </si>
  <si>
    <t>7月11日，中国独立评级机构大公国际资信评估有限公司在北京发布了首批50个典型国家的信用等级，这是非西方国家机构首次向全球发布国家信用等级信息。信息发布后，美国、欧洲、澳大利亚和亚洲等国家和地区的媒体都对此进行了广泛关注。　　　　大公对部分欧美国家和新兴市场</t>
  </si>
  <si>
    <t>SINOCES成中国最大技术贸易盛会</t>
  </si>
  <si>
    <t>作为中国国际消费电子博览会(SINOCES)的主办方之一和美国国际消费电子展(CES)的主办方和管理者，美国消费电子协会(CEA)的总裁兼首席执行官盖瑞·夏培罗(GaryShapiro)在接受本报记者采访时表示，SINOCES已成为中国最大的技术贸易盛会。　　　　盖瑞·夏培罗对SINOCES表示了?</t>
  </si>
  <si>
    <t>SINOCES加速全球电子业“汉堡式”整合</t>
  </si>
  <si>
    <t>2010年7月8日至11日，亚洲最大的专业消费电子展SINOCES在青岛举行，503家全球消费电子企业、900余家全球零售巨头及机构、数百余名政企高层和业内专家齐聚展会，成为SINOCES自举办以来规模最大的一届。　　　　目前，国际金融危机爆发后，欧美等发达国家经济体受到了巨大冲?</t>
  </si>
  <si>
    <t>日本国国家信用评级报告</t>
  </si>
  <si>
    <t>信用等级    〖TPjjck20100712012.1.0123060022.cutBP〗    评级观点    大公将日本国(以下简称“日本”)的本币国家信用级别评定为AA-，这是对日本政府的债务负担状况及影响债务偿还能力的诸多因素综合判断的结果。由于相比于本币债务的偿还，日元的国际货</t>
  </si>
  <si>
    <t>冰岛共和国国家信用评级报告</t>
  </si>
  <si>
    <t>□信用等级    〖TPjjck20100712016.1.0165060022.cutBP〗    □评级观点    大公将冰岛共和国(以下简称“冰岛”)的本币国家信用级别评定为BB，这是对其高水平的债务负担及面临严峻挑战的国家偿债能力进行综合分析的结果。同时考虑到冰岛在外汇流动性方面?</t>
  </si>
  <si>
    <t>印度媒体重炒“黑名单”给政府施压</t>
  </si>
  <si>
    <t>近期国内舆论再度关注印度把25家中国电信企业列入黑名单一事，据《经济参考报》记者查证，此事件只是“旧事重提”。“25家中国电信企业上印度情报机构黑名单只是旧事重提而已，不是新情况。”中兴印度公司负责销售的相关人士告诉《经济参考报》记者。　　　　所谓“旧事重?</t>
  </si>
  <si>
    <t>新加坡共和国国家信用评级报告</t>
  </si>
  <si>
    <t>信用等级    〖TPjjck20100712012.1.0125060022.cutBP〗    评级观点    大公将新加坡共和国(以下简称“新加坡”)的本、外币国家信用级别均评定为AAA，这是对其较强的国家管理能力、良好的经济基本面、发达的金融体系、稳健的财政基础以及充足的外汇储备综</t>
  </si>
  <si>
    <t>美利坚合众国国家信用评级报告</t>
  </si>
  <si>
    <t>信用等级    〖TPjjck20100712015.1.0151060022.cutBP〗    评级观点    大公将美利坚合众国(以下简称“美国”)的本、外币国家信用级别均评定为AA，这是对其很强的经济实力和金融实力，美元在国际储备货币体系中的强势地位，政府较强的融资能力，但沉重的?</t>
  </si>
  <si>
    <t>澳大利亚联邦国家信用评级报告</t>
  </si>
  <si>
    <t>信用等级    〖TPjjck20100712019.1.0195060022.cutBP〗    评级观点    大公将澳大利亚联邦(以下简称“澳大利亚”)的本币国家信用级别评定为AAA，这是对其较强的国家管理能力、雄厚的经济实力、稳健的金融体系和良好的财政状况综合判断的结果。大公给予澳</t>
  </si>
  <si>
    <t>俄罗斯联邦国家信用评级报告</t>
  </si>
  <si>
    <t>□信用等级    〖TPjjck20100712016.1.0164060022.cutBP〗    □评级观点    大公将俄罗斯联邦(以下简称“俄罗斯”)的本币国家信用级别评定为A，这是对其低水平的债务规模和偿债负担，以及不断增强但不稳定的偿债能力综合考察的结果。同时考虑到其外汇资产</t>
  </si>
  <si>
    <t>蒙古国国家信用评级报告</t>
  </si>
  <si>
    <t>信用等级    〖TPjjck20100712012.1.0127060022.cutBP〗    评级观点    大公将蒙古国的本外币国家信用均评定为B+，这是对其相对较高的债务水平和有限的偿债能力综合考察的结果。    金融危机以来，蒙古国政府融资需求激增，债务水平显著上升，即期?</t>
  </si>
  <si>
    <t>奥巴马再次强调出口战略</t>
  </si>
  <si>
    <t>美国总统奥巴马近日在白宫发布“国家出口倡议”进展报告，再次强调“出口”战略。有分析认为，近期美国经济复苏不确定性增加，就业形势依然严峻，奥巴马政府强调以出口促就业和促增长，希望藉此提振民众对经济的信心。但是，这一数据并不能作为奥巴马政府出口政策成功的主要?</t>
  </si>
  <si>
    <t>菲律宾共和国国家信用评级报告</t>
  </si>
  <si>
    <t>信用等级    〖TPjjck20100712013.1.0136060022.cutBP〗    评级观点    大公将菲律宾共和国(以下简称“菲律宾”)的本、外币国家信用级别均评定为B+。这是对其较低的政府管理能力、较差的经济基本面和不断扩大的财政赤字综合判定的结果。不过菲律宾的外部?</t>
  </si>
  <si>
    <t>大韩民国国家信用评级报告</t>
  </si>
  <si>
    <t>信用等级    〖TPjjck20100712012.1.0121060022.cutBP〗    评级观点    大公将大韩民国(以下简称“韩国”)的本币国家信用级别评定为AA-，评级结果是对韩国较强的国家管理能力、经济实力和财政实力，稳健有虞的金融体系和地缘政治风险的综合反映。大公认为</t>
  </si>
  <si>
    <t>土耳其共和国国家信用评级报告</t>
  </si>
  <si>
    <t>信用等级    〖TPjjck20100712013.1.0132060022.cutBP〗    评级观点    大公将土耳其的本币国家信用级别评定为BB，沉重的债务负担和严峻的国内政治矛盾削弱了土耳其政府的偿债能力。另外，鉴于土耳其经常账户持续逆差，以及相对外部融资需求而言外汇储备?</t>
  </si>
  <si>
    <t>葡萄牙共和国国家信用评级报告</t>
  </si>
  <si>
    <t>□信用等级    〖TPjjck20100712017.1.0174060022.cutBP〗    □评级观点    大公将葡萄牙共和国(以下简称“葡萄牙”)2010年本币和外币国家信用级别均评定为A-，这是对葡萄牙当前的债务需求、以及影响债务偿还风险等因素综合评估的结果。    庞大的?</t>
  </si>
  <si>
    <t>比利时王国国家信用评级报告</t>
  </si>
  <si>
    <t>□信用等级    〖TPjjck20100712018.1.0184060022.cutBP〗    评级观点    大公将比利时王国(以下简称“比利时”)的本币国家信用级别评定为A+。比利时政府较强的债务管理能力、发达的经济、稳健的金融体系为政府的偿债能力提供了有力的保障，是支撑其国家?</t>
  </si>
  <si>
    <t>阿拉伯联合酋长国国家信用评级报告</t>
  </si>
  <si>
    <t>信用等级    〖TPjjck20100712013.1.0134060022.cutBP〗    评级观点    大公将阿拉伯联合酋长国(以下简称“阿联酋”)的本、外币国家信用级别均评定为BBB，这是对该国债务状况和影响政府偿债能力等诸多因素进行综合评估之后的结果。    阿联酋联邦政</t>
  </si>
  <si>
    <t>“中国制造”靠什么站稳非洲市场</t>
  </si>
  <si>
    <t>在非洲流传这样一个笑话：一个非洲母亲问孩子：“上帝住在哪里？”孩子答道：“既然上帝创造了万物，他一定住在中国。因为所有东西都是‘中国制造’。”在非洲，没有“中国制造”的日子无法想象。手电筒、鞋袜、布匹、食品、手机、摩托车、电视机、建筑机械，非洲人的衣食住?</t>
  </si>
  <si>
    <t>世博建筑的神奇“外衣”</t>
  </si>
  <si>
    <t>本届世博会上，使用新型建筑材料的场馆不胜枚举，每个场馆都能给人留下深刻印象。　　　　造型酷似“冰壶”的芬兰馆的白色外墙十分引人注目，其“鱼鳞外墙”就像由一块块冰搭建而成，实际上这是一种新型纸塑复合材料。瑞士馆则是一个用帷幕覆盖的开放空间，这种新型的帷幕?</t>
  </si>
  <si>
    <t>奥巴马力推出口战略促就业</t>
  </si>
  <si>
    <t>在经济复苏不确定性增加、市场信心下降的情况下，美国总统贝拉克·奥巴马7日在白宫发布“国家出口倡议”进展报告，再次强调出口战略，希望这一政策能够创造就业、推动增长。　　　　在今年1月份发表的首次国情咨文中，奥巴马提出在5年内将美国出口翻一番的目标，并通过增加</t>
  </si>
  <si>
    <t>欧洲央行宣布维持欧元区1.0%主导利率不变</t>
  </si>
  <si>
    <t>欧洲中央银行8日在法兰克福总部宣布，将欧元区16国主导利率维持在1 .0%不变。自2009年5月以来，欧洲央行一直将欧元区主导利率维持在这一历史最低水平。　　　　欧洲央行行长特里谢在月度新闻发布会上暗示，在欧元区各国政府正削减财政赤字抵御债务危机之际，欧洲央行不会很</t>
  </si>
  <si>
    <t>中国信用评级体系的战略抉择(上)</t>
  </si>
  <si>
    <t>人类社会发展史上空前的金融危机揭示了信用经济的发展规律：信用社会化与信用风险信息不对称矛盾贯穿于信用经济社会全过程，由国家管理社会信用风险，建立国家信用评级体系是这一矛盾运动的必然选择。已经被历史证明失败的西方信用评级体系模式对一个国家的金融稳定和安全威?</t>
  </si>
  <si>
    <t>“酷日本”成日本战略增长重点</t>
  </si>
  <si>
    <t>6月18日，日本政府出台了新增长战略“酷日本”———文化产业的出口被定为重点增长领域之一，十分耐人寻味。　　　　日本是一个文化产业大国，在文化产业领域到处充满新颖的创意。日本的动漫在世界上很有名气，很多动画片广为人知，《阿童木》、《多拉A梦》、《樱桃小丸子?</t>
  </si>
  <si>
    <t>英国石油公司(BP)还能撑多久</t>
  </si>
  <si>
    <t>英国石油公司(BP)处理漏油事件所需的成本还将进一步上升。相关测试显示，在美国德克萨斯州的海岸上已经发现用于堵塞墨西哥湾漏油的回收油球，这意味着包括路易斯安那州、密西西比州、阿拉巴马州、佛罗里达州和德克萨斯州在内的墨西哥湾各州都已经被泄漏的原油所污染。　　?</t>
  </si>
  <si>
    <t>美近期料不会宣称中国操纵汇率</t>
  </si>
  <si>
    <t>路透社的消息称，美国财政部最新汇率报告最早可能本周出炉，奥巴马政府或许不会冒着与中国发生外交冲突的危险，在拖延已久的财政部报告中把中国描述为汇率操纵国，而可能让国会决定是否应对中国采取强硬立场。　　　　分析人士称，政治考量和不愿妨碍中国自行推进汇改这两?</t>
  </si>
  <si>
    <t>加纳反对美国石油公司私下做交易</t>
  </si>
  <si>
    <t>加纳新闻部副部长阿布拉夸近日接受《经济参考报》记者采访时明确表示，加纳政府反对科斯莫斯能源加纳公司把其在加纳朱比利油田的股权出售给美国石油巨头埃克森美孚。　　　　据此间媒体报道，总部设在美国达拉斯的科斯莫斯能源公司日前写信给加纳总统米尔斯，请米尔斯批准?</t>
  </si>
  <si>
    <t>欧盟对华产品安全通报量翻番</t>
  </si>
  <si>
    <t>欧盟非食用消费品快速通报系统(RAPEX)近日发布2010年第26周(6月26日—7月2日)产品安全通报。通报显示，共43项产品存在质量问题，其中，对中国产品通告多达25项，占欧盟通报总数的58%，继续高居被通报国家首位。本周对华产品通报比上周的12项猛增了13项，增长幅度高达108%。其</t>
  </si>
  <si>
    <t>中国增持日本国债消息提振日元</t>
  </si>
  <si>
    <t>6日，由于日本机构投资者对有关中国今年前四个月大幅增持日本国债的消息做出了积极反应，亚洲汇市日元对美元和欧元走高。　　　　格林尼治时间04：50，美元兑87.60日元，低于前夜的87.75日元。欧元兑日元报109.80日元，前夜报110.02日元。　　　　日本财务省公布的数据显</t>
  </si>
  <si>
    <t>韩国：构建“国家卖场”一站式交易制度</t>
  </si>
  <si>
    <t>韩国政府采购制度曾经受到过腐败问题和权钱交易的困扰，但进入21世纪后，随着韩国政府打造的电子化政府采购系统正式启动，无论是在杜绝腐败、公平交易、提高效率、节约资金等方面，都收到了显著的效果，成为成功的典型代表之一。　　　　韩国政府采购规模庞大，其总额度相?</t>
  </si>
  <si>
    <t>日本：高门槛让外国企业不战而退</t>
  </si>
  <si>
    <t>日本政府采购没有统一的采购部门，而是由各有关部门根据需要，依照日本的《会计法》、《预算、决算及会计令》、《国家物品等特定采购程序的特别政令》、《政府采购协定》等有关法律法规有序进行，日本中央政府采购基本上采用分散采购的方式，通过招标实施。地方政府采购物品?</t>
  </si>
  <si>
    <t>中日韩三国“演义”3D电视</t>
  </si>
  <si>
    <t>如同史蒂夫·乔布斯用iPhone重新定义了手机一样，詹姆斯·卡梅隆的一部《阿凡达》让世界见识了3D的魅力。　　　　3D电影的成功同样让全球彩电巨头们沸腾不已。作为电视发展史上的重要技术革新，3D电视被很多人看作是电视产业的下一个发展方向。　　　　据市场研究公司Dis</t>
  </si>
  <si>
    <t>美国：政府采购禁止外国公司直接投标</t>
  </si>
  <si>
    <t>美国是世界上实行政府采购制度较早的国家之一，至今已有200多年的历史。从1991年开始，美国逐渐完善了政府采购体制和规则，实行集中采购和分散采购相结合的采购模式。　　　　美国政府采购的范围很广，各级政府为了开展日常政务活动或为公众提供公共服务，按照法定的方式、</t>
  </si>
  <si>
    <t>美国将用卫星监视太空碎片</t>
  </si>
  <si>
    <t>美国空军定于7月8日发射一颗卫星，以首次24小时专门监视外层空间的卫星和太空碎片。　　　　太空“观景”　　　　美联社7月3日报道，美国空军花费5亿美元打造这颗“天基宇宙监视卫星”。　　　　这颗卫星定于8日从加利福尼亚州范登堡空军基地发射升空，随后将在距地球?</t>
  </si>
  <si>
    <t>全国联动应对欧盟“双案”调查</t>
  </si>
  <si>
    <t>中国高科技企业首次面临来自欧盟贸易保护的大考。站在风口浪尖之上的数据卡企业能否成功迎接挑战？《经济参考报》记者密切跟进“欧盟对我国无线宽域网络调制解调器同时发起保障措施和反倾销双案调查”一案的进展情况，在7月5日召开的全国企业应诉会现场，独家采访了中国机电?</t>
  </si>
  <si>
    <t>发达国家能否兑现财赤削半承诺？</t>
  </si>
  <si>
    <t>20国集团(G20)多伦多峰会最关键也是最雄心勃勃的一个目标，就是发达国家承诺，到2013年将各自的财政赤字削减一半。这有其特殊背景：当前欧洲债务危机愈演愈烈，市场信心濒于崩溃，所谓乱世用重典，为赢得市场信心，自然需要相关国家采取断然的举动。　　　　但正如西方有句</t>
  </si>
  <si>
    <t>欧洲能源基金中国小试牛刀</t>
  </si>
  <si>
    <t>欧洲委员会(Council of Europe)5日批准向中国首支专注投资于能效的私募基金———绿星节能减排私募基金(以下简称“绿星”)投资1000万欧元。　　　　记者了解到5日宣布的投资协议内容为，“全球能源效率和可再生能源基金”原则性同意向绿星投资1000万欧元。公开资料显示，绿</t>
  </si>
  <si>
    <t>澳资源税方案因政府妥协达成一致</t>
  </si>
  <si>
    <t>澳大利亚总理朱莉娅·吉拉德7月2日宣布，政府已经与矿业行业就资源超级利润税的问题达成一致，各方给予积极评价。这一新方案标志着澳大利亚政府在5月份推出的原方案基础上作出重大妥协。根据新协议，政府同意放弃原打算向资源行业征收40%税率的资源超级利润税计划，取而代之?</t>
  </si>
  <si>
    <t>春和集团揽获10亿美元海洋工程大单</t>
  </si>
  <si>
    <t>企业基地横跨沪苏浙长三角地区、业务遍及全球的投资控股集团春和集团，日前宣布其旗下太平洋造船集团不仅揽获10亿美元海洋工程大单，而且获得中国进出口银行4亿美元融资支持。　　　　据介绍，春和集团控股的太平洋造船集团已与全球著名的海事服务商法国波邦(Bourbon)公司?</t>
  </si>
  <si>
    <t>英财政“瘦身”或是卡梅伦心理战术</t>
  </si>
  <si>
    <t>英国政府3日要求多个部门评估进一步削减公共开支的影响，拟设削减幅度高达40%，远高于上月紧急财政预算案中25%的预计目标。　　　　此“瘦身”方案一旦落实，难免拖累大量公职人员失业，可能遭到工会反对。英国媒体认为，这或许是首相戴维·卡梅伦针对英国民众发动的心理攻</t>
  </si>
  <si>
    <t>美众议院通过金融监管改革法案</t>
  </si>
  <si>
    <t>经过一年多的政治博弈，美国众议院6月30日最终通过了最后版本的金融监管改革法案，该法案朝着最终成为法律的目标迈进了关键一步。该法案还需得到参议院的最终批准并送交总统签字方能生效成为法律。　　　　据观察，经过两党之争下的妥协版本法案仍存在不少监管盲点，尤其是</t>
  </si>
  <si>
    <t>生物塑料虽好普及仍非易事</t>
  </si>
  <si>
    <t>美国企业今年为配合“地球日”纪念活动而推出的广告中，有几个画面引人注目：一个“阳光薯片”的空包装袋在土壤中慢慢融化，一支“比百美”牌原子笔在地下自行分解……　　　　薯片包装袋的材料用了聚乳酸(PLA)，原子笔的外壳用了聚羟基脂肪酸酯(PHA)，这是目前最时尚的两?</t>
  </si>
  <si>
    <t>海平面上升  海岛反变“大”</t>
  </si>
  <si>
    <t>新西兰和斐济研究人员发现，过去60年来，尽管海平面上升，但一些南太平洋岛国面积并没有减少，一些岛甚至变大。　　　　海洋地理学家认为，就人类应对气候变化而言，这项发现是“好消息”，但环境威胁依然存在，因为一些海岛可能因海平面上升变得不适宜人类生存。　　　?</t>
  </si>
  <si>
    <t>限薪草案奏响欧洲银行改革序曲</t>
  </si>
  <si>
    <t>欧盟将从明年起严格限制欧洲银行业高管的奖金数额，并为银行设定新的资本金要求，从而遏制过度冒险行为，抵御未来可能再次发生的金融危机。这一新规遭到了欧洲银行业的普遍反对。欧洲银行业认为，在全球其他地区没有实行类似规定的情况下，这将危害本来就还没有走出危机阴影?</t>
  </si>
  <si>
    <t>日本参院选举  消费税成焦点</t>
  </si>
  <si>
    <t>今年日本参议院选举的焦点是消费税，由于增加消费税是日本政坛之大忌，被日本媒体称为“鬼门”。在日本决定征收消费税的1989年，执政的自民党在参议院选举中遭到惨败；1998年，也就是日本政府将消费税提高到5%的第二年，自民党在参议院选举中再次败北。今年形势逼人，刚刚上?</t>
  </si>
  <si>
    <t>中国保险市场助推亚洲新兴市场走强</t>
  </si>
  <si>
    <t>瑞士再保险最新一期sigma研究报告《2009年度世界保险业》显示，全球保费收入略微下滑，中国保险市场强劲增长，推动亚洲新兴市场走强。　　　　报告显示，2009年全球寿险保费下降2%，至23320亿美元，原因是金融危机对投资连结产品的销售造成了严重冲击。在新兴市场，寿险保?</t>
  </si>
  <si>
    <t>瑞典央行上调基准利率</t>
  </si>
  <si>
    <t>瑞典中央银行1日宣布，将基准利率上调0.25个百分点，即从0.25%上调至0.5%。这是瑞典央行一年来首次上调基准利率。　　　　瑞典央行当天发表声明说，瑞典经济在经历了去年的严重滑坡之后，已出现强劲的发展势头。因此，现在需要逐步把基准利率上调到正常的水平，以确保经济?</t>
  </si>
  <si>
    <t>英国“大部制”机构推动网络融合产业发展</t>
  </si>
  <si>
    <t>英国通信办公室(Ofcom)是一个类似“大部制”的监管机构，它融合了电信、广播电视等多个管理机构的职能，有力促进了英国网络融合的进程。此间分析人士认为，在今后一段时间里，该机构仍将是英国广电、电信、互联网相关行业融合成一个数字经济“大产业”的重要推手。</t>
  </si>
  <si>
    <t>美金融监管改革议案删除银行税条款</t>
  </si>
  <si>
    <t>美国国会民主党人6月29日晚将预计总额190亿美元的银行税条款从金融监管改革议案中删除，换取共和党参议员对议案的支持。7月4日前能否完成金融监管改革立法再次成为未知数。　　　　民主党参议员罗伯特·伯德6月28日凌晨去世，使民主党人距离确保议案绕过程序性障碍所需的60</t>
  </si>
  <si>
    <t>紧急预算案能否挽救英国财政</t>
  </si>
  <si>
    <t>日前一期英国《经济学家》杂志刊登《P ickyourpoison》一文称，新一届英国联合政府的首要任务就是解决已达和平时期最高纪录的财政赤字。不久前，财政大臣乔治·奥斯本公布保守党和自由民主党联合政府上台以来首份财政预算案，宣布大幅削减公共开支并增加税收，以期五年内大幅</t>
  </si>
  <si>
    <t>未来三年三网融合将拉动近七千亿元投资消费</t>
  </si>
  <si>
    <t>工业和信息化部部长李毅中日前表示，三网融合试点方案已报国务院，“试点城市工作已经启动”。下一步，工信部将会同广电总局等部门抓好试点示范，推动“双向进入”，推进三网融合取得实质性进展。　　　　李毅中是在北京召开的“纪念建党89周年暨深入开展创先争优活动动员?</t>
  </si>
  <si>
    <t>曹妃甸：渤海湾上的耀眼明珠</t>
  </si>
  <si>
    <t>即使以人类的年龄来算，她也仅仅算是一个“襁褓中的婴儿”，从觉醒到焕发生机，用了不到10年的时间。10年的时间能干什么？10年的时间可以成就一个梦想，创造一个奇迹。10年以前，她是一个默默无闻的荒岛，10年以后，它是中外知名的“渤海明珠”。　　　　这个奇迹，就是曹?</t>
  </si>
  <si>
    <t>赤字削减预期下黄金价跌</t>
  </si>
  <si>
    <t>受美国复苏形势向好、二十国集团领导人峰会达成赤字削减共识以及获利回吐等因素的影响，纽约商品交易所28日黄金期货8月合约每盎司下跌17.6美元，收于1238.6美元，跌幅为1.4%。　　　　美国复苏形势整体向好的消息提振了市场情绪，削弱了黄金的避险需求。美国商务部28日公布</t>
  </si>
  <si>
    <t>ECFA今日签署</t>
  </si>
  <si>
    <t>据国台办消息，在29日的海协会与台湾海基会第五次领导人会谈中，两会将签署两岸经济合作框架协议(ECFA)以及两岸知识产权保护合作协议。　　　　专家纷纷表示，ECFA作为两岸官方签署的关于商品贸易、服务自由化的协议，其最重要的意义在于将两岸经贸关系推向了正常化、制度?</t>
  </si>
  <si>
    <t>中国造大飞机：两条腿走路</t>
  </si>
  <si>
    <t>6月23日，空客天津总装线总装完成并交付首架A320飞机整整一周年。截至这一天，已有22架天津总装的空客A320系列飞机在国内运营。到今年底，这一数量将进一步增加至37架。　　　　合作引进与自主研发，是中国发展大飞机“两条腿走路”思路的支撑。随着中欧合作民机项目按预定</t>
  </si>
  <si>
    <t>中国汇改将使跨国公司受益</t>
  </si>
  <si>
    <t>提要：中国汇改将有利于以中国消费者为对象的公司，而降低依赖于“中国制造”的公司的利润。不过，无论在海外还是中国国内，受益于人民币升值的公司将多于受损的公司。　　　　美国《华尔街日报》日前刊登贾森·迪安的一篇文章，题为《跨国公司可能受益于人民币》。　　?</t>
  </si>
  <si>
    <t>美国“荷包”太紧可用“时间”还债</t>
  </si>
  <si>
    <t>没有钱？没关系，可以用时间来换。　　　　在美国的“时间银行”(time  bank)里，顾客可以用计时劳动换取所需，既解决经济窘境，又有助邻里团结。　　　　成就所需　　　　玛丽亚·比利亚克雷塞斯今年28岁，家住宾夕法尼亚州阿伦敦。筹备婚礼时，她为资金犯了难，于是?</t>
  </si>
  <si>
    <t>蒙代尔指出  在全球信用评级体系中中国要扮演更重要角色</t>
  </si>
  <si>
    <t>在日前《经济参考报》记者对蒙代尔的专访中，他对全球信用评级体系作了自己的阐述。　　　　《经济参考报》：您曾经说过“对资本市场来说，建立一个独立、有效、公正的信用评级机构是至关重要的”，目前以美国穆迪、标准普尔、惠誉三大评级机构为主体的国际信用评级体系是?</t>
  </si>
  <si>
    <t>商务部对欧盟产碳钢紧固件征收反倾销税</t>
  </si>
  <si>
    <t>6月28日，商务部发布2010年第40号公告，公布了对原产于欧盟的进口碳钢紧固件反倾销调查的最终裁定。调查机关认定原产于欧盟的进口被调查产品存在倾销，国内碳钢紧固件产业受到了实质损害，而且倾销与实质损害之间存在因果关系，并决定自2010年6月29日起，对进口自欧盟的该产?</t>
  </si>
  <si>
    <t>BP漏油成本飙升  加深市场忧虑</t>
  </si>
  <si>
    <t>英国石油公司(BP)28日发表的一项声明显示，目前处理墨西哥湾漏油事故的总花费已达26.5亿美元。据《华尔街日报》报道，墨西哥湾沿岸的美国多个州都在酝酿向BP高额索赔。这进一步加深了关于漏油处理成本可能会超出预期的担忧，有分析甚至推测这起事故会导致英国石油公司递交破?</t>
  </si>
  <si>
    <t>低碳经济支撑消费电子未来</t>
  </si>
  <si>
    <t>2010年中国国际消费电子博览会（SINOCES）组委会近日发布消息说，2010年的SINOCES已把低碳经济列为本次展会的重点，将专门开辟“绿色地带”展区。作为亚洲最具影响力的消费电子展，SINOCES主办方希望借此全面展示全球消费电子领域最先进的低碳应用技术、最前沿的低碳运营模式</t>
  </si>
  <si>
    <t>英国：为方便患者推“药物中心”</t>
  </si>
  <si>
    <t>一种名为“药物中心”的自动售药机即将现身英国5家医院，24小时出售处方药，方便患者。英国政府计划，如试用获得各方好评，将在全国范围内推广。　　　　自动售药　　　　这种自动售药机只出售处方药。售药机分大小两种型号，大型机器可存储2000盒常用处方药，包括需要冷</t>
  </si>
  <si>
    <t>贻笑大方的“租白人撑门面”</t>
  </si>
  <si>
    <t>近期的美国《大西洋月刊》刊登了一篇有关中国的短文，题为《租个白人》(RentaWhiteGuy)，讲的是洋人在华打工之事。文辞幽默风趣，读来让人忍俊不禁，但其后则是五味杂陈。　　　　作者MitchMoxley写道，他不久前被美国一驻华企业聘用，前往山东担任公司的质检官员，周薪为1</t>
  </si>
  <si>
    <t>美国个人消费开支5月份增长略好于预期</t>
  </si>
  <si>
    <t>美国商务部28日公布的数据显示，美国个人消费开支5月份增长0 .2%，略好于经济学家此前预期的0.1%的增幅，这显示美国经济复苏仍在持续，尽管复苏步伐比较缓慢。　　　　这也是在过去9个月中美国个人消费开支第八个月出现增长，4月份个人消费开支没有有变化。数据还显示，5月</t>
  </si>
  <si>
    <t>美金融监管改革法案或为“独立日”献礼</t>
  </si>
  <si>
    <t>在长达21个小时的马拉松式谈判后，筋疲力尽的美国参众两院相关议员终于在当地时间25日清晨就各自版本的金融监管改革方案达成妥协。尽管美国总统将这份草案称作“大萧条”以来最为严厉的一次金融改革，但实际上华尔街游说团体已成功地将触及金融机构核心利益的部分监管内容从?</t>
  </si>
  <si>
    <t>增持美国债如何从无奈变主动</t>
  </si>
  <si>
    <t>16日，美国财政部国际资本流动报告(TIC)显示，今年4月中国增持美国国债50亿美元，持有总量为9002亿美元，继续居各国之首。这也是自去年11月以来，中国持有美国债总量再次超过9000亿美元。　　　　继3月份中国增持美国债177亿美元后，4月份又增持50亿美元。中国持美国债第一</t>
  </si>
  <si>
    <t>过度填海造地会带来报复性恶果</t>
  </si>
  <si>
    <t>围海造地是沿海地区为缓解用地紧张而采取的一项开发举措，荷兰、日本、新加坡等国家也都靠填海来解决土地矛盾。在我国沿海一些人多地少的地方，用地更为紧张，向海洋要地就成了各地不约而同的选择。　　　　然而，在用地需求猛增、土地价格猛涨的利益驱使下，个别地方过度?</t>
  </si>
  <si>
    <t>美国：进入全面推进纳米科技发展新阶段</t>
  </si>
  <si>
    <t>2000年美国正式发布“国家纳米技术计划”(NNI)，提出发展纳米科技的战略目标和具体战略部署，标志着美国进入全面推进纳米科技发展的新阶段。NNI是一项跨部门的系统工程，旨在确保美国在纳米技术方面的领先地位，同时也为提高国家经济竞争力提供支持。　　　　光学新材料和?</t>
  </si>
  <si>
    <t>物联网：美欧日抢占国际竞争制高点</t>
  </si>
  <si>
    <t>物联网正在成为继计算机、互联网和移动通信网之后全球信息产业的又一次科技与革命浪潮。日前在天津参加“中国物联网产业发展高峰论坛”的专家认为，近年来，美国、欧盟、日本等全力助推物联网发展，尤其在国际金融危机之后，更是加大了刺激措施，试图将物联网作为振兴经济、?</t>
  </si>
  <si>
    <t>斯蒂芬·罗奇：喜欢“倒着走”的银行家</t>
  </si>
  <si>
    <t>随着亚洲经济不断繁荣以及西方金融市场的急转直下，西方的银行家和基金经理们纷纷收拾行装，从西方向东方迁移。但是像往常一样，这回斯蒂芬·罗奇又要倒着走了：在香港生活了近3年的罗奇将于7月1日调任纽约。　　　　据悉，摩根士丹利驻香港亚洲区主席罗奇将调任纽约，担任</t>
  </si>
  <si>
    <t>“30年后将是‘超级钢铁’的时代”</t>
  </si>
  <si>
    <t>●我们的口号是“开发出强度为现代钢铁的2倍，寿命也为2倍的超级钢铁”     ●日本将不需要铁矿石了，所有的废铁都有可能被制造成“超级钢铁”。这也必将是中韩等国要走的路。    日本从1997年开始研究具有高强度和长寿命的“超级钢铁”。日本研究“超级钢铁”的初衷是什</t>
  </si>
  <si>
    <t>澳矿山巨头政治影响力浮出水面</t>
  </si>
  <si>
    <t>因为盛产“疯狂的石头”而备受国内关注的澳大利亚，如今却上演了更加疯狂的一幕。24日7时，澳大利亚执政党工党举行党内选举，在获得“零支持”后，陆克文的总理职位被副总理朱莉娅·吉拉德取代，国库部长韦恩·斯旺将担任副总理。　　　　“这虽然是一个党内选举，却更多体</t>
  </si>
  <si>
    <t>G8首脑会议难结经济成果</t>
  </si>
  <si>
    <t>今年的八国集团(G8)首脑会议将于25日在加拿大小城马斯科卡正式拉开帷幕。专家认为，此次会议将主要讨论和平与发展等传统问题，而在真正紧迫的全球经济复苏等问题上则难有成果。　　　　随着国际形势的变化，尤其是经历了全球金融与经济危机之后，不少专家认为，八国集团的?</t>
  </si>
  <si>
    <t>陈九霖国企任职资格遭网民质疑</t>
  </si>
  <si>
    <t>曾因“中航油事件”入狱的原中航油新加坡公司总裁陈久霖回归公众视野，他的新身份是中国葛洲坝集团国际工程有限公司副总经理，不同的是，名字更改为“陈九霖”。　　　　对于自称“从未放弃理想”的陈九霖，包容还是拒绝？国资委已经以事实作答，大多数网民却并不附和。网?</t>
  </si>
  <si>
    <t>中企积极“抱团”应诉陶瓷业反倾销调查</t>
  </si>
  <si>
    <t>19日，欧盟委员会宣布对中国瓷砖反倾销正式立案，如果反倾销指控成立，中国陶瓷企业将被课以高达430.5%的惩罚性关税，欧盟陶瓷市场将向“中国制造”关上大门。在“生死大考”面前，中国陶瓷企业主动“抱团”，积极应对这起中国陶瓷业有史以来最大宗的反倾销调查案。　　　?</t>
  </si>
  <si>
    <t>英法德将在G20共推银行税</t>
  </si>
  <si>
    <t>英国政府22日宣布明年起将根据银行的资产负债规模课征银行税。德、法随即与英国发表联合声明，表明将立刻跟进。欧盟主要国家至此已组成联合阵线，将在本周末举行的20国集团(G20)峰会推动全球银行税，凸显了与以美国为代表的重要成员国之间的意见分歧。　　　　英国财政大臣</t>
  </si>
  <si>
    <t>G20峰会：日本欲铆劲儿消除经济质疑</t>
  </si>
  <si>
    <t>日本新首相菅直人本周末将出席在加拿大多伦多举行的二十国集团峰会。由于这是菅直人首次作为首相在国际舞台上露脸，日本上下自然对此行十分重视。自2006年之后，日本每年换一个首相，鸠山由纪夫上台时间更短(只撑了8个月)，在国际舞台上不仅很难发挥“领导作用”，混个脸熟也</t>
  </si>
  <si>
    <t>澳拟征矿产重税没吓住中国企业</t>
  </si>
  <si>
    <t>21日，中国国家副主席习近平出访澳大利亚期间与澳方签署了总价值逾88亿美元合作协议，涉及领域主要为矿产业，再次显示澳拟开征矿业超额利润税并未抑制我对其投资兴趣，与当地矿企当下纷纷抵制甚至停工的局面形成鲜明对比。　　　　专家表示，我国在以铁矿石为代表的矿产贸?</t>
  </si>
  <si>
    <t>普华永道：未来五年中国媒体行业增速将超全球</t>
  </si>
  <si>
    <t>全球知名提供专业审计与咨询的公司———普华永道22日发布报告称，未来五年，中国娱乐及媒体行业将快速增长，年均增长率达到12%，远超全球5%的增长速度。　　　　这份名为《全球娱乐及媒体行业展望》的报告称，2009年，全球娱乐和媒体行业收入中，美国以4280亿美元居首位，</t>
  </si>
  <si>
    <t>北京地铁应学东京别搞“懒政”</t>
  </si>
  <si>
    <t>我的朋友华鲁沂看到近日中国媒体报道称，北京政府各部门近期集中回复了市政协委员的交通类提案，其中对陈杰委员“建议北京地铁高峰时段加价到五六元”这一建议的回复，引发民众和媒体的热切关注。北京市发改委表示，将开展轨道交通票制票价研究，包括研究采纳委员关于提高无?</t>
  </si>
  <si>
    <t>北京最早的大型游乐园黯然退场去向未定</t>
  </si>
  <si>
    <t>北京公交集团6月19日“就北京游乐园站更名征求乘客意见”，因为北京游乐园将要消失，保留站名“可能会误导乘客”。而公交站名一旦更改，有着23年历史的北京游乐园，将在北京这个大都市里消失得不留一丝痕迹。　　　　中日合资的北京游乐园6月17日合同到期，“因为一直亏损?</t>
  </si>
  <si>
    <t>通货紧缩仍是美国最严峻问题</t>
  </si>
  <si>
    <t>当地时间22日和23日，美联储将举行议息会议，市场普遍预计美联储不会调整利率，并将再次承诺在“较长时间内维持超低利率”。投资者将聚焦会后声明中措辞的任何微小变化，以推测这一全球最大经济体未来的货币政策走向。　　　　分析人士认为，投资者此刻更加关注欧洲经济形?</t>
  </si>
  <si>
    <t>世界经济复苏仍需“呵护”</t>
  </si>
  <si>
    <t>当前世界经济和金融形势显现出深刻而复杂的变化：欧洲债务风险凸显，金融市场动荡难平。在各种表象之下，宏观调控政策两难、经济内生动力不强、就业压力长期持续等深层问题亟待求解，世界经济复苏形势仍需悉心“呵护”。　　　　应对金融危机和经济衰退的一项重要实践，是?</t>
  </si>
  <si>
    <t>全球金融市场“谁主沉浮”</t>
  </si>
  <si>
    <t>今年上半年，全球金融市场普遍处于震荡中。半年已过，全球金融市场缘何反复震荡？今年全年金融市场走势究竟如何？记者就此采访了纽约、伦敦和东京等主要国际金融中心的业内人士。　　　　总部位于英国伦敦的投资银行蓝橡资本首席经济学家詹姆斯·斯图尔特说，今年上半年金?</t>
  </si>
  <si>
    <t>网络赌球大案揭开豪赌敛财内幕</t>
  </si>
  <si>
    <t>每到国际上有重大的足球赛事，网络赌球就蠢蠢欲动，随着南非世界杯开赛，赌球的不法分子又开始兴风作浪。与传统聚众赌博相比，网络赌博具有参赌便捷、资金流转快、聚集面更广、隐蔽性强等特点，加上赌博团伙以高“中奖率”为诱饵，使网络赌球等网络赌博违法犯罪活动近年来呈?</t>
  </si>
  <si>
    <t>中外能源巨头借世博“秀”低碳</t>
  </si>
  <si>
    <t>编者按：“中国在上海世博会上的环保努力，不仅将惠及7000万人次的世博会参观者，还将为上海2000万市民留下一份绿色资产。”这是联合国副秘书长兼环境规划署执行主任阿希姆·施泰纳先生对2010年上海世博会所做的评价。　　　　在全球劲吹低碳之风的大背景下，以“绿色”“?</t>
  </si>
  <si>
    <t>欧洲分歧或拖累G20峰会成效</t>
  </si>
  <si>
    <t>二十国集团(G20)第四次峰会将于6月26日至27日在加拿大多伦多举行。从第一次G20峰会拷问美国次贷危机引发的全球金融泡沫，到当前第四次G20峰会“会诊”全球经济，欧洲大陆成员国俨然因债务危机接过了需重点医治的“专家号”。可以预见的是，在国际金融监管、金融机构改革、退?</t>
  </si>
  <si>
    <t>中国粮仓的钥匙决不能让外资抢走</t>
  </si>
  <si>
    <t>秉承“全产业链渗透”战略，外资粮油巨头在中国粮食市场正“步步为营”。4月23日，在河南深耕十年的世界粮油巨头—新加坡丰益国际有限公司(下称“丰益国际”)投资的“益海嘉里”粮油项目，正式落户郑州经济技术开发区。　　　　与国内“大豆产业集体沦陷”的切肤之痛不同之</t>
  </si>
  <si>
    <t>BP公司会被中国企业并购吗</t>
  </si>
  <si>
    <t>一次看似简单的生产安全事故，让世界石油巨头BP公司陷入前所未有的困境，一个长期标榜“绿色”文化的公司顿然失去以往的一切光环，真可谓“一丑遮百优”。　　　　墨西哥湾石油泄露事件发生以来，BP公司招致美国民众、政府一片谴责和谩骂，公众形象一落千丈，面临着可能的?</t>
  </si>
  <si>
    <t>“午餐整容”风靡当真安全无害？</t>
  </si>
  <si>
    <t>只需花上吃顿午餐的时间，就可以立马让自己身材更曼妙、皮肤更光滑、鼻子更挺直……然后“焕然一新”地接着上班———标榜方便、快速、无痛、价廉的“午餐整容”近年成为英国爱美女性甚至男性趋之若鹜的时髦玩意儿，很多美容机构借此大发其财。　　　　快则快矣，“午餐整?</t>
  </si>
  <si>
    <t>走进日本豪农庄园</t>
  </si>
  <si>
    <t>新潟县古称越后，是日本的粮仓，所产“越光”米名震天下。新潟县内的泽海村是一个只有约300户人家的小村庄，却孕育了新潟县最大的地主。日前，笔者有幸参观了这座如今已经建为“北方文化博物馆”的著名豪农庄园。　　　　在江户时代中期的1756年，出身平民之家的文吉刚刚20</t>
  </si>
  <si>
    <t>非洲矿业董事长体密斯：让非洲来为中国铁矿石解困</t>
  </si>
  <si>
    <t>体密斯，罗马尼亚人，几乎没有任何傲人的学历和背景，16岁便开始在澳大利亚的矿山里工作，但是他的个人财富使他曾跃居澳大利亚首富。　　　　非洲矿业，是体密斯旗下众多资源公司中最令人骄傲的公司，并在2008年发现了世界上最大的、符合JORC规范的磁铁矿。为了顺利进行开?</t>
  </si>
  <si>
    <t>解读下半年市场揭示投资策略</t>
  </si>
  <si>
    <t>普益财富：　　　　金价仍有向上潜力人民币投资优于外币　　　　普益财富研究员在接受《经济参考报》记者专访时指出，下半年，美国经济将持续回暖，欧洲复苏仍困难重重，而国内经济也将面临国内生产速度放缓和通胀的双重困扰。在这种情况下，对于普通投资者来说：人民币?</t>
  </si>
  <si>
    <t>“智慧地球”：对中国意味着什么</t>
  </si>
  <si>
    <t>两年前，在美国纽约召开的外国关系理事会上，信息技术领域巨头IBM以题为《智慧地球：下一代领导人议程》的演讲报告，正式提出“智慧地球”的概念。翌年2月在北京召开的IBM论坛上，IBM更以“点亮智慧的地球，建设智慧的中国”为主题，宣传这一创新理念，从而引起社会各方的广?</t>
  </si>
  <si>
    <t>美英石油巨头“拷问日”共谴BP</t>
  </si>
  <si>
    <t>美国总统奥巴马15日晚在白宫就墨西哥湾原油泄漏事件对美国民众发表讲话，为漏油事件后的政府反应进行辩护，呼吁加快清洁能源开发，并重申英国石油公司(BP)必须为漏油事件埋单。当天数家美英石油巨头在美国国会的“拷问日”，上演了一出众企业为自保而一致指责BP的同业相煎大?</t>
  </si>
  <si>
    <t>欧盟峰会为债务危机寻治本之策</t>
  </si>
  <si>
    <t>欧盟成员国领导人17日将在布鲁塞尔举行峰会。面对欧洲债务危机造成的严重影响，外界普遍关注的重点是，此次欧盟峰会能否为摆脱危机并避免危机重演找到长久之策。　　　　债务危机充分暴露出一些欧盟成员国经济长期存在的结构性弊端。要想走出这场危机，欧盟必须着眼长远，?</t>
  </si>
  <si>
    <t>菅直人要把日本经济引向“第三条路”？</t>
  </si>
  <si>
    <t>日本政权再次更迭，新首相菅直人扬帆启航，现在看来还算顺利。目前，菅直人内阁支持率上升到58%，民主党的支持率也比自民党多了十几个百分点。别的不说，今年参议院选举民主党对胜利有了很大信心。如果参议院选举获胜，对菅直人政权继续执政将会奠定坚实的基础。　　　　菅</t>
  </si>
  <si>
    <t>世界杯：赚了眼球还赚钞票</t>
  </si>
  <si>
    <t>2010年南非世界杯今天在约翰内斯堡足球城体育场拉开大幕。对亿万球迷来说，这是四年一次的视觉盛宴，对国际足联(FIFA)来说，这是维系世界足球运动发展的资金源泉，对全球商家来说，这是一本不得不念的生意经。　　　　这笔买卖有多大　　　　作为全球足球运动中的一面大?</t>
  </si>
  <si>
    <t>菅直人迎“四关”</t>
  </si>
  <si>
    <t>日本民主党新任党首菅直人6月4日经国会指名选举出任首相。　　　　上台后，菅直人将直面内政、外交等4道难关。由于他接过的党首任期今年9月末到期，其间任何一道关口处置不当，均可能成为“滑铁卢”，步前任后尘，沦为又一位“短命首相”。　　　　普天间关　　　　导?</t>
  </si>
  <si>
    <t>香港春拍创佳绩  亚洲艺术品市场春暖花开</t>
  </si>
  <si>
    <t>香港佳士得春拍日前收槌，结束了香港拍卖市场一季的“喧嚣”。世界拍卖巨头苏富比和佳士得，今春分别创下最高和次高单季成交纪录；以香港为中心的亚洲艺术品市场呈现一派春暖花开的繁荣景象。　　　　拍卖纪录多次被改写　　　　4月3日，作为亚洲拍卖市场风向标，苏富比?</t>
  </si>
  <si>
    <t>美国国会可能审议针对中国汇率议案</t>
  </si>
  <si>
    <t>美国财政部长盖特纳及多名两党参议员于9、10两日相继对人民币升值施压。　　　　据路透社报道，10日，在参议院财政委员会就中美经济关系的听证会上，盖特纳表示中国人民币汇率制度的扭曲是重建全球均衡发展的障碍。　　　　盖特纳说，中国政府拒绝人民币升值正在造成亚洲</t>
  </si>
  <si>
    <t>防控口蹄疫不力  日本宫崎种牛险遭灭门</t>
  </si>
  <si>
    <t>日本宫崎县最近发生了口蹄疫疫情，这是时隔十年日本再次发生口蹄疫，和十年前不同的是，这次口蹄疫来势凶猛，日本损失惨重。2000年3月至6月，北海道发生口蹄疫疫情，但仅出现三例牛感染口蹄疫病例，宰杀处理牛740头，虽然也属于O型病毒，但相对感染能力较弱，没有在更大范围?</t>
  </si>
  <si>
    <t>墨西哥湾漏油奥巴马应做更多</t>
  </si>
  <si>
    <t>6月5日至11日一期英国《经济学家》刊登《谴责游戏》一文指出，尽管美国总统没有更好的办法阻止墨西哥湾原油泄漏，但总可以改善一下美国的能源政策。　　　　这次环境灾害是美国历史上同类事故中最严重的一起。由隶属于英国石油公司的深水地平线钻井平台在六周前因失误导致?</t>
  </si>
  <si>
    <t>“退出”时点不易选  欧美月内难加息</t>
  </si>
  <si>
    <t>刚刚闭幕的G20财长与央行行长会议达成共识，不同国家应根据自身情况选择刺激政策退出时机和实施力度，不过美欧在对待加息的态度上可谓不谋而合：预计10日欧洲央行在月度货币政策会议上仍维持1%的基准利率水平不变；而美国联邦储备委员会主席伯南克7日晚间表示，美联储会在“?</t>
  </si>
  <si>
    <t>商务部初裁认定欧盟产X射线设备存在倾销</t>
  </si>
  <si>
    <t>6月9日，商务部发布2010年第33号公告，公布对原产于欧盟地区的进口X射线安全检查设备反倾销调查的初裁决定，初步裁定进口产品存在倾销并对国内产业造成了实质损害，且倾销与实质损害之间存在因果关系。　　　　根据公告，自2010年6月10日起，进口经营者在进口原产于欧盟地?</t>
  </si>
  <si>
    <t>美国消费者真的恢复元气了？</t>
  </si>
  <si>
    <t>日前一期美国《商业周刊》刊登《零售商的困局》一文称，在决定今年晚些时候填满多少个货架之前，美国零售商们正在讨论最近消费者开支逐渐回升的趋势能够持续多久。　　　　从常理上讲，美国零售企业管理者的心情是好是坏，总是跟着顾客转。尽管5月25日公布的美国消费者信心</t>
  </si>
  <si>
    <t>BP为漏油损失买得起单吗</t>
  </si>
  <si>
    <t>墨西哥湾“深水地平线”油井平台4月20日发生爆炸，海底油井漏油演变成美国最大的环境和生态灾难。这场灾难的损失最终会有多大？美国政府要求肇事方英国石油公司(BP)承担这场环境和生态灾难的全部损失，英国石油公司也答应那样做。问题是英国石油公司有没有能力承担全部损失？</t>
  </si>
  <si>
    <t>齐天大圣牵起两岸神缘</t>
  </si>
  <si>
    <t>今年5月，继去年同期在福建厦门举办首届海峡两岸齐天大圣信俗文化论坛，由顺昌齐天大圣信俗文化交流协会和台湾台中市玄天宫管委会、马祖水部尚书公府管委会等共同主办的同名论坛，移步台中市举行，150多位两岸专家学者、齐天大圣信众开展了更有深度、广度的齐天大圣信俗文化?</t>
  </si>
  <si>
    <t>全球货币政策不同步背后的逻辑与风险</t>
  </si>
  <si>
    <t>6月初G 20财长和央行行长釜山会议开幕前夕，美联储主席伯南克发表讲话称，各国央行在收紧政策时不能过急或过慢，而应根据“本土因素”选择加息和退市的时机。这种态度显然与美国在2008-2009年全球金融危机期间呼吁各国保持货币政策同步的积极表现形成了鲜明反差。对于美国而?</t>
  </si>
  <si>
    <t>欧盟成员国财长支持征收银行税</t>
  </si>
  <si>
    <t>欧盟成员国财政部长在8日召开的月度例会上支持开征银行税，并将为此继续寻求在国际层面上达成协议。　　　　欧盟轮值主席国西班牙经济和财政大臣埃莱娜·萨尔加多在会后举行的新闻发布会上说，虽然日前于韩国釜山召开的二十国集团财长和央行行长会议未能就征收银行税达成一</t>
  </si>
  <si>
    <t>匈牙利“自曝家丑”莫非闹剧一场</t>
  </si>
  <si>
    <t>匈牙利部分执政党领导人和政府官员上周突然宣称，该国有可能重蹈希腊覆辙，陷入“破产”境地。此言一出，饱受欧洲主权债务危机困扰的全球投资者信心再遭打击，世界主要金融市场一度剧烈波动。　　　　在经过几天的观察之后，多数分析人士认为，匈牙利部分执政党领导人和政?</t>
  </si>
  <si>
    <t>希腊政府否认将退出欧元区</t>
  </si>
  <si>
    <t>希腊政府发言人乔治·佩塔罗蒂斯8日谴责新一轮关于希腊政府可能出现债务违约并且退出欧元区的谣言。　　　　他说“很明显这些无中生有之词将干扰希腊克服当前的经济危机。所有这些谣言给希腊人民和金融市场带来一种不安定气氛。”　　　　尽管希腊政府一再保证将全力以赴</t>
  </si>
  <si>
    <t>美对华贸易救济措施为何“每周一案”</t>
  </si>
  <si>
    <t>去年初奥巴马上台后，先是“购买美国货”条款，后又是轮胎特保案，美国政府的贸易保护主义大棒高举；而近来一波紧似一波的“双反”制裁(反倾销和反补贴)，则让美对华贸易救济措施更是做到了“每周一案”甚至“每周数案”。　　　　比如，5月17日，美对中国产钢绞线实施“双</t>
  </si>
  <si>
    <t>瑞典：弃纺织造船老支柱  扶制药电子新产业</t>
  </si>
  <si>
    <t>瑞典利用没有卷入两次世界大战的机遇，而跻身于世界最富国行列。同样，这个北欧富国上世纪后30年面对挑战，进行了两次重大的发展战略调整，从而为保持进入21世纪后的经济繁荣奠定了坚实的基础。　　　　大刀阔斧进行产业结构调整　　　　上世纪60年代是瑞典战后经济发展?</t>
  </si>
  <si>
    <t>印电信设备禁令“外松内紧”稍对我有利</t>
  </si>
  <si>
    <t>据印度媒体报道，印度总理办公室、内政部和电信部以及情报局的高级官员日前共同作出决定，外国通讯设备生产商只要能通过国际认证机构实地考察后的安全审批，其产品就可出口到印度市场。进口这些电信设备的印度电信运营商则必须向印度通信部提供银行担保，一旦此后出现任何安?</t>
  </si>
  <si>
    <t>高盛的中国阴谋与暗算何以得逞？</t>
  </si>
  <si>
    <t>在美国司法部门调查高盛“欺诈门”事件消息传出后，笔者就曾撰文指出，高盛在华尔街的“欺诈手段”是否对中国使用过，高盛在中国有多少“罪”需要有关部门调查清理，需要一些企业站出来揭露举报。　　　　不幸被笔者言中。当涉嫌欺诈而失去道德操守的高盛已经遭遇美欧国家?</t>
  </si>
  <si>
    <t>英国首相重申将大幅削减财政赤字</t>
  </si>
  <si>
    <t>英国首相卡梅伦7日重申将大幅削减财政赤字，并表示这一行动将会影响到每一个人且将长期持续下去。　　　　卡梅伦当天在伦敦附近城市发表讲话时说，英国财政赤字问题比人们原先想象的严重，因此它可能导致的潜在后果也将比人们以前担心的严重。因此，削减财政赤字的决定将影</t>
  </si>
  <si>
    <t>滇缅合力打造跨境立体交通运输网</t>
  </si>
  <si>
    <t>近日，中缅双方交通部门签署了中缅孟公路瑞丽至皎漂项目合作备忘录，国家将安排资金推进木姐—腊戍、腊戍—曼德勒—皎漂铁路项目的前期工作，同时中缅双方进一步探讨了开展中缅陆水联运合作的可能性，有力推动了云南省面向东南亚、南亚国际大通道建设进程。　　　　云南省?</t>
  </si>
  <si>
    <t>幸福不能只用金钱衡量</t>
  </si>
  <si>
    <t>如果我们用货币符号衡量人类的幸福，北美人可能是世界上最愉快的群体。其实也不尽然，尽管他们50多年来始终保持着经济增长和物质消费，北美人的幸福感和许多福利指标却在下降。我们又该如何重新定义幸福的含义？　　　　为了回答这一问题，加拿大幸福经济学家马克·安尼尔?</t>
  </si>
  <si>
    <t>绝地反击,中国钢企开拓自主矿山版图</t>
  </si>
  <si>
    <t>中国钢企长期严重依赖巴西淡水河谷、澳大利亚力拓和必和必拓三大国际矿企的局面正在悄然发生变化。虽然这三大矿企仍然垄断了国际铁矿石贸易的大部分市场，但不愿坐以待毙的中国钢企正在通过自建矿山、海外收购、转移进口地等方式，变被动接受为主动出击，强势反击三大矿企不?</t>
  </si>
  <si>
    <t>房地产税很犀利</t>
  </si>
  <si>
    <t>据5月31日中国政府网的消息，国务院同意发展改革委《关于2010年深化经济体制改革重点工作的意见》，《意见》中明确提出，逐步推进房产税改革。这令房产税开征的预期再度升温。网上纷纷传言，上海楼市调控细则近期有望公布，万众瞩目的房产税条款很可能包含其中。这次，政府好</t>
  </si>
  <si>
    <t>G20釜山会议：刺激政策应慢点退</t>
  </si>
  <si>
    <t>作为多伦多G20峰会的预备会议，6月4日和5日在韩国釜山召开的G20财长和央行行长会议上，仍未平息的欧洲债务危机成为讨论的热点。专家指出，从这次会议传来的信息表明，恢复信心、力保复苏仍是世界各主要经济体面对的主要问题。这次会议将对全球市场中期走势起到重要引导作用。</t>
  </si>
  <si>
    <t>BP堵漏初传捷报  难消黑色梦魇</t>
  </si>
  <si>
    <t>英国石油公司(BP)当地时间4日宣布，已成功用一个漏斗状装置“盖住”墨西哥湾海底的漏油油井，并开始将部分泄漏的原油和天然气输送到海面上。　　　　然而，这对BP来说仅仅是缓解了一下燃眉之急。自4月20日墨西哥湾漏油开始以来，英国石油公司已是焦头烂额———市值大幅缩?</t>
  </si>
  <si>
    <t>全球500强不见中国民企踪影</t>
  </si>
  <si>
    <t>英国《金融时报》发布了全球500强企业排名。这张500强名单中共有21家在中国内地上市企业，全部为大型国有或国有控股企业，行业涵盖金融、化工、建筑、运输等。　　　　笔者要说的是，从世界500强的榜单上暴露出中国经济、中国企业结构存在的严重问题，这些问题很令人忧虑。</t>
  </si>
  <si>
    <t>匈牙利债务迷局将欧元推至4年新低</t>
  </si>
  <si>
    <t>尽管美国公布的最新就业数据不尽如人意，但是由于市场投资者担心希腊债务危机在匈牙利重演，欧元对美元汇率4日跌破1比1.20的重要关口，创下4年来新低。　　　　匈牙利新政府指责前任政府编造数据，隐瞒财政状况。这成为导致欧元对美元汇率破位的直接诱因。匈牙利虽然不是欧</t>
  </si>
  <si>
    <t>托尼·海伍德：深陷油污的BP总裁</t>
  </si>
  <si>
    <t>BP(英国石油公司)引发了美国的一场大灾难。　　　　BP虽不能算是多灾多难，但近来也能算是倒霉透顶了。海伍德的运气实在是不太好，上任三年来努力换得的靓丽业绩单，现在又面临着因罕见的漏油事件而“打水漂”的局面。托尼·海伍德本人在近日的道歉中坦言：“没有人比我更?</t>
  </si>
  <si>
    <t>美国债规模创历史新高</t>
  </si>
  <si>
    <t>美国财政部6月2日公布数据显示，美国国债6月1日突破13万亿美元，创历史新高，相当于国内生产总值的近90%，国债数目过去10年间增加两倍多。　　　　在近来美国财政赤字不断激增的背景下，其国债规模创下历史新高并不让人感到意外。面对随时可能到来的公众责难，美国国内两大</t>
  </si>
  <si>
    <t>巴菲特听证会上耍太极</t>
  </si>
  <si>
    <t>享有“股神”美誉的美国投资大师沃伦·巴菲特与评级机构穆迪公司首席执行官雷蒙德·麦克丹尼尔2日一同现身由美国金融危机调查委员会(FCIC)在纽约举行的听证会，就信用评级机构在此次金融危机中的角色接受质询。　　巴菲特此前三次拒绝FCIC邀请，但一纸传票，他不得不站在了</t>
  </si>
  <si>
    <t>机构预测5月份CPI涨幅超3%</t>
  </si>
  <si>
    <t>进入6月，各经济研究机构纷纷针对5月份经济指标发表预测，普遍认为5月份我国居民消费价格(CPI)涨幅将超过3%的温和通胀线，并且随后几个月涨势可能进一步加快。由于我国经济受到国际上欧盟债务危机加剧、国内宏观调控力度加大双重影响，增长势头可能有所放缓，部分机构担心滞?</t>
  </si>
  <si>
    <t>行者无疆环游世界不是梦</t>
  </si>
  <si>
    <t>没有充足的经费、没有精良的装备，有的只是意志与激情，他们就这样开启了环球之旅，颠簸春秋冬夏，历尽路途风霜。对于这些行者，旅行的意义不仅在于挑战身体和精神的极限，更是在呼唤更多的人加入到这种旅行方式中。　　英国现代版“奥德赛”：格雷厄姆·戴维·休斯　　?</t>
  </si>
  <si>
    <t>美国的能源战略：再遭禁令近海采油新政受阻</t>
  </si>
  <si>
    <t>据外媒报道称，今年3月底，考虑到国内石油供应受到恐怖主义、原油需求和全球石油储藏量下降等因素的影响正在不断加大，美国政府宣布对墨西哥湾海域隐藏的深海油田进行开采，并预计到2020年该地区开采的石油将占到美国石油供应的40%。不幸的是，计划宣布还不到一个月，BP公司?</t>
  </si>
  <si>
    <t>iPad风靡日本  恰似当年“黑船来袭”</t>
  </si>
  <si>
    <t>美国苹果公司的信息终端“iPad”登陆日本。像一块巨石投入平静的水面，掀起层层波澜，巨大的冲击力涉及多个层面，影响之深远随着时间的推移将日益凸显。　　　　“iPad”走红日本首先对同行造成巨大的冲击，索尼已在美国推出电子书终端“READER”，占美国电子书市场的30%，</t>
  </si>
  <si>
    <t>摩纳哥纯电动赛车闪亮世博会</t>
  </si>
  <si>
    <t>在上海世博会摩纳哥馆内，一辆由文图瑞生产的纯电动G T赛车的原型吸引了越来越多参观者的眼球。摩纳哥是世界上第二小的国家，总人口仅三万多，却在政府的大力推动下，使得国家内电动汽车比例创出世界新高。究其原因，政府的大力推动和政企的紧密合作是摩纳哥电动汽车产业飞速</t>
  </si>
  <si>
    <t>G20财长会议面临两大难题</t>
  </si>
  <si>
    <t>20国集团(G20)财长和央行行长会议将于6月4日至5日在韩国釜山召开。综合国内外业内人士的观点，作为月底将于加拿大多伦多召开的G20峰会的“预备会”，财长会议将重点讨论全球金融监管议题，经济刺激政策的退出也将被充分讨论。　　　　据路透社消息，韩国财政部长尹增铉在6?</t>
  </si>
  <si>
    <t>居全球500强首中石油是否真的很“强”</t>
  </si>
  <si>
    <t>据《北京日报》报道，英国《金融时报》日前发布了全球五百强企业排名，中石油首次超过美国埃克森石油公司，成为全球市值最大的企业……　　　　尽管有专家表示，衡量企业实力，光靠市值是不够的，但中国企业第一次站在排名榜首，显然是应该值得骄傲的事，然而，却听到一片?</t>
  </si>
  <si>
    <t>日政局变化拖累股市走低</t>
  </si>
  <si>
    <t>受前一个交易日纽约股市大跌及日本政局变化等因素影响，6月2日东京股市日经225种股票平均价格指数下跌1.12%。　　　　尽管6月1日美国公布的国内经济数据利好，但投资者对欧洲银行业健康状况的担忧等因素使纽约三大股指跌幅均超过1%。受此影响，东京股市6月2日早盘低开，索?</t>
  </si>
  <si>
    <t>未来科技：俄印巴西新兴之路</t>
  </si>
  <si>
    <t>俄罗斯：10年重塑科技大国形象　　　　席卷全球的金融风暴给长期依赖能源出口的俄罗斯经济带来沉重打击，俄政府为此出台了一系列反危机措施，计划用10年时间调整经济结构，改变过分依赖能源资源经济发展模式，建立创新型经济。俄正试图通过行政手段和科学规划，重塑科技大?</t>
  </si>
  <si>
    <t>世贸组织对中国贸易政策的指责不公正、不客观</t>
  </si>
  <si>
    <t>美欧那些抨击中国限制本国钨、锑、稀土等战略性资源和铝钒土、金属硅、焦炭等其它多种原材料出口的人要高兴了，因为世贸组织在两年一度的《中国贸易政策评估报告》中对中国的这方面政策加以批评，欧盟驻世贸组织事务代办约翰·克拉克(JohnClarke)已经援引WTO的报告来证明己方</t>
  </si>
  <si>
    <t>墨西哥湾或促生“黑色风暴”</t>
  </si>
  <si>
    <t>美国6月1日开始进入每年热带气旋活动最为频繁的“飓风季节”。墨西哥湾是热带气旋登陆美国的主要路径之一，但眼下遭受美国历史上最严重的石油泄漏事故。　　　　一些专家担心，热带气旋夹杂泄漏原油，可能变身“黑色风暴”，扩大石油污染范围，对生态系统造成长期危害。?</t>
  </si>
  <si>
    <t>原油泄漏事件暴露美国政府管理疏失</t>
  </si>
  <si>
    <t>英国石油公司5月29日宣布，用于封堵墨西哥湾油井漏油的“灭顶法”工程已经失败。这场漏油事故，已经使美国开发近海石油的国策中断，给出事海域的生物带来“灭顶之灾”，对美国南部海岸的渔业及渔民生计造成难以弥补的打击。　　　　美国政府对这一事故的应对措施在美国国内</t>
  </si>
  <si>
    <t>日政坛陡增变数  经济复苏或受拖累</t>
  </si>
  <si>
    <t>日本社民党5月31日决定，一旦有政党在众议院提出对内阁的不信任案或在参议院提出对首相鸠山由纪夫的问责决议案，社民党将表示支持。　　　　此前，由于在普天间基地迁移问题上意见相异导致内阁意见无法取得一致，日本首相鸠山由纪夫28日罢免了社民党党首福岛瑞穗担任的消费</t>
  </si>
  <si>
    <t>中日韩自贸区谈判加速</t>
  </si>
  <si>
    <t>尽管韩国舆论关心的只是政治，但刚刚结束的第三次中日韩领导人会议主题还是经济。　　　　为期两天的第三次中日韩领导人会议30日在韩国济州岛落下帷幕。十分微妙的是，在对这一重大外交事件的报道中，韩国媒体长篇累牍的报道都是围绕三国领导人在“天安”号事件上谈判展开?</t>
  </si>
  <si>
    <t>特高压输电全国联网待提速</t>
  </si>
  <si>
    <t>依托特高压技术，变输煤为主的能源输送方式为输电输煤并举，加快有关部门审批进度，建设全国联网的“电力高速路”，正成为部分业内人士的共识。　　　　“往后几年，随着经济发展，山东等沿海地区电力供需矛盾将呈现日益严峻态势。”国家电网山东电力集团公司发展策划部电?</t>
  </si>
  <si>
    <t>美高官如何盘点第二轮中美战略与经济对话</t>
  </si>
  <si>
    <t>“In an earlier era we  might have experi-enced  a  lasting  setback，”H illary  Clinton  said.“This dialogue……helped put us rapidly back on  a positive track.”　　　　美国国务卿希拉里·克林顿说：“之前两国关系可能经历了一段长时间的倒退，但此次对话</t>
  </si>
  <si>
    <t>搜寻地外文明</t>
  </si>
  <si>
    <t>茫茫宇宙，究竟有没有外星人？美国硅谷有一批科学家执著地相信，人类不是孤独的智慧生命，银河系存在着大约1万个地外文明。半个世纪来，他们孜孜不倦地探索星空，希望接收到来自遥远星球的信号。　　　　地球也许隐藏玄机　　　　心理学家保罗·戴维斯在其新书《可怕的寂</t>
  </si>
  <si>
    <t>欧债危机“病”来如山倒“病”去如抽丝</t>
  </si>
  <si>
    <t>危险的信号再次传来。伴随着泛欧600指数下跌2.5%，报收232.11点，并创下自去年9月3日以来8个月间的新低，欧元区边缘国家股市相继陷入熊市。　　　　有人评价这些欧元区边缘国家说，它们够浪漫，好享受；但不够勤奋，不肯捱苦；不懂精打细算，有异于德国等中欧国家，因此经?</t>
  </si>
  <si>
    <t>美地方债危机或将导致新一轮衰退</t>
  </si>
  <si>
    <t>正当欧洲债务危机是否拖累全球经济二次探底的争论尚未停止时，美国敲响的地方债危机警钟如同幽灵一般又侵袭而来。专家表示，全球经济复苏是伴随着债务的更高速增长进行的，而此波债务问题更可能在复苏未稳的当下引爆新一轮世界经济危机。　　　　美地方政府破产警钟拉响?</t>
  </si>
  <si>
    <t>加快期货市场发育有助形成“中国价格”</t>
  </si>
  <si>
    <t>随着近年我国期货市场的发展，部分领域和品种的“中国价格”和“中国规则”逐渐得到认可，我国在国际市场相关品种定价、维护正当权益方面的话语权有所增强。专家认为，学习美国和其他西方国家利用衍生品市场的经验，加快发育商品期货市场，参与国际资源和利益分配，充分利用?</t>
  </si>
  <si>
    <t>中国减持欧债传闻引发市场震荡</t>
  </si>
  <si>
    <t>针对外电有关“中国外管局正在评估所持欧元债券”的报道，中国国家外汇管理局27日在其官方网站上回应称，“这一报道毫无事实根据”，中国外汇储备作为负责任的长期投资者，始终坚持分散化投资原则，欧洲市场过去、现在和将来都是外汇储备最主要的投资市场之一。　　　　上?</t>
  </si>
  <si>
    <t>联合国报告认为世界经济2010年将增长3%</t>
  </si>
  <si>
    <t>联合国26日发布的更新版《2010年世界经济形势与展望》报告指出，在中国和印度等经济发展势头良好的发展中国家的带动下，2010年世界经济增长率预计将达到3%。　　　　报告说，由于各国政府采取了财政刺激方案和扩张性货币政策，世界大多数经济体在2009年后期和今年初出现正?</t>
  </si>
  <si>
    <t>《工资条例》是“酸葡萄”还是“甜鸭梨”</t>
  </si>
  <si>
    <t>来自美国的次贷危机最终演化成全球金融危机，新的一轮全球化进程就此戛然而止。至此，前些年过于注重出口的中国人突然发现，居民收入的相对不足根本难以扩大内需，于是通过改变居民收入分配格局提高一般民众的收入水平成为当务之急。　　　　在此背景下，人力资源与社会保?</t>
  </si>
  <si>
    <t>地球屡闹情绪 太阳疑似“捣鬼”</t>
  </si>
  <si>
    <t>美国电影《2012》演绎的玛雅人的“末日说”，一度给人们带来无数猜测和争论。今年以来，世界各地相继出现的极端天气，使“2012”这一敏感的数字变得愈加扑朔迷离。一种微妙的“末日心态”甚至给人们正常的社会和生活秩序带来了干扰。  “2012”真的会应了玛雅人古老的预言?究</t>
  </si>
  <si>
    <t>澳大利亚经济稳健增长</t>
  </si>
  <si>
    <t>日前一期英国《经济学家》杂志刊登《In ruddy health》一文称，尽管澳大利亚民众对总理陆克文的支持率一度下降，但难以抹杀其带领澳大利亚经济从全球经济衰退中率先突围的功劳。    因在本次全球性衰退中侥幸逃生，澳大利亚经济得以在发达国家阵营中脱颖而出。澳大利亚</t>
  </si>
  <si>
    <t>中美对话：两大议题悬而未决</t>
  </si>
  <si>
    <t>为期两天的第二轮中美战略与经济对话25日在北京落下帷幕。这次阵容空前的高端对话中，两国就推进新时期双边关系、促进经济强劲复苏以及促进互利共赢的贸易和投资等问题进行了深入沟通，签署了多项合作文件，对话取得积极成果。但是，专家也指出，虽然有了诚意和最新表态，但?</t>
  </si>
  <si>
    <t>美国不良资产救助计划渐获认可</t>
  </si>
  <si>
    <t>在美国政府应对本轮金融危机的经济政策当中，总额达7000亿美元的“不良资产救助计划”(TARP)自诞生之初就备受争议，反对者认为纳税人可能将为华尔街银行业买单。不过官方数据显示这项计划的预估损失额度正逐步降低。　　　　根据美国财政部21日公布的最新报告，截至今年3月</t>
  </si>
  <si>
    <t>外资渗入国内种业的潜在威胁值得警惕</t>
  </si>
  <si>
    <t>美国先锋公司进入我国多年来始终致力于大量的基础性研究，自从2005年推出第一个玉米品种———先玉335以来，在吉林省迅速掀起抢种狂潮，种植面积不断扩大，到目前已超过全省玉米播种面积10%。　　　　目前，先玉335的价格已经在国内玉米品种中处于领军地位，每公斤种子已经</t>
  </si>
  <si>
    <t>中美关系需要持续的理性精神</t>
  </si>
  <si>
    <t>第二轮中美战略与经济对话5月24日至25日在北京举行。回顾过去一年多中美关系的发展，回归理性已成为当前现实，也是未来中美双边关系持续向前发展的内在要求。　　　　过去一年多，中美关系可谓经历了不少波折。2009年2月，奥巴马政府上台之后，一改以往美国新一届政府上台?</t>
  </si>
  <si>
    <t>欧洲债务危机冲击亚洲出口</t>
  </si>
  <si>
    <t>英国《金融时报》中文网站5月24日刊登题为《欧元危机殃及亚洲》的文章。文章指出，欧洲债务危机及其对欧洲经济复苏的拖累，对亚洲企业造成了严重的冲击。　　　　欧元对亚洲各币种贬值，令亚洲出口产品在欧元区这一最大海外市场之一更为昂贵。不过，亚洲企业最大的担心在于</t>
  </si>
  <si>
    <t>美中可能在人民币及美国债问题上相互妥协</t>
  </si>
  <si>
    <t>美中在人民币问题上分歧仍旧巨大，但另一方面，两国关系在分歧之外更有通过美国债建立起来的紧密联系，人民币汇率与美国债市场的供需环境存在千丝万缕的联系。对中国来说，为抑制物价过快上涨所必需的宏观经济政策，恐怕将使大规模汇率介入难以为继。因此，在美中战略与经济?</t>
  </si>
  <si>
    <t>怎么看“第三世界终结论”</t>
  </si>
  <si>
    <t>世界银行行长佐利克是一个极富远见的政治家，也是不少政治新概念的始创者。在不久前我旁听的一次演讲中，佐利克又发表新论，声称“第三世界”的概念已经终结，世界经济正进入新多极时代。　　　　谈论多极世界应该不算太过新鲜，但宣告“第三世界”终结，却颇有振聋发聩之?</t>
  </si>
  <si>
    <t>美英等国与希腊和意大利一样债务缠身</t>
  </si>
  <si>
    <t>美国《新闻周刊》网站5月3日发表拉娜·福鲁哈尔的一篇文章，题为《世界颠倒了———如今的希腊会成为新的巴拉圭吗？》。作者指出，人类文明的摇篮不得不重新将自己标榜为巴拉圭。这确实十分悲惨。国际货币基金组织和欧盟很可能会总共拿出600亿美元资金救助希腊。但希腊并非是</t>
  </si>
  <si>
    <t>2010世界杯：南非的佳酿还是苦酒？</t>
  </si>
  <si>
    <t>“即便我们宣布世界杯明天就开幕，南非各方面照样能应对自如，其比赛场馆及基础设施建设均已准备就绪”。国际足联秘书长瓦尔克日前如此评价即将于6月11日拉开战幕的2010年世界杯筹备工作。　　　　从历尽艰辛的两次申办，到耗时几乎六年的筹备，“彩虹国度”的居民终于能像</t>
  </si>
  <si>
    <t>中美定调后危机时代经贸关系</t>
  </si>
  <si>
    <t>24日，美国商务部部长骆家辉将与国务卿希拉里、财政部部长盖特纳会师北京，一同率领来自美国政府各个部门的200多位官员，与中国国务院副总理王岐山和国务委员戴秉国开始为期两天半的中美战略与经济对话。　　　　此次开启的中美战略与经济对话，被业内定义为中美关系的重要</t>
  </si>
  <si>
    <t>欧元何去何从</t>
  </si>
  <si>
    <t>自希腊主权债务危机引发欧洲整体经济动荡以来，欧元一直承受巨大压力，欧元区财长纷纷传达共同捍卫欧元的决心。而上周，因监管改革等因素影响，欧元又连创新低，对美元已跌至近四年最低位。这一影响16国命运却面临生存考验的货币，究竟何去何从？　　　　“It is a questio</t>
  </si>
  <si>
    <t>中化股份收购巴西Peregrino油田40%的权益</t>
  </si>
  <si>
    <t>记者23日从中国中化股份有限公司(简称中化股份)获悉，中化股份日前与挪威国家石油公司(StatoilA SA )达成协议，以30.7亿美元的对价购买其位于巴西海上Peregrino油田40%的权益。这项收购是中化股份迄今最大规模的海外收购。　　　　Peregrino油田位于距离巴西海岸85公里的海</t>
  </si>
  <si>
    <t>奇趣博物馆</t>
  </si>
  <si>
    <t>历史博物馆、自然博物馆、艺术博物馆……在这些耳熟能详的博物馆之外，你还知道哪些博物馆？　　　　在第34个“国际博物馆日”来临之际，请与本报驻外记者一起探访世界各地那些鲜为人知而又新奇有趣的“迷你”博物馆。　　　　荷兰　　　　木鞋博物馆　　　　木鞋、?</t>
  </si>
  <si>
    <t>“股神”之子彼得·巴菲特</t>
  </si>
  <si>
    <t>美国“股神”沃伦·巴菲特之子彼得·巴菲特没有像父亲一样投身商界，而是通过艰苦努力，成为一名作曲家和音乐人。　　　　彼得最近出版新书《人生由你打造》，记录了自己的人生经历以及父亲给他的帮助。彼得引用父亲常说的一句话总结道：有能力的父母应该给子女留下一笔财?</t>
  </si>
  <si>
    <t>玩新意拼创意有机产品英国俏</t>
  </si>
  <si>
    <t>在大力提倡绿色环保的今天，越来越多的人开始选择天然健康的生活方式，以环保、健康和可持续发展为特色的天然产品和有机产品也随之受到人们青睐。　　　　在不久前于伦敦举行的第14届欧洲天然和有机产品展就颇为引人注目。作为英国最大规模的天然和有机产品展，展览吸引了?</t>
  </si>
  <si>
    <t>两国经济敏感问题“静悄悄”沟通</t>
  </si>
  <si>
    <t>似乎已成为惯例，每次中美高层对话之前，“人民币汇率”总是被各方广泛提及的话题之一。但是，第二轮中美战略与经济对话前夕，从各方反应来看，“升值”被最大程度地淡化，一切仿佛都应了20日中国财政部部长助理朱光耀讲话中的一个词———静悄悄。　　　　首先，从市场情?</t>
  </si>
  <si>
    <t>收拾高盛</t>
  </si>
  <si>
    <t>最近美国开始对高盛等投行展开调查。在希腊债务危机中，高盛的角色非常不光彩，欧洲认定高盛已经“道德破产”，美国证监会和检察机构已经对高盛展开刑事调查。受到同样待遇的，还有大摩。除此之外，美国还有几家投行也受到证监会和检察机构的民事调查。此次美国对华尔街投行?</t>
  </si>
  <si>
    <t>中国电信公司仍难破印度3G设备市场坚冰</t>
  </si>
  <si>
    <t>印度9家电信运营商竞争的3G牌照拍卖19日结束，印度政府通过拍卖共获得146亿美元的收入，是此前预期收入的两倍。这本是中国电信设备公司价格优势凸显的时候，但却在3G牌照拍卖开始前遭到印度政府事实上的禁令，直到目前尚未有通过安全审查的迹象。中国公司曾表示，若不能赶上?</t>
  </si>
  <si>
    <t>日本人如何承受“失去的二十年”</t>
  </si>
  <si>
    <t>上个世纪九十年代日本泡沫经济破灭之后，日本国内经济长时期一蹶不振，被人称为“失去的十年”。然而，到现在为止，日本并没有彻底摆脱经济低迷的迹象，因此，不少日本人感觉这是“失去的二十年”。　　　　日本最辉煌的时期是上个世纪90年代初期，1993年日本人均G DP排名?</t>
  </si>
  <si>
    <t>急功近利造不出“一流大学”</t>
  </si>
  <si>
    <t>据《新京报》报道，教育部和国家外国专家局决定组织实施高校领导赴海外培训，今年共100名左右高校领导将到日本、美国、英国、澳大利亚等地培训。教育部有关负责人解释称，此举是为了学习世界著名大学的成功办学经验，开阔高校领导国际视野，提升中国高等教育的质量和国际竞争</t>
  </si>
  <si>
    <t>欧美同时加强金融纪律监管亚洲市场或更受青睐</t>
  </si>
  <si>
    <t>从最近的美国股市离奇大跌，到之前希腊债务危机，再追溯到全球经济危机爆发点的次贷危机……一系列事件与金融市场监管不力和激进放肆的市场操作行为脱不了干系。美欧相关当局正出台严厉措施以约束对冲基金等投资机构此前“放纵”的市场行为：美国证券交易委员会推出“熔断”?</t>
  </si>
  <si>
    <t>欧盟给三星等开反垄断罚单</t>
  </si>
  <si>
    <t>欧盟委员会19日裁定韩国三星等10家芯片制造商操纵市场价格的行为构成垄断，并开出总额达3.31亿欧元的罚单。　　　　欧盟委员会当天发表声明说，这些企业在动态随机存储器(D R A M )销售上设定价格，其行为损害了市场竞争，违反欧盟反垄断规定。　　　　根据这一声明，韩?</t>
  </si>
  <si>
    <t>中美对话：贵在互谅互让互利</t>
  </si>
  <si>
    <t>第二轮中美战略与经济对话将于5月24日和25日在北京举行。作为中美两国政府间对话和磋商的一个广泛平台，战略与经济对话对于促进中美战略互信、加强经贸问题协商、推动21世纪积极合作全面的中美关系不断向前发展具有重要意义，对话贵在双方互谅、互让和互利。　　　　所谓互</t>
  </si>
  <si>
    <t>阿根廷对中国产聚酯纤维实施反倾销</t>
  </si>
  <si>
    <t>阿根廷工业和旅游部18日宣布，对原产于中国和印度尼西亚的聚酯纤维产品实施最终反倾销措施。　　　　阿根廷工业和旅游部当天发表公告称，调查证实原产于中国和印尼的聚酯纤维产品低价进入阿根廷市场进行倾销，倾销幅度在6%至14%之间。　　　　公告称，从即日起将对原产于</t>
  </si>
  <si>
    <t>通用汽车想靠中国市场打翻身仗</t>
  </si>
  <si>
    <t>日前一期美国《福布斯》杂志刊登《中国市场能够拯救通用汽车》一文称，深陷困境的美国通用汽车公司从中国市场上看到了重生的希望，一款方头方脑只卖4500美元的厢式货车或许就是这个病入膏肓的汽车巨头转危为安的良方。　　　　有一款汽车在中国任何乡村都可以看到，那就是?</t>
  </si>
  <si>
    <t>相信欧元的三大理由</t>
  </si>
  <si>
    <t>受欧洲债务危机影响，过去几个月，欧元大幅贬值。其中，欧元对美元比价从去年年底的1比1.5以上跌至目前的1比1.3以下。有分析人士预计，欧洲债务危机将对欧元区国家经济造成长期影响，今后一段时间内，欧元还将继续贬值，对美元比价有可能跌至1比1左右。　　　　于是，我们?</t>
  </si>
  <si>
    <t>美拟实施“双反”制裁中国产钢绞线</t>
  </si>
  <si>
    <t>美国商务部17日作出裁决，对中国产预应力混凝土结构用钢绞线(PC  STRAND )实施反倾销和反补贴(即“双反”)制裁。　　　　根据该裁决，中国输美相关钢绞线将面临42.97%至193.55%不等的反倾销惩罚性关税，除一家中国厂商适用42 .97%的税率，其他中国厂家税率都将在175%以上；</t>
  </si>
  <si>
    <t>德国执政各党就征收国际金融交易税达成一致</t>
  </si>
  <si>
    <t>德国执政的基民盟、基社盟和自民党经激烈辩论于18日就征收国际金融交易税达成一致，以抑制市场投机活动。　　　　德国社民党预计，如果对每笔金融交易征收0.05%的交易税，欧盟每年可增收2000亿欧元，德国可增收400亿欧元。</t>
  </si>
  <si>
    <t>亚行：亚洲新兴经济体应警惕外来资本破坏金融稳定</t>
  </si>
  <si>
    <t>亚洲开发银行18日发表报告说，亚洲新兴经济体应警惕外来资本破坏本地金融市场的稳定。　　　　亚行这份名为《亚洲资本市场监管》的年度报告说，对亚洲新兴经济体而言，管理好这些外资是一大挑战。报告建议，为防范外来资本可能给当地金融市场带来的不良影响，亚洲新兴经济?</t>
  </si>
  <si>
    <t>日本设立“口蹄疫对策本部”</t>
  </si>
  <si>
    <t>由于日本宫崎县口蹄疫疫情不断扩大，日本政府17日傍晚设立了以首相鸠山由纪夫为本部长的“口蹄疫对策本部”，旨在强化防疫体制，对受害农户在经济上给予援助。　　　　与此同时，日本还将在宫崎县设立现场对策本部，农林水产省副大臣山田正彦等19名相关省厅官员将常驻宫崎?</t>
  </si>
  <si>
    <t>美国4月份新房开工量好于预期</t>
  </si>
  <si>
    <t>美国商务部18日公布的数据显示，今年4月份，美国新房开工量增长5.8%，经季节调整按年率计算为67.2万套，好于经济学家此前预测的65万套。　　　　反映未来新房建筑走势的新房建筑许可证发放量4月份则下降11.5%，经季节调整按年率计算为60.6万套，为2009年10月份以来最低水平</t>
  </si>
  <si>
    <t>“再工业化”旗帜下的美国经济蓝图</t>
  </si>
  <si>
    <t>从加强金融监管到提振实体经济，从支持前沿科研到资助中小企业，从改进教育系统到努力创造就业岗位、从提出促进出口计划到力推新能源战略……美国正被卷入一场被新闻界冠以“再工业化”称谓的变革当中。　　　　不难看出，美国所绘蓝图酝酿的深度、广度以及前景已远远超越?</t>
  </si>
  <si>
    <t>肯尼亚“生态旅游”走上良性发展之路</t>
  </si>
  <si>
    <t>肯尼亚是世界上较早开展生态旅游的国家，他们在发展生态旅游中非常注意照顾旅游开发地居民的利益，提升当地居民的生活水平，从而保障了当地社会秩序的稳定，其中的一些经验值得我国借鉴。　　　　发展旅游不忘施惠当地居民　　　　肯尼亚早年狩猎旅游发展迅速，但斩尽杀?</t>
  </si>
  <si>
    <t>中国半年来首次大规模增持美债</t>
  </si>
  <si>
    <t>根据17日美国财政部公布的国际资本流动报告(TIC)，截至2010年3月底，中国持有美国国债数量为8952亿美元，仍居各大债主之首。3月份中国增持美国国债177亿美元。这是中国自去年10月以来，首次月度增持美国国债。　　　　数据显示，自去年10月开始，中国一直处于减持美国国债?</t>
  </si>
  <si>
    <t>中国钢企将造访商务部寻求支持</t>
  </si>
  <si>
    <t>《经济参考报》记者17日从中钢协获悉，面对欧盟对中国钢管企业“倾销损害”的裁决，中钢协在组织中国企业积极诉讼的同时，相关企业将于近期拜访商务部寻求支持，以期尽快将本案提交世贸组织争端解决机制处理。　　　　据了解，欧盟在去年10月份首次用“倾销损害”对中国企?</t>
  </si>
  <si>
    <t>欧洲央行印钞买债将延续欧元噩梦</t>
  </si>
  <si>
    <t>7500亿欧元的救助机制难以消除市场对欧元区的担忧，17日欧元依然延续上周跌势，对美元汇率跌至1.2332，是过去19个月来最低水平。对于欧洲央行宣布购买问题国国债帮助其度过经济困难，分析人士认为，这是欧洲央行接过了次贷危机时美国曾启动的印钞机，对欧洲金融市场带来很大?</t>
  </si>
  <si>
    <t>金银价格再演“疯狂过山车”</t>
  </si>
  <si>
    <t>在希腊债务危机剧烈蔓延和全球股市大跌的双重刺激下，国际金价在5月初以出人意料的方式爆发。5月6日，缓慢攀升达三个月之久的黄金，突然出现快速上涨行情，历史上第二次攻上每盎司1200美元大关。　　　　5月10日，国际金价冲破了去年12月创出的每盎司1226.65美元的历史最高</t>
  </si>
  <si>
    <t>70%的减排核心技术需“进口”</t>
  </si>
  <si>
    <t>为实现哥本哈根会议上承诺的减排目标，中国正进行着一场低碳革命，节能减排技术因其在此次革命中的巨大作用而备受关注。《经济参考报》记者近日从联合国开发计划署获悉，目前中国约有70%的减排核心技术需要进口，实现低碳成本巨大。　　　　有专家在接受记者采访表示，中国</t>
  </si>
  <si>
    <t>石头纸生产实现产业化</t>
  </si>
  <si>
    <t>地球卫士(大连)石头纸科技股份有限公司石头纸项目日前在吉林省延边朝鲜族自治州大规模投产，该厂生产的石头纸袋比同类型塑料袋成本和售价均低1/5左右。　　　　石头纸生产工艺简单，不用植物纤维、不需砍伐树木，而是以石灰石矿产资源为主要原料，以高分子聚合物为基材原料</t>
  </si>
  <si>
    <t>信用评级机构：警示危机还是催化危机？</t>
  </si>
  <si>
    <t>伴随着债务危机在欧洲愈演愈烈，信用评级机构的影响力再次引起人们的关注。一次次的信用降级带来的是危机的一步步升级。对此，欧盟大为光火：信用评级机构究竟是在警示危机，还是在加速危机？国际社会要求对信用评级机构加强监管的呼声正在不断高涨。　　　　作为金融市场?</t>
  </si>
  <si>
    <t>业界呼吁海外矿产投资应“抱团出击”</t>
  </si>
  <si>
    <t>中国旺盛的原材料需求和铁矿石谈判屡屡受挫的现实，激发中国企业纷纷开展海外矿产资源投资。不过，在12日上海泽为咨询主办的“亚洲矿业投资开发峰会”上，与会的企业界代表呼吁，国内企业“走出去”买矿时应“抱团出击”而非“单打独斗”，以避免无序竞争的出现。　　　　?</t>
  </si>
  <si>
    <t>中国究竟应该走什么样的城市化道路</t>
  </si>
  <si>
    <t>不同的国家走过不同的城市化道路。西方发达国家的城市化道路由于历史条件不同我们无法重复，拉美和印度的城市化道路造成严重两极分化和大量城市贫民窟等社会问题，我们不能重复。东亚一些国家和地区的城市化道路与我国国情比较相似，有许多值得我国在城市化进程中学习借鉴的?</t>
  </si>
  <si>
    <t>4月外汇占款增量异常</t>
  </si>
  <si>
    <t>作为衡量流入国内的外汇资金多少的重要指标，外汇占款的数据一直备受关注。13日，《经济参考报》记者从国内银行相关人士处获悉，4月我国金融机构外汇占款增量“异常”多，突显出短期资本流入国内的压力在增大。与此同时，多家机构近期陆续发布报告，预警热钱流入亚洲新兴市场</t>
  </si>
  <si>
    <t>美国“蜜蜂危机”成谜</t>
  </si>
  <si>
    <t>蜜蜂在食物供应中起着重要作用，人类的食物中约有1/3需要蜜蜂授粉。然而，美国近些年出现“蜜蜂危机”，今年更加严重：蜜蜂大量死亡，寿命越来越短。　　　　研究人员认为，今年美国冬季的严寒可能是导致蜜蜂死亡的原因之一。不过，更多人怀疑，蜜蜂“凶手”其实是杀虫剂。</t>
  </si>
  <si>
    <t>印度女性纹图藏奥秘</t>
  </si>
  <si>
    <t>走在印度金融中心孟买的大街小巷，印度女性手上美丽的图案不时映入眼帘。漂亮的图案，飘逸的莎丽，构成了一幅别样美景。　　　　事实上，印度女性人体纹图看似简单，却深藏奥秘，含义深远。孟买大学女教授萨罗杰告诉记者，印度女性手上的纹图是从古代流传下来的，是印度传?</t>
  </si>
  <si>
    <t>欧盟经济治理改革艰难起航</t>
  </si>
  <si>
    <t>欧盟委员会12日正式出台改革建议，拟完善欧盟层面上的经济治理，通过强化财政纪律和加强成员国间经济政策协调等措施防范希腊债务危机重演。这套改革方案，堪称欧元区有史以来最深刻的一次变革，但相关改革建议实施起来依然阻力重重。　　　　三大支柱防范危机重演　　　?</t>
  </si>
  <si>
    <t>孟买“派对城市”路犹远</t>
  </si>
  <si>
    <t>新潮时尚的都市酒吧，前卫另类的独立音乐，方兴未艾的现场喜剧俱乐部……随着经济的复苏，以孟买为代表的印度夜生活正变得丰富起来。　　　　走在印度大街小巷，印度女性手上美丽的图案不时映入眼帘。漂亮的图案，飘逸的莎丽，构成了一幅颇有传统韵味的别样美景。　　　?</t>
  </si>
  <si>
    <t>骆家辉来华打清洁能源牌</t>
  </si>
  <si>
    <t>5月15日，美国商务部长骆家辉将率领奥巴马政府首个内阁级别商贸团访华，此次访问被业内看作本月底即将举行的中美战略经济对话的前奏。作为美方解决技术性问题的一次实质性访问，中美清洁能源的合作将是重点。　　　　来自美国商务部网站的消息称，5月15日至25日，美国商务?</t>
  </si>
  <si>
    <t>不必把利率微调太当回事</t>
  </si>
  <si>
    <t>自中国经济形势好转，管理当局有意调整货币政策后，媒体一直预测央行是否、何时加息。10日央行在年内第三次调高准备金率后，有关加息的议论又一次热闹起来。中国文化底蕴深厚的人将这“要加还未加”的利率走势比为侯宝林相声里的那只还没落地的靴子；熟悉西方文化的人将其则?</t>
  </si>
  <si>
    <t>芬兰：再分配政策助中产阶层长大</t>
  </si>
  <si>
    <t>芬兰是典型的北欧福利国家，实行高收入者高税收政策，使社会成员的收入差距趋于合理均衡。在强有力的收入再分配政策下，芬兰中等收入阶层，即所谓的中产阶级不断发展壮大，形成了以中产阶级为主体的稳定的社会结构，从而保证了芬兰的长期稳定发展。　　　　新兴的主流阶层$</t>
  </si>
  <si>
    <t>法国：“身份倒退”的中产阶层</t>
  </si>
  <si>
    <t>处于富裕阶层和贫民间的法国中产阶层在二战后三十年迅速发展壮大，成为法国社会的中坚力量。但自上世纪八十年代开始，随着经济增长放缓，法国中产阶级保持其生活水准的目标受到挑战，不少人甚至感到“身份倒退”，一股对未来不确定的焦虑情绪正在法国中产阶级中蔓延。　　?</t>
  </si>
  <si>
    <t>国产汽车“走西口”留神前车之鉴</t>
  </si>
  <si>
    <t>随着中亚各国经济复苏，消费能力不断提高，当地汽车市场也开始迅猛发展。与此同时，我国一批大型汽车企业集团纷纷西去，将眼光投向与中亚国家山水相依的新疆。东风汽车、福田汽车、中通客车等国内知名企业相继“走西口”，不事声张地设点布局……　　　　然而，去年以来，?</t>
  </si>
  <si>
    <t>日本重启“文殊”反应堆引人注目</t>
  </si>
  <si>
    <t>文殊是智慧的本尊。在藏传佛教里，文殊菩萨乃诸佛之智慧所化。日本用佛教中普度众生的菩萨名字命名“快速增殖反应堆”，乍一看似乎有些牵强，但仔细想来也不是没有道理。　　　　核能相对于石油煤炭来说，是人类可以更长久依赖的能源，日本近期出台的能源基本计划已把核电?</t>
  </si>
  <si>
    <t>律师组织企业跨国告液晶巨头</t>
  </si>
  <si>
    <t>“我们正在准备材料，召集中国企业到伦敦去起诉这几家液晶面板垄断生产商，目前只有两三家企业加入我们！”5月12日晚，北京市雷曼律师事务所律师郝俊波告诉《经济参考报》记者。　　　　近日，一份来自美国旧金山法院的裁定，让LG、夏普、三星等全球液晶面板“生产大户”的</t>
  </si>
  <si>
    <t>美漏油事故相关公司推卸责任引不满</t>
  </si>
  <si>
    <t>美国参议院能源和自然资源委员会11日就美墨西哥湾漏油事件举行听证会，与事件有关的英国石油公司、瑞士越洋钻探公司和美国哈利伯顿能源服务公司的高管在作证时均推卸责任，认为自己无过错，引起国会议员和有关专家不满。　　　　参议院能源和自然资源委员会主席杰夫·宾加?</t>
  </si>
  <si>
    <t>避险功能日益显现  金价涨出历史新高</t>
  </si>
  <si>
    <t>因担忧欧元区债务危机继续蔓延，纽约商品期货交易所(COMEX)黄金期货周二创下每盎司1233美元以上的历史新高。分析师认为，由于市场存在对世界经济二次探底的担忧，作为最佳避险工具的黄金，其价格在未来一段时间内仍可能继续上涨。　　　　数据显示，黄金价格在周二亚洲盘12</t>
  </si>
  <si>
    <t>个人消费有望拉动美国经济复苏</t>
  </si>
  <si>
    <t>针对美国商务部日前发布的一季度数据，有关人士在解读时分析，个人消费正在取代个人投资，成为促进美国经济增长的主要动力。未来一段时间，随着政府引导下居民消费信心的提升，美国经济有望持续维持增长态势。　　　　美国商务部公布的数据显示，今年第一季度美国GDP环比年</t>
  </si>
  <si>
    <t>中国投资澳矿企业恐遭“剪羊毛”</t>
  </si>
  <si>
    <t>中国企业对澳矿业投资可能真的要“缓一缓”了。自澳大利亚抛出“征收40%”的资源税政策之后，很多中国企业都开始重新评估自己手上的相关项目。这种重税对中国公司形成了不小的打击，似乎还未站稳脚跟就遇到澳政府“剪羊毛”的尴尬。　　　　中国企业重新审核在澳项目</t>
  </si>
  <si>
    <t>“大救助”难消疑虑  全球市场重回跌势</t>
  </si>
  <si>
    <t>欧盟成员国财政部长10日推出的高达7500亿欧元的救助机制在当天对市场起到了立竿见影的效果，但由于对救助机制可行性和效力的担忧，11日全球各大市场全线下跌。　　　　市场普跌以示忧虑　　　　这一救助机制令金融市场重拾对欧元和欧元区的信心，但分析人士认为，这些措?</t>
  </si>
  <si>
    <t>警惕希腊债务危机对中国经济的“蝴蝶效应”</t>
  </si>
  <si>
    <t>国际金融危机尚未结束，希腊债务危机阴霾又满天。出于对债务危机以及可能的溢出效应的担忧，世界股市最近接连暴跌。尽管希腊危机不至于对中国经济产生太多直接冲击，但危机的“蝴蝶效应”也不避免地对中国乃至整个世界经济复苏带来消极影响。　　　　从实体经济看，希腊经?</t>
  </si>
  <si>
    <t>化解危机  欧盟吐血掏7500亿欧元</t>
  </si>
  <si>
    <t>欧盟成员国财政部长10日凌晨达成了总额达7500亿欧元的史上最庞大救助机制，以帮助可能陷入债务危机的欧元区成员国，防止希腊债务危机蔓延。美国也动用货币互换机制缓解市场压力，20国集团财长(G20)也第一时间表示对欧盟出台新措施的欢迎，并有可能于近期举行的G20上讨论相关?</t>
  </si>
  <si>
    <t>火山灰持续影响欧洲空运</t>
  </si>
  <si>
    <t>冰岛埃亚菲亚德拉冰盖火山灰9日继续影响欧洲多国空运。葡萄牙、西班牙、意大利、德国、奥地利等国先后关闭部分机场，许多航班取消。　　　　欧洲航空安全组织9日说，预计火山灰影响范围将逐渐缩小，一些机场定于当天晚些时候重新开放。　　　　受火山灰影响，欧洲航班当?</t>
  </si>
  <si>
    <t>澳元先行加息的意义</t>
  </si>
  <si>
    <t>作为一种汇价极高的高估值货币本来是不应当保持高息的。而澳洲的通货膨胀水平并非高于其他国家水平。显然，治理通货膨胀并非澳元成为高息货币的根本原因。事实上，澳大利亚政府对世界经济的未来有着清醒的估计。他们非常清楚以资源出口为导向的澳洲经济如何利益最大化。　?</t>
  </si>
  <si>
    <t>希腊麻烦不断  欧元国紧急出手救援</t>
  </si>
  <si>
    <t>“The announcements will not mark  the end of the Greek  debt crisis，nor will they consti-tute  a  much-needed turning  point that can be  sustained for many  months.”　　　　“方案公告并未昭示希腊债务危机的结束，也不会构成一个当下急需并能持续多个月的</t>
  </si>
  <si>
    <t>蒙代尔：人民币在SDR一篮子货币中应占10%</t>
  </si>
  <si>
    <t>1999年诺贝尔经济学奖得主、美国哥伦比亚大学教授罗伯特·蒙代尔8日在出席“IM F与中国在国际货币新体系中的地位———纪念中国恢复在IM F合法席位30周年高级研讨会”上表示，IM F(国际货币基金组织)将在2011年再次审议特别提款权(SD R)的改革，而人民币在构成SD R的一篮子货</t>
  </si>
  <si>
    <t>欧元区领导人艰难打响欧元保卫战</t>
  </si>
  <si>
    <t>欧元区16国领导人和欧盟机构最高领导人7日齐聚布鲁塞尔召开特别峰会，紧急商讨如何应对不断升级的希腊债务危机，并于8日凌晨宣布，将“不惜一切代价”捍卫欧元和欧元区的稳定。此番宣言虽铿锵有力，但具体实行方案、实际执行力度以及最终对市场的影响力仍是未知。要想打赢这?</t>
  </si>
  <si>
    <t>“方锥体”格局下的人民币汇率与财政政策</t>
  </si>
  <si>
    <t>2010年第一季度，世界经济在复苏的轨道上加速运行。在危机恢复期，逐步形成了以美国为主的国际经济“方锥体”格局，并导致了人民币汇率问题的国际化。我国经济总体形势持续向好，经济复苏进程加速。财政收入增长较快，但财政支出仍存在波动性风险。面对复杂的经济环境，我们?</t>
  </si>
  <si>
    <t>日本首富柳井正：瞩目中国  改变世界</t>
  </si>
  <si>
    <t>去年优衣库在巴黎的全球旗舰店开业之际，优衣库创始人柳井正说：“我确信2010年春天在中国上海开设的全球旗舰店，将引爆优衣库在中国的市场需求。”　　　　事隔一年，今年5月，位于上海南京西路繁华地段的亚洲首家优衣库全球旗舰店即将开业，全店投资额达到3000万美元，成</t>
  </si>
  <si>
    <t>中国通讯设备在印度市场遭封杀</t>
  </si>
  <si>
    <t>印度电信部近期以未通过安全审查为由，禁止印度运营商使用中国通讯设备，导致在印度市场上，所有中国企业今年。　　　　封杀理由站不住脚　　　　华为和中兴印度公司有关人士6日告诉《经济参考报》记者，他们从未接到印度政府关于所谓“安全问题”的任何正式书面或口头的</t>
  </si>
  <si>
    <t>滨海地产：现在已不是“只盖房子就行”的年代了</t>
  </si>
  <si>
    <t>在第五届中国(深圳)城市土地展现场，山东省文登市副市长谭成国身着一件T恤，这与绝大多数以西装领带面对地产商的地方政府领导，多有不同。　　　　谭成国的如是“不同”，几乎是山东文登与其他城市“差异”的缩影。在大量三线城市试图通过弯道超车的方式分享土地财政的心情</t>
  </si>
  <si>
    <t>种葡萄酿酒：不只是赶时髦</t>
  </si>
  <si>
    <t>葡萄种植园和酿酒厂在美国不再是农夫的专利，不少商界、企业界、科技界人士开始把种葡萄酿酒当成第二职业，利用专业背景知识开拓经营思路，为古老行业注入新生。　　　　酿酒业的新兴力量　　　　凯瑟琳·霍尔是美国前驻奥地利大使，她的丈夫克雷格·霍尔是一位实业家和?</t>
  </si>
  <si>
    <t>与“国宝”有关的那些事儿</t>
  </si>
  <si>
    <t>在世博园卢森堡馆铁锈红的展馆门前，一座金光熠熠的“金色少女像”显得如此夺目，少女向前微微欠身，双手捧着橄榄枝圈，高举过头，似乎要敬献上苍，风吹过她金色裙裾，勾勒出她丰润的身形。“太美了！”“听说是卢森堡的国宝呢！”不少游人一边议论，一边争相与之合影。　?</t>
  </si>
  <si>
    <t>国际油价连日暴跌后回归基本面</t>
  </si>
  <si>
    <t>国际油价近日连遭重挫，截至5日的两个交易日内累计暴跌了7.2%，纽约市场主力原油期货合约跌破每桶80美元关口。行业分析人士普遍认为，欧洲主权债务危机的蔓延和能源需求依旧疲弱的现实令油市投资者对经济复苏的“热情”降温，开始重新审视供求基本面。　　　　4月底至5月初</t>
  </si>
  <si>
    <t>电子书冲击日本传统图书市场</t>
  </si>
  <si>
    <t>在日本东京地铁列车上，过去经常可以看到这样的场面，很多人捧着一本袖珍书认真阅读。日本人那么专注，那么善于挤时间，那么爱学习，真令人感叹。然而，现在这种情形很难见到了，列车上只有少数中老年人还拿着书看，很多年轻人都在玩手机，难怪日本老年人经常摇头叹气：现在?</t>
  </si>
  <si>
    <t>中方对“两拓”合并启动反垄断调查</t>
  </si>
  <si>
    <t>“两拓”想要组建西澳铁矿石合资企业的愿望能否达成，可能还要面临来自监管部门的层层考验。《经济参考报》记者最新获悉，中方已经启动对上述合并业务的反垄断调查，这意味着，除了要应对包括澳大利亚、欧盟的反垄断调查，“两拓”目前还需要积极配合中国商务部的相关工作。$</t>
  </si>
  <si>
    <t>欧元区主权信用危机再“爆发”大宗商品跳水探新低</t>
  </si>
  <si>
    <t>尽管欧盟和IM F相继表态将向希腊提供援助，但市场对欧元区的主权债务危机的担忧并未相应降低。5日，全球信用评级机构标普以及穆迪的言论和行动再度引发市场的强烈关注，全球大宗商品市场盘中受到影响大幅跳水，国际油价一度失守80美元，伦敦市场主要有色金属品种盘中跌幅亦超</t>
  </si>
  <si>
    <t>应对火山灰不能只靠关闭机场</t>
  </si>
  <si>
    <t>日前一期美国《商业周刊》杂志刊登《航空业应对火山灰应未雨绸缪》一文称，早期国际社会在航空领域应对火山灰上取得了一些成功，却使航空公司产生了懈怠思想，本次冰岛火山灰令欧洲航空业损失惨重，给今后准确评估灾难性自然天气的危害程度提了个醒。　　　　试图解开冰岛?</t>
  </si>
  <si>
    <t>欧元对美元汇率创一年来新低</t>
  </si>
  <si>
    <t>投资者担心希腊债务危机可能蔓延至欧元区其他陷入财政困境的国家，这促使投资者买入美元寻求避险，再加上美国利好经济数据的影响，4日纽约汇市美元对多数主要货币继续走强，其中欧元对美元汇率创下一年来新低。　　　　投资者担心，欧盟与国际货币基金组织对希腊1100亿欧元</t>
  </si>
  <si>
    <t>新桥或超七倍回报率“功成身退”</t>
  </si>
  <si>
    <t>历时一年的“平深恋”走出关键一步。中国平安保险(集团)股份有限公司和深圳发展银行股份有限公司4日晚间分别发布交易进展公告称，证监会核准中国平安通过换股方式收购美国新桥投资(NEWBRIDGE   ASIAAIV III，L.P.)持有的深发展股权。具体而言，就是平安向新桥投资定向增发299</t>
  </si>
  <si>
    <t>全球汽车业回暖能否持久存疑</t>
  </si>
  <si>
    <t>4月份，全球汽车业出现回暖迹象，表现为汽车销量与去年同期相比大为增长，就连遭遇召回事件困扰的丰田汽车销售也不降反增。国外媒体分析称，汽车业回暖背后的原因是美国等国家经济复苏正在加强，也得益于经济刺激政策和汽车企业购车优惠的推动，特别是中国的汽车消费需求成为</t>
  </si>
  <si>
    <t>IMF借助希腊危机重塑威信</t>
  </si>
  <si>
    <t>从国际经济和金融体系调整的角度看，这一轮金融危机造就了一个赢家，一个输家，还有一个落寞的玩家。　　　　赢家毫无疑问是二十国集团，一个“默默无名”的组织，在不到两年内，借助三次金融峰会，一跃成为国际社会协调应对国际金融危机的顶级平台。　　　　输家则是西?</t>
  </si>
  <si>
    <t>印澳矿石新政引发中国钢企担忧</t>
  </si>
  <si>
    <t>频频传来的国外监管当局的税收新政，对中国钢企而言不是一个好消息。在澳大利亚政府公布计划向矿产业征收40%的重税后，在澳洲拥有矿业资产的中国企业4日股票纷纷下跌，其中兖州煤业下跌1.98%至23.26元；华菱钢铁下挫2.91%，收报5.33元；武钢股份下跌1.60%，报5.53元。　　?</t>
  </si>
  <si>
    <t>纽约金价触及近5个月新高</t>
  </si>
  <si>
    <t>因投资者对欧元区主权债务危机的忧虑加深，故而买进黄金以寻求避险，受此影响，纽约商品交易所3日黄金期货6月合约每盎司上涨2 .6美元，收于1183.3美元，涨幅为0.2%。　　　　尽管欧元区成员国和国际货币基金组织2日达成一致，将在未来3年内共同出资1100亿欧元救助希腊。但?</t>
  </si>
  <si>
    <t>修补“同损不同赔”后的法律缺失</t>
  </si>
  <si>
    <t>在闹得沸沸扬扬的丰田召回事件中，中国和美国的消费者的境遇大相径庭。对于美国的消费者，丰田不仅上门维修，补偿交通费、误工费等，还接受了美国政府开出的巨额罚单；然而对中国的丰田消费者却俨然一副只道歉、不赔偿、不退订的态度，在浙江省工商局的反复交涉下，才有251名</t>
  </si>
  <si>
    <t>英国  中产阶层已成为“中流砥柱”</t>
  </si>
  <si>
    <t>中产阶层在英国已经有近两百年的历史，其经济、政治影响力不断增强，得益于工业革命带来的机遇和维多利亚时代宽松的社会环境。而这一阶层的不断壮大也为英国政治、社会的稳定和经济的发展作出了巨大贡献，已经成为国家的“中流砥柱”。　　　　贡献了全国70%的个人所得税</t>
  </si>
  <si>
    <t>巴菲特:中国是令人惊喜的经济体</t>
  </si>
  <si>
    <t>“20年后的中国和印度人一定会过上比今天更好的生活”，在5月1日举行的2010年伯克希尔哈撒韦股东年会上，股神巴菲特对正在崛起的中国不吝溢美之词，不仅称赞中国是“令人惊喜的经济体”，还表示对中国的未来充满信心。　　　　巴菲特执掌的伯克希尔哈撒韦公司年度股东大会?</t>
  </si>
  <si>
    <t>澳政府拟对矿业暴利征“资源租赁税”</t>
  </si>
  <si>
    <t>澳大利亚政府2日表示，拟推出税率高达40%的“资源租赁税”，从而发起针对各州政府“特许开采税”的改革。此次改革将使低收入者、临退休人员和小企业成为主要受益者，而必和必拓、力拓等大型矿业公司将受到较大冲击。　　　　去年年底，澳大利亚国库部秘书长肯·亨利向联邦?</t>
  </si>
  <si>
    <t>非法洋劳工涌入中国工厂“寻梦”</t>
  </si>
  <si>
    <t>去年以来，中国警方在广州、东莞等地的工厂连续查获大量非法洋劳工，地处中越边境的广西东兴、凭祥被视为是越南非法劳工进入中国的主要通道。非法劳工大量进入中国，涌入珠三角等发达地区的工厂，寻找“中国打工梦”。　　　　非法入境劳工涌向中国工厂　　　　今年3月24</t>
  </si>
  <si>
    <t>西班牙遭信用降级希腊危机蔓延</t>
  </si>
  <si>
    <t>继希腊、葡萄牙之后，欧元区又一个成员西班牙28日遭到信用降级，市场对希腊债务危机将蔓延到其他欧元区国家的担心骤然加剧。　　　　经合组织负责人将日益加剧的债务危机比作“埃博拉病毒”。分析人士认为，若“病毒”在欧洲进一步蔓延情势并伤及实体经济，亚洲也可能在经?</t>
  </si>
  <si>
    <t>中国如何接招？</t>
  </si>
  <si>
    <t>种种迹象表明，欧盟和美国正在加快和中国开展新能源合作的步伐。4月28日，美国能源部正式确认其部长朱棣文将于5月24日至28日对中国进行访问；4月30日，欧盟委员会主席巴罗佐访华期间，中欧清洁能源中心正式启动。面对欧盟和美国纷纷抛来的“绣球”，中国该如何接招？</t>
  </si>
  <si>
    <t>当代：用实践检验新知</t>
  </si>
  <si>
    <t>在城市最佳实践区的联合案例馆，最新的科技与理念被运用到每一个具体细节。　　　　一河一名胜、一生一态度的巴黎法兰西岛、一卡在手全城不愁的香港、居民做垃圾分类自觉到街上都不需要垃圾桶的台北、与水共生共赢的布拉格、新老两城相映成趣的意大利博洛尼亚，被洪水和火?</t>
  </si>
  <si>
    <t>中国钢企面临的问题和对策</t>
  </si>
  <si>
    <t>●西方国家，特别是美国，已经从这次金融危机中意识到制造业的过度萎缩削弱了经济的根基，加之西方工会力量的影响，在保护和重建制造业问题上已经形成共识。贸易保护措施会继续延续。    ●对进口资源的严重依赖是另一个短期内难以解决的问题。三大矿业巨头垄断世界铁矿石?</t>
  </si>
  <si>
    <t>新政意在构筑“防火墙”</t>
  </si>
  <si>
    <t>号称近年来“最牛调控”的房地产新政一经推出，立即引发资本市场强烈“共振”，地产股在持续低迷中屡创新低。23日，证监会又称将联合国土部加强对房地产企业融资监管。　　　　业内人士指出，证监会这一表态意味着今后房地产企业想融资首先得经过国土资源部审核，企业再融?</t>
  </si>
  <si>
    <t>专家认为标普评级加剧希腊债务危机</t>
  </si>
  <si>
    <t>国外媒体28日对希腊主权信用被评为垃圾级引发欧洲金融恐慌反应强烈。据报道，希腊和葡萄牙的评级下降不但让欧盟数月以来控制希腊债务危机的努力基本上已经付诸东流，而且将使债务危机在整个欧元区蔓延；国内有专家则向《经济参考报》记者表达了相对乐观的看法，认为希腊评级?</t>
  </si>
  <si>
    <t>质疑气候变化理论惹恼主流声音</t>
  </si>
  <si>
    <t>提要：日前，一场针对全球气候变化问题的风暴从法国刮起，法国学者克洛德·阿莱格尔成为风暴的中心。　　　　阿莱格尔1986年获得素有地质学诺贝尔奖之称的克拉福德奖，并一直担任法国国家科学院院士。最近，他出版了一本名为《气候的骗局或是虚假的生态》的书，抛出气候变?</t>
  </si>
  <si>
    <t>国际评级巨头的话还能信几分？</t>
  </si>
  <si>
    <t>国际评级机构标准普尔公司27日下调希腊、葡萄牙两国信用评级，引发全球市场剧烈震荡。此前，穆迪、惠誉也有相似之举。虽然在本轮国际金融危机中表现不佳，但这些评级巨头在欧元区债务危机问题上可谓“知耻而后勇”，尽管前景尚不明朗，它们毅然决然地敢为天下先了。　　　?</t>
  </si>
  <si>
    <t>高盛否认欺诈指控听证会疑成秀场</t>
  </si>
  <si>
    <t>27日，美国参议院针对高盛在相关交易中存在欺诈嫌疑等问题举行了长达10余小时的听证会。听证会上，这家号称“华尔街历史上最赚钱公司”的5名现任高级职员和2名前任高管先后作证并接受质询。最后出场的高盛首席执行官劳尔德·贝兰克梵对相关指控和猜疑予以否认。　　　　对?</t>
  </si>
  <si>
    <t>福特三款新车首发北京车展</t>
  </si>
  <si>
    <t>福特汽车倾力打造参展以来面积最大的展台，强大的首发阵容、先进的最新科技以及精彩的创意互动环节给人留下深刻印象。　　　　其中，将进入中国市场销售的全新福特锐界SUV（Edge）初次与亚洲观众见面，同时，全球新一代福特福克斯也把今年1月刚在北美全球首展的热门两厢车?</t>
  </si>
  <si>
    <t>中新天津生态城：远离“城市病”的未来之城</t>
  </si>
  <si>
    <t>在天津滨海新区东北部，一片规划面积30平方公里的建设工地，看上去与其他工地并无二致，但它的建设目标却独特而远大：成为中国城市建设的“样板”、未来城市可持续发展的典范。　　　　这个名为“中新天津生态城”的建设项目，是中国与新加坡继苏州工业园之后，两国的第二?</t>
  </si>
  <si>
    <t>买房不如买黄金和能源股</t>
  </si>
  <si>
    <t>中国的房地产再要创新高是很困难的，因为货币政策毕竟是全世界都在收，整个世界资金环境不会那么宽松。这时候热钱要退潮的可能性很大了。热钱会跑，利息会涨。美国加息这个周期，看上去2012年会到4%至5%的可能性非常大，2012年中国房地产出现调整的可能性还是很大的。　　?</t>
  </si>
  <si>
    <t>担忧政府违约  希腊债市大幅跳水</t>
  </si>
  <si>
    <t>因投资者日益担忧该国将需要重组债务，希腊两年期债券收益率26日上扬3个百分点，收于13.14%，创下自该国9年前加入欧元区以来最大单日涨幅。这一收益率比德国国债收益率(目前被视为欧元区基准国债收益率)高出了12个百分点，创下12年新高。债券收益率与价格走势相反。　　　?</t>
  </si>
  <si>
    <t>话语权体系改革开了好头路还长远</t>
  </si>
  <si>
    <t>国际货币基金组织(IMF)和世界银行春季会议25日在华盛顿闭幕。会议结束后，世行行长佐利克感慨地说，这是“多边主义的美好一天”；IMF总裁卡恩也说，这是世界银行历史上“非常重要的一天”。　　　　之所以美好和重要，这是因为在25日的世行发展委员会上，世行通过了新一轮?</t>
  </si>
  <si>
    <t>华尔街：一个充斥着欺骗的肮脏市场</t>
  </si>
  <si>
    <t>作者小传　　陈思进，曾任银行家信托和纳斯达克高级金融软件开发师、瑞士信贷证券投资部助理副总裁、美国银行证券公司副总裁；目前定居加拿大多伦多，任某国际金融财团全球投资部风险管理资深顾问。著有长篇传记《闯荡北美》和《独闯华尔街》，金融时评随笔集《华尔街这些?</t>
  </si>
  <si>
    <t>世博会加速中国家电业全球崛起</t>
  </si>
  <si>
    <t>2010年上海世博会成为中国家电业全球化运营能力的“检阅场”。日前，海尔正式成为世博会美国馆、意大利馆和新西兰馆的官方赞助商，并成为中国山东馆的合作伙伴。　　　　有专家分析认为，海尔成为世博会四大场馆的官方赞助商，这不单是对海尔全球化品牌的认可，更是对中国?</t>
  </si>
  <si>
    <t>中国国家竞争力G20中排第9</t>
  </si>
  <si>
    <t>中国社会科学院26日发布“中国城市竞争力报告”。报告通过实证分析对比了G 20国家的国家竞争力，中国排名第9。　　　　报告表示，从全球格局来看，先发国家优势依然，后发国家崛起迅速。2008年G 20国家竞争力排名为：美国、欧盟、日本、澳大利亚、加拿大、德国、英国、法国</t>
  </si>
  <si>
    <t>美联储再议息  低利率政策调门难变</t>
  </si>
  <si>
    <t>美国联邦储备委员会(美联储)将于当地时间27至28日举行为期两天的议息会议。鉴于当前美国核心通胀放缓以及失业率仍维持在9.7%，预计美联储仍将维持联邦基金利率于零至0.25%的区间之内，并重申在较长时间维持超低利率的措辞。　　　　截至美国东部时间4月22日17∶40(北京时间</t>
  </si>
  <si>
    <t>英国选战升温各方激辩经济政策</t>
  </si>
  <si>
    <t>即将迎来大选的英国最近举行了两场由主要政党领导人参加的电视辩论会。工党领袖、现任首相戈登·布朗、保守党领袖戴维·卡梅伦和自由民主党领袖尼克·克莱格，在电视上围绕英国国内经济问题展开了一番“口头较量”。　　　　自由民主党虽然在英国政坛上书写过辉煌，但从80?</t>
  </si>
  <si>
    <t>欧元区救助机制能帮希腊到几时</t>
  </si>
  <si>
    <t>经过数月抗争，陷入严重债务危机的希腊政府23日还是被迫向欧盟和国际货币基金组织求援。欧元区历史上的首次救助行动即将正式启动，但相关救助机制能否为希腊解困，进而避免危机在欧元区内蔓延，依然受到投资者的质疑。　　　　先前，希腊政府一直坚称不需要外界的救助，但?</t>
  </si>
  <si>
    <t>基金券商参与期指有望成“定海神针”</t>
  </si>
  <si>
    <t>六个交易日成交71万余手，成交额超过6758亿元，这些股指期货正式挂牌交易以来的真实写照，打消了市场对股指期货交易流动性不足的担忧。与此同时，4月23日中国证监会发布的证券公司、证券投资基金参与从事股指期货交易指引，意味着股指期货市场将迎来首批特殊法人投资者，作为</t>
  </si>
  <si>
    <t>欧盟拟允许各国为“火山灰”买单</t>
  </si>
  <si>
    <t>随着火山烟尘逐渐飘离，部分欧洲国家21日陆续恢复航班。欧洲航空安全组织22日宣布，除了芬兰南部、挪威南部、苏格兰北部和瑞典西部等少数地区外，几乎欧洲所有空域已经开放，预计当天的交通将达到正常水平，起飞航班架次达到2.8万至2.9万之间。　　　　但连续实行多日的“?</t>
  </si>
  <si>
    <t>日本今年将进行下一代输电网验证实验</t>
  </si>
  <si>
    <t>日本经济产业省日前宣布，将于今年夏天在横滨等4地开始国内首次下一代输电网“智能电网”的验证实验，实验费用将达1000亿日元(1美元约合90日元)。　　　　经济产业省官员说，智能电网利用信息技术，能瞬时掌握家庭和高层建筑的电力需求和发电方的供应能力，进行高效输电。?</t>
  </si>
  <si>
    <t>萨马兰奇：他的“遗产”是奥运会</t>
  </si>
  <si>
    <t>国际奥林匹克委员会前主席、国际奥委会终身名誉主席胡安·安东尼奥·萨马兰奇4月21日在西班牙巴塞罗那病逝，享年89岁。　　　　因病逝世　　　　萨马兰奇20日因急性冠状动脉供血不足被送入巴塞罗那吉隆医院接受救治，病情严重。　　　　当地时间21日13时25分(北京时间1</t>
  </si>
  <si>
    <t>IMF银行征税方案难以全球适用</t>
  </si>
  <si>
    <t>二十国集团(G 20)财长和央行行长会议定于当地时间23日在美国华盛顿举行，与会各方将围绕如何对全球金融体系加强监管等主题展开讨论。国际货币基金组织(IM F)日前提出了在全球范围内对银行业统一征税的辣手方案，将成为本次会议的一大焦点。尽管欧美一些大型银行在本次国际金?</t>
  </si>
  <si>
    <t>韩国口蹄疫疫情呈全国扩散趋势</t>
  </si>
  <si>
    <t>韩国农林水产食品部22日证实，忠清北道忠州市一家养猪场出现口蹄疫疫情，表明本月初始发于仁川江华郡的口蹄疫疫情呈现全国扩散趋势。　　　　农林水产食品部当天召开紧急会议，决定继续维持口蹄疫黄色警戒级别，并随时为进入最高红色警戒级别做准备。会议还决定将忠州市口?</t>
  </si>
  <si>
    <t>日本因何对锂离子蓄电池情有独钟</t>
  </si>
  <si>
    <t>在不远的将来，会出现这样的情景，安装在家庭厨房墙壁的监测装置名录上会有“蓄电池”，如果晴空万里，阳光灿烂，屋顶上的太阳能电池板把大量的热能转化为电，发电充足，蓄电池显示数据是“满电”，除了可供空调、电视、电冰箱等家电使用外，电动汽车充电也能保障供给。自己?</t>
  </si>
  <si>
    <t>如何对付万亿游资炒作西南大旱</t>
  </si>
  <si>
    <t>此次的西南五省连续罕见大旱引起了国际炒家们的极大关注，据报道，目前有近万亿游资通过各种渠道已完成悄然布局，对我国与农产品和有色金属密切相关的产业实施“成本狙击”和“价格催涨”，想从中牟取暴利。　　　　这些炒家背后有美国摩根大通、邦吉、路易达孚和ADM公司等</t>
  </si>
  <si>
    <t>韩国开始对“隐形高收入者”进行调查</t>
  </si>
  <si>
    <t>韩国国税厅21日宣布，开始调查那些虽然申报收入较低，但实际却享受奢华生活的“隐形高收入者”。房地产、股票、境外旅游等领域的个体从业者是重点调查对象。　　　　国税厅说，将在下月综合收入税申报结束后，通过“收支分析系统”对2005年至2009年期间申报的综合收入税开?</t>
  </si>
  <si>
    <t>普京称俄经济衰退结束但危机犹存</t>
  </si>
  <si>
    <t>俄罗斯总理普京20日表示，俄经济衰退阶段已结束，估计2010年俄经济增长可能高于3.1%。　　　　普京当天就2009年俄政府工作和今年一季度俄经济形势向国家杜马做总结报告时指出，今年一季度俄工业生产同比增长5.8%，居民实际收入同比上升7.4%，这表明俄经济衰退的阶段已结束?</t>
  </si>
  <si>
    <t>加拿大央行维持利率不变</t>
  </si>
  <si>
    <t>加拿大中央银行20日宣布维持隔夜拆借利率在0.25%的水平不变。该行同时表示，由于近期经济前景不断改善，非常规刺激政策可逐步退出。　　　　加拿大央行说：“全球经济增长比预期要强劲一些，新兴市场经济体的增长动力日益增强。”该银行还表示，非常规货币和财政刺激政策继</t>
  </si>
  <si>
    <t>“按照重庆模式,西部可以打败长三角”</t>
  </si>
  <si>
    <t>“最关键的是，重庆现在做的事对全国都是有推广意义的。如果重庆仅仅把过去在沿海地区做了十年二十年的模式搬过来在重庆实施，那就毫无重大意义而言。但如果我们结合重庆的实际，做对全国有现实推广意义的大事，而这种事又是沿海地区过去二十年没有干过的，对今后二十年的中?</t>
  </si>
  <si>
    <t>火山灰重创欧洲航空业</t>
  </si>
  <si>
    <t>冰岛埃亚菲亚德拉火山灰肆虐数日后，20日英国一些机场重新开放，北欧等国家也缓和了空中交通管制。研究人员称火山喷势将减弱，但是航运危机尚未结束。火山灰给交通带来了巨大压力，造成了巨额经济损失，特别是航空公司深受火山灰之害，据国外媒体分析，全球航空业可能因此次?</t>
  </si>
  <si>
    <t>英国金融监管机构正式调查高盛</t>
  </si>
  <si>
    <t>英国金融服务局20日宣布开始对美国高盛集团涉嫌欺诈展开调查。　　　　英国金融服务局在一份简短声明中说，经过初步调查，该局决定就美国证券交易委员会最近对高盛集团提出的欺诈指控开始进行正式法律调查。声明还说，金融服务局将在调查时与美国证券交易委员会保持密切联?</t>
  </si>
  <si>
    <t>印度小幅加息股市由跌转升</t>
  </si>
  <si>
    <t>受印度中央银行上调利率25个基点等因素的影响，孟买股市敏感30指数结束连续5个交易日的下跌转向反弹。　　　　印度央行20日宣布将回购利率和反向回购利率上调25个基点(或0.25个百分点)，分别提高至5.25%和3.75%，同时将存款准备金率由原先的5.75%上调至6%。　　　　在印?</t>
  </si>
  <si>
    <t>天然气“欧佩克”还只是传说</t>
  </si>
  <si>
    <t>天然气出口国论坛第十届部长级会议19日在阿尔及利亚第二大城市奥兰举行。在供过于求的背景下，世界主要天然气生产国正谋求更紧密的合作，希望能像石油输出国组织(欧佩克)那样，寻求对卖方有利的价格。但分析人士认为，由于受多重因素所限，该论坛的影响力短期难以显现。　?</t>
  </si>
  <si>
    <t>日本经济“凋落”告诉我们什么</t>
  </si>
  <si>
    <t>编者按：二战中，美国用武力战胜了日本，然后扶植它登上世界第二经济大国的宝座。这也为它自己树立了对立面。从上世纪70年代起，美国就在经济上打压日本，且力度不断增强，最后使日本遭到“第二次战败”。　　　　从二战后持续不断的日美贸易战中，我们可以获得许多有益的?</t>
  </si>
  <si>
    <t>全球消费电子展重心移向中国</t>
  </si>
  <si>
    <t>全球电子展览业重心正在由美欧国家向中国转移。有关数据显示，美欧两大电子展会CES(美国拉斯维加斯国际消费电子产品展)、CeBIT(德国汉诺威国际信息及通信技术博览会)已经连续多年缩水，而在一系列扩大内需的政策刺激下，中国电子产品市场高速发展，中国的消费电子展SINOCES(?</t>
  </si>
  <si>
    <t>页岩气开采将使中国能源供应版图发生巨变</t>
  </si>
  <si>
    <t>近日，俄罗斯《独立报》发表一篇题为《政策决定是否能盈利》的文章，预测在页岩气开采上正进行一场静悄悄的革命。页岩气革命过去几年发生在美国，使能源领域发生了巨大变化，这场革命也有可能在中国发生。　　　　文章引用英国BBC提供的数据，去年美国在天然气开采量上超过</t>
  </si>
  <si>
    <t>美国政府开始清算华尔街原罪</t>
  </si>
  <si>
    <t>此次国际金融危机，华尔街是始作俑者。4月16日，美国证券交易委员会终于对这些制造了危机的金融巨头开刀，头一个被清算的是华尔街第一投行高盛集团。证交会指控高盛在金融衍生品交易中涉嫌欺诈投资者，投资者因此损失超过10亿美元。　　　　按照美国证交会的起诉状，在美国</t>
  </si>
  <si>
    <t>持续热浪致使印度农业受损</t>
  </si>
  <si>
    <t>印度多地上月以来持续遭遇热浪袭击。首都新德里17日最高气温接近44摄氏度，创下52年以来4月气温新高。　　　　印度官员18日说，4月份全国至少80人死于高温天气。气象部门预测，接下来数月高温天气将持续。　　　　持续热浪致使印度农业受损。　　　　路透社18日援引印?</t>
  </si>
  <si>
    <t>英经济学家分析全球能源市场变化</t>
  </si>
  <si>
    <t>美国《外交政策》杂志2010年3/4月一期刊登英国石油公司首席经济学家克里斯托夫·鲁尔的一篇文章，题为《危机之后的全球能源》，认为全球石油供需发生了三大结构性变化。　　　　文章指出，2008年夏季，当全球经济危机全面袭来之际，能源市场立即受到严重冲击。　　　　20</t>
  </si>
  <si>
    <t>韩国短期流动资金过剩令基准利率上调压力加大</t>
  </si>
  <si>
    <t>韩国中央银行最新发布的数据显示，目前金融市场短期流动资金达387.9万亿韩元(1美元约合1108韩元)，为近3年来最高值。分析人士称，这令基准利率上调压力加大。　　　　韩国金融经济研究所认为，短期流动资金增加、资金短期套利可能会导致市场投机性增强。此外，物价上涨及家</t>
  </si>
  <si>
    <t>俄储蓄银行降低贷款利率最低标准</t>
  </si>
  <si>
    <t>俄罗斯储蓄银行19日宣布，即日起开始实施新的最低贷款利率标准，同时减免相关服务收费。　　　　俄罗斯储蓄银行新实行的卢布贷款最低利率为10.5%，外汇贷款最低利率为8.8%。被减免服务收费的范围包括贷款申请审批收费和贷款开户服务收费等。截至目前，俄罗斯储蓄银行是俄境</t>
  </si>
  <si>
    <t>欧元区建筑业产出创单月最大降幅</t>
  </si>
  <si>
    <t>欧盟统计局19日公布的初步数据显示，欧元区今年2月份建筑业产出环比下降3.3%，是自2001年首次公布这一数据以来的最大降幅。　　　　这是欧元区建筑业产出连续第6个月下降，与去年同期相比则大幅下降了15 .2%。分项目来看，2月份，欧元区房屋建设比上个月下降3.2%，市政工程</t>
  </si>
  <si>
    <t>2008年大崩盘让中国影响力增强</t>
  </si>
  <si>
    <t>最近，一本回首全球金融危机的新作引起业界关注。此作中文版题为《大崩盘2008》，由社科文献出版社出版。作者郜若素是澳大利亚最杰出经济学家之一。　　　　作为第一作者，郜若素在接受《经济参考报》记者专访时表示，此书主要是通过对国际金融危机产生原因的分析，评估此?</t>
  </si>
  <si>
    <t>美金融监管改革真能拿高盛祭旗吗？</t>
  </si>
  <si>
    <t>美国证券交易委员会(SEC)16日向高盛集团提起民事诉讼，控告这个本轮金融危机中的“不倒翁”在金融衍生品交易中欺诈投资者。尽管SE C表示此案不涉及政治，但谁又会傻乎乎地把奥巴马政府推行金融监管改革的这个大背景抛在脑后？　　　　作为本轮经济危机的始作俑者，以高盛为</t>
  </si>
  <si>
    <t>冰岛火山灰扰乱欧洲空中交通甚于“9·11”</t>
  </si>
  <si>
    <t>冰岛第五大冰川———埃亚菲亚德拉冰盖冰川附近一座火山14日喷发后形成大量烟尘，严重影响欧洲地区的空中交通。17日欧洲仅有约5000架次航班起降，而正常情况下这一数字约为2.2万架次。近20个欧洲国家当日继续实行航空管制，中国、美国、澳大利亚等世界多国与欧洲地区的空中往</t>
  </si>
  <si>
    <t>专家认为  中国将逐步进入期货红利时代</t>
  </si>
  <si>
    <t>日前，针对4月16日中金所推出的股指期货，国内国际专家聚集北京大学就股指期货的风险控制，未来中国金融期货发展战略进行前瞻性讨论。专家和学者表示，中国需要持续丰富期货品种，使中国逐步进入期货红利时代。　　　　在4月18日举行的“中国金融创新论坛”上，北京大学中?</t>
  </si>
  <si>
    <t>“金砖四国”再度要求改革国际金融体系</t>
  </si>
  <si>
    <t>“金砖四国”领导人第二次正式会晤于15日和16日在巴西首都巴西利亚举行。据悉，会议的议题包括：加强中国、巴西、印度和俄罗斯在经贸和金融等领域的合作，促进世界经济复苏，以及国际金融改革。国外经济学家称，人民币不会屈服于压力升值。国内外媒体分析指出，此次峰会更重?</t>
  </si>
  <si>
    <t>商务部正研究对三大矿山反垄断调查</t>
  </si>
  <si>
    <t>针对目前三大矿山趋于与客户达成季度定价机制，商务部发言人姚坚15日在例行发布会上表示：“无论是欧盟的钢铁企业还是其他国家的重要钢铁企业，都提出对于矿石供应商反垄断调查的问题，我们也注意到这个现象，商务部反垄断局也正在研究这个问题。”　　　　4月13日，本报曾</t>
  </si>
  <si>
    <t>再工业化是一个持续创新过程</t>
  </si>
  <si>
    <t>“再工业化”不是一个新概念，多年前在对传统工业基地的改造和振兴中被广泛应用。20世纪70年代，“再工业化”是针对德国鲁尔地区、法国洛林地区、美国东北部地区和日本九州地区等重工业基地改造问题提出的。　　　　随着时代的变迁，“再工业化”的概念和内涵不断丰富和变?</t>
  </si>
  <si>
    <t>转嫁成本  日本钢企恐难如愿</t>
  </si>
  <si>
    <t>在日本，春季是原材料需求最为旺盛的季节。往年这个时候，进出日本国内第一大钢铁流通据点、与东京相邻的浦安钢铁团地的大型卡车川流不息，今年却显得有些冷清，因为国内钢铁订货减少了30%至40%。　　　　从4月份开始，日本钢企开始执行与巴西淡水河谷公司等达成的铁矿石供</t>
  </si>
  <si>
    <t>日本经济梦游可惜未入仙境</t>
  </si>
  <si>
    <t>英国《经济学家》杂志网站日前刊登《向着灾难梦游前行》一文称，日本经济实际上已然难以为继，为了避免一场正在扩大的灾难，日本急需更为激进的政策变革。　　　　多年来，外国观察家一直警告日本，其经济步履蹒跚与公共债务攀升搭配在一起，如此糟糕的状况难以持久———?</t>
  </si>
  <si>
    <t>通缩警报尚未解除</t>
  </si>
  <si>
    <t>提前出版的4月19日一期美国《商业周刊》刊登《全球通胀率仍维持低位并还在下降》一文指出，世界经济艰难的迈上了复苏之路，与其像很多人一样担心远期通胀风险，不如先思考一下近期可能陷入的通缩困局。主要发达经济体的核心价格指数都位于危险的低位区间，日本式的通缩梦魇或</t>
  </si>
  <si>
    <t>你让我崩盘,我让你恐慌性购房</t>
  </si>
  <si>
    <t>最近中国楼市的词眼都比较毛骨悚然。先是有人比照日本画出一张中国楼市即将崩盘的时间表，接着大批主流媒体密集讨伐高房价。可没想到的是，“魔高一丈”的理儿在中国楼市不一定行得通。你不是让我崩盘吗，那么我就给你来个“恐慌性购房”。在北京，开发商借口预售许可证难办?</t>
  </si>
  <si>
    <t>外媒：中国可能在为人民币升值做准备</t>
  </si>
  <si>
    <t>中国国家主席胡锦涛12日与美国总统奥巴马会面时表示，中国将根据自身需要进行人民币汇率形成机制改革，不会屈从于外部压力，同时他还指出，人民币升值既解决不了中美贸易不平衡问题，也解决不了美国的就业问题。　　　　美国《华尔街日报》文章称，胡锦涛很少就中国汇率政?</t>
  </si>
  <si>
    <t>茫茫戈壁书写“海西速度”</t>
  </si>
  <si>
    <t>进入本世纪以来，青海省海西蒙古族藏族自治州依托柴达木盆地资源优势，借助国家实施西部大开发战略有利时机，以“清洁生产，综合利用”为指导积极发展资源型循环经济，在茫茫戈壁上书写下了工业经济连续9年20%以上增速的工业传奇———“海西速度”。　　　　总面积超过30?</t>
  </si>
  <si>
    <t>日本2009财年企业物价指数降幅平历史最高纪录</t>
  </si>
  <si>
    <t>日本中央银行———日本银行13日公布的速报显示，2009财年(2009年4月至2010年3月)日本国内的企业物价指数为102.6，比上年度大幅下降了5.2%。　　　　这是日本企业物价指数年度指标6年来首次出现下降，降幅之大与1986年创下的历史纪录比肩，同为自1961年有可比数据以来最大?</t>
  </si>
  <si>
    <t>美对华贸易逆差降至近一年来最低水平</t>
  </si>
  <si>
    <t>美国商务部13日公布的数据显示，美国2月份对外商品和服务贸易逆差比前一个月增长7 .4%，达到397亿美元，但同期美对华贸易逆差则下降至近一年来最低水平。　　　　2月份的贸易逆差要高于经济学家此前预期的390亿美元。数据显示，当月美国商品和服务出口额增长0.2%，至1432亿</t>
  </si>
  <si>
    <t>道指18个月来首次收于11000点上方</t>
  </si>
  <si>
    <t>希腊债务援助细节的公布暂时缓解了市场的忧虑情绪，但投资者在第一季度企业财报公布前交易较为谨慎，12日纽约股市维持高位窄幅震荡态势，截至收盘，三大股指小幅上涨，道琼斯指数18个月来首次收于11000点以上。　　　　纽约股市12日收盘时，道琼斯30种工业股票平均价格指数</t>
  </si>
  <si>
    <t>人民币国际化是一条必走之路</t>
  </si>
  <si>
    <t>4月3日，美国财政部长盖特纳宣布推迟公布汇率报告，使中美汇率博弈变得扑朔迷离。　　　　人民币如此备受关注，正如孙兆东在其《世界的人民币》书中所述：“在如今这个几乎人人都能大侃特侃‘经济’的时代，人民币理所当然地是个社会目光关注点。富豪们关注人民币，因为他?</t>
  </si>
  <si>
    <t>希腊发债成败决定救助机制是否启动</t>
  </si>
  <si>
    <t>欧盟委员会和国际货币基金组织(IM F)官员12日在布鲁塞尔举行会谈，商讨联手救助希腊的细节性安排。欧盟委员会发言人阿马德乌·塔迪奥当天证实，一旦希腊到了走投无路的地步，救助机制可以及时、有效地启动，无需欧盟领导人召开峰会来定夺。IM F总裁多米尼克·斯特劳斯-卡恩此</t>
  </si>
  <si>
    <t>五矿商会支持商务部对美取向性硅电钢“双反”调查终裁</t>
  </si>
  <si>
    <t>记者12日从中国五矿进出口商会获悉，该商会对商务部4月10日作出的对美国取向性硅电钢反倾销反补贴调查最终裁定表示欢迎。　　　　记者从五矿商会获悉，本案由宝钢和武钢向商务部提出申请，商务部依法立案进行调查。2009年12月10日，商务部发布初步裁定并于次日起实施临时措</t>
  </si>
  <si>
    <t>美国控制我2/3信用评级市场严重威胁国家金融主权和经济安全</t>
  </si>
  <si>
    <t>编者按：对于信用评级业国人了解得很少，信用评级业到底在国家经济和金融服务体系中有什么特殊作用？这是我们应该迫切了解的。因为它关系到我国的金融主权和国家经济安全。目前，美国正在通过大规模收购中国信用评级机构，试图控制我国信用评级行业。在不到一年的时间里，美?</t>
  </si>
  <si>
    <t>中国首个智能电网示范工程开工</t>
  </si>
  <si>
    <t>4月7日，中国首个智能电网综合示范工程在中国与新加坡两国政府间重要的战略合作性项目———中新天津生态城开工。中新生态城管委会签约出资1亿元支持天津电力公司在生态城进行智能电网建设。　　　　此间人士认为，这个中国拥有完全自主创新技术的智能电网综合示范工程的建</t>
  </si>
  <si>
    <t>美政府重罚丰田启示中国</t>
  </si>
  <si>
    <t>丰田汽车召回门事件至今还在纷纷扬扬“闹着”。作为最早发起讨伐丰田的美国，至今仍然不依不饶。美国政府在为美国丰田车主讨回公道、争取赔偿的同时，把丰田掌门人丰田章男“请到”美国出席丰田车听证会，听证会上美国议员、政府官员可谓横眉冷对千夫指，使得丰田章男一个大?</t>
  </si>
  <si>
    <t>博鳌论坛为中国企业海外并购支招</t>
  </si>
  <si>
    <t>金融危机为亚洲企业海外并购提供了相对理想的“抄底”机会，然而要想成功抓住海外并购机会绝非易事。在海南博鳌亚洲论坛2010年年会的“海外并购：现实与目标的差距”分论坛上，有国际并购经验的企业高管们提出，亚洲企业海外并购要抓住“抄底”时机，操作上要“稳准狠”。?</t>
  </si>
  <si>
    <t>海洋环保——向日本看齐</t>
  </si>
  <si>
    <t>美国环保题材纪录片《海豚湾》斩获今年的奥斯卡最佳纪录长片之后引起不少争议，这部影片似乎会使人产生日本人滥杀海豚，甚至不太重视海洋环境的印象。事实上，日本对海洋的保护有着悠久的传统。　　　日本是一个群岛国家，海岸漫长，港湾众多，也拥有多种类型的优美海洋景?</t>
  </si>
  <si>
    <t>印度矿需求上涨或改变我供应格局</t>
  </si>
  <si>
    <t>印度矿可能无法成为中方抵御三大矿山的“救命稻草”了。因为事实证明，随着印度本国需求上涨，印度矿石在我国的供应格局可能将发生改变。　　　　《经济参考报》记者从近期举行的行业内部会议中获悉，2010年1月到2月期间，印度从我国进口钢材达51万吨，同比增长351.57%。而</t>
  </si>
  <si>
    <t>安永预计：中国2010年矿业并购更青睐新兴资源国家</t>
  </si>
  <si>
    <t>“非洲，南美，中亚等地区成为中国企业海外矿产投资新的关注点，”安永中国区能源化工业主管合伙人吴国强在8日举行的“安永全球矿业和金属业并购交易与融资报告”发布会上说。他指出，特别是今年，从安永服务的客户的实际情况中可以明显看出这种趋势。　　　　他表示，随着</t>
  </si>
  <si>
    <t>经合组织：发达国家上半年经济复苏整体放缓</t>
  </si>
  <si>
    <t>总部设在法国巴黎的经济合作与发展组织7日发布评估报告指出，7个主要发达国家经济复苏迹象明显，但今年前两季度的复苏力度将比去年第四季度有所减弱，经济实现全面复苏仍需要摆脱金融市场信心不足、商业领域活力缺乏和劳动力市场仍然疲弱等困难。　　　　根据报告，7个主要</t>
  </si>
  <si>
    <t>美专家：人民币升值不会增加美国就业</t>
  </si>
  <si>
    <t>美国传统基金会研究员、中国经济问题专家史剑道6日发表文章说，人民币升值并不会给美国增加就业，美国推动就业市场改善的真正途径在于降低财政赤字。　　　　史剑道当天在该基金会网站上发表题为《截止日期和延期：中国汇率重估不会给美国带来就业》的文章。文章指出，很多</t>
  </si>
  <si>
    <t>3D技术开发日本又走在前头</t>
  </si>
  <si>
    <t>日本兴起了3D热，各电影放映公司都在导入可欣赏3D图像的放映设备，到2010年3月底，可放映3D电影的影院达364家，两年后，30%的影院和剧场可放映3D电影。　　　　3D正从影院走入家庭，松下公司推出的3D电视不仅在日本市场上销售，而且对美国市场有志在必得之势，从今年4月开?</t>
  </si>
  <si>
    <t>美印深化经贸关系各有打算</t>
  </si>
  <si>
    <t>印度财长穆克吉6日与到访的美国财长盖特纳在新德里签署了有关成立印美金融与经济伙伴关系机制的协定。美印在经贸和投资领域加强合作可以说是各取所需，同时也是对中国采取的一种平衡策略。　　　　印度官方发布的公告称，此项协定将强化双方在宏观经济、金融和基础设施相关</t>
  </si>
  <si>
    <t>建筑短命源于公民权利的贫困</t>
  </si>
  <si>
    <t>近日，住建部副部长仇保兴透露，中国是世界上每年新建建筑量最大的国家，但这些建筑只能持续25-30年。据资料显示，英国建筑的平均寿命达到132年，美国的建筑平均寿命达74年。　　　　我国的建筑寿命跟英国和美国一比，也真“短命”，连人家的“零头”都不到，那70年的期限?</t>
  </si>
  <si>
    <t>美元才是美国的核心利益</t>
  </si>
  <si>
    <t>人民币汇率问题的核心是美元。让钱源源不断流入美国，这才是美国政府当前最关心的问题。　　　　更为现实的风险是经常账户赤字给美国的国家安全带来的风险，该风险在发生危机需要投入大量公共资源时就会显露出来，而这些公共资源是在相对和平的时期积累的。　　　　连年?</t>
  </si>
  <si>
    <t>英国经济还有本钱翻盘</t>
  </si>
  <si>
    <t>日前出版的一期英国《经济学家》杂志刊登《爬出废墟》一文称，英国经济增长仍然缓慢，随着大选日期日益临近，各方候选人还有许多事情去做。　　　　时间只过去三年，却像恍如隔世。退回到三年前，英国经济在欧洲最为强劲，开放和具有竞争力的市场使它成为富裕国家中推行全?</t>
  </si>
  <si>
    <t>美国楼市期待小阳春</t>
  </si>
  <si>
    <t>日前出版的一期美国《商业周刊》刊登《美联储退出后楼市能否自力更生》一文称，美国住房销售情况仍然不佳，但美国联邦储备委员会已打算停止购买住房抵押担保证券，加上联邦住房税收信用凭证又将到期，美国国房地产市场会有一个光明的未来吗？　　　　几个月来，美国投资者?</t>
  </si>
  <si>
    <t>贸易信贷高增长凸显资金流入压力</t>
  </si>
  <si>
    <t>国家外汇管理局6日公布的数据显示，截至2009年末，我国外债余额为4286.47亿美元(不包括香港特区、澳门特区和台湾地区对外负债，下同)。其中，登记外债余额为2669.47亿美元，贸易信贷余额为1617亿美元。值得注意的是，贸易信贷余额去年四季度新增292亿美元，占到去年全年整体?</t>
  </si>
  <si>
    <t>澳央行再加息欧日英拒绝跟风</t>
  </si>
  <si>
    <t>澳大利亚中央银行6日决定将基准利率上调0 .25个百分点至4 .25%。除此之外，日本央行、欧洲央行和英国央行也将在本周公布议息会议决定，美联储在本周召开窗口贴现率评估会议并公布3月份会议纪要。市场分析人士预计，日本、英国和欧洲央行将继续维持宽松的货币政策不变。</t>
  </si>
  <si>
    <t>德国  经济腾飞的“秘密武器”</t>
  </si>
  <si>
    <t>德国是世界上最早进行职业教育的国家，其成熟的职业教育体制被誉为德国经济发展的“秘密武器”。由于政府大力支持，公众广泛认可，德国企业与学校联合办学的双轨制职业教育取得了较好的效果。　　　　德国联邦统计局的统计数据显示，2008年德国15岁以上人口中受过职业教育?</t>
  </si>
  <si>
    <t>《联合早报》载文：中美贸易问题别拿汇率说事</t>
  </si>
  <si>
    <t>新加坡《联合早报》5日发表美国加州硅谷一家高科技公司总经济师连鹏的文章。文章认为，中美贸易方面出现的问题源于美国经济特有的结构性问题，而不是源于汇率问题。　　　　文章说，事实上人民币在2005年7月与美元脱钩后的3年内升值了21%。美国高盛公司的分析也认为，人民?</t>
  </si>
  <si>
    <t>《华欣宣言》阐释湄公河流域未来重任</t>
  </si>
  <si>
    <t>首届湄公河委员会峰会5日发表《湄公河委员会华欣宣言》，承诺要致力于建设“一个经济繁荣、社会公正和环境良好的湄公河流域”。　　　　湄公河委员会峰会当天在泰国海滨城市华欣举行，主办国泰国总理阿披实在会上宣读了《华欣宣言》。这一宣言以“满足需要，保持平衡：面向</t>
  </si>
  <si>
    <t>不能让“洋贿赂”大行其道</t>
  </si>
  <si>
    <t>据报道，近日美国司法部称，德国车商戴姆勒公司在包括中国在内的22个国家行贿，通过支付现金和赠送豪华轿车等方式赢得商业合约。消息人士表示，为了结案件，戴姆勒公司将签署协议，向美国司法部及美国证券交易委员会支付1.85亿美元罚金，待联邦法院批准后生效。报道中还列举?</t>
  </si>
  <si>
    <t>广西政府采购倾斜自主品牌汽车</t>
  </si>
  <si>
    <t>前不久，广西出台《关于支持汽车工业发展的政策意见》，其目标在于加快广西汽车工业发展。根据这一目标，2010年，广西汽车工业销售收入将争取突破1000亿元，汽车产量突破130万辆；2020年，汽车工业销售收入突破5000亿元，汽车整车产量突破300万辆，建成辐射东盟、出口优势明?</t>
  </si>
  <si>
    <t>中国造飞机或面对反补贴之剑</t>
  </si>
  <si>
    <t>2010年3月23日，世贸组织对美国波音公司(Boeing)与欧盟空中客车(Airbus)持续了六年之久的反补贴诉讼做出了裁定，认定欧盟对空中客车提供的，主要用于A380机型研发的“启动资助”属于禁止性补贴，涉及金额近200亿美元。裁决报告已于23日当天下午送到欧盟本部和位于日内瓦的美?</t>
  </si>
  <si>
    <t>熬过金融危机  没“熬”过滑翔机</t>
  </si>
  <si>
    <t>一起飞机失事，让一直低调的全球最大主权财富基金掌门人谢赫艾哈迈德·本·扎耶德·阿勒纳哈扬成为焦点。据摩洛哥国家通讯社报道，救援人员在飞机失事地点———摩洛哥首都拉巴特南郊的一个人工湖里发现了谢赫艾哈迈德的遗体。　　　　上世纪60年代末出生的谢赫艾哈迈德，?</t>
  </si>
  <si>
    <t>缤纷节日·异域风情</t>
  </si>
  <si>
    <t>休斯敦牛仔节：体现美国捐助文化　　记者　陈如为　　　一年一度的休斯敦牛仔节是当今世界上规模最大、影响也最大的牛仔节。因其奖金总额最高，吸引着全球最优秀的牛仔参赛；因其影响最大，吸引着世界各地牧民把最优秀的良种家畜带到休斯敦参展；因其兼具观赏性和娱乐性?</t>
  </si>
  <si>
    <t>中国专家驳斥美贸易评估谬论</t>
  </si>
  <si>
    <t>美国贸易代表柯克3月31日向国会提交了2010年度“全国贸易评估”报告，报告总结了去年其他贸易伙伴对美国贸易和投资设置壁垒的状况以及美国采取的相应政策。柯克宣称，奥巴马政府将履行承诺，努力消除世界各地对美国出口设置的壁垒，用各种手段确保外国市场对美国商品开放。</t>
  </si>
  <si>
    <t>连续九年占补平衡耕地实现“量质齐升”</t>
  </si>
  <si>
    <t>自2002年以来，福建省漳州市上报土地整理项目80个，总规模达257196亩，可新增耕地33847亩，连续九年实现耕地占补平衡。同时，耕地生产条件得到明显改善，产出效率大大提高。　　　　漳州市土地整理项目取得了明显成效。所属的长泰县雪美洋土地整理项目被联合国开发计划署和</t>
  </si>
  <si>
    <t>美新能源战略只是“权宜之策”</t>
  </si>
  <si>
    <t>美国总统奥巴马终于宣布人们期待已久的关于在美国近海扩大开采油气资源的计划，以及美国发展清洁、可再生能源的设想。尽管他只描绘了一个政策框架，但是，从中可以窥测其新能源战略的雏形，显然是通盘权衡后的折中产物。　　　　美国的土地资源及其地下的油气资源为私人拥?</t>
  </si>
  <si>
    <t>加息就能抑制通胀吗？</t>
  </si>
  <si>
    <t>下个月CPI还会这么高吗？加息就能抑制通胀吗？货币政策传导机制是怎样的呢？夏斌的“问号”是在挑战那些教条的货币主义者，这至少可以说明，夏斌先生已经意识到，40年来，被西方和大多数中国学者———所谓主流经济学家奉为“圣旨”新自由主义学派、货币学派的理论，其许多过</t>
  </si>
  <si>
    <t>日本如何实现三网融合？</t>
  </si>
  <si>
    <t>编者按：从即日起，本报特开设“德功看日本”专栏，由本报驻东京记者何德功主笔，为您解读日本财经和科技领域重大事件，点评日本财经人物功过得失，带您走进一个新鲜而真实的日本。本专栏每周一期，敬请关注。　　　　今年年初，国务院常务会议决定加快推进电信网、广播电?</t>
  </si>
  <si>
    <t>缺轮胎众多印度企业干着急</t>
  </si>
  <si>
    <t>从今年2月19日起，印度商务部对从中国、泰国进口的商用车子午线轮胎加征反倾销税，这一决定导致印度国内市场上子午线轮胎供应不足，多家汽车公司的商用车生产线被迫减产。　　　　塔塔汽车公司商用车部负责人彼萨罗迪对《经济参考报》记者表示，过去一两个月，印度大部分厂</t>
  </si>
  <si>
    <t>中国制造全球第二,虚大还是实大</t>
  </si>
  <si>
    <t>中国企业联合会会长王忠禹日前在北京举行的2010年全国企业管理创新大会上说，2009年中国制造业在全球制造业总值中所占比例已达15.6%，成为仅次于美国的全球第二大工业制造国……　　　　过去30年，中国经济持续快速增长，取得了很大成就，中国制造功不可没。但总体而言，我</t>
  </si>
  <si>
    <t>北部湾城市群“抱团”打造中国经济新增长极</t>
  </si>
  <si>
    <t>北部湾的发展有与我国大东北、大西南和大中南等其他区域发展有所不同。北部湾拥有最便捷的出海、出边国际交通，丰富的海洋资源，开阔的土地资源，优良的自然环境和动植物资源。更重要的是，北部湾在西部大开发和面向东盟开放合作的地位举足轻重，因此被认为是我国西部开放、?</t>
  </si>
  <si>
    <t>美证交会摸底华尔街回购协议</t>
  </si>
  <si>
    <t>美国证券交易委员会(SEC)3月29日表示，已致函美国20多家大型金融和保险公司首席财务官，要求他们回答所在公司是否曾在过去3年里利用回购协议将资产转出资产负债表、对这些资产使用了什么样的会计做法，以及交易活动是否集中于特定的交易对手或国家。不过，证交会没有公布这些</t>
  </si>
  <si>
    <t>广西北部湾经济区商机无限</t>
  </si>
  <si>
    <t>从临海大工业布局到保税物流体系建设，从多区域合作到西南出海大通道。近年来，广西北部湾经济区创造了中国区域发展的“北部湾速度”，正从祖国的西南边陲变成中国东盟合作的大通道，从一个地方题材变成国家发展战略。　　　　广西壮族自治区北部湾办公室常务副主任陈瑞贤?</t>
  </si>
  <si>
    <t>保税港区：推动中国与世界的接轨</t>
  </si>
  <si>
    <t>广西钦州保税港区是中国第6个保税港区，也是中国西部地区第一个保税港区。至此，中国已有上海洋山、天津东疆、大连大窑湾、海南洋浦、宁波梅山、广西钦州、厦门海沧、青岛前湾、深圳前海湾、广州南沙、重庆两路寸滩、张家港、烟台等13个保税港区。　　　　“与其他保税港区</t>
  </si>
  <si>
    <t>钦州：对外贸易的桥头堡</t>
  </si>
  <si>
    <t>钦州市地处广西北部湾经济区中心位置，南临北部湾、毗邻粤港澳、背靠大西南，集沿海沿江优势于一体，是中国—东盟自由贸易区的前沿城市和桥头堡，是西南地区进入东盟国家陆上最便捷的出海口，在推动泛北部湾区域经济合作、服务大西南和实施国家能源安全战略中，具有重要的战?</t>
  </si>
  <si>
    <t>英国公司：马岛石油不具备商业开采价值</t>
  </si>
  <si>
    <t>阿根廷媒体29日报道，在马尔维纳斯群岛(英国称福克兰群岛)勘探石油的英国迪塞尔石油公司承认，初步勘探结果表明马岛海域的石油“质量不高”，不适合进行大规模的商业开采。　　　　迪塞尔公司当天在伦敦证券交易所公布的初步勘探结果让投资者感到失望。报告称，迪塞尔公司?</t>
  </si>
  <si>
    <t>垃圾处理：看看发达国家怎么做</t>
  </si>
  <si>
    <t>目前，垃圾围城、垃圾处理正成为困扰很多城市发展的头痛问题。为此，有关专家认为，一些发达国家在处理垃圾方面形成了一套强化主体责任、推动严格分类、实现垃圾处理减量化，资源化的做法，很值得我国借鉴。　　　　日本严格进行垃圾分类　　　　日本是世界上人均垃圾生?</t>
  </si>
  <si>
    <t>中国从美巴贸易纠纷中看出几分胜算</t>
  </si>
  <si>
    <t>美国和巴西之间的“贸易战”本月正式拉开序幕。巴西政府8日宣布，将对102种美国商品实施贸易制裁。其中对美国冰箱、彩电等电器的进口关税由20%翻一番至40%，将汽车进口关税由35%提高至50%，奶粉进口关税则由28%提高至48%，棉花和棉制品进口关税则由原先的6%至26%大幅提高到10</t>
  </si>
  <si>
    <t>非洲需要中国人来建商学院和工程院</t>
  </si>
  <si>
    <t>近日，非洲经济研究协会主任奥卢·阿加凯耶教授在接受记者专访时提出，中资公司在非洲承接工程的过程中，宜加强与当地商人的联系，尽早将非洲商户融入中国商品的生产流程，并在此过程中帮助非洲培养各类商业和工程人才，中国不仅可在非洲建孔子学院，还可建商学院和工程院。$</t>
  </si>
  <si>
    <t>通胀压力强化亚洲经济体加息预期</t>
  </si>
  <si>
    <t>伴随着国际油价和商品价格同比大幅上涨，亚洲多数经济体目前面临不断加大的通胀压力。分析人士认为，如果通胀维持高压状态，通胀预期将进一步强化，一些亚洲经济体将不得不收紧货币政策，以牺牲经济增长为代价迅速抑制通胀。如何在合适的时间实施合适的货币政策，将是亚洲各?</t>
  </si>
  <si>
    <t>各方抢滩伊重建市场中国企业可适时进入</t>
  </si>
  <si>
    <t>目前，国际舆论聚焦伊拉克议会选举，各国政府和企业也在紧密关注伊政局变化，并积极采取措施准备在伊拉克重建中抢占商机。此间分析人士认为，鉴于大选后伊拉克可能进入相对平稳发展时期，我企业可择机与伊方开展合作。　　　　多国企业赴伊抢滩　　　　据预测，伊拉克战?</t>
  </si>
  <si>
    <t>休想重演《购银法案》</t>
  </si>
  <si>
    <t>正当美国中期选举之年，一批美国议员要求人民币汇率迅速大幅度升值的咆哮令这个话题急剧升温。其实，对美国而言，强迫中国货币大幅度升值并非新鲜事，70多年前山姆大叔已经如此这般“成功”地做过一次，结果摧毁了中国的财政金融体系。只不过美国国内微小的白银生产部门从这?</t>
  </si>
  <si>
    <t>欧盟未来十年将加强经济政策协调</t>
  </si>
  <si>
    <t>欧洲未来十年将如何发展？26日落幕的欧盟春季首脑会议基本回答了这一问题。会议总体认可了欧盟委员会3月3日提出的“欧洲2020战略”。但是，如何将这一战略提出的目标落到实处，又如何使各成员国协调一致地向这一目标迈进，是摆在欧盟领导人面前的一项艰巨任务。　　　　强?</t>
  </si>
  <si>
    <t>专家：谨防美贸易保护政策产生“涟漪效应”</t>
  </si>
  <si>
    <t>美国政府升级对华贸易保护措施后，欧盟和部分发展中国家纷纷效尤提高贸易壁垒。国内部分制造业和外贸业从业者及专家学者认为，对华贸易摩擦渐成常态的现实要求我们形成政府、行业协会和企业各司其职、互相补充的贸易救济机制，防止美国贸易保护政策产生不断扩散的“涟漪效应?</t>
  </si>
  <si>
    <t>“金砖四国”将加强农业合作</t>
  </si>
  <si>
    <t>“金砖四国”(巴西、俄罗斯、印度、中国)首届农业部长会议日前在莫斯科举行。会议期间，四国部长重点就共同应对全球粮食安全、减缓气候变化对农业的影响、加强信息和农业科技交流与合作等问题交换了意见，并共同签署了《“金砖四国”农业和农业发展部长莫斯科宣言》。　　?</t>
  </si>
  <si>
    <t>轮胎业今年面临特保案等多重阻碍</t>
  </si>
  <si>
    <t>第五届中国橡胶市场发展论坛暨2010年世界橡胶高峰论坛日前在青岛举行，美国轮胎特保案成为此次论坛的主要话题。　　　　业内人士谈论较多的是：美国要特别“保胎”，我国轮胎行业应如何“保胎”。不少轮胎企业呼吁我国应与国际惯例接轨，取消天然橡胶关税，减小企业成本压?</t>
  </si>
  <si>
    <t>欧日车商加速抱团主攻新兴市场</t>
  </si>
  <si>
    <t>汽车世界，你方唱罢我登场。一厢是美国三巨头的重组和衰落，日本丰田撞上“组合门”、马失前蹄严重受挫；另一厢是若干兄弟动荡乾坤跃跃欲试，新生的老二摩拳擦掌、誓言要成为世界第一。汽车世界的版图可谓进入了剧烈震荡的时期。　　　　去年12月，德国大众汽车公司与日本?</t>
  </si>
  <si>
    <t>海冰淡化离我们还有多远</t>
  </si>
  <si>
    <t>今年1月以来环渤海地区的海冰成灾让人记忆犹新，而如今我国西南地区正在大面积蔓延的旱灾令人扼腕。如果能让有害的冰变成有用的水？……听上去这似乎是个笑谈。然而，最新的研究表明，经过近10年的努力，我国开展的海冰淡化技术研究已取得重大突破，居世界领先水平。这一重大</t>
  </si>
  <si>
    <t>揭示未来家居什么样</t>
  </si>
  <si>
    <t>对于家居的追求，世界各地的人们从未怠懈：要舒适、要实用、要美观……未来，我们的家究竟会什么样？　　　　本报记者身处英国、德国和奥地利，从前方发回了一组关于家居的报道，以他们的视野描绘了未来家居的景象，展现了一个充满惊喜与惊奇的理想家居。　　英国　　?</t>
  </si>
  <si>
    <t>印度小额贷款与高利贷在竞争中共存</t>
  </si>
  <si>
    <t>小额贷款被视为帮助穷人获得资金创业、打破世代贫穷怪圈的有效手段。不少人认为，小额贷款将使传统民间高利贷无立锥之地。　　　　不过，在印度乡村，以“互保”为特征的小额贷款的出现似乎推动了传统民间借贷，两者在竞争中共存。　　　　着眼穷人　　　　小额贷款最?</t>
  </si>
  <si>
    <t>全球对美国贸易保护主义说“不”</t>
  </si>
  <si>
    <t>据美国媒体23日报道，法国总统萨科齐打算在3月底对美国进行国事访问时谴责美国的贸易保护主义，荷兰看守政府经济大臣玛丽亚·范德赫芬也于当日批评美国给全球降低和消除贸易壁垒的努力带来许多麻烦，阻碍了全球自由贸易。　　　　而从最近世界主要经济体与美国的贸易纠纷来</t>
  </si>
  <si>
    <t>尼加拉瓜  ——地球最后的“潘多拉”</t>
  </si>
  <si>
    <t>美国科幻巨片《阿凡达》虽然最终折翼奥斯卡，但影片缔造出的潘多拉星球美轮美奂、瑰丽神奇，令整天在钢筋水泥森林中穿梭的都市人不禁感叹，地球上哪里还能找到这样一片乐土？　　　在中美洲的心脏，在太平洋和加勒比海的夹缝中，在现代文明和传统文化的碰撞中，存在着一个?</t>
  </si>
  <si>
    <t>俄罗斯：收藏勋章比投资房地产赚钱</t>
  </si>
  <si>
    <t>在俄罗斯，法律明令禁止买卖国家奖章，但那些带着深深历史烙印和个人荣誉的勋章有着较高的收藏价值。一般每年勋章的交易价格会上涨5倍左右，因此很多人把钱投入到这个生意上，认为这比投资莫斯科的房地产赚钱得多。在巨大的经济利益面前，勋章黑市交易猖獗，同时也成为潜伏在</t>
  </si>
  <si>
    <t>美国才是操纵汇率损人利己的“高手”</t>
  </si>
  <si>
    <t>压迫人民币升值，已经成为美国政府坚定不移的目标。其实，美国是贼喊捉贼，根本没有叫板的资格。　　　　从2005年至2008年，人民币对美元汇率升值了20%，期间对美贸易顺差持续增加；去年，人民币对美元汇率基本保持稳定，然而中国外贸顺差下降了34.2%；在2009年全球贸易总?</t>
  </si>
  <si>
    <t>医改,奥巴马不容易</t>
  </si>
  <si>
    <t>美国总统奥巴马23日在白宫签署了医疗保险改革法案，使之为这个世界性难题找到了一个美式答案。《纽约时报》随后发表社论称，今后奥巴马的棘手任务还有一大堆，他可能无法全部完成，但本次医改胜利足以证明，在其积极介入并发挥领导力之下，一些同样重大的问题也能得到解决。$</t>
  </si>
  <si>
    <t>欧元对美元汇率跌至10个月最低</t>
  </si>
  <si>
    <t>因希腊救助问题前景依然不明，且评级机构惠誉调降葡萄牙的信用评级，24日欧元汇率大幅下跌，欧洲交易时段结束时对美元汇率从上一交易日的1比1.35大幅下滑至1比1.33。相比之下，尽管美国的经济形势仍不乐观，一些关键的数据显示出缓慢复苏，并未全面好转，但无奈的选择迫使投?</t>
  </si>
  <si>
    <t>美国将为医改法案背上巨大财政负担</t>
  </si>
  <si>
    <t>美国投资银行端斯乐伙伴公司国际执行总监理查德·沃特里奇24日在接受记者采访时说，美国总统奥巴马刚刚签署的医疗改革法案是民主党的一个历史性胜利，但这只是理念的胜利，因为它将给美国带来巨大的财政负担。　　　　沃特里奇说：“这个新通过的法案不仅会使美国人的税收?</t>
  </si>
  <si>
    <t>印尼：中餐业成熟已成气候</t>
  </si>
  <si>
    <t>印度尼西亚是世界上华人华裔最多的国家，人口大约在1000万到2000万之间，其中还不包括拥有稀薄华人血统的人口。同时，印尼文化中也渗入了大量中华文化的内容，餐饮文化更不例外。　　　　在印尼，经营潮州菜、客家菜还有中餐受南洋菜影响发展起来的“娘惹菜”餐馆都被看作?</t>
  </si>
  <si>
    <t>东盟与中日韩多边货币互换协议生效</t>
  </si>
  <si>
    <t>由东盟及中日韩签署的多边货币互换协议24日正式生效，该协议旨在保障收支平衡并解决短期流动性问题，将有助于亚洲各国抵御今后可能发生的金融危机。　　　　东盟与中日韩(10+3)财长和央行行长以及中国香港金融管理局总裁24日共同宣布清迈倡议多边化协议正式生效。同时发布?</t>
  </si>
  <si>
    <t>印度欲设主权基金与我竞购油气资源</t>
  </si>
  <si>
    <t>印度石油部长近日表示，可能考虑建立主权基金，用于收购海外油气资源，以加强印度的能源安全。印媒认为，这是效仿中国以3000亿美元的主权财富基金投资全球能源和矿产的做法。　　　　石油部长德奥拉(Deora)指出，目前印度国有企业承担油气的海外勘探和生产，融资则以商业考</t>
  </si>
  <si>
    <t>汽车业体系建设重于产能建设</t>
  </si>
  <si>
    <t>从1991年成立时15万辆规模起步，到2009年实现产销66万辆，中德合资一汽-大众汽车有限公司不断突破产能极限，在打造“百万辆”的道路上越走越远。在一汽-大众的掌舵人安铁成看来，“百万辆”规划不仅要打造产能，更要创建体系。日前，记者走进一汽-大众，与公司总经理安铁成对</t>
  </si>
  <si>
    <t>钟山访美能否开启中美经贸新格局</t>
  </si>
  <si>
    <t>根据商务部消息，商务部副部长钟山于24日开启为期三天的美国之行，钟山访美的主要议题将是中美贸易平衡、贸易摩擦以及与贸易相关的问题。此外，有专家分析，钟山可能还将就人民币汇率问题与美方展开磋商。　　　　“钟山此次访美，可以说是复杂的中美经贸关系博弈的前哨战?</t>
  </si>
  <si>
    <t>“民工荒”：荒在哪里？路在何方？</t>
  </si>
  <si>
    <t>2009年下半年以来，随着中国经济的强劲复苏，沿海地区用工短缺的现象又开始出现，特别是“珠三角”和“长三角”地区的“民工荒”大有愈演愈烈之势，在2010年春节前后，“不忧订单忧用工”成为外向型加工制造企业普遍头疼的难题。这种形势与全球金融危机之初农民工大批失业返?</t>
  </si>
  <si>
    <t>美国医改之争未了</t>
  </si>
  <si>
    <t>美国总统奥巴马当地时间23日上午举行仪式，签署已获国会参众两院通过的医疗保险改革法案。这一法案需待参议院表决通过“预算协调”议案(众议院民主党人针对参议院法案提出的修改议案)并经奥巴马签署为法律后，方可正式付诸实施。　　　　据悉，参议院也定于当日对众议院通?</t>
  </si>
  <si>
    <t>中国经济：理顺机制才能一马平川</t>
  </si>
  <si>
    <t>曹远征　经济学博士，国家特殊津贴获得者。现任中银国际控股有限公司首席经济学家。中银国际控股有限公司董事、副执行总裁兼首席经济学家；德国Damstadt大学经济学院访问学者；曾任中国国家经济体制改革委员会经济体制改革研究院常务副院长，国外经济体制司比较经济体制处处?</t>
  </si>
  <si>
    <t>美为何向人民币汇率发动新攻势</t>
  </si>
  <si>
    <t>自去年初奥巴马政府执政以来，美国在人民币问题上对中国发难，主要有两个波次：第一波，是在财长盖特纳上任前后，盖氏公然指责中国是“汇率操纵国”；第二波，则是现在美国在人民币问题上全面施压，大有人民币不升值美国不善罢甘休之势。　　　　第一波，基本上是盖特纳的?</t>
  </si>
  <si>
    <t>美国医改法案对中国具正面参考作用</t>
  </si>
  <si>
    <t>奥巴马医疗保险改革法案于当地时间21日晚以219票比212票的微弱优势在国会众议院闯关通过。美国主流媒体为此拍手称快，奥巴马也因此获得一片喝彩声。　　　　但是这并不能宣告美国医改的成功，奥巴马还将面临挑战。美国医保改革最终能不能成功，实施过程中会不会走样，还要?</t>
  </si>
  <si>
    <t>大城市开征“交通拥堵费”有点难</t>
  </si>
  <si>
    <t>大城市中心区的交通拥堵已经成为世界性的难题，中国也不例外。面对越来越突出的大城市交通拥堵问题，3月9日，来自美国、英国、中国香港以及内地的11名交通领域专家在羊城纷纷表示，广州等中国大城市目前已突破交通拥堵国际警戒线，交通状况堪忧，私家车增长速度远高于道路建?</t>
  </si>
  <si>
    <t>海外家电连锁进军中国难成气候</t>
  </si>
  <si>
    <t>海外家电连锁正在掀起一股进军中国市场的热潮：日本家电连锁企业山田电机株式会社进军中国的第一家门店将在沈阳开店，而其第二家门店已选址天津；百思买也于近日表示要在苏州开设门店。　　　　在国际金融危机影响下，海外家电连锁企业加速了在中国市场的布局，但业内人士?</t>
  </si>
  <si>
    <t>希腊新紧缩措施引发民众忧虑</t>
  </si>
  <si>
    <t>迫于欧盟压力和融资需要，希腊政府3月初公布了新的紧缩财政措施。新措施虽然在国际上得到认可，但在国内却遭遇民众和反对党强烈反对。此间分析人士认为，从解决危机的角度看，希腊民众最终将选择接受政府的紧缩政策，但总理帕潘德里欧领导的泛希腊社会主义运动(泛希社运)政府</t>
  </si>
  <si>
    <t>三矿山欲以短期合约废长协模式</t>
  </si>
  <si>
    <t>凭借着自身绝对的垄断地位，三大矿山在谈判中“变本加厉”。在提出90%的涨价要求后，有消息称三大矿山已经和日本钢铁制造商达成初步协议，拟以与现货市场挂钩的短期合约取代铁矿石年度合约。这意味着，维持数十年的铁矿石长协价格机制将有可能不复存在。　　　　在全球钢铁</t>
  </si>
  <si>
    <t>爱尔兰积极应对债务危机有缓解</t>
  </si>
  <si>
    <t>在蔓延至欧元区多国的债务风暴中，爱尔兰最早受到冲击。房地产泡沫破灭和经济危机是导致爱尔兰政府财政赤字剧增的主要原因，但随着一系列应对措施的出台，债务危机带来的负面影响在一定程度上有所缓解。　　　　房地产热催生泡沫　　　　数据显示，2009年，爱尔兰财政赤?</t>
  </si>
  <si>
    <t>世贸组织召开高官会议“盘点”多哈回合谈判形势</t>
  </si>
  <si>
    <t>世界贸易组织22日开始召开为期一周的高官会议，目的是“盘点”目前多哈回合贸易谈判所处形势，探讨弥合分歧以及推动谈判走向最后阶段的可能性。　　　　世贸组织发言人基思·罗克韦尔向记者表示，这次高官会是按照去年12月份世贸组织第7届部长级会议的决定召开的。会议将以</t>
  </si>
  <si>
    <t>为有“区别”葡萄牙要与希腊“划清界限”</t>
  </si>
  <si>
    <t>葡萄牙政府3月6日通过未来3年国家经济稳定和增长计划，成为继希腊之后最新出台财政紧缩措施的欧元区国家。由于在应对经济危机过程中耗费巨资，葡萄牙政府的财政赤字和公共债务均大幅上扬，新出台的措施能否奏效还有待观察。　　　　控制赤字和刺激经济才是正途　　　　为</t>
  </si>
  <si>
    <t>印度软件巨头看好成都投资潜力</t>
  </si>
  <si>
    <t>印度软件外包业巨头维普罗(W ipro)公司成都地区负责人SuchiraIyer接受《经济参考报》记者专访时表示，成都发展为中国软件外包中心很有潜力。丰富的人力资源、有力的政策支持以及相对中国东部城市较低的成本，都是吸引印度软件外包业投资的优势。　　　　面对中国企业的竞争</t>
  </si>
  <si>
    <t>世界需要中国中国无需统治世界</t>
  </si>
  <si>
    <t>英国学者马丁·雅克撰写的《当中国统治世界》，2009年6月英文版一上市便引发一片争议。扎眼的书名，不仅中国人不能接受，就连习惯于炒作“中国威胁论”的西方人更难接受“中国统治世界”。　　　　此书作者马丁·雅克在中文版自序中坦诚，在中国更多的批评来自于书名，他本</t>
  </si>
  <si>
    <t>陈德铭：我国3月可能出现贸易逆差人民币汇率没有低估和被操纵</t>
  </si>
  <si>
    <t>21日，在中国发展高层论坛上商务部部长陈德铭表示，我国今年前两个月，进口同比增长了64%，预计3月份可能会出现贸易逆差。他同时指出，人民币汇率并不存在美国认为的低估和操纵。　　　　陈德铭在发言中表示，开放的贸易是促进全球经济复苏的重要力量，理性看待危机和全球?</t>
  </si>
  <si>
    <t>奥巴马出访南太平洋欲一石二鸟</t>
  </si>
  <si>
    <t>美国总统奥巴马将于21日启程前往印度尼西亚和澳大利亚进行访问，希望能借此增进与亚太地区的关系。也有评论认为，奥巴马此次访问是想一石二鸟，借助这两个国家的力量来制衡中国在亚太地区日益增强的影响力，同时扩大对东盟的出口。　　　　奥巴马去年11月参加新加坡举行的?</t>
  </si>
  <si>
    <t>强迫人民币升值对美没有好处</t>
  </si>
  <si>
    <t>美国财政部前副部长弗兰克·纽曼和经济学家丹·纽曼16日在美国《外交政策》期刊网站发表文章指出，对中国施压要求人民币升值的做法对美国出口行业并没有好处，反而会让美国消费者付出更大代价。　　　　这两位专家在文章中指出，美国现在有不少人要求人民币升值，并威胁要?</t>
  </si>
  <si>
    <t>“三网融合”空间打开</t>
  </si>
  <si>
    <t>工信部部长李毅中日前透露，“三网融合”试点方案预计5月出台，6月启动，其核心就是要在双向进入上找到切入点：广电行业可以进入规定的一些电信行业的业务，国有电信企业根据规定可以进入一些广播影视的业务。    这意味着电信网、广播电视网和互联网实现三网互联互通、资?</t>
  </si>
  <si>
    <t>美国  双保险解决充电难题</t>
  </si>
  <si>
    <t>从今年夏季开始，美国华盛顿州、俄勒冈州、加利福尼亚州、亚利桑那州和田纳西州将成为美国首批5个电动车试点州。电动车即将上路，如何保证及时充上电是首要问题，这些州采取了“居家充电”和“公用充电”双保险策略。　　　　日产公司北美电动车项目总监马克·佩里向记者介</t>
  </si>
  <si>
    <t>巴西首富成去年全球赚钱第一高手</t>
  </si>
  <si>
    <t>2009年，世界上赚钱最多的不是刚被《福布斯》杂志评为全球首富的墨西哥电信大亨卡洛斯·斯利姆·埃卢，也不是微软创始人比尔·盖茨和股神巴菲特，而是巴西首富、53岁的石油和矿业巨头埃克·巴蒂斯塔。　　　　在短短的一年时间里，巴蒂斯塔的财富从75亿美元暴涨到270亿美元</t>
  </si>
  <si>
    <t>日本  电动车仍属“小众”</t>
  </si>
  <si>
    <t>由于电动车行驶时不会污染空气，也不产生温室气体，发展电动车逐渐成为全球汽车业的一大发展趋势。日本在这方面取得了一些成绩，但这些成绩均是一步步获得的，其中也经历了曲折。从日本电动车发展轨迹看，电动车发展并非一蹴而就，而是循序渐进。　　　　据日本大发工业公?</t>
  </si>
  <si>
    <t>太平洋地震带被激活？</t>
  </si>
  <si>
    <t>美国地质调查局地震学家保罗·埃尔认为亚太地区近期发生的地震都属于智利2月27日8.8级强震的余震，太平洋地震带被激活，因此地壳活动略显活跃。　　　　据介绍，环太平洋地震带像一个巨大的环，围绕太平洋分布。由于太平洋板块洋中脊的快速扩张，太平洋板块向东西两侧的扩?</t>
  </si>
  <si>
    <t>人民币升值并非医治美国经济良药</t>
  </si>
  <si>
    <t>美国一名知名贸易专家16日指出，强势的人民币并不能成为医治美国经济和制造业问题的良药，通过提高征收从中国进口产品的关税来强迫人民币升值是“一个巨大的错误”。　　　　美国著名智库凯托学会贸易政策研究中心主任丹尼尔·格里斯沃尔德在接受本报记者专访时说：“中国?</t>
  </si>
  <si>
    <t>气候变暖的“意外收获”</t>
  </si>
  <si>
    <t>从16世纪起，欧洲国家就一直梦想能打通经北冰洋到达东方的便捷通道，由于自然条件限制，北极航道探险虽兴盛一时，终因不具备商业航运价值而沉寂。　　　　随着全球气候变暖，北极海冰加速融化，一些科学家乐观预测，在未来30年内北冰洋将出现夏季无冰年，北冰洋“黄金水道?</t>
  </si>
  <si>
    <t>美国应在人民币问题上闭嘴</t>
  </si>
  <si>
    <t>近两天，美国政府再次提高调门，从美国总统，到国会议员，再到财政部长，多方多次施压人民币汇率。但是，不论是国外还是国内，另一种“讨伐”美国的声音也越来越大。多方认为，美国这种行为损人不利己，如果人民币快速升值，将给中国和世界带来严重危害。　　　　世界认为?</t>
  </si>
  <si>
    <t>一个新的无就业时代将如何改变美国</t>
  </si>
  <si>
    <t>美国《大西洋月刊》3月一期刊登唐·佩克的一篇文章，对一个新的无就业时代将如何改变美国做了视角独到的分析。　　　　文章说，经过差不多两年严峻的时期，大衰退似乎已经结束，然而，离恢复正常似乎还很遥远，在今后相当长的时期，这种创伤仍会剧烈。　　　　去年10月，</t>
  </si>
  <si>
    <t>法德舌战不利欧元区复苏</t>
  </si>
  <si>
    <t>法德之间近日出现了有关不同经济模式的“舌战”。先是15日的《金融时报》刊登了采访法国经济、财政与就业部长克里斯蒂娜·拉加德的文章，她说不确定德国的经济模式能否长期可行。而后德国经济界多人对此予以反驳，反指一些国家需要改革以提升自身竞争力。而在欧盟成员国集体?</t>
  </si>
  <si>
    <t>奥巴马出口促进策略难奏效</t>
  </si>
  <si>
    <t>3月13日至19日一期英国《经济学家》杂志刊登《去卖吧》一文称，美国总统奥巴马开始倾向用出口搭救美国经济，但这却是贸易摩擦激增的信号。　　　　3月11日，奥巴马滔滔不绝地介绍了一系列促进国内企业扩大出口的新方案。涉及国家安全的出口项目审批程序将被简化，中小公司?</t>
  </si>
  <si>
    <t>美经济前景之争：首回合乐观派胜出</t>
  </si>
  <si>
    <t>提前出版的3月22日一期美国《商业周刊》刊登《“新常态”对决“新混合(动能)”》一文称，目前经济界已分成两派，一方认为美国经济将保持长久低速增长，另一方则称美国经济将实现强劲复苏。就目前情况看，乐观派似乎占了上风。　　　　大约一年前，美国太平洋投资管理公司首</t>
  </si>
  <si>
    <t>商务部将给中国钢企贸易手段支持</t>
  </si>
  <si>
    <t>铁矿石谈判被再一次推向了风口浪尖之上。　　　　商务部新闻发言人姚坚16日上午表示，“中国的利益应在铁矿石谈判中有所体现”，商务部主张维护铁矿石长期协议的价格形成机制，并表示会在必要时提供贸易手段支持。此前，澳大利亚贸易部长克林表态称“希望中国政府不要介入?</t>
  </si>
  <si>
    <t>希腊应尽快实施一整套发展计划以应对债务危机</t>
  </si>
  <si>
    <t>希腊全国商业联合会会长瓦西里斯·库齐蒂斯日前在接受新华社记者专访时表示，希腊政府在实施财政紧缩政策应对债务危机的同时，应相应出台一整套发展计划，并尽快实施。　　　　他说，虽然实施紧缩政策能增收节支48亿欧元，但同时也会给希腊经济发展带来很大隐患。他说，政?</t>
  </si>
  <si>
    <t>操纵市场是对冲基金无法根治的痼疾</t>
  </si>
  <si>
    <t>欧洲货币正在外汇市场上挣扎求生，无论是欧元还是英镑都未能幸免，前者兑美元汇率在3个月里已下跌近10%，以至于市场有预言称欧元可能跌至与美元平价，即1欧元兑1美元的地步。原因何在？欧洲各国经济基本面的弱势固然是决定性因素，但投行和对冲基金之类国际游资对此也“贡献?</t>
  </si>
  <si>
    <t>欧佩克料将维持原油日产配额不变</t>
  </si>
  <si>
    <t>当地时间17日，石油输出国组织(欧佩克)召开第156次部长级会议，就原油产量问题进行讨论。从目前各方传出的信息看，此次会议可能作出继续维持原油日产配额不变的决定。　　　　分析人士指出，随着成员国收入的增加，且当前国际油价基本维持在沙特等成员国能够接受的目标区间</t>
  </si>
  <si>
    <t>八国启动TPP协定首轮谈判</t>
  </si>
  <si>
    <t>美国和新加坡等8国的经贸官员15日在澳大利亚墨尔本就建立“跨太平洋伙伴关系”(Trans-PacificPartnership，简称为TPP)开始首轮谈判。这是美国总统奥巴马就任以来采取的首个重大贸易举措。　　　　据悉，此次谈判将涉及关税、非关税贸易壁垒、电子商务、服务和知识产权等议?</t>
  </si>
  <si>
    <t>绿野：纽约垃圾山华丽变身</t>
  </si>
  <si>
    <t>“树上有只红尾鵟，”一群游客兴奋地叫喊。红尾鵟受惊振翅，在空中悠然盘旋。山丘、绿地、溪流、鸟鸣……没人会想到，这处在建的大型公园曾是世界上最大垃圾场，臭气熏天，令人避之不及。　　　　美国纽约市计划建造面积3倍于中央公园的弗雷什基尔斯公园，把昔日“垃圾山”</t>
  </si>
  <si>
    <t>绿领：未来经济的“弄潮儿”</t>
  </si>
  <si>
    <t>继蓝领、白领和灰领之后，又一个全新的职业阶层———“绿领”正悄然兴起。伴随着绿色经济大潮在全球的涌动，不断壮大的绿领阶层将成为新时代的“弄潮儿”。　　　　由绿领概念到绿色就业　　　　绿领一词最早由美国佛蒙特法学院教授帕特里克·赫弗南提出。1976年，他向?</t>
  </si>
  <si>
    <t>我国愿与他国分享高铁技术</t>
  </si>
  <si>
    <t>铁道部副部长王志国13日下午表示，铁道部愿意按照互惠互利、合作共赢的原则，将本国先进成熟的高速铁路技术与其他国家分享，促进世界高速铁路的发展。　　　　铁道部副部长王志国表示，目前，美国、俄罗斯、巴西等几十个国家都希望我国参与他们国家铁路项目的合作，有些合?</t>
  </si>
  <si>
    <t>日本政府8个月来首次上调经济景气基本判断</t>
  </si>
  <si>
    <t>日本内阁府在15日公布的3月份月度经济报告中说，经济景气正在稳步好转，这是日本政府8个月来首次上调对经济景气的基本判断。　　　　报告说，日本经济景气正在稳步好转，但失业率依然偏高，处于严峻状态。与此前的月度报告相比，本次月度报告强调了景气好转的持续性和整体?</t>
  </si>
  <si>
    <t>英债务状况有远虑但尚无近忧</t>
  </si>
  <si>
    <t>在希腊发生债务危机后，其他一些欧洲国家的沉重政府债务问题引起了国际社会的广泛关注。人无远虑，必有近忧。目前，希腊等国的债务危机引起了人们对英国债务状况和经济前景的忧虑，但是分析人士认为，从近期来看，虽然英国政府债务沉重，但还不至于发生类似希腊那样的债务危?</t>
  </si>
  <si>
    <t>复苏基础不牢美联储将维持低利率</t>
  </si>
  <si>
    <t>美国联邦储备委员会(美联储)将于当地时间16日举行为期一天的议息会议。因就业市场持续疲弱且经济能否稳固复苏仍存在疑问，市场普遍预计，美联储将维持联邦基金利率于零至0.25%区间之内，并在会后声明中重申将在“更长时间内”维持超低利率。　　　　本次会议是美联储自2008</t>
  </si>
  <si>
    <t>汉诺威CeBIT：站在3D潮头</t>
  </si>
  <si>
    <t>自从美国好莱坞3D大片《阿凡达》上映以来，全球掀起了一股3D浪潮，而日前在德国汉诺威举行的第25届国际信息及通信技术博览会(简称CeBIT)更是印证了这一说法。从3D眼镜、3D显示器、3D投影仪到各种各样的3D相框、3D播放器等，代表“下一代3D”的产品组成了令人眼花缭乱的“3D家</t>
  </si>
  <si>
    <t>通用重组欧宝面临双重阻力</t>
  </si>
  <si>
    <t>德国经济部长布吕德勒10日称，德国政府仍在研究通用汽车公司(General Motors Co.)为其德国子公司欧宝(Adam Opel GmbH)提出的救助申请，而欧洲工会近日对欧宝缩减工厂计划的反对声也是一浪接着一浪，通用重组欧宝的资金和工会阻力已经凸显。据国外媒体分析称，欧洲国家政府将?</t>
  </si>
  <si>
    <t>信用卡新规改变美国人生活</t>
  </si>
  <si>
    <t>美国政府2月22日宣布，美国总统贝拉克·奥巴马2009年5月份签署的美国信用卡新法规正式生效。新规旨在禁止信用卡发放者借各种名目乱收费，保护持卡人权益。　　　　不过，从新规签署到生效的几个月里，一些银行采取一系列弥补利润损失的措施，包括提高还款利率、减少年终回?</t>
  </si>
  <si>
    <t>全球协作缺位恐令金融交易税难施行</t>
  </si>
  <si>
    <t>当地时间3月10日，欧洲议会正式建议欧洲理事会和欧盟委员会在6月份的20国集团(G 20)会议前制定一项征收金融交易税的计划，以遏制金融机构的过度冒险行为。正在此间召开全会的欧洲议会在当天通过的一项决议中还提出，如果在全球征收金融交易税难以实现的话，欧盟应考虑单独执?</t>
  </si>
  <si>
    <t>日本：含塑料纤维的抗震混凝土研制成功</t>
  </si>
  <si>
    <t>日本防灾科学技术研究所与东京工业大学合作，用塑料纤维代替建筑材料里的碎石子，制成了新型混凝土。实验显示，用这种混凝土建造的桥墩模型能够抵抗相当于1995年阪神大地震1.5倍的巨大晃动。　　　　一般的混凝土是用水泥和沙子、碎石子混合后制成的。东京工业大学的川岛一</t>
  </si>
  <si>
    <t>英国：中度饮酒会强化灾难记忆</t>
  </si>
  <si>
    <t>饮酒对于人类记忆的影响是什么呢？英国一项最新研究说，与其他人相比，那些在灾难前中度饮酒的人，也就是“喝得正好”的人，对于灾难会有更多强迫性回忆。　　　　英国伦敦大学学院等机构的研究人员在最新一期《生物精神病学》杂志上报告说，约50名志愿者参加了这项心理学?</t>
  </si>
  <si>
    <t>中产阶级崛起带来机遇也带来挑战</t>
  </si>
  <si>
    <t>美国世界政策研究所出版的《世界政策杂志》日前刊登英国公共政策机构海外财产管理局(政府研究会)资深研究员珍妮弗·惠里的一篇文章认为，全球中产阶级的崛起不仅。　　　　文章说，20世纪80年代，大约有四亿人加入中产阶级行列。这是非常可观的数字，但这只是一个序幕。自2</t>
  </si>
  <si>
    <t>欧盟打击金融投机或禁CDS交易</t>
  </si>
  <si>
    <t>围绕希腊债务危机，欧盟将矛头对准金融市场上的投机行为。唯利是图的投机者被认为是加剧希腊债务危机的幕后推手，但要制服这群金融“蝗虫”绝非易事。    欧盟委员会主席巴罗佐9日说，欧盟委员会正在考虑禁止纯投机性的信用违约掉期(CDS)交易。    所谓信用违约掉期，通?</t>
  </si>
  <si>
    <t>丰田面临美消费者30亿美元索赔</t>
  </si>
  <si>
    <t>深受召回事件困扰的日本丰田汽车公司近日“雪上加霜”。普锐斯(Prius)先后在加州和纽约爆出两例因失控加速问题引发的事故，而坦途(T undra)皮卡车也在美国扩大召回范围。普锐斯上演的“夺命飙速”和T undra皮卡的“生锈车架”再次拷问着这家全球最大的汽车公司。在接下来美国</t>
  </si>
  <si>
    <t>经济学家激辩世界是否需要更高通胀</t>
  </si>
  <si>
    <t>法国《世界报》日前刊登玛丽·德韦尔热斯的一篇文章，文章说，经济学家就世界经济是否需要更高通胀展开激烈争论。　　　　文章认为，25年以来，通货膨胀一直是各国央行的眼中钉，因为它是不稳定的根源，会阻碍经济发展。必须遏制通货膨胀的恶果，将物价上涨控制在2%以下。?</t>
  </si>
  <si>
    <t>美国楼市初显复苏萌芽</t>
  </si>
  <si>
    <t>3月15日出版的一期美国《商业周刊》刊登《楼市：地平线上的希望》一文称，尽管1月份美国独栋住宅销售经季节调整后触及近50年来低点，但该数据却不能成为美国房地产市场仍处在“冰河 期 ” 的 又 一 例证。实际上，资金充足的美国建筑商已蓄势待发，开始为美国楼市将出现拐点?</t>
  </si>
  <si>
    <t>美国出口战略剑指中国</t>
  </si>
  <si>
    <t>中美贸易摩擦近来陡然加剧，美国高层更是不断厉言相向，其中有两个重要背景，一是当前美国失业率居高不下，民怨沸腾，而中期选举又在即，奥巴马急需转移国内焦点；二是美国制定了出口促进战略，在未来五年内，出口额要翻一番，在金融危机导致各国购买力下降的情况下，美国出?</t>
  </si>
  <si>
    <t>希腊债务危机尚未迎来拐点</t>
  </si>
  <si>
    <t>据国外媒体8日报道，欧洲央行理事、希腊央行行长乔治-普罗沃波罗斯(GeorgeProvopoulos)表示，希腊的债务问题不需要其它国家援助。但果真是这样吗？建立在预算削减措施上的新债发行是不是能从根本上提高希腊的支付能力？这是否意味着希腊危机将迎来曙光？法国和德国目前为止对</t>
  </si>
  <si>
    <t>方方：中国应建碳排放交易市场</t>
  </si>
  <si>
    <t>“中国目前仍是全球的投资亮点，在中国城市化进程、拉动消费以及节能减排等领域，都存在和孕育着巨大的投资机会。”全国政协委员、摩根大通亚洲投资银行副主席方方向《经济参考报》记者表示。　　　　建立碳排放交易市场势在必行　　　　低碳经济被列为今年政协的“一号?</t>
  </si>
  <si>
    <t>情痴汽车“中国心”</t>
  </si>
  <si>
    <t>2009年10月29日，云集越南河内的世界汽车巨头代表们紧张而兴奋，经过长时间的激烈辩论、投票，最终推选出新一任国际汽车工程学会联合会主席。来自吉林长春的中国一汽集团技术中心主任李骏，凭借出色的学识和能力，坐上了世界级学会的头把交椅。　　　　这是中国工程师首次?</t>
  </si>
  <si>
    <t>冰岛公投对英荷储户“不赔钱”</t>
  </si>
  <si>
    <t>冰岛6日对赔偿英国和荷兰储户损失的议案进行了全民公投。官方初步统计数据显示，该议案被否决。不过，冰岛政府强调，冰岛、英国和荷兰政府都已表示要继续就赔偿问题进行谈判，冰岛政府在接下来的时间里会力争达成一项令各方都满意的赔偿方案。　　　　冰岛全民公决于当地时</t>
  </si>
  <si>
    <t>日企与必和必拓达成煤涨价协议</t>
  </si>
  <si>
    <t>据日本《读卖新闻》6日报道，新日铁和JFE等日本大型钢铁企业日前与澳大利亚必和必拓集团达成煤提价协议，4至6月份煤价涨至每吨200美元，比2009年度加价55%。　　　　必和必拓称，由于中国、印度等新兴国家的需求急剧增加，估计煤价还会上升。　　　　据悉，日本钢铁企业?</t>
  </si>
  <si>
    <t>女主外男主内婚姻更幸福？</t>
  </si>
  <si>
    <t>美国一些调查发现，那些“女主外、男主内”的家庭模式虽然大多是基于经济状况的无奈选择，却不一定不幸福。从某种角度来说，这种模式更有益于维护婚姻稳定。　　　　女人能养家　　　　半世纪前，美国第二次女权运动浪潮领军人物贝蒂·弗里丹在女性主义著作《女性的奥秘?</t>
  </si>
  <si>
    <t>意大利：研究发现细胞长寿秘密</t>
  </si>
  <si>
    <t>意大利科学家最近拍摄到了D N A (脱氧核糖核酸)中的一种碱基———鸟嘌呤进行队列调整、形成防护“堤坝”的情形。这一“堤坝”可保护端粒，使之不缩短，从而延长细胞寿命。这一发现为肿瘤治疗和延长人类寿命的研究开辟了新道路。　　　　端粒是染色体末端的D N A重复序列，</t>
  </si>
  <si>
    <t>希腊政府公布新紧缩政策</t>
  </si>
  <si>
    <t>希腊政府3日召开内阁会议，决定实施更加严厉的紧缩政策以赢得欧盟对解决希腊债务危机的支持。　　　　希腊政府新闻发言人佩塔罗蒂斯宣布，在削减公务员薪金和提高燃油税等措施的基础上，对年收入在10万欧元以下的希腊人征收1%特别税，对年收入在10万欧元以上的希腊人征收45</t>
  </si>
  <si>
    <t>让梦想开出花</t>
  </si>
  <si>
    <t>身着长袍、头蒙方巾、有着会说话的大眼睛和羞怯的笑容……一直以来，伊斯兰世界的女人们留给世人的印象是独有的风韵和无尽的神秘。在今天的埃及，以家庭为中心的生活方式仍是大多数女人的选择，但是在这些传统的女人中间，也有一些与众不同的女人们正在寻找着自我，寻找着时?</t>
  </si>
  <si>
    <t>英国：谈话疗法有助减轻腰背疼痛</t>
  </si>
  <si>
    <t>靠谈话来缓解疼痛听起来有点不可思议，但英国一项最新研究显示，如果在接受简单的医疗建议之后，腰背疼痛患者再参与名为“小组认知行为疗法”的谈话讨论，从而有助于减轻疼痛症状。　　　　英国沃里克大学等机构研究人员在新一期医学期刊《柳叶刀》上报告说，约700名慢性腰</t>
  </si>
  <si>
    <t>德国：超大容量蓄电池即将研发</t>
  </si>
  <si>
    <t>德国赢创工业股份公司近日表示，它将联合戴姆勒汽车公司和一些科技机构共同开发世界上储电量最大的锂陶瓷电池，以使风能和太阳能发电将来可以实现大容量、低成本的储存。　　　　这家公司说，它曾为电动汽车设计了结合陶瓷储存技术的高分子锂离子电池。这种电池安全性好、?</t>
  </si>
  <si>
    <t>日本：糖尿病患者生活管理有新招</t>
  </si>
  <si>
    <t>日本一个研究小组日前开发出了一套面向糖尿病患者的生活管理系统，能够自动采集和分析患者的活动和健康数据，对其生活进行指导。　　　　来自九州工业大学和九州大学的研究人员开发的这套系统，由内部带有加速度传感器的行动计、体重计、血压计、血糖值计、手机以及与互联?</t>
  </si>
  <si>
    <t>给铜产业更宽松政策</t>
  </si>
  <si>
    <t>全国人大代表、铜陵市市委书记姚玉舟4日在接受媒体采访时表示，当前国内铜业深层次矛盾突出，国际市场贸易保护趋强，部分产品产能过剩明显，他建议国家给内地铜产业更宽松的政策。　　　　姚玉舟说，当前，国际铜加工生产布局正加速向发展中国家转移，随着中国加入世贸组织</t>
  </si>
  <si>
    <t>奥巴马公布最终版本医改提案</t>
  </si>
  <si>
    <t>美国总统奥巴马3日在白宫发表讲话，公布了经过修改的最终版本医改提案，并呼吁国会在未来数周内就医改法案安排表决。他还表示将尽其所能促使法案通过。　　　　民主党与共和党2月25日举行了两党医改峰会，双方就医改问题发表了最终意见。为争取共和党的支持，奥巴马在最终?</t>
  </si>
  <si>
    <t>瑞典：研究发现脑膜炎新致病源</t>
  </si>
  <si>
    <t>瑞典一项最新研究结果显示，甲壳类节肢动物扁虱体内一种过去被公认为对人体无害的微生物可引发脑膜炎。　　　　据瑞典《乌普萨拉新报》报道，瑞典研究人员在对一名患有脑膜炎的中年妇女进行病因分析时发现，扁虱体内的一种立克次体引发了她的疾病。在染病的最初几个星期里?</t>
  </si>
  <si>
    <t>挑战益智游戏女性更胜一筹</t>
  </si>
  <si>
    <t>男人和女人，谁更聪明？这是一个长期引发口水战的问题。由网络益智游戏《棋盘问答》掀起的两性智力大战近日宣告结束，并交出了一份令“半边天”满意的答案：女性比男性更聪明。　　　　智力之战　　　　《棋盘问答》是风靡欧美的棋类游戏，1979年由斯科特·阿博特和克里?</t>
  </si>
  <si>
    <t>巴西：扶贫减困加大社会项目投入</t>
  </si>
  <si>
    <t>巴西曾是世界上贫富差别最大的国家之一。为了改变这种状况，自2003年以来，巴西政府把扶贫减困作为工作重点，不断加大社会项目投入，七年间使2000万人摆脱绝对贫困，3100万人进入中产阶层，提前实现了联合国的千年发展目标。巴西缩小贫困差距的成果受到联合国的赞誉，总统卢?</t>
  </si>
  <si>
    <t>美国：扶贫抑富鼓励慈善</t>
  </si>
  <si>
    <t>富而且仁，已成为许多美国富豪在超越物质需求后的精神追求，他们中的很多人热心慈善，把回馈社会、帮助穷人作为自己的一项义务和道德要求。同时，美国政府采用累进税率、征收遗产税等政策，也起到了扶贫抑富、鼓励慈善事业发展的作用。　　　　用好财富是责任　　　　美?</t>
  </si>
  <si>
    <t>日本产官学合作推动科研成果产业化</t>
  </si>
  <si>
    <t>20世纪中期以来，日本采用产业界、政府和学术界合作的科技发展体制，即产官学合作体制。日前，专门从事产官学合作研究的东京理科大学知识产权战略副教授平塚三好在接受《经济参考报》记者采访时指出，该体制在促进日本科研成果产业化方面发挥了重要作用。　　　　平塚三好?</t>
  </si>
  <si>
    <t>奥巴马为医改吹响冲锋号</t>
  </si>
  <si>
    <t>2月27日至3月5日一期英国《经济学家》刊登《终于出手》一文称，医疗改革成为奥巴马政府国内政策的重点已近一年，但总统本人在这个问题上始终没有显示出进行最后决战的勇气，因此医改进程一波三折，如今情形有变，奥巴马将破釜沉舟。　　　　2月22日，奥巴马公布了白宫拟定?</t>
  </si>
  <si>
    <t>美商务部初裁对我部分铜版纸磷酸钾盐征反补贴税</t>
  </si>
  <si>
    <t>美国商务部2日作出两项初步裁定，分别对产自中国的部分铜版纸和磷酸钾盐征收反补贴关税。　　　　根据初步裁定，中国产铜版纸将被征收3.92%至12.83%不等的反补贴关税。在同一案件中，印度尼西亚产铜版纸将被征收17.48%的反补贴关税。按照美国商务部的统计数据，2008年中国?</t>
  </si>
  <si>
    <t>日产全球召回50多万辆汽车</t>
  </si>
  <si>
    <t>综合外电3日报道，正在丰田为陷入“召回门”事件苦恼不已时，日产尼桑也因为质量问题全球召回超过50多万辆汽车。此次召回车辆多为在美国市场销售。　　　　由于制动和电量计问题，日产汽车正在召回539864辆问题汽车。日产汽车在一份声明中表示：“日产目前已经基本认定产生</t>
  </si>
  <si>
    <t>华盛顿上空仍见通缩阴霾</t>
  </si>
  <si>
    <t>提前出版的3月8日一期美国《商业周刊》发表题为《通货紧缩：为什么重新被关注》一文称，美国核心物价指数已降至去年秋季水平，虽然这令华尔街传出欢呼声，但也可能成为一个更大担忧的信号。　　　　2月19日公布的最新通胀数据令投资者兴奋。 尽 管 汽油及其他能源产品开支?</t>
  </si>
  <si>
    <t>澳央行加息对人民币影响有限</t>
  </si>
  <si>
    <t>澳大利亚央行(RBA)2日宣布加息25基点，将基准利率上调至4%，这是自从去年10月份以来第四次加息，并且表示利率仍处于正常水平以下，可能会再次加息。　　　　本周发达经济体的最新利率将成为外汇市场关注的焦点，加拿大央行、英国央行和欧洲央行也都将继而公布利率决定。业?</t>
  </si>
  <si>
    <t>欧盟敦促希腊再削财赤</t>
  </si>
  <si>
    <t>正在此间访问的欧盟经济与货币事务委员奥利·雷恩1日表示，希腊政府必须采取进一步紧缩政策，削减公共开支，改革社会保险体制，减少财政赤字。　　　　继上周欧盟、欧洲中央银行和国际货币基金组织专家组访问雅典以后，雷恩1日与希腊总理乔治·帕潘德里欧以及其他内阁成员?</t>
  </si>
  <si>
    <t>加拿大：举办两次世博会的得与失</t>
  </si>
  <si>
    <t>加拿大曾成功举办1967年蒙特利尔世博会和1986年温哥华世博会。这两届世博会为加拿大留下了丰富的历史遗产，不仅提高了蒙特利尔和温哥华的国际地位，还拓宽了贸易渠道，促进了加拿大旅游、房地产、多媒体、展览业和电影业等产业的快速发展。但是，这两届世博会也存在一些不足?</t>
  </si>
  <si>
    <t>中国消费者权益不容歧视</t>
  </si>
  <si>
    <t>丰田汽车公司总裁丰田章男3月日下午6点在北京就丰田汽车最近一系列汽车安全质量问题举行说明会。　　　　国内外一些媒体分析认为，中国汽车市场的壮大使丰田把中国和美国的消费者放在了对等的地位。专家认为，这是中国经济力量壮大背景下，中国消费者国际话语权增大的表现?</t>
  </si>
  <si>
    <t>我国彩电振兴关键是整合“官产学研”</t>
  </si>
  <si>
    <t>当前日本、韩国以及中国台湾地区的面板厂商纷纷向大陆转移生产线，大陆彩电业能否借助这次产业转移实现产业振兴值得关注。近日出版的《中国彩电的战略密码》深入研究了全球彩电及其相关产业的发展模式，对大陆彩电业的转型和升级战略进行了详尽阐释。　　　　全球彩电业划?</t>
  </si>
  <si>
    <t>朱民入职IM  F显示“中国智慧”受重视</t>
  </si>
  <si>
    <t>国际货币基金组织(IMF)总裁多米尼克·斯特劳斯—卡恩2月24日宣布，任命中国人民银行副行长朱民为其特别顾问。当IMF官员提前将此消息通知我时，作为中国人，高兴是自然的，惊讶却谈不上。　　　　因为中国人担任IMF要职，实在是大势所趋。在未来的国际经济金融秩序中，IMF势</t>
  </si>
  <si>
    <t>法国：建议上海世博会加大宣传力度</t>
  </si>
  <si>
    <t>最近，法国各界人士为上海世博会举行推介活动，多位参加推介活动的法国国际展览局官员在接受记者采访时表示，上海世博会筹办过程充满创新，他们对世博会的成功举办有信心，还就我在世博会宣传、签证等方面的工作提出建议。　　　　国际展览局主席让-皮埃尔·蓝峰认为，世博</t>
  </si>
  <si>
    <t>两岸彩电业深度整合冲击日韩优势</t>
  </si>
  <si>
    <t>中国台湾地区前不久宣布将开放6代以上液晶面板生产线赴大陆投资，随后台湾友达光电表示将在大陆兴建7.5代面板生产线。笔者认为，海峡两岸彩电业正在走向深度整合，我国台湾地区在面板制造领域的优势正与大陆的彩电整机制造优势实现对接，这将有效提升两岸彩电业和面板业的竞?</t>
  </si>
  <si>
    <t>G  20闭门会议评估世界经济</t>
  </si>
  <si>
    <t>为期两天的二十国集团(G 20)财政部长和央行行长副手会议28日在韩国仁川松岛结束，会议对金融危机后的世界经济形势进行了评估，对今年两次金融峰会的议题和时间表等进行了讨论。　　　　这是今年以来二十国集团的首次会议，会议以闭门方式举行，会后没有发表新闻公报。　?</t>
  </si>
  <si>
    <t>进口能力便是权力</t>
  </si>
  <si>
    <t>对于52岁的丰田公司总裁丰田章男而言，在美国众议院“过堂”接受对丰田汽车安全问题质询，很可能是他此生最为屈辱的经历。作为最大汽车公司总裁，在全世界亿万观众众目睽睽之下，让全世界最傲慢、最肆无忌惮的议员群体肆意刁难和羞辱，面对面听一名美国女子大声哭诉“丰田，?</t>
  </si>
  <si>
    <t>“黑金”诱惑无穷  马岛再成焦点</t>
  </si>
  <si>
    <t>28年前，英国和阿根廷为争夺马尔维纳斯群岛(英国称福克兰群岛)主权曾刀兵相见。28年后，英国政府由于允许石油公司在马岛附近海域勘探和开采石油，英阿之间再次围绕马岛掀起了争端。　　　　有国外媒体借机炒作，称阿根廷海军派军舰封锁了通往马岛的海路，英军则针锋相对地?</t>
  </si>
  <si>
    <t>眼泪难救丰田  召回门或成“滑铁卢”</t>
  </si>
  <si>
    <t>2月25日，日本首相对丰田章男出席美国听证会表示肯定。但据日本共同社25日报道，日本运输部长前原诚司(Seiji Maehara)称，日本政府将对2007-2009年就突然加速问题提出的38件投诉案展开调查。　　　　美国当地时间2月23日，美国国会众议院能源和商业委员会监督与调查分委会?</t>
  </si>
  <si>
    <t>“糖果女王”艾琳·罗森菲尔德</t>
  </si>
  <si>
    <t>美国卡夫食品公司首席执行官艾琳·罗森菲尔德1月19日成功收购英国糖果业巨头吉百利。在这场长达数月的拉锯战中，卡夫首席执行官艾琳·罗森菲尔德让世人见识了“糖果女王”的铁腕风格。　　　　罗森菲尔德是食品业著名的女强人，入选《福布斯》2009年全球最有权势100名女性?</t>
  </si>
  <si>
    <t>安道尔脱离“避税天堂”灰名单</t>
  </si>
  <si>
    <t>总部设在巴黎的经济合作与发展组织(经合组织)24日宣布，安道尔已从“避税天堂”灰名单成功晋级至白名单，即已成为实质履行国际税收通行标准的国家。　　　　经合组织当天发表公报说，安道尔当天与7个北欧经济体(丹麦、法罗群岛、芬兰、格陵兰、冰岛、挪威、瑞典)签署了双边</t>
  </si>
  <si>
    <t>日本：耐多药结核病可快速诊断</t>
  </si>
  <si>
    <t>日本研究人员最新开发出能够快速诊断结核病患者是否感染耐多药结核病的新技术，可帮助医生有针对性地选择有效的治疗药物。　　　　耐多药结核病是指患者感染的结核杆菌至少对异烟肼和利福平两种一线及以上的抗结核药物具有耐药性。快速诊断患者是否感染耐多药结核病，有助?</t>
  </si>
  <si>
    <t>以色列:高吸水性聚合物助灌溉</t>
  </si>
  <si>
    <t>以色列一家公司采用新方法开发出一种高吸水性聚合物，用其制成储水器埋于农作物根部可显著降低灌溉用水量。　　　　据当地媒体报道，以色列Exotech生物科技公司采用新技术从天然原料中合成出这种高吸水性聚合物，比从石油中提炼的传统方法更加经济、环保。他们用这种聚合物</t>
  </si>
  <si>
    <t>美商务部初裁对我无缝钢管征反补贴关税</t>
  </si>
  <si>
    <t>美国商务部24日宣布初裁决定，对从中国进口的无缝钢管征收从11.06%至12.97%不等的反补贴关税。　　　　美国商务部在一份声明中说，从2006年至2008年，美国从中国进口的无缝钢管增加了131.52%，金额增至约3.82亿美元。　　　　去年10月，美国商务部应美国钢铁公司、V&amp;MSta</t>
  </si>
  <si>
    <t>英国:新型塑料用糖制成</t>
  </si>
  <si>
    <t>英国研究人员日前宣布，他们研发出一种“糖做的塑料”，能够自然降解，使用后可作为花园肥料，还可望在医疗上用作帮助组织再生的支架等。　　　　英国帝国理工学院日前发布公报说，该校研究人员将树木和草类中的纤维素分解，并将得到的糖类物质聚合，形成这种新型塑料。据?</t>
  </si>
  <si>
    <t>德国:智能机器或能“品味”</t>
  </si>
  <si>
    <t>人能够品尝味道，机器不行。但人往往过于主观，而机器测量总是“大公无私”。德国联邦经济和技术部目前正在资助德国一些研究机构研发会“品味”的人工智能机器。　　　　德国不来梅港技术转让中心就是参与相关研发的机构之一。该中心介绍说，研究人员将利用人工智能技术对?</t>
  </si>
  <si>
    <t>意大利：海下中微子观测塔建成</t>
  </si>
  <si>
    <t>一座600米的高塔最近在意大利西西里岛附近海下2000米处建成，这是建造海下K M 3观测站的第一步，目的是观察宇宙中的神秘粒子———中微子。　　　　中微子是基本粒子的一种，它不带电，稳定，穿透力非常强，可以自由穿过地球，被称为宇宙“隐身人”，但它穿过水中时会产生?</t>
  </si>
  <si>
    <t>伯南克不加息表态提振欧美股市</t>
  </si>
  <si>
    <t>由于美国联邦储备委员会主席伯南克当天重申在一段时间内维持现有低利率水平不变，减轻了投资者对美联储提早加息的忧虑，24日纽约股市全面反弹，截至收盘，三大股指的涨幅均在1%左右。　　　　当天美联储主席伯南克开始了为期两天的国会听证，对经济前景和美联储的货币政策?</t>
  </si>
  <si>
    <t>“一个福特”瘦身计划一以贯之</t>
  </si>
  <si>
    <t>金融危机中，福特汽车在美国三大汽车公司中的惟一不破以及将旗下著名品牌沃尔沃决定出售给中国汽车新秀吉利公司的举动，在中国消费者眼中平添了几份传奇色彩。带着这样的好奇与关注，虎年春节一过，本报记者专访了福特汽车公司副总裁、福特(中国)公司董事长兼首席执行官葛致?</t>
  </si>
  <si>
    <t>英国报纸说：澳经济成功源于与中国经贸关系紧密</t>
  </si>
  <si>
    <t>英国《金融时报》网站日前发表彼得·史密斯和杰夫·戴尔的文章，认为中国是澳大利亚成功的动力。　　　　文章说，澳大利亚能够避开衰退，并在经济表现上超过其它发达国家，这在很大程度上取决于它与中国日益紧密的贸易关系。　　　　不久前，澳大利亚储备银行没有像经济?</t>
  </si>
  <si>
    <t>欧洲议会支持全球征收金融交易税</t>
  </si>
  <si>
    <t>欧洲议会下属的经济和货币事务委员会23日通过决议，主张在全球范围内开征金融交易税，以遏制投机行为，确保金融行业为金融危机“买单”。　　　　应欧洲议会经济和货币事务委员会的要求，欧盟委员会将对征收金融交易税的效果展开评估，以确定此项税收能在多大程度上促进金?</t>
  </si>
  <si>
    <t>克鲁格曼：美国应该学习欧式民主经济</t>
  </si>
  <si>
    <t>美国《纽约时报》日前刊登保罗·克鲁格曼的一篇文章，认为欧洲经济崩溃说言过其实，美国要向欧洲学习。　　　　文章说，目前，就连比较冷静的保守派也发出了可怕的警告，称奥巴马的医疗改革将把美国变成一个欧洲式的社会民主主义国家。而谁都知道，欧洲已经完全丧失了经济?</t>
  </si>
  <si>
    <t>航空业罢工将制约欧洲经济复苏</t>
  </si>
  <si>
    <t>就在德国汉莎航空公司约4000名飞行员和法国空中交通控制人员分别于本月22日和23日举行罢工之际，英国航空公司飞行员也即将加入罢工行列。一场罢工潮正袭击着业已脆弱的欧洲航空业，进而可能会抑制欧洲刚刚起步的经济复苏。　　　　尽管英航联合工会承诺不会在对于西方人来?</t>
  </si>
  <si>
    <t>网络售票助印度打击火车票贩子</t>
  </si>
  <si>
    <t>印度2009年远途铁路运送乘客数量约为3.3亿人，除普遍使用实名制购票外，从2002年起，旅客提前3个月就可在网上实时查询所有车次剩余票数，然后进行网上订购，这既减少了票贩子数量，也方便了旅客购票。《经济参考报》记者就此专访印度管理网络销售火车票的印度铁路餐饮和旅游?</t>
  </si>
  <si>
    <t>美国消费信心低迷全球市场承压</t>
  </si>
  <si>
    <t>受23日公布的美国消费者信心指数低迷的影响，市场投资者情绪受挫，欧美股市齐跌，主要大宗商品价格也受到拖累下挫。分析师预计，美国消费开支一段时间内仍然难以增长，今年商业销售疲软的趋势难以改变。　　　　权威研究机构世界大型企业联合会23日公布的报告显示，对经济?</t>
  </si>
  <si>
    <t>华盛顿真的错了吗</t>
  </si>
  <si>
    <t>2月20日至26日一期英国《经济学家》刊登《华盛顿错在哪里》一文，认为目前美国政治体系似陷沼泽，但实际情况并非如此。　　　　最近一段时间以来，很多人站出来支持这样的观点：美国民主政治已支离破碎，无法解决国家弊病，他们将此归咎于党派斗争。　　　　显然，目前美</t>
  </si>
  <si>
    <t>借鉴国外经验完善住房保障</t>
  </si>
  <si>
    <t>我国住房保障面对的难题，许多国家在实施住房保障过程中也都遇到过，并积累了一定的解决经验。为加快住房保障的健全与完善，应从我国实际出发去借鉴国外经验。    如何筹集资金和增加房源    住房保障可以采取货币补贴，也可以采取实物配租和配售的方式，但无论是采取哪?</t>
  </si>
  <si>
    <t>丰田将接受美国国会听证会“拷问”</t>
  </si>
  <si>
    <t>丰田公司总裁丰田章男以及公司相关代表将于24日出席美国国会就丰田汽车安全隐患举行的听证会。外界认为丰田此次将受到严厉的“拷问”，于日前曝光的一份文件更加剧了丰田的信用危机。文件显示，丰田以一次成本相对较低的脚垫召回行动，成功说服美国监管机构结束2007年对于该?</t>
  </si>
  <si>
    <t>国际油价反弹短期难撼国内油价</t>
  </si>
  <si>
    <t>受法国炼油工人罢工等因素的影响，纽约商品交易所油价22日突破每桶80美元，这是国际油价的连续第5个交易日上涨。分析人士认为，原油供需基本面趋紧等因素将使油价保持上行态势。不过，由于近几个月国际油价一直涨涨跌跌，所以其22个工作日的变化幅度一直难以突破4%，短期内国</t>
  </si>
  <si>
    <t>GDP越来越不等于幸福感</t>
  </si>
  <si>
    <t>英国《观察家报》不久前刊登阿什利·西格和希瑟·斯图尔特合写的一篇文章，题为《经济学家开始认为金钱买不来幸福》，文章认为：在人们关注福祉以及可持续发展之际，一味将G D P作为衡量人们幸福感的方法正逐渐失去吸引力。　　　　就政治家而言，他们追逐经济增长的热情持</t>
  </si>
  <si>
    <t>奥巴马医改妥协进行时</t>
  </si>
  <si>
    <t>美国总统奥巴马22日公布新的医疗改革方案。新方案否定了国会共和党人将医改“推倒重来”的要求，着眼于在参众两院现有医改法案基础上弥合分歧，并采纳了共和党人的部分主张。　　　　美国舆论认为，新医改方案的提出和即将召开的国会两党医改会议，将是奥巴马为挽救医改所?</t>
  </si>
  <si>
    <t>英国首相承诺实施优惠政策吸引外资</t>
  </si>
  <si>
    <t>英国首相布朗在22日举行的“全球投资大会”上表示，英国政府将实施各种优惠政策来吸引外资，企业和政府必须携手合作才能确保今年的全球经济复苏。　　　　布朗在当天举行的“全球投资大会”上公布了“商业税收框架草案”。该草案是英国政府承诺与投资者建立伙伴关系的重要?</t>
  </si>
  <si>
    <t>阿根廷经济学家豪尔赫·卡斯特罗：人民币汇率稳定有助于新兴市场国家经济复苏</t>
  </si>
  <si>
    <t>阿根廷国际战略研究所所长、中国问题专家豪尔赫·卡斯特罗日前表示，人民币汇率稳定不仅可以使中国经济平稳回升，继续有效拉动中国市场需求，新兴市场国家也将从中受益，并推动本国经济复苏。　　　　豪尔赫·卡斯特罗指出，目前部分西方国家向中国政府施加压力，要求人民?</t>
  </si>
  <si>
    <t>奥巴马新医改方案出台</t>
  </si>
  <si>
    <t>美国总统奥巴马22日10时(当地时间)公布了新医疗改革方案。新的方案细则文本显示，将推迟提高高收入人群医疗保险费率至2018年。方案提出，年收入达到22050美元的家庭将每年支付441美元医疗保费，年收入达33100美元的家庭将每年支付1324美元的医疗保费。　　　　在医改计划在</t>
  </si>
  <si>
    <t>华盛顿的坏习惯</t>
  </si>
  <si>
    <t>在去年上任之初投书《华盛顿邮报》敦促国会放行当时的经济刺激方案的文章中，美国总统奥巴马言辞辛辣，说国会议员们不应让“华盛顿的坏习惯”(W ashington’s BadH abit)阻挡住前进的道路。　　　　在2008年大选期间，改变“华盛顿的坏习惯”就是两位总统候选人的口头禅，?</t>
  </si>
  <si>
    <t>美股将从伯南克证词中寻找政策线索</t>
  </si>
  <si>
    <t>上周美股创下年内最大单周涨幅，本周市场将密切关注美国联邦储备委员会(美联储)主席伯南克的讲话以及零售业数据。如果伯南克能对经济复苏发表令人欣慰的评估、且零售商财报改善的话，美国股市或能延续上升势头。　　　　虽然美联储意外提高银行紧急贷款利率使市场一度承压?</t>
  </si>
  <si>
    <t>南铁局：铁路建设“一天投资一个亿”</t>
  </si>
  <si>
    <t>多年来，南昌火车站一直是铁道部确定的节后农民工出行四大中转站之一，客流量年年创下新高。据预计，今年南昌火车站春运期间将发送旅客302万人，同比增长6.3%，其中日均接发量达7.55万人，再次成为“春运焦点”。　　　　针对这一情况，一年来，南昌铁路局除动足“脑筋”，</t>
  </si>
  <si>
    <t>“南墙计划”：用太阳能化解农村取暖难</t>
  </si>
  <si>
    <t>太阳能专家喜文华建言，推广实施太阳能“南墙计划”，可化解农村取暖费用高、污染重、不安全等难题。　　　　喜文华现任联合国工业发展组织国际太阳能中心主任、甘肃自然能源研究所所长，是中国可再生能源学会副理事长，中国能源学会副会长，享受国务院特殊津贴。通过30多?</t>
  </si>
  <si>
    <t>沿海多个地方出现用工荒</t>
  </si>
  <si>
    <t>珠三角发出强烈用工需求信号　　　　记者  陈冀  黄浩苑 广州报道 春节假期刚刚结束，东莞企业用工需求强劲，珠三角发出强烈的用工需求信号。　　　　贵阳农民工卢盛才春节前在佛山市三水区立邦模具厂做焊工，每个月能挣2500至2600元“通常都是有活干时，公司老板给我打?</t>
  </si>
  <si>
    <t>美联储提高贴现率  近期或不会加息</t>
  </si>
  <si>
    <t>美国联邦储备委员会(美联储)18日宣布将贴现率提高0.25个百分点。一些市场人士将其视为政策会发生变动的警告，但也有专家认为，调高贴现率是美联储使借贷工具正常化的举措之一，并不意味着美联储要马上改变货币政策，预计美国联邦基金利率仍将在相当长时间内维持低位。　　?</t>
  </si>
  <si>
    <t>中国已放弃美元资产的结论不可轻下</t>
  </si>
  <si>
    <t>“要说眼下有什么事情会让投资者惴惴不安，那就是害怕中国对美国国债失去胃口。”英国《金融时报》报道称。不过，各方分析认为，仅仅从去年12月一个月的数据就判断“中国已经对美国国债失去胃口”为时尚早。　　　　春节期间，“中国弃当美国最大债主”的消息在国际市场上?</t>
  </si>
  <si>
    <t>专家：新股发行制度未掌握市场化精髓</t>
  </si>
  <si>
    <t>在2月10日凤凰网召开的新股发行体制改革研讨会上，中国政法大学教授刘纪鹏表示，目前新股发行制度没有真正掌握市场化的精髓，还有进一步改革的必要。　　　　他说，当前新股连续破发的现象说明，在股票市场中国人对市场化的理解过于片面，完全照抄西方，而不结合中国的实际</t>
  </si>
  <si>
    <t>中国与哥斯达黎加完成自贸协定谈判</t>
  </si>
  <si>
    <t>经过三天的艰苦谈判，中国与哥斯达黎加谈判代表10日在哥首都圣何塞完成最后一轮自由贸易协定谈判。　　　　据介绍，中哥自贸协定生效后，中国将对哥斯达黎加99.6%的产品实行自由贸易政策，即实行零关税政策；哥斯达黎加将对中国58%的产品实施零关税政策，另有7%和25%的产品</t>
  </si>
  <si>
    <t>中国旅游业着力吸引印度客源</t>
  </si>
  <si>
    <t>2009年中国旅游市场入境旅游人数整体下降的同时，来自印度的客源却有小幅增长，激烈的竞争使中国旅游业也开始着力吸引印度客源。近日，来自中国11个省市的旅游局和旅行社组成的中国旅游促销团一行参加了在印度孟买和新德里举办的出境旅游展，推介中国的旅游资源。　　　　?</t>
  </si>
  <si>
    <t>美最新贸易逆差数据是喜是忧</t>
  </si>
  <si>
    <t>美国商务部10日公布的数据显示，2009年美国贸易逆差下降至3807亿美元，比2008年减少45%，创8年来最低水平。不过，去年12月美国贸易逆差为402亿美元，为全年最高水平。这意味着随着经济复苏，美国贸易逆差存在加大趋势。　　　　从年度数据来看，2009年美国贸易逆差回落速度</t>
  </si>
  <si>
    <t>欧洲理事会常任主席：欧元区国家将采取协调行动维护金融稳定</t>
  </si>
  <si>
    <t>欧洲理事会常任主席范龙佩11日说，欧元区国家同意在应对希腊政府债务危机问题上采取协调行动维护整体金融稳定，但没有出台援助希腊的具体举措。　　　　范龙佩当天上午在与德国总理默克尔、法国总统萨科齐、欧元集团主席容克、欧洲中央银行行长特里谢和希腊总理乔·帕潘德?</t>
  </si>
  <si>
    <t>日本  运作模式新鲜独到本土影片叫座叫好</t>
  </si>
  <si>
    <t>电影《阿凡达》在日本公映以来，获得了较好的票房成绩，但由于本土影片在日本电影市场长期占据相对优势，并与文化产业各个领域形成良好互动，《阿凡达》在日本并未引发轰动效应。面对美国电影3D化趋势，IMAX影院在日本院线中至今仍是很少，从而避免了人为扩大美国电影在本国?</t>
  </si>
  <si>
    <t>日本企业正在摆脱“成果主义”</t>
  </si>
  <si>
    <t>日本《东洋经济》周刊日前刊登记者井上久男的一篇文章，文章说，大企业和IT企业正在摆脱“成果主义”。　　　　文章说，上世纪90年代中期泡沫经济破灭以后，按个人成果确定收入的人事制度迅速推广开来。结果，作为日本企业特色的团队合作精神下降，侵蚀了企业的基础。各公?</t>
  </si>
  <si>
    <t>丰田之失：并不是什么都能召回了事</t>
  </si>
  <si>
    <t>2月6日至12日一期的英国《经济学家》刊登《无法快速修复》一文指出，丰田汽车公司的麻烦正在恶化，汽车召回事件对这家全球最大汽车制造商的影响将会持续很长时间。　　　　安全召回在汽车行业本是普通事件。如果处理得当，对卷入其中的汽车制造商来说几乎不会有太多长期影?</t>
  </si>
  <si>
    <t>中国鞋企联盟坚决支持政府向WTO递交磋商要求</t>
  </si>
  <si>
    <t>由100多家中国鞋类生产企业、材料供应商和鞋机生产商组成的“欧盟对华鞋类产品反倾销应对联盟”10日在广州发表声明，表示坚决支持中国政府日前就欧盟对中国皮鞋产品征收反倾销税的裁决正式向WTO组织提出协商解决的相关要求。　　　　应对联盟当天发表的声明表示，作为中国?</t>
  </si>
  <si>
    <t>美国财长所说的“永远”有多远</t>
  </si>
  <si>
    <t>美国财长盖特纳日前在ABCNews一个访谈节目中，回应了穆迪对美国国债未来评级面临压力的忠告。美国媒体称，当被问及美国可能失去国债最高评级(AAA)的前景时，盖特纳表示，“那种情况永远不会在这个国家发生(Thatwillneverhappeninthiscountry)”。　　　　品味盖特纳的表述?</t>
  </si>
  <si>
    <t>债务已把美国推到悬崖边</t>
  </si>
  <si>
    <t>提前出版的2月15日一期美国《商业周刊》刊登《债务：美国已至悬崖边》一文。文章称，对美国债券来说，目前仍有足够的买家。但山姆大叔放任借贷规模继续膨胀，有一天可能会令投资者对美债的信心完全丧失。　　　　对全球投资者来说，美国是否逼近一个临界点？在2月1日美国总</t>
  </si>
  <si>
    <t>美国去年贸易逆差降至8年来最低水平</t>
  </si>
  <si>
    <t>美国商务部10日公布的数据显示，受金融危机和经济衰退影响，2009年美国贸易逆差下降至3807亿美元，大大低于2008年的6959美元，创8年来最低水平。　　　　相关数据显示，2009年，美国进口额为1.934万亿美元，出口额为1.553万亿美元。　　　　另外，受石油价格上涨等因素影</t>
  </si>
  <si>
    <t>东航上航重组完成</t>
  </si>
  <si>
    <t>备受市场关注的东航上航联合重组，终于在2010年2月8日于上海宣告成功。新东航一跃步入全球较大航空公司之列，市场竞争力明显提升。　　　　联合重组完成之后，新东航的下一步将是什么？东航是否将与新加坡航空公司“再续前缘”？东航方面表示，东航始终以开放的心态引进战?</t>
  </si>
  <si>
    <t>关注欧洲债务“危机”</t>
  </si>
  <si>
    <t>欧洲所发生的债务危机会如何发展？会对中国、美国经济构成怎样的影响？有没有解决方案？这些解决方案是不是会影响中国经济？会不会形成相互影响，造成恶性循环？会不会形成金融危机的第二冲击波？这恐怕是个真正的麻烦。　　　　不过，在我看来，这次欧洲债务“危机”还不?</t>
  </si>
  <si>
    <t>桥头堡：扩大与东盟经贸合作</t>
  </si>
  <si>
    <t>海南省利用地理和资源优势，将进一步加强与东盟国家的经贸合作关系，目前，双方高层互访频密，交通网络逐渐成形，贸易额大幅增长。　　　　在中国—东盟自贸区中发挥纽带和桥头堡作用，是海南国际旅游岛建设的目标之一。新近颁布的《国务院关于推进海南国际旅游岛建设发展?</t>
  </si>
  <si>
    <t>丰田召回美国市场新款普锐斯</t>
  </si>
  <si>
    <t>日本丰田汽车公司总裁丰田章男9日在东京召开新闻发布会，正式宣布决定在日本国内对制动系统有问题的新款混合动力车普锐斯等22.3万辆汽车作召回处理。　　　　丰田同时还宣布，对美国及其他国家和地区市场销售的新款普锐斯也作召回处理。　　　　此外，日本经济新闻网站的</t>
  </si>
  <si>
    <t>王牌车型被召回  丰田危机难“刹车”</t>
  </si>
  <si>
    <t>丰田又将有新车型被召回了，该品牌旗下主力混合动力车型的王牌产品———新款普锐斯被曝刹车失灵问题，丰田公司已决定对在日本国内销售的普锐斯作召回处理，计划在本周二向日本国土交通省报告后进入修理阶段。　　　　油门踏板和脚踏垫问题已迫使丰田在全球召回810万辆车，</t>
  </si>
  <si>
    <t>在美推广文化产品不能“光练不说”</t>
  </si>
  <si>
    <t>中国文化在全世界的影响力逐年上升，中美30多年的文化交流也使中国文化在美国的影响力越来越大，中国文化产品在美国市场前景乐观。我驻美国使馆文化处分析指出，为了进一步向美国主流文化市场渗透，我宜扬长避短，加强针对性，甄选受美国市场欢迎的文化产品。　　　　京剧?</t>
  </si>
  <si>
    <t>拓展加拿大市场需与当地承办人合作</t>
  </si>
  <si>
    <t>随着中国文化“走出去”步伐加快，在华裔人口近40万的大温哥华地区，中国文化产品影响力正呈逐步扩大的趋势，但由于文化品种过于单一，且承办人以华人为主，具有较明显的局限性。此间有关人士建议，在演出类文化活动方面，可加强与当地承办人合作，积极参与当地举办的文化节?</t>
  </si>
  <si>
    <t>奥巴马痛斥与拉斯韦加斯之殇</t>
  </si>
  <si>
    <t>上周，美国总统奥巴马造访新罕布什维尔一所中学时，告诫学生们说，当经济形势变得严峻时，“你们应该束紧裤腰带”。奥巴马接着说：“当你的钱只勉强够付抵押贷款时，你不应该去买游船；当你努力节省为上大学存钱时，你就不应该到拉斯韦加斯砸钱。你们应该有优先选择，你们必?</t>
  </si>
  <si>
    <t>中国电力称向澳矿企购煤仅是意向协议</t>
  </si>
  <si>
    <t>中国电力国际发展有限公司(简称中国电力)8日称，与澳大利亚矿业公司源库资源签订的煤炭贸易协议仅为意向性合同，并未商定价格。此声明首次回应了6日源库资源公司单方面发布的消息，消息称其与中国电力签订了600亿美元为期20年的煤炭贸易协议，每年将向中国电力提供3000万吨煤</t>
  </si>
  <si>
    <t>人民币汇率今年将遭遇“多边围剿”？</t>
  </si>
  <si>
    <t>今年或许是人民币汇率的“多事之秋”。在经历金融危机之后，进入复苏阶段的西方国家似乎把矛头再次对准了在去年基本上“表现平稳”的人民币汇率，各个机构在人民币升值的时点和幅度上也进行着大胆的猜测。　　　　美国称“必须处理汇率问题”，G7在这个问题上态度并不明朗?</t>
  </si>
  <si>
    <t>我国“大核电”梦想照进现实</t>
  </si>
  <si>
    <t>2009年底，听到韩国首次打进国际核电市场取得阿联酋200亿美元核电大单的消息，王炳华的心被刺痛了。作为负责推动中国核电自主化发展的国家核电技术公司董事长，他知道一个国家实现核电技术出口是多么重的分量。　　　　“上世纪七八十年代，韩国和我国几乎同时起步发展核电</t>
  </si>
  <si>
    <t>中国电企海外巨单购煤专家肯定其价格优势</t>
  </si>
  <si>
    <t>据外电报道，澳大利亚第五大富商克莱夫—帕尔默控股的矿业公司R esourcehouse6日称，已经与中国电力国际发展有限公司(简称中国电力)签订了一笔总额为600亿美元的煤炭交易合同。澳洲方面称，这是该国“历史上最大的出口合同”。　　　　克莱夫—帕尔默称，R esourcehouse与?</t>
  </si>
  <si>
    <t>经济危机第二波正在到来</t>
  </si>
  <si>
    <t>一场新的危机正向我们走来，或者你可称为金融危机第二波。全球化的进程中，人类的经济危机一波接一波，泡沫一个接一个。　　　　第一波是以美国次贷危机为主要原因，以雷曼的倒掉为导火索。第二波以迪拜的主权债务危机开始，然后传染给希腊，现在轮到了西班牙、葡萄牙等欧?</t>
  </si>
  <si>
    <t>解密高盛“金钱帝国”</t>
  </si>
  <si>
    <t>金融危机来袭，美国不少老牌投资银行轰然倒地。然而高盛集团不仅没受很大冲击，甚至凭借政府救助翻身成为“赢家”。　　　　与全球其他金融机构相比，高盛资产规模不是最大，员工人数不是最多，但赢利能力却遥遥领先。贪婪、拜金、偏执、雄心勃勃……围绕高盛，争议之声从?</t>
  </si>
  <si>
    <t>奥巴马放话解决汇率问题中美经贸冲突加剧</t>
  </si>
  <si>
    <t>美国总统奥巴马于当地时间2月3日发表讲话，其内容不光是阐述国内经济发展目标，还可看作对我国施加压力的信号：将对中国施加更大的压力促使其开放市场，并要监控世界各国的外汇政策，以确保各国不会通过让本币贬值以获得不公平的优势。　　　　高额财政赤字与失业率居高不?</t>
  </si>
  <si>
    <t>稻盛和夫：冬天越是严寒春天越是樱花烂漫</t>
  </si>
  <si>
    <t>在日本，和日航的轰然“倒塌”一样引来震动的还有日航新任掌门的人选。　　　　2月1日，78岁高龄的稻盛和夫正式履新，接任日本航空公司新任董事长兼首席执行官。这标志着隐退13年之久的日本“经营之圣”重出江湖，即将开始新一轮励精图治进程。　　　　除了临危受命的壮?</t>
  </si>
  <si>
    <t>丰田全球质量危机再度升级</t>
  </si>
  <si>
    <t>一波未平，一波又起。日本丰田汽车公司的“普锐斯”(Prius)混合动力车刹车故障“浮出水面”、墨西哥市场召回7款车型，丰田可谓“雪上加霜”。　　　　作为代表丰田未来发展方向的明星车型，普锐斯为丰田在全球赢得了巨大声誉，但现在由于刹车故障，光环黯然失色。专家指出?</t>
  </si>
  <si>
    <t>意大利研究报告称小烟蒂会对环境造成大污染</t>
  </si>
  <si>
    <t>意大利国家核能和替代能源局日前发表研究报告说，全球一年被丢弃的烟蒂约84.5万吨，其中含有约7800吨危险化学物质。　　　　报告指出，烟蒂中对环境危害最大的物质是尼古丁，它具有强杀虫效果，特别是尼古丁进入自然水体，会对水生动物有严重损害。而全世界一年通过烟蒂进?</t>
  </si>
  <si>
    <t>韩国研究发现咖啡因可抑制脑癌生长</t>
  </si>
  <si>
    <t>韩国等国研究人员在最新一期美国《癌症研究》杂志上报告说，他们通过动物实验发现，咖啡、绿茶等含有的咖啡因可有效抑制一种脑部肿瘤的生长。这一发现将对脑癌治疗药物的研制具有重要意义。　　　　据韩国媒体报道，韩国科学技术研究院联合国内外著名大学研究人员进行研究?</t>
  </si>
  <si>
    <t>美国研究显示过量摄取抗氧化剂有损肌肉功能</t>
  </si>
  <si>
    <t>抗氧化剂有助于消灭人体内的自由基，防止这些有害物质侵袭人体细胞，因而受到越来越多的重视。但美国最新一项研究显示，不恰当地摄入抗氧化剂同样会对人体造成伤害。　　　　美国堪萨斯州立大学心肺运动实验室的研究人员长期从事抗氧化剂改善人体活动机能的研究。他们在动?</t>
  </si>
  <si>
    <t>英国研究人员艾滋病病毒研究获新进展</t>
  </si>
  <si>
    <t>英国研究人员日前在《自然》杂志网站上报告说，他们通过“迂回方法”模拟出艾滋病病毒中整合酶的结构，将有助于研发更有效的艾滋病治疗药物。　　　　英国帝国理工学院等机构研究人员报告说，整合酶是艾滋病病毒用来将其基因信息复制到受感染者基因中的工具，虽然现有一些?</t>
  </si>
  <si>
    <t>法国研究人员开发出“智能胶囊”</t>
  </si>
  <si>
    <t>法国国家科研中心日前发表公报说，该机构研究人员开发出一种能够根据温度变化释放内装物的“智能胶囊”，这种新产品成本低廉、工艺简单，有望广泛应用于食品、药品等多个领域。　　　　科研中心在公报中介绍说，对普通胶囊来说，释放其中的药剂或其他成分是一个很难控制的?</t>
  </si>
  <si>
    <t>中国应加强繁荣期宏观调控</t>
  </si>
  <si>
    <t>中国经济即将进入一个新的增长期，政府在这一繁荣时期应特别注意加强宏观调控，正在莫斯科参加2010俄罗斯论坛的中国国民经济研究所所长樊纲3日在接受记者专访时说。　　　　樊纲说，后危机时代的中国经济发展应该借鉴前几年宏观调控的成功经验。　　　　“为什么中国能从</t>
  </si>
  <si>
    <t>智库建设：国际视野中的“美国经验”</t>
  </si>
  <si>
    <t>●目前，在国际大视野下，智库一词在国际经济报道中出现频率越来越高，不能不引起我们的关注。　　　　●智库即指智囊机构，也称“思想库”或“智慧库”。是指由专家组成、多学科的、为决策者在处理社会、经济、科技、军事、外交等各方面问题出谋划策，提供最佳理论、策略?</t>
  </si>
  <si>
    <t>中国经济复苏不能证明凯恩斯学派的胜利</t>
  </si>
  <si>
    <t>金融危机出现一年多了，这里那里复苏的言论时有所闻，但各方君子的看法很不一致。好比美国最近公布上季的国民收入，同比上升了百分之五点七，为2003年以来的最大升幅，是代表着经济复苏吗 ？不 一 定 。几 个 月 前A .Binder教授指出，依照美国的统计算法，只要经济止跌，国?</t>
  </si>
  <si>
    <t>中国经济发展潜力正处于最佳状态</t>
  </si>
  <si>
    <t>未来中国还将经历一个快速增长的十年，然后由飞奔变为慢跑……　　　　英国《独立报》日前刊登经济问题资深专栏作家哈米什·麦克雷的一篇文章，认为中国的经济发展潜力正处于最佳状态。　　　　文章说，中国现在是世界第二大经济体———即便现在不是，再等几周，中国就?</t>
  </si>
  <si>
    <t>发展电动汽车事关国家石油安全</t>
  </si>
  <si>
    <t>作为国内外电动汽车的领先企业，比亚迪携自主研发的电动汽车，连续三年参加底特律北美国际车展，受到业界和媒体的极大关注。　　　　从北美车展回来的比亚迪股份有限公司董事长兼总裁王传福，日前在深圳比亚迪总部，就电动汽车发展的相关问题，接受了《经济参考报》记者的?</t>
  </si>
  <si>
    <t>不要陷入西方话语权陷阱</t>
  </si>
  <si>
    <t>有报道称，中国将取代德国成为世界最大的商品出口国。同时有人预测，2010年中国的G D P总量将超过日本成为世界第二大经济体。　　　　此前，还有预测称中国G D P将在2030年超过美国成为世界第一大国。在这次金融危机中，西方一些人士认为，中国受冲击最小，经济复苏最快，?</t>
  </si>
  <si>
    <t>中国外汇储备何去何从</t>
  </si>
  <si>
    <t>2月1日出版的美国《新闻周刊》发表题为《中国的2.4万亿美元储备》的文章指出，截至2009年末，中国的外汇储备余额达23992亿美元，2009年全年中国外汇储备共增加4531亿美元。今年中国的外汇储备仍有同等幅度增加的可能性。这些惊人的数字在金融、经济和地理政治方面具有非同凡?</t>
  </si>
  <si>
    <t>高失业和高赤字让奥巴马进退两难</t>
  </si>
  <si>
    <t>在国情咨文中强调“财政纪律”后不到一周，美国总统奥巴马2月1日提出了创纪录的3.83万亿美元2011财年预算方案，而2010财年财政赤字则达到创纪录的1.56万亿美元。其中的自相矛盾，恰恰表明奥巴马在高赤字和高失业之间的进退两难。　　　　保就业为第一要务　　　　从奥巴?</t>
  </si>
  <si>
    <t>全球经济复苏有赖中国改革</t>
  </si>
  <si>
    <t>英国《卫报》网站日前发表该报经济新闻编辑拉里·埃利奥特的一篇文章，题为《没有中国的经济改革，全球复苏恐注定失败》，摘要如下：　　　　这还只是1月的第三周，但2010年经济的大主题已经明朗。这将是复苏的一年，攻击银行家的一年，减债的一年，对贸易保护主义压力增大</t>
  </si>
  <si>
    <t>天量财政赤字中断美元涨势</t>
  </si>
  <si>
    <t>美国2010年预计高达创纪录1.56万亿美元的财政赤字为美元汇率带来较大压力，2月1日，衡量美元兑西方主要货币比价的美元指数自79.76的7个月来的高点回落至79.44。虽然美元对主要货币下跌，但由于美国经济数据的支撑、欧元区经济的不确定性以及国际资本有流出新兴市场的势头，分</t>
  </si>
  <si>
    <t>贸易冲突很难避免</t>
  </si>
  <si>
    <t>北京大学金融学教授迈克尔·佩蒂斯日前为英国《金融时报》撰稿《全球贸易冲突一触即发？》，摘要如下：　　　　两年来，一些评论人士一直辩称，2008年危机导致的全球需求萎缩几乎不可避免地会引发贸易战，重复上世纪30年代全球走过的老路。这应该引起人们的警惕。贸易纠纷?</t>
  </si>
  <si>
    <t>我国新能源汽车如何追上发达国家</t>
  </si>
  <si>
    <t>●在培育国内消费市场方面，借鉴美国的政府刺激政策　　　　●在关键技术的攻关上，学习日本的产学研联盟研发模式　　　　●进一步清晰中国新能源车路线图，改变一直摇摆不定的现状　　　　●不要只为“超越”，而放弃在传统内燃机改进方面的努力　　　　目前，中国?</t>
  </si>
  <si>
    <t>从美国国情咨文看中国影响力</t>
  </si>
  <si>
    <t>基于中美关系对两国和世界的重要性，美国总统国情咨文中提到中国不是一件新鲜事；但让我颇感兴趣的是，国情咨文提到中国的方式，正在发生极富意义的变化。　　　　一是态度上的转变。以前美国总统在国情咨文提到中国，更多是对中国提出要求、甚或对中国横加指责；但近几年?</t>
  </si>
  <si>
    <t>奢华阿联酋掀起“绿色能源”旋风</t>
  </si>
  <si>
    <t>阿联酋，一个创造神奇的国家，在立足迪拜连续打造出“帆船酒店”、“棕榈岛”、“世界第一高楼”等一系列惊世建筑之后，如今又开始在其首都阿布扎比推出一项更为引人瞩目的工程———马斯达尔计划(M asdar Initiative)。　　　　据马斯达尔公司执行总裁苏尔坦·艾哈艾德·?</t>
  </si>
  <si>
    <t>“日本制造”遭丰田毁牌</t>
  </si>
  <si>
    <t>据日本共同社1月29日消息，丰田可能将问题车辆召回范围扩至拉丁美洲和中东。此前的召回范围涉及欧美和中国市场，全球范围内召回800万辆左右，超过其2009年度全球总销量。业内人士表示，过度扩张而忽视质量的丰田正遭遇一场严重的信誉危机，如果不能进行有效的危机公关，有可?</t>
  </si>
  <si>
    <t>以提高电气化水平降低化石能源比重</t>
  </si>
  <si>
    <t>2009年9月22日，国家主席胡锦涛出席联合国气候变化峰会时指出：“今后中国将进一步把应对气候变化纳入经济社会发展规划，并继续采取强有力的措施。……大力发展可再生能源和核能，争取到2020年非化石能源占一次能源消费比重达到15%左右”，这为我国未来经济发展、能源结构调?</t>
  </si>
  <si>
    <t>“高铁现象”：中国经济的微缩景观</t>
  </si>
  <si>
    <t>1月28日，美国总统奥巴马在国情咨文演讲中，谈到美国要加强基础设施建设时，酸溜溜地提到了中国的高铁。奥巴马说：　　　　“从第一条铁路到第一个高速路系统，我们国家从来都是最具竞争性的建设者，世界上速度最快的火车或者制造新能源产品的工厂，没有理由出现在欧洲或者</t>
  </si>
  <si>
    <t>肌营养不良症的发病机制</t>
  </si>
  <si>
    <t>意大利佛罗伦萨大学研究人员最近发现杜氏肌营养不良症的发病机制，利用药物干预这一机制可能有利于控制这种疾病的发展。　　　　在正常情况下，如果肌肉发生损伤，一种特殊干细胞会去修补，这种细胞名为成肌细胞。在杜氏肌营养不良症患者体内，这些干细胞无法生成新的肌肉?</t>
  </si>
  <si>
    <t>免疫系统杀死非伤寒沙门氏菌机理</t>
  </si>
  <si>
    <t>英国一项最新研究成果显示，人体免疫系统可以利用抗体同时杀死存在于血液中和躲藏在血液细胞中的非伤寒沙门氏菌。这一成果为研发相关疫苗提供了基础。　　　　英国伯明翰大学发布公报说，在发达国家，非伤寒沙门氏菌常常只引起肠胃炎，但在许多发展中国家，却常常导致严重?</t>
  </si>
  <si>
    <t>体重超重越多中风风险越高</t>
  </si>
  <si>
    <t>美国研究人员在最新一期《中风》杂志上发表最新调查说，体重超重幅度越大的人，中风的风险也越高。　　　　美国明尼苏达大学研究人员对大约1.35万名美国中年人进行了长达19年的跟踪调查。他们测量了这些人的身高体重指数(BM I)、腰围以及腰臀比等不同的衡量肥胖程度的指标?</t>
  </si>
  <si>
    <t>英国儿童佝偻病卷土重来</t>
  </si>
  <si>
    <t>佝偻病100多年前在英国是一种常见儿童疾病。尤其是在贫民区，孩子因营养不良而容易患病。半个世纪前，佝偻病逐渐在英国等发达国家消失。　　　　如今，健康专家警告说，佝偻病又回到英国儿童身边。长时间看电视和玩电脑等不健康生活方式是佝偻病卷土重来的主要原因。</t>
  </si>
  <si>
    <t>欧洲光伏补贴政策逐渐淡出</t>
  </si>
  <si>
    <t>据路透社日前报道，德国环境部长诺贝特·勒特根提议将光伏并网的补贴消减掉15%，目的是减轻电力用户负担。政府消减补贴的措施将分两步走。无独有偶，1月13日，法国能源部宣布，屋顶太阳能面板的电力强制收购补助费率已由2006年制定的每千瓦小时0.55欧元下降24%，至0.42欧元，</t>
  </si>
  <si>
    <t>深圳特区还能“特”多久？</t>
  </si>
  <si>
    <t>提前出版的1月30日英国《经济学家》，发表题为《商业激情的消褪———中国民企之乡渐趋老态》的文章指出，自中国改革开放时起，深圳是商业创新之乐土，取得了城市发展的巨大成就，但深圳特区也面临民企创业成本高昂、商业创新激情衰减的问题，这对深圳的国际商业竞争力带来了</t>
  </si>
  <si>
    <t>美国彭博社称：中国在保增长和防过热间“走钢丝”</t>
  </si>
  <si>
    <t>美国彭博新闻社1月20日发表文章称：由于中国经济增长有可能过热，中国政府在“走钢丝”。该文章指出，中国第四季度的增长可能会超出经济增长的速度极限，从而加剧了要求政府退出刺激计划的压力，而此刻政府正力争加强内需。　　　　彭博新闻社公布的一份调查报告表明，中国</t>
  </si>
  <si>
    <t>通往复苏的上坡路</t>
  </si>
  <si>
    <t>通往达沃斯之路并不平坦。对全球2500多名达沃斯年会的与会者来说，不管来自哪个国家或地区，到瑞士境内后，大都会选择坐火车前往达沃斯。这是一段不短的上坡路。如果从日内瓦出发，大约需要5个多小时；如果从苏黎世出发，大约需要2个多小时。　　　　对世界经济来说，在经?</t>
  </si>
  <si>
    <t>美国“二次刺激方案”重在挽民心</t>
  </si>
  <si>
    <t>美国总统奥巴马将于当地时间27日晚9时发表上任后的首次国情咨文，届时美国的未来经济发展规划将公布于众。目前美国失业率高达两位数，奥巴马的支持率面临上任以来的低点，国内政策挑战重重，医疗改革举步维艰。奥巴马带领美国经济的下一步走向如何，是否会推出第二轮经济刺激</t>
  </si>
  <si>
    <t>美联储可能维持利率不变</t>
  </si>
  <si>
    <t>美国联邦储备委员会(美联储)将于当地时间26日和27日举行年内首次议息会议，市场普遍预计美联储仍会将联邦基金利率维持在目前零至0.25%的区间不变。　　　　美联储日前发表的例会重要参考资料———全国经济形势调查报告说，美国经济状况在继续改善，经济向好发展的地区在增</t>
  </si>
  <si>
    <t>人民币升值投降就能举国欢喜吗</t>
  </si>
  <si>
    <t>社科院的专家传出声音：人民币应当一次性升值10%，而且还嫌不够狠，此后人民币汇率或考虑保持年波动率3%上下自由浮动区间。　　　　为什么要一次升值10%呢，显然这位专家对中国经济很自信，比当年日本的专家还膨胀。20多年前，西方国家也以贸易战为借口，力逼日本签订广场?</t>
  </si>
  <si>
    <t>春运吹响前奏  铁路又迎大考</t>
  </si>
  <si>
    <t>北京：重点方向运能仍然紧张　　　　□蒋琳琳　　　　北京的魅力吸引了众多人员的聚集，这使得北京每年都成为春运的重点和热点。目前，北京客运段担当着北京地区始发动车组、直达、特快、快速、普快及国际联运旅客列车64对（其中包括北京开往俄罗斯、蒙古、朝鲜三个国家?</t>
  </si>
  <si>
    <t>华尔街巨头要抢金融改革话语权</t>
  </si>
  <si>
    <t>世界经济论坛年会(暨第40届达沃斯论坛)将于27日至30日在瑞士达沃斯举行，2500多名与会领导人将讨论全球面临的各种紧迫性问题，包括经济形势、气候谈判、如何改进国际合作体制以及海地震后重建等。　　　　本届年会的主题是“改善世界状况：重思、重设和重建”。世界经济论?</t>
  </si>
  <si>
    <t>世行官员：中国应加息</t>
  </si>
  <si>
    <t>1月25日，世界银行在北京发布《2010年全球经济展望》，该报告预测称，2010年中国经济增长率将达9%，这比世行2个月前的预测上调了0.3个百分点。世界银行官员同时表示，尽管经济复苏已经取得一定成果，但中国仍有一定财政空间来刺激经济增长；如果银行业无视政府控制信贷的要求</t>
  </si>
  <si>
    <t>澳对华投资采矿警觉依然</t>
  </si>
  <si>
    <t>近期中国企业投资澳大利亚矿业逐渐增多，并成为澳方媒体炒作的热点。然而在中国投资被澳方媒体炒热后，澳大利亚指导外国投资行为政策性文件缺失的问题浮出水面。一名密切关注中国企业在澳投资的消息人士日前向记者透露，虽然中澳之间投资风波告一段落，澳方示好，接连批准了?</t>
  </si>
  <si>
    <t>执政奥巴马：输赢一年间</t>
  </si>
  <si>
    <t>在奥巴马执政一周年之际，美国民意调查反映出来的是支持率大幅下滑，再读他的自传《无畏的希望：重申美国梦》一书，对比奥巴马从政过程中的重大抉择，以及一年来为实现这些设想而付出的巨大努力，可以让人更多地思考———思想与现实的巨大落差。　　　　自传主旨：思考与?</t>
  </si>
  <si>
    <t>日航的“面子工程”与“大锅饭”</t>
  </si>
  <si>
    <t>1月19日下午，坊间流传破产倒计时的日本国营的日本航空公司终于向东京地方法院递交了申请破产手续。日本共同社在评论中充满情感地说“曾经是日本代表性企业的日航最终无法摆脱高成本体系，在1951年成立并即将迎来一个甲子的时候，不得不宣布破产了”《读卖新闻》则指出，日航</t>
  </si>
  <si>
    <t>奥巴马猛攻华尔街是着“险棋”</t>
  </si>
  <si>
    <t>美国总统奥巴马21日宣布，政府将制定有效措施，加强对大金融机构的监管，限制其规模和高风险交易，以此防范新的金融风险。用他本人的话说，此举是避免这些机构变得“大得不能倒”，从而使纳税人成为“被绑架对象”并对整个金融体系构成威胁。　　　　在美国，华尔街金融巨?</t>
  </si>
  <si>
    <t>中国“企业公民”：从“形”到“神”的蜕变</t>
  </si>
  <si>
    <t>21世纪随着跨国公司加快进入中国市场的进程，“企业公民”这个概念也被引入中国，开始在中国企业界生根发芽。“企业公民”在中国本土的发展历史不过数年，其担负社会责任、追求平衡和可持续发展的价值观已经日益深入人心。中国企业正从模式化照搬学习西方经验的误区中走出，?</t>
  </si>
  <si>
    <t>日本经济停滞显示世界经济尚未走出险境</t>
  </si>
  <si>
    <t>英国《独立报》日前刊登斯蒂芬·金的一篇文章，文章认为，日本停滞的经济警告我们，我们尚未脱离险境。　　　　许多年前，斯蒂芬·金专门负责报道日本经济。他在文章中说，1990年，对日本经济最大的担忧是通货膨胀。尽管日本股市已开始了下跌的漫漫长路，投资者以为此前的?</t>
  </si>
  <si>
    <t>德国科学家刷新LED可见光通信数据传输纪录</t>
  </si>
  <si>
    <t>德国西门子公司日前发表公报说，该公司和海因里希·赫茨研究所的科学家通过特殊方式使发光二极管(LED )高频闪烁，附近的光电探测器将接收到这种光信号转换为电脉冲，其信息传输速度达到每秒500兆。　　　　此前可见光通信最高传输速度为每秒200兆，也是由西门子和海因里希?</t>
  </si>
  <si>
    <t>美国科学家研制出靶向纳米给药系统</t>
  </si>
  <si>
    <t>美国研究人员最近研制出了一种靶向纳米粒子给药系统，可以黏附在动脉内壁上缓慢释放药物，从而治疗动脉硬化症及其他心血管炎症。研究人员说，这一系统将来有望成为药物支架的补充或替代物。　　　　这一系统由麻省理工学院以及哈佛大学医学院研究人员共同开发。该系统呈球?</t>
  </si>
  <si>
    <t>未来什么职业最吃香</t>
  </si>
  <si>
    <t>也许在未来几年内，医生、教师和律师仍将是年轻人热衷的职业。当如今襁褓中的婴儿20年后长大成人，需要找工作时，最受欢迎的职业又将是什么呢？英国商务部本月发布的报告《未来职业形态》，对2030年新兴职业进行了预测。　　　　科幻片中职业将成现实　　　　负责编纂未?</t>
  </si>
  <si>
    <t>法国政府提交碳税新方案</t>
  </si>
  <si>
    <t>法国政府发言人吕克·沙泰尔20日宣布，法国环境部长让-路易·博洛当天向内阁会议提交了新的二氧化碳排放税方案。　　　　去年年底，法国宪法委员会以涉及太多例外为由，推翻了政府推出的二氧化碳排放税法案(简称碳税法案)的最初版本，使其无法于原定的2010年1月1日生效。法</t>
  </si>
  <si>
    <t>日本两项新发明影响深远</t>
  </si>
  <si>
    <t>日本是一个科技发达国家，每年都有不少新的发明和专利技术产生。日本发明协会等机构每年也都要通过评选，对那些影响社会经济生活的发明和专利技术进行表彰。2009年，获得“内阁总理大臣奖”的“纤维强化复合材料(FRP)热熔接技术”和获得“日刊工业新闻社奖”的“超急速冷冻方</t>
  </si>
  <si>
    <t>欧洲科学家揭开细菌低温存活之谜</t>
  </si>
  <si>
    <t>法国国家科研中心日前表示，它与意大利和德国的科研机构合作，发现了细菌能够在低温环境下存活的秘密。　　　　细菌具有强大的环境适应能力，能够在低温条件下存活。此前有研究发现，一种名为“冷休克蛋白”的蛋白质是细菌低温存活的关键，但它发挥作用的机制一直是个谜。$</t>
  </si>
  <si>
    <t>英国研究人员称一些哮喘患者不宜多用缓解性药物</t>
  </si>
  <si>
    <t>英国莱斯特大学教授彼得·布拉丁领导的研究小组日前发表新闻公报说，许多哮喘患者长期依赖见效快的缓解性药物，但有时频繁使用这类药物甚至能加重一些哮喘患者的症状。　　　　研究人员说，缓解性药物的一大作用是可以阻止哮喘患者肺部的肥大细胞释放组胺，组胺是导致呼吸?</t>
  </si>
  <si>
    <t>日本研究人员发现可促使癌症恶化的蛋白质</t>
  </si>
  <si>
    <t>日本群马大学研究人员日前发表论文说，人体内一种特殊蛋白质能促使癌症恶化，抑制这种蛋白质发挥作用，将成为今后抗癌药物新的研究方向。　　　　研究人员在新一期美国《分子细胞》杂志网络版上发表论文说，这种特殊蛋白质名为“H sp90”，能加强聚合酶“Polη”的功能。“</t>
  </si>
  <si>
    <t>联合国报告称世界经济正在复苏</t>
  </si>
  <si>
    <t>联合国经济和社会事务部20日发布的《2010年世界经济形势与展望》报告指出，世界经济正在复苏，但复苏仍不平衡，持续增长的条件仍然很脆弱。　　　　报告说，全球经济经过2008年底和2009年初的大幅衰退之后，越来越多国家的经济开始由衰退转为增长。国际贸易和全球工业生产?</t>
  </si>
  <si>
    <t>巴西过度城市化贫民窟畸形发展</t>
  </si>
  <si>
    <t>上世纪中期，巴西城市化进程加速，由此产生了贫民窟问题，成为巴西最为棘手的社会矛盾之一。近年来，巴西政府推行民生政策，着手消除贫富差距，但由于积重难返，彻底解决仍任重道远。　　　　将贫民窟置于城市规划之外　　　　20世纪初，里约热内卢市政府在市中心修建马?</t>
  </si>
  <si>
    <t>WTO启动特保争端解决第一案</t>
  </si>
  <si>
    <t>19日，在世界贸易组织(WTO)争端解决机构会议上，中美轮胎特保案调查专家组成立，WTO将正式启动号称“贸易保护第一案”的中国输美轮胎特保案调查程序。专家表示，特保争端解决，对中国和WTO都是第一次，结果尚难预测。不过对于中国来说，其预防和示范意义要大于特保案结果本身</t>
  </si>
  <si>
    <t>全球FDI：沮丧数据中的中国亮点</t>
  </si>
  <si>
    <t>在亚洲，流入的FDI(外国直接投资)遭受了自上世纪90年代后期亚洲金融危机以来最严重的冲击，2009年比2008年下降了32%；在非洲，FDI是固定资本形成中重要组成部分，所占比例高达29%，因此当2009年流入的FDI较2008年的历史最高峰下降了约36%时，这一现象尤为令人关注；在拉丁美?</t>
  </si>
  <si>
    <t>法国致力于城市“扁平化”</t>
  </si>
  <si>
    <t>巴黎及其周边地区被视为全球大都市城市化比较成功的典范之一。从城市规划到社会管理，巴黎市及巴黎大区的有益尝试和丰硕成果都有可借鉴参考之处。　　　　巴黎市的城市规划传统由来已久，除少数大厦之外，大多数楼房都不超过10层。巴黎城建法规规定，市内建筑物高度必须与?</t>
  </si>
  <si>
    <t>越南狂建高尔夫球场土地流失严重</t>
  </si>
  <si>
    <t>受城市化和工业化影响，越南土地尤其是耕地流失现象严重，大量肥沃的土地被高尔夫球场和房地产等项目挤占。与此同时，土地流失导致的农村剩余劳动力转移和就业问题也日益突出，成为越南社会发展过程中的一大难题。　　　　一、土地流失现象趋于严重。统计显示，在越南64个?</t>
  </si>
  <si>
    <t>福特再投巨资研发电动汽车</t>
  </si>
  <si>
    <t>来自福特中国投资公司的最新信息表明，福特将再投资4 .5亿美元用于其电动车研发计划，为2012年在密歇根生产下一代混合动力和插电式混合动力车做好准备。该计划预计将给美国新增1000个工作岗位。　　　　在此之前，福特汽车已宣布，将斥资5.5亿美元把其密歇根装配厂由大型运</t>
  </si>
  <si>
    <t>WTO会崩溃吗</t>
  </si>
  <si>
    <t>当前国际贸易保护主义大多打着“合法”的旗号。这种隐形的贸易保护主义的特点是既带有限制、扭曲贸易的性质，又游走于WTO规则之中。以促进贸易自由化为根本宗旨的WTO多边贸易法律制度正遭受巨大挑战。　　　　有学者惊呼：WTO框架内竟有如此大的空间提升贸易保护主义；如长</t>
  </si>
  <si>
    <t>日本最大航空公司申请破产保护</t>
  </si>
  <si>
    <t>日本最大的航空运营商日本航空公司1月19日提出破产保护申请。同日，日本东京股票交易所宣布日航股票将于2月20日被摘牌。日航发言人暂时没有作出回应。　　　　日航在过去十年中，被日本政府救助过三次，现在必须削减业务并引入外资合作伙伴来实行彻底的改革以求生存。值得?</t>
  </si>
  <si>
    <t>中国去年11月减持美债93亿美元</t>
  </si>
  <si>
    <t>根据19日美国财政部公布的国际资本流动报告(T IC )，截至2009年11月底，中国持有美国国债数量为7896亿美元，仍居各大债主之首。11月间中国共减持93亿美元国债。　　　　根据以往美国财政部公布的数据，2009年3月、5月、7月和9月，中国分别增持美国国债237亿美元、380亿美元</t>
  </si>
  <si>
    <t>“敲打中国”其实是皇帝的新衣</t>
  </si>
  <si>
    <t>美国摩根士丹利公司亚洲区主席斯蒂芬·罗奇日前撰文指出，西方国家在贸易等问题上敲打中国是一种虚伪之举。作为美国颇有影响力的经济学家，罗奇此语可谓揭穿了少数西方人士刁难中国时穿着的那件“皇帝的新衣”。　　　　随着国际金融危机的不利影响逐渐消退，一些西方人士?</t>
  </si>
  <si>
    <t>世博,叩响上海转型的大门</t>
  </si>
  <si>
    <t>“欲筹赛会之区，必自上海始。上海为中西方总汇，江海要冲，轮电往返，声闻不隔。”9世纪80年代，早期改良主义思想家、广东香山人郑观应在其代表作《盛世危言》中的“赛会”一文，提出了在上海举办世博会的战略意义。100多年后的今天，在金融危机影响尚未平复，全世界都希冀?</t>
  </si>
  <si>
    <t>美专家再提对人民币升值期望</t>
  </si>
  <si>
    <t>2010年伊始，人们既看到了美国部分零售商在去年12月的零售数据好于预期，也看到劳工部发布的月初首次申领失业救济人数的增幅少于预期。这些利好的数据无疑反映出美国经济正向复苏的方向发展。尽管如此，金融危机所留下的阴影依然让许多人对美国未来的经济抱有众多褒贬不一的?</t>
  </si>
  <si>
    <t>中资在美购矿遭拒折射白宫虚伪</t>
  </si>
  <si>
    <t>中资企业在美投资，一直受美国政客和舆论“重点照顾”。对于中国陕西“西色国际投资有限公司”拟收购美国一金矿公司51%股份的举动，美国对外资审查的最高部门———外国投资委员会(CFIUS)去年年末断然否决。其中的曲折，或许可为其他中资企业赴美投资提供借鉴。　　　　对?</t>
  </si>
  <si>
    <t>美元汇率可能会呈现差异化走势</t>
  </si>
  <si>
    <t>目前看来，美国经济二次探底可能性大幅降低，美元可能呈现差异化走势。美元相对于欧元、日元、英镑来说存在上升的空间，相对于新兴市场国家货币依然高估。　　　　对美国经济走势的分歧依然不小，而对美国经济的不同判断，直接影响到中国经济的预期。如果美国经济复苏较为?</t>
  </si>
  <si>
    <t>世卫组织总干事：甲流疫情前景仍难料</t>
  </si>
  <si>
    <t>世界卫生组织总干事陈冯富珍18日在瑞士日内瓦表示，甲型H 1N 1流感疫情在北半球呈现缓解迹象，但在4月份冬季结束前仍无法断定北半球的疫情形势将如何发展。另外，在今年晚些时候南半球进入冬季后，甲型H 1N 1流感疫情如何演变也尚无法预料。　　　　陈冯富珍在当天开幕的世</t>
  </si>
  <si>
    <t>铁矿石具备金融属性 钢厂应警惕矿石价格过快上涨</t>
  </si>
  <si>
    <t>价格一路高涨的铁矿石已成为中国钢铁业的心腹之患。　　　　目前天津港印度粉矿CIF期货参考价格每吨已高达135美元左右，这比2009年3月每吨59.1美元的最低点高了一倍以上，而同期国内钢材价格仅有20%左右的涨幅。　　　　为什么钢材价格没怎么回升而铁矿石价格却能如此飞?</t>
  </si>
  <si>
    <t>世纪流感疑似世纪丑闻</t>
  </si>
  <si>
    <t>正当全球为抗击甲型H 1N 1流感取得阶段性成功而击掌相庆之时，突然爆出了甲流可能是医学界“世纪大丑闻”的惊人言论。　　　　一个代表欧盟的声音说，那是西方医药巨头为了发大财，把本来平常不过的温和流感妖魔化，人为地炒作成一场人类大浩劫，让全球陷于一片恐慌之中，?</t>
  </si>
  <si>
    <t>民意难违“二年级生”奥巴马拼经济</t>
  </si>
  <si>
    <t>奥巴马入主白宫将满一年，美国一些媒体和民调机构近来纷纷进行民意调查，从中可以看出美国民众对奥巴马执政一年来的表现是否满意。　　　　综合福克斯电视新闻网、美国有线新闻网(C N N )以及盖洛普调查机构日前分别发布的民调结果来看，奥巴马执政一周年之际，美国民众对?</t>
  </si>
  <si>
    <t>中国将推废钢价格指数</t>
  </si>
  <si>
    <t>首届中国废钢电子交易论坛17日在江苏江阴举行，南宁(中国-东盟)商品交易所董事长舒扬在会上宣布，该交易所将在3月推出中国废钢价格指数。　　　　江苏沙钢集团副总裁许林方告诉记者：“推出废钢价格指数对钢铁企业可以说是个福音，我们钢铁企业可以通过电子交易平台，实现?</t>
  </si>
  <si>
    <t>奥地利经济学派是最大赢家</t>
  </si>
  <si>
    <t>提要:从表面上看，当前经济危机似乎是斯密、哈耶克和弗里德曼的失败，是马克思、凯恩斯和波兰尼的胜利，但危机根源远非在于自由市场不受监管，而可能是考虑欠周的政府举措扭曲了市场。因此，政府合法的应急措施不能变成固定做法，熊彼特的“创造性毁灭”说法是今年最常提起的</t>
  </si>
  <si>
    <t>印度太阳能产业艰难起步</t>
  </si>
  <si>
    <t>一名印度“海归”想为祖国的能源事业尽点力，在家乡建起印度第一家私营太阳能发电厂。他的理想顺应了大力发展可再生能源的国家战略和国际潮流，但太阳能产业的起步充满艰辛，前景也未必一片光明。　　　　阿祖尔电力有限公司发电厂是印度最大规模的私营太阳能发电厂，2009?</t>
  </si>
  <si>
    <t>日本新财相菅直人：反官僚主义急先锋</t>
  </si>
  <si>
    <t>日本新一期国会定于下周一(18日)开幕，鸠山政府希望国会尽快批准2009财年第二份补充预算案和2010财年预算案，后者金额达到创纪录的92.3万亿日元(约为9968.4亿美元)。作为“财政通”藤井裕久(77岁)的继任者，新任财相菅直人将接受在野党马拉松式严厉“拷问”。不过，有“暴怒?</t>
  </si>
  <si>
    <t>专家勾勒“解忧”路径</t>
  </si>
  <si>
    <t>90%的商品实现“零关税”———这是今年起全面启动的中国—东盟自贸区最引人注目的特征。关税壁垒的消除，将为中国东盟双边贸易加速增长提供有力保证，但由于担心贸易逆差加大、国内产业和就业受冲击，从自贸区提出一开始，东盟国家就一直存在着一种“零关税”忧虑症，而随着</t>
  </si>
  <si>
    <t>华尔街巨头国会致歉无诚意</t>
  </si>
  <si>
    <t>“我们的确做错了，有些事我们本可以做得更好。”摩根大通首席执行官杰米·戴蒙在出席美国金融危机调查委员会于当地时间13日举行的首次听证会时如此“忏悔”。　　　　美国银行、高盛和摩根士丹利的首席执行官也在当天听证会上接受了质询。他们承认，在金融危机爆发之前的?</t>
  </si>
  <si>
    <t>机能失调  监管薄弱  影响力无序转移</t>
  </si>
  <si>
    <t>英国《每日电讯报》日前发表爱德华·哈达斯的一篇文章认为，金融危机最糟的时候可能已结束，但世界经济面临许多挑战，留下许多让人担忧的问题。　　　　文章说，现在几乎所有地方的GDP都在增长，而失业率几乎都没有上升。企业和消费者不像以前那么害怕了。国际贸易在下降20</t>
  </si>
  <si>
    <t>严寒天气与全球变暖大趋势不矛盾</t>
  </si>
  <si>
    <t>进入冬季以来，美国东部、中部和南部等多个地区遭到暴风雪和严寒袭击，民众生活受到严重影响。但美国一些气象专家在接受记者采访时指出，包括美国在内的北半球多个国家最近遭遇的严寒天气并不算反常，与全球变暖的大趋势不矛盾。　　　　美国著名气象服务网站WeatherUnderg</t>
  </si>
  <si>
    <t>手机辐射或可治疗老年痴呆症</t>
  </si>
  <si>
    <t>长期以来，不少人认为手机辐射对人体有害，甚至可能导致脑瘤。美国研究人员发现，手机辐射可能成为战胜阿尔茨海默氏症(老年痴呆症)的重要武器。这一研究结果发表在最新一期美国《阿尔茨海默氏症期刊》。　　　　南佛罗里达大学研究人员对96只实验鼠进行电磁波影响研究。经?</t>
  </si>
  <si>
    <t>韩国防雪清雪有预案</t>
  </si>
  <si>
    <t>面对奇袭的暴雪，韩国因为有专门的机构进行应对，并制订了相应的预案，做到了相对的有备无患。在中央政府层面，韩国有灾难安全对策本部。而在首尔市，鉴于当地的冬雪气候、丘陵地形和千万人口所造成的巨大交通压力，每到冬季，首尔市都要成立临时机构“除雪对策本部”，由首?</t>
  </si>
  <si>
    <t>德国：政府征地  农民讨价还价</t>
  </si>
  <si>
    <t>本报柏林报道 据统计，2004年德国城市化率达到88%，位居世界前列。德国贝塔斯曼公司不久前发布的一份有关德国人口发展的研究报告显示，到2025年，德国城市化趋势将进一步加强。多年来，德国在城市规划、土地管理和人口政策等领域进行的有益探索和丰硕成果值得借鉴。　　　?</t>
  </si>
  <si>
    <t>铁矿石巨头欲用“首发价”逼中方妥协</t>
  </si>
  <si>
    <t>和之前的沉默不同，近期，两拓在铁矿石谈判方面态度似乎更加强硬。撇开中国，两拓把主要精力转向了与日本和韩国进行谈判，目的非常明显：希望利用“首发价格”倒逼中国被迫进行跟随。更为重要的是，目前现货矿价格连创新高令两拓要价空间不断扩大。　　　　实际上，在需求?</t>
  </si>
  <si>
    <t>欧盟统计局指责希腊统计数据造假</t>
  </si>
  <si>
    <t>欧盟统计局12日说，希腊政府提供的预算数字并不可靠，可能为了掩盖政府债务危机的严重程度而在统计数据上做了手脚。　　　　欧盟统计局说，它曾接到希腊统计机构N SSG的汇报，称在2009年10月向欧盟统计局提交相关财政数据时受到政治干涉，而希腊政府提供的一系列统计数据中</t>
  </si>
  <si>
    <t>2009年德国出口总额为9750亿欧元</t>
  </si>
  <si>
    <t>德国联邦统计局13日公布的数据显示，按照现价计算2009年德国出口总额为9750亿欧元(约合14040亿美元)，比上年下降17.3%。　　　　按照现价计算，2009年德国进口额为8758亿欧元，下降14.4%；实现贸易顺差992亿欧元(约合1428亿美元)。　　　　出口大幅下滑也成为导致德国经?</t>
  </si>
  <si>
    <t>亚洲货币走强  人民币升值预期强化</t>
  </si>
  <si>
    <t>近期，亚洲新兴市场国家的货币在美元全线走软的背景下，一路走强，引发其货币当局纷纷出手干预汇市，维持汇率稳定。与此同时，1月11日，1年期人民币兑美元无本金交割远期(NDF)上涨0.4%，创下近3个月以来的新高。NDF市场一向敏感，一点风吹草动也会有所反应，那么已经“蛰伏”</t>
  </si>
  <si>
    <t>欧洲央行先谋稳妥退出再谋加息</t>
  </si>
  <si>
    <t>欧洲央行将于当地时间14日召开年内首次利率决策会议。分析人士预计，鉴于经济复苏缓慢、通胀率仍低于目标值(2%)，欧洲央行将把基准利率维持在1%这一历史低位，但欧洲央行行长特里谢在执行“退出”政策上会有更为坚决的表态。　　　　利率政策按兵不动　　　　为应对经济?</t>
  </si>
  <si>
    <t>中国外贸应实现从“量”到“质”的转变</t>
  </si>
  <si>
    <t>2010年1月10日，海关总署公布了一组远超人们预期的数据：2009年中国外贸进出口总值22072.7亿美元，其中出口12016.7亿美元，进口10056亿美元。根据德国批发和外贸协会的估算，德国2009年出口总值为11700亿美元。也就是说，中国终于坐上了全球出口第一的交椅，而这把交椅在过去</t>
  </si>
  <si>
    <t>中国人,停下来庆祝一下又何妨</t>
  </si>
  <si>
    <t>中国海关总署1月10日公布的数据显示，在刚刚过去的2009年，中国出口总额高达1 .2万亿美元。至此，中国事实上已经超过德国，成为全球第一出口大国。　　　　也许，中国人天生的忧患意识，使国内媒体并未对此进行过多的解读。诚然，中国出口结构还存在这样那样的问题，“中国</t>
  </si>
  <si>
    <t>日委两国力贬本币保出口</t>
  </si>
  <si>
    <t>最新公布的数据显示，日本出口额连续第14个月下降，出口形势仍处困境再次让市场将目光聚焦在日元汇率问题上。受美国非农就业数据仍在10%高位徘徊的影响，12日美元走弱，日元小幅攀升，至12日午盘，美元兑日元比价为1：92.12，上周五(8日)收市时为1：93.27。　　　　值得市?</t>
  </si>
  <si>
    <t>网络版权保护世界性难题待解</t>
  </si>
  <si>
    <t>在日前召开的“中美互联网版权保护前沿和热点问题论坛”上，中美两国政府部门负责版权管理的官员、法官、学术精英就新形势下网络版权保护的热点问题进行了探讨与交流。　　　　与会专家表示，由于网络传播速度快、范围广、隐蔽性的特点，全世界的网络侵权盗版行为都面临着?</t>
  </si>
  <si>
    <t>国际消费电子展呈现六大亮点</t>
  </si>
  <si>
    <t>2010年国际消费电子展(C ES)7日至10日在美国拉斯韦加斯举行。美国消费电子协会总裁加里·夏皮罗表示，在国际金融危机大背景下，企业唯有创新，才能摆脱危机，在逆境中成长。　　　　夏皮罗说，这次展会有三个“最多”：与往届相比新增参展商最多，展区数量最多，创新科技产</t>
  </si>
  <si>
    <t>西方金融机构可能重拾冒进做法</t>
  </si>
  <si>
    <t>金融稳定委员会全体会议和国际清算银行全球经济会议日前先后在瑞士巴塞尔举行，两大会议不约而同地将银行再度追逐风险问题列入议程。　　　　最近公布的财报显示，全球许多金融巨头再度获得稳健利润，国际监管机构却为此担心，过度冒险的投资行为有可能死灰复燃。此前，金?</t>
  </si>
  <si>
    <t>国际消费电子展为世界经济报春</t>
  </si>
  <si>
    <t>2010年美国拉斯维加斯国际消费电子展定于10日闭幕。在本届消费电子展上，消费电子产业今后几年的发展趋势初露端倪。在全球经济仍未完全走出泥潭的情况下，业界人士及电子产品爱好者仍热情光顾展会，让人感受到了经济寒冬中的一丝丝暖意。　　　　正在火热上映的好莱坞大片?</t>
  </si>
  <si>
    <t>减少石油依赖：解决气候问题的新切入点</t>
  </si>
  <si>
    <t>哥本哈根大会因忽视了富国与穷国间的严重分歧而彻底失败。因此，各方需要制订一项双方都能接受的统一且可行的行动计划。减少对石油的依赖是发达国家和发展中国家利益完全一致的唯一问题，把重点放在这个问题上可以使双方重拾推进解决气候问题所需的信任。　　　　美国《外?</t>
  </si>
  <si>
    <t>生物进化远超想象</t>
  </si>
  <si>
    <t>德国和美国科学家日前联合公布一项研究结果：致使生物进化的基因变异速度比科学家此前认为的速度快得多。　　　　研究人员说，一些植物能迅速适应外界环境变化，几代时间内便能对某些特定除草剂产生抗药性；换句话说，外界环境变化加速了生物进化。德国蒂宾根马克斯·普朗?</t>
  </si>
  <si>
    <t>2010年让你更富有：十大理财策略</t>
  </si>
  <si>
    <t>尽管2009年经济很不景气，但是随着目前经济的复苏，我们可以从新的角度客观看待自己2010年的理财前景，美国《福布斯》列举了10项精明的理财策略供读者参考：　　　　削减共同基金(MutualFund)费用　　　　股票和债券基金经理从投资者那里获利丰厚。一种更为廉价，通常利?</t>
  </si>
  <si>
    <t>英国母亲发起“抵制粉红”运动</t>
  </si>
  <si>
    <t>粉红乐器、粉红童装、粉红玩具……商店里一系列女童用品似乎在宣称：“粉红”就是女孩子的代名词。不过，这种“粉红理念”受到两位母亲质疑。家有两个女儿的英国妇女埃玛·穆尔最近和她的双胞胎姐姐阿比发起了一场“抵制粉红”运动，反对女童商品中充斥太多粉红元素。她们认?</t>
  </si>
  <si>
    <t>21世纪最初10年:日本经济“萎缩的10年”</t>
  </si>
  <si>
    <t>《日本经济新闻》日前刊登文章说，21世纪的最初10年是日本经济“萎缩的10年”。国内生产总值与10年前相比减少了5%，从业人员的薪金收入总额也呈现负增长。10年来的矿工业生产与上世纪90年代相比，年平均减少了1.5%。10年间电冰箱和洗涤用品的平均物价分别下降了17%和39%，“?</t>
  </si>
  <si>
    <t>消毒不当滋生“超级细菌”</t>
  </si>
  <si>
    <t>为保持卫生，不少人习惯在家里使用消毒剂浸泡衣物、擦洗家具并经常用抗菌洗手液洗手。不过，爱尔兰研究人员在实验室中发现，勤消毒虽然有助保持卫生，但也可能导致细菌出现耐药性。这一发现发表于2010年1月号《微生物学》杂志。　　　　国立爱尔兰大学研究人员杰勒德·弗莱</t>
  </si>
  <si>
    <t>“太大而不能破产”是美国最大问题</t>
  </si>
  <si>
    <t>美国《时代》周刊2009年12月28日一期刊登题为《太大而不能破产是我们在本世纪面临的最大问题之一》的文章，全文如下：　　　　2009年12月8日，美联储主席本·伯南克与《时代》周刊执行主编理查德·施滕格尔、时代杂志公司总编辑约翰·休伊、执行副主编迈克尔·达菲以及高级</t>
  </si>
  <si>
    <t>法拟从7月1日起征碳税</t>
  </si>
  <si>
    <t>法国政府发言人吕克·沙泰尔5日说，法国政府拟定于今年7月1日起实施二氧化碳排放税法案(简称碳税法案)。而仅一周之前，法国宪法委员会刚刚推翻了该法案最初的版本，使其无法于原定的1月1日生效。　　　　沙泰尔在当天内阁会议后向媒体宣布了这一消息。他说，法国政府重申，</t>
  </si>
  <si>
    <t>中国房地产狂热症</t>
  </si>
  <si>
    <t>提前出版的2010年1月11日美国《商业周刊》，发表题为《中国房地产狂热症》的文章指出，美国曾经的房产泡沫带来问题成堆，那么中国的房产泡沫可能更为严重。文章分析了泡沫产生以及房价高居不下的原因，认为房地产业积聚了过多的资金，房价已经超出中国百姓的心理承受能力，这</t>
  </si>
  <si>
    <t>日本的教训该结束了</t>
  </si>
  <si>
    <t>提前出版的2010年1月9日英国《经济学家》，发表题为《日本的教训该结束了》的文章指出，在应对金融危机问题上，日本“迷失的二十年”带给全世界颇多教训。文章认为，日本曾经误判经济形势向好而收紧财政政策，从而导致通货紧缩。　　　　“预计下周东京市场新年上扬”——?</t>
  </si>
  <si>
    <t>美对华贸易制裁挥出新年头一棒</t>
  </si>
  <si>
    <t>美国商务部5日初步裁定对从中国进口的金属丝网托盘征收最高达289%的反倾销关税，这是2010年美国政府对华贸易限制的第一项裁决。　　　　受美国国内经济下滑、贸易保护主义抬头及政客操纵等多种因素影响，美国最近频繁对中国产品实施贸易惩罚措施，“中国制造”正成为美国贸</t>
  </si>
  <si>
    <t>中石油：取消澳公司订单不影响国内天然气市场</t>
  </si>
  <si>
    <t>针对澳大利亚伍德赛德石油公司(WoodsidePetroleum )官方网站挂出的该公司与中石油(PetroC hina)450亿澳元LN G (液化天然气)框架协议失效的消息，中国石油集团公司有关人士5日接受《经济参考报》采访时表示，中石油取消从澳公司进口L N G订单，对国内天然气市场供应没有影响。</t>
  </si>
  <si>
    <t>中国成巴西最大出口目的地国</t>
  </si>
  <si>
    <t>巴西发展、工业和外贸部4日公布的数字显示，2009年中国从巴西采购各类商品达199亿美元，超过美国的157亿美元，成为巴西最大出口目的地国。　　　　巴西发展、工业和外贸部外贸司司长韦伯·巴拉尔在当天举行的记者会上表示，2008年美国是巴西的最大出口目的地国，采购额达到</t>
  </si>
  <si>
    <t>冰岛总统否决向英荷储户赔偿损失议案</t>
  </si>
  <si>
    <t>雷克雅未克消息：冰岛总统格里姆松5日宣布，他已决定拒绝签署冰岛议会日前通过的一项向英国及荷兰赔偿冰岛银行破产造成的损失的议案。　　　　据当地媒体报道，格里姆松在总统府举行的新闻发布会上表示，他决定根据冰岛宪法的有关条款把这项议案交由冰岛民众决定，即通过全</t>
  </si>
  <si>
    <t>应对中美贸易摩擦切忌心慈手软</t>
  </si>
  <si>
    <t>2009年，既是中美关系深化一年，也可谓贸易摩擦的激化一年。即使到年终，美国也不忘奉送“新年礼物”——— 12月30日，美国针对中国油井管的反补贴案审结：对中国油井管征收10.36%至15.78%的反补贴惩罚性关税。拟议中的对中国油井管征收36.53%至99.14%的反倾销制裁仍在推进中</t>
  </si>
  <si>
    <t>现货矿价格再创新高铁矿石谈判难度增大</t>
  </si>
  <si>
    <t>新年伊始，在连续数周上涨的情况下，铁矿石现货价继续攀升到了新的高位，其中63.5%印度粉矿价格达到134美元/吨的新高，2009年以来价格已经上涨了一倍多。被誉为“铁矿石长协谈判”风向标的现货矿价格数轮上涨，无疑令中方在2010年的铁矿石谈判中处于更加艰难的境地。</t>
  </si>
  <si>
    <t>伯南克：抑楼市泡沫监管胜加息</t>
  </si>
  <si>
    <t>美国联邦储备委员会主席伯南克1月3日在美国经济学会年会上发表讲话时指出，房地产市场泡沫的最佳应对手段是加强监管，而非货币政策。　　　　金融危机发生以来，批评人士一直认为，美联储过长时间将联邦基金利率(即银行间隔夜拆借利率)保持在低位助长了房地产泡沫，从而为?</t>
  </si>
  <si>
    <t>非美市场涨多跌少</t>
  </si>
  <si>
    <t>4日，亚太股市在2010年首个交易日涨跌互现。日本、韩国和澳大利亚股市迎来新的一年“开门红”。欧洲股市主要股指早盘齐高开。　　　　值得一提的是，由于东京外汇市场日元兑美元汇率持续在92比1的低水平，东京股市走出了当天亚太市场的最大涨势，日经225种股票平均价格指数</t>
  </si>
  <si>
    <t>鸠山：2010年是实施既定政策的关键一年</t>
  </si>
  <si>
    <t>日本首相鸠山由纪夫1月4日上午在首相官邸举行的新年记者会上说，他将建立为国民服务的政治，2010年是实施既定政策的关键一年。　　　　鸠山说，为防止经济再次恶化，政府已于2009年制定了紧急经济对策，并出台了2009年度第二次补充预算案，他希望这一预算案能尽早在国会通?</t>
  </si>
  <si>
    <t>2010世界经济风险挨个数</t>
  </si>
  <si>
    <t>许多人在描述当前世界经济形势时，总会持一种谨慎的态度。一方面，会承认世界经济复苏已经开始；另一方面，又会强调世界经济复苏的基础仍不牢固。那么，在2010年，世界经济究竟面临哪些潜在性风险呢？　　　　从2007年夏美国次贷危机全面爆发，到2008年9月中旬国际金融危机</t>
  </si>
  <si>
    <t>“绿色校园”建设方兴未艾</t>
  </si>
  <si>
    <t>2009年12月7日至19日，“《联合国气候变化框架公约》第15次缔约方会议暨《京都议定书》第5次缔约方会议”在丹麦首都哥本哈举行。期间，来自世界各地16所大学组成的14个项目组在哥本哈根大学聚会，围绕全球气候变化背景下的可持续发展问题，展示、讨论了各校团队创建绿色校园?</t>
  </si>
  <si>
    <t>龙源电力：国际资本市场刮“飓风”</t>
  </si>
  <si>
    <t>2009年12月10日，亚洲最大风电企业———龙源电力集团股份有限公司(股份代号：00916，简称“龙源电力”)正式登陆香港联交所主板市场。行使超额配售权后，龙源电力募集资金总额超过200亿港元，成为2009年全球能源行业最大IPO，同时也是1999年以来全球第三大可再生能源企业IPO?</t>
  </si>
  <si>
    <t>谨防通胀随泰国香米飘中国</t>
  </si>
  <si>
    <t>日前，印度、越南两国同时宣布出现了严峻的通货膨胀形势。越南受大米价格高涨的影响，2009年12月CPI同比上升了6.52%。泰国、印度、越南是全球前三大的大米出口国，中国国内市场的泰国香米价格也已连续飙升。不过，经济学家表示：中国2010年不会出现恶性通胀。　　　　2009?</t>
  </si>
  <si>
    <t>俄公布2010年反危机计划</t>
  </si>
  <si>
    <t>俄罗斯政府1日在其网站公布的2010年反危机计划表明，俄政府对2010年经济发展前景较为乐观，在新的一年里，俄政府将继续采取反危机措施，并将实施部分经济结构改革计划。　　　　根据反危机计划，俄政府预计2010年国内生产总值将增长3 .1%，全年通货膨胀率预计在6 .5%到7.5%</t>
  </si>
  <si>
    <t>专卖“快乐”的华商谢家华</t>
  </si>
  <si>
    <t>在“美国在线”服饰店Zappos购物，只要对商品不是百分百满意，一年内可以退货；在Zappos上班，待遇与同类企业不相上下，而福利更多，工作氛围更轻松友好。Zappos首席执行官、美籍华人谢家华着力打造“快乐”企业文化，试图“让顾客、员工、投资者皆大欢喜”。今年?</t>
  </si>
  <si>
    <t>构建新特色  打造新格局  建设大体育</t>
  </si>
  <si>
    <t>房山，北京的西南大门，山地与丘陵约占全区总面积的三分之二。近年来，这里不仅成为京郊著名的“建材之乡”和“旅游胜地”，而且许多国内外体育赛事都在这里举行，如国际山地自行车挑战赛、国际万人长走大赛等。更引人注目的是，房山区体育建设成果突出：房山区代表北京市参?</t>
  </si>
  <si>
    <t>新兴经济体仍将是2012年亮点</t>
  </si>
  <si>
    <t>在即将过去的2011年中，世界经济被各种天灾人祸搅得一团乱。诸多分析认为，受欧美危机的影响，新兴经济体2012年所承受的风险增大，但依然会引领全球经济。12月25日，国际货币基金组织(IMF)总裁拉加德在接受法国媒体采访时表示，IMF几乎确定会下调其对于全球经济201</t>
  </si>
  <si>
    <t>2011年国际十大经济新闻</t>
  </si>
  <si>
    <t>1、G20寻求破解全球经济失衡之道2月19日，二十国集团财长和央行行长(G20)在巴黎就建立衡量全球经济失衡指标达成共识，同意就各指标评估方法制定方针，通过国际多边合作缩小全球经济过度失衡，促进可持续发展。世界银行在《2011年全球经济展望》报告中指出，世界经?</t>
  </si>
  <si>
    <t>英国：创新政策的底色与亮色</t>
  </si>
  <si>
    <t>英国拥有实力雄厚的科研基础和高效率的创新系统，为保持优势地位，英国的企业创新政策具有许多鲜明的特点。近年来，英国创新体系在已有的丰富底色上不断焕发出新的亮色，本文研究了英国“向上竞争”、经济再平衡、联系与催化的政策目标，分析英国创新政策的原则和近年来的一?</t>
  </si>
  <si>
    <t>欧洲央行隔夜存款规模创新高</t>
  </si>
  <si>
    <t>欧元区银行在欧洲央行的存款规模创新高。而就在几天前，欧洲央行为缓解金融体系流动性紧张提供了近5000亿欧元贷款，现在看来尚未奏效。资金注入未缓解流动性恐慌欧洲央行27日最新公布的数据显示，26日，欧洲银行业在欧洲央行隔夜存款机制中存入的资金数?</t>
  </si>
  <si>
    <t>美国乱“贴标签”小心伤及自身</t>
  </si>
  <si>
    <t>美国又一次选择了引而不发。美国财政部27日的报告再度认为，中国不是“汇率操纵国”。这在市场预期之中，但自然也让一些美国政客很不满意。其实，这种居高临下的“贴标签”行为，本来就不应当，在某种程度更成为会伤及美国自身的双刃剑。但一些美国政客仍对“贴标?</t>
  </si>
  <si>
    <t>美经济数据向好  国际油价六连涨</t>
  </si>
  <si>
    <t>受美国利好经济数据等因素推动，国际油价27日连续第六个交易日上涨，纽约油价收于每桶101美元以上。美国行业研究机构世界大型企业联合会27日发布的报告显示，12月份美国消费者信心指数继续改善，美国消费者在新年来临之际对就业市场以及经济前景的看法显著改观。根</t>
  </si>
  <si>
    <t>复苏时断时续  日本经济祸不单行</t>
  </si>
  <si>
    <t>日本政府21日公布的月度经济报告称，由于生产恢复势头在持续，日本经济仍在缓慢复苏，这一评估与上个月相同。但日本央行在当天举行的货币政策会议上却大唱反调，认为“受海外经济减速和日元升值等因素影响，日本经济复苏势头暂时停止”。回顾2011年，对日本经济来?</t>
  </si>
  <si>
    <t>美国买家抓紧“抄底”欧洲银行业</t>
  </si>
  <si>
    <t>随着欧洲金融监管不断收紧以及欧债危机持续发酵，欧洲银行面临的筹资和缩减债务压力不断增加，出售资产的步伐加快。据美国《纽约时报》报道，摩根士丹利分析师休·范斯蒂尼斯(H uw vanSteenis)预计，欧洲金融机构在未来18个月内需要出售约3万亿美元资产。这使许多美国金融机?</t>
  </si>
  <si>
    <t>中国游客看不上澳旅游服务</t>
  </si>
  <si>
    <t>在星级酒店，坐等三五个钟头仍无法入住；电脑连不上网络，发不了传真，却找不到技术人员……一边是心急上火的游客，一边是慢慢吞吞的服务员。对于在澳大利亚旅行的中国人而言，上述经历并不新鲜，以至于中国游客有了“五星级酒店，四星级硬件，三星级服务”的调侃。?</t>
  </si>
  <si>
    <t>美银或出售更多资产提升资本规模</t>
  </si>
  <si>
    <t>美国《纽约时报》27日报道，有知情人士透露，为了提升资本规模以满足新的资本金要求，美国银行正在考虑出售更多的资产。该人士表示，就目前形势看，美国银行在满足新资本要求上落后于美国其他大型银行。他表示，美国银行认为还有其他可行的办法能够提升?</t>
  </si>
  <si>
    <t>30余家中国企业明年拟赴美IPO</t>
  </si>
  <si>
    <t>美国证券交易委员会(SEC)最新数据显示，截至2011年12月24日，今年共有14家中国企业赴美上市，比2010年的34家大幅锐减。不过，根据SEC资料以及纳斯达克和纽交所公布的信息，明年可能会有超过30家中国企业赴美IPO。纳斯达克亚太区总裁高睿博近期透露，目前有超过30家</t>
  </si>
  <si>
    <t>日元升值的福利效应</t>
  </si>
  <si>
    <t>谈及日本经济现状，多半有种“共识”：实际状况比统计数据要好的多。我的印象也如此。这里说的“实际状况”是指国民福利。论及日本经济与国民福利，自然而然地会想到日元汇率的变化，这方面的一个猜想是：日本近年名义GDP与人均国民收入的增长，多半靠了日元升值而</t>
  </si>
  <si>
    <t>主权债务危机重挫欧元区经济</t>
  </si>
  <si>
    <t>欧洲央行在本月下旬发布的《欧元区金融稳定观察》中再次发出警告：主权债务压力蔓延依然是欧元区、欧盟乃至全球金融稳定所面临的最为紧迫的风险。诚如所言，在整个2011年中，应对愈演愈烈的主权债务危机几乎成了欧洲政策制定者天天要学的“必修课”，而已呈“双速?</t>
  </si>
  <si>
    <t>阿里巴巴有望回购雅虎所持股权</t>
  </si>
  <si>
    <t>尽管处于圣诞假期，“雅虎董事会同意剥离亚洲资产”的消息还是让市场嗅到了令人兴奋的投资机会。有国外分析称，对比之前不同版本的“收购方案”，若此消息属实，意味着雅虎更倾向与阿里巴巴集团(以下简称“阿里巴巴”)进行交易。记者就此消息致电阿里巴巴相关人士?</t>
  </si>
  <si>
    <t>海外并购应学会驾驭风险</t>
  </si>
  <si>
    <t>一段时间以来，华为、中石油海外并购屡屡受阻，中国商人黄怒波冰岛购地申请被拒，青年汽车和庞大集团7亿元收购萨博告吹。越来越多的事件表明，中国企业实施海外并购正在遭遇全球投资保护的寒冬。中国大规模的海外投资被视为“中国崛起”的标志。随着经济总量加速扩</t>
  </si>
  <si>
    <t>奥巴马感慨机器抢走了就业岗位</t>
  </si>
  <si>
    <t>“我不知道这张卡能不能用。”这是美国总统奥巴马日前在佳买商场给女儿挑好圣诞礼物后对收银员半假半真的一句话。在美国，使用银行卡的“卡族”超过1.8亿人，拥有各类银行卡超过5亿张。目前，美国商场里增添了自动收银机、自动照片打印机，而减少了工作人员，顾客?</t>
  </si>
  <si>
    <t>日本：优质产品背后的优质蓝领</t>
  </si>
  <si>
    <t>日本产品被普遍认为制作工艺精良、技术含量较高，日本社会尊重蓝领技术工人，并下大力气系统培育技术产业工人是其中的重要原因。在日本，企业蓝领工人与公司白领职员收入相当，为提高蓝领工人的成就感，日本各界还举办了各种技能比赛和评比活动，取得了很好的社会效果。?</t>
  </si>
  <si>
    <t>日印谋深化多领域经贸合作</t>
  </si>
  <si>
    <t>在全球经济不景气的背景下，具有巨大增长潜力的印度成为日本的主攻市场。日本首相野田佳彦在结束访华行程后，27日开始对印度进行为期两天的访问，两国领导人将借此机会在贸易、投资等领域再议合作。日本官房长官藤村修在日前召开的记者会上表示，此次访问期间，野?</t>
  </si>
  <si>
    <t>美国企业：独辟蹊径揽人才</t>
  </si>
  <si>
    <t>独辟蹊径招揽人才可说是美国企业常用的招数，其中的一些做法很值得我国企业效法借鉴。难题“钓”出天才热门社交网站“脸谱”收到的应聘申请中不乏“豪华”简历：名校毕业、博士学位、成绩优异……不过，这家企业招聘工程师的首选方式不是看简历。?</t>
  </si>
  <si>
    <t>“二次衰退”担忧困扰美国经济</t>
  </si>
  <si>
    <t>与年初的“开门红”形成呼应，美国经济活动年末再次显示出增强迹象，似乎决意要以好于预期的“成绩单”收官2011年。然而，除去头尾很短的“翘起”效应，美国经济在今年大部分时间的表现乏善可陈。特别是巨额债务问题导致的主权信用评级遭降，一度引发“二次衰退”的担忧。?</t>
  </si>
  <si>
    <t>欧元贬值或能救欧债</t>
  </si>
  <si>
    <t>用一个形象的比喻来形容欧债危机，那就是“失血与缺血”共同作用的结果。欧债危机的根源是一些国家长期“寅吃卯粮”式地推行负债经济模式，加之欧洲高福利带来社会负担沉重，以及缺乏创新导致的增长后劲不足。2011年欧盟完成或者说基本完成了一项重大的任务，就是?</t>
  </si>
  <si>
    <t>央行：日本投资中国国债进入申请程序</t>
  </si>
  <si>
    <t>人民币将成日本外储货币。中国人民银行25日晚发文表示，日本当局投资中国政府债券的有关申请程序正在进行中。与此同时，央行称，为支持中日之间不断发展的经济金融关系，中日领导人同意加强两国金融市场合作。其中包括，促进人民币与日元在两国跨境交易中的使用，便利人民币?</t>
  </si>
  <si>
    <t>圣诞购物：美国火爆欧洲债务国萧条</t>
  </si>
  <si>
    <t>冰火两重天。“最后时刻出手”消费将美国的圣诞购物季推向高潮，但饱受债务危机困扰的那些欧洲国家未能借助节日效应摆脱消费疲软局面。据美联社报道，圣诞假期最后一周将对圣诞购物季贡献超过20%的业绩。美国全国零售联合会此前预测，零售商的圣诞销售额可达4691亿</t>
  </si>
  <si>
    <t>旅行潮·潮旅行</t>
  </si>
  <si>
    <t>对热爱美食的旅行者而言，五星级餐厅已经不足以触动味蕾、激发食欲，亲自动手、参与烹饪的体验式美食之旅更令人神往。葡萄牙建筑设计师蒂亚戈·巴罗斯在一次竞赛活动中提出“云旅行”概念。依照他的构想，一些连在一起的巨大气球飘浮在云端，靠自然风驱动，没有特?</t>
  </si>
  <si>
    <t>黄鸣：坚守是我们的性格</t>
  </si>
  <si>
    <t>斯德哥尔摩，灯火通明的瑞典议会大厅，“正确生活方式奖”的颁奖现场座无虚席。在众人雷鸣般的掌声中，一位中国企业家缓缓走上主席台，接受大家诚挚的祝贺和敬意。他获奖感言的题目是“WhoamI？(我是谁？)”作为该奖项创立30年来第一个获此殊荣的中国人，他是谁？?</t>
  </si>
  <si>
    <t>我触摸过了月球</t>
  </si>
  <si>
    <t>美国肯尼迪宇航中心位于美国佛罗里达州的东部海岸的梅里特岛，是NASA(美国国家航空航天局)于1962年7月建立的，是一个进行载人和不载人航天测试的非常重要的发射场所。整个场所占地567平方公里，雇员17000多人，我们所参观的这个参观中心也包括在这里面。除了这个参观中心对外</t>
  </si>
  <si>
    <t>经济危机：西方经济学创新的转折点</t>
  </si>
  <si>
    <t>英国《泰晤士报》首席经济评论员阿纳托尔·卡列茨基评价其最近出版的新书《资本主义制度4.0》时说，该书讨论的是全球资本主义制度在这场金融危机后将走向何方。他认为，资本主义制度前三次变革是：19世纪初主张实行自由贸易的自由资本主义制度、20世纪二三十年代凯恩斯式的福</t>
  </si>
  <si>
    <t>明年中国经济面临三重外部重压</t>
  </si>
  <si>
    <t>当地时间20日，国际评级机构惠誉将欧洲多国数十家银行评级列入负面观察名单。此前，惠誉、穆迪和标普三大评级机构将欧洲多国主权信用评级列入负面观察名单，并于近日纷纷警告称将下调欧洲多数国家主权信用评级。此外，欧洲央行19日晚发表的半年度报告警告称，欧元区金融稳定?</t>
  </si>
  <si>
    <t>中国加入GPA需丰满自身羽翼</t>
  </si>
  <si>
    <t>上周在日内瓦召开的世界贸易组织(WTO)部长会议气氛颇为低迷，但GPA(《政府采购协议》)的修订成为会上的一个亮点。在最后一刻克服了欧盟(EU)与日本之间的分歧后，参加会议的各国贸易部长们修订了42个成员之间的政府采购协议(GPA)。为加入GPA，中国政府所承诺的第三?</t>
  </si>
  <si>
    <t>欧央行释放“廉价”贷款4890亿欧元</t>
  </si>
  <si>
    <t>欧洲央行(ECB)21日宣布向欧洲银行业释放三年期贷款约4890亿欧元，远超过此前市场预期。此次融资规模创下该行长期再融资操作的最高纪录，刷新了2009年6月举行的1年期招标创下的4420亿欧元的前纪录高点，这也是该行所提供的期限最长的贷款。欧洲央行表示，已将上述3?</t>
  </si>
  <si>
    <t>美败诉 全球航空将遭欧盟“碳税”</t>
  </si>
  <si>
    <t>美国起诉欧盟征收航空“碳税”案，于北京时间21日晚间定案。综合外电报道，欧洲法院作出裁定：欧盟做法既不违反相关国际关税法，也不违反有关领空开放的协议。由于此案事关全球航空业，这就意味着，从明年起，欧盟可以对所有进出欧洲国家机场的航班征收碳排放税。多位接受《?</t>
  </si>
  <si>
    <t>美法院裁决叫停对华“反补贴调查”</t>
  </si>
  <si>
    <t>商务部网站21日消息，美国联邦巡回上诉法院于当地时间19日就非公路用轮胎司法诉讼案做出裁决，裁定美商务部不能在视中国为非市场经济国家的情况下进行反补贴调查。接受《经济参考报》记者采访的多位专家表示，这一裁决对中国来说是重大利好。这意味着在承认中国市场经济地位?</t>
  </si>
  <si>
    <t>理性看待日本拟购中国国债</t>
  </si>
  <si>
    <t>日本财务大臣安住淳20日表示，首相野田佳彦访华期间，两国将讨论互购国债事宜，日本可能最多将购入相当于100亿美元规模的以人民币计价的中国国债。作为全球第二大外汇储备国，日本首次购入以人民币计价的中国国债，将具有标志性的意义。对日本来说，这是其外储投资</t>
  </si>
  <si>
    <t>中国为印度最大反倾销对象国</t>
  </si>
  <si>
    <t>印度商业和工业部21日向印度议会提交的数据显示，其下属反倾销和联合税收总局累计已向中国发起149个反倾销调查，占印度反倾销案件总数的近55%。根据印度商业和工业部国务部长乔蒂拉迪蒂亚·辛迪亚当天提供的数据，自印度反倾销和联合税收总局1992年开始运作以来，?</t>
  </si>
  <si>
    <t>路易威登增持爱玛仕股权</t>
  </si>
  <si>
    <t>法国金融市场管理局20日发布新闻公报说，法国奢侈品制造商路易威登集团继续增持另一奢侈品集团爱马仕的股份，所占份额从21.4%升至22.28%。公报说，法国金融市场管理局19日收到路易威登发布的声明。该集团在声明中表示已通过它所控制的企业在本月15日收购了爱马仕约</t>
  </si>
  <si>
    <t>危机后国际金融体系重构中亚洲的角色</t>
  </si>
  <si>
    <t>由中国社会科学院主办，中国社会科学院金融研究所与韩国资本市场研究院共同承办的论坛“危机后国际金融体系重构：亚洲的角色”近日在京召开。论坛上，来自亚洲各国的专家学者，对危机后国际金融体系的重构以及亚洲各国之间的合作协调问题作了充分的探讨和分析。学者认为，亚?</t>
  </si>
  <si>
    <t>提高GDP质量转变发展方式</t>
  </si>
  <si>
    <t>2010年我国GDP在世界排名超越日本，成为世界第二大经济体，但我国人均收入世界排名为第127名，经济效率却只有美国的三分之一，我国GDP增长“高速度、低质量”的问题日渐突显。最近，中科院《中国科学发展报告2011》首次完成了全国各地区的国内生产总值(GDP)质量排名，提出了?</t>
  </si>
  <si>
    <t>现代商业和信贷从他们身上萌芽</t>
  </si>
  <si>
    <t>商贩是世界各大城市自古就有的职业活动。丰丹教授的《欧洲商贩史》一书，深入探讨商贩的流动历程对18、19世纪欧洲商业和文化的影响。他着力描写出商贩的流动性，告诉人们“迷人的不是凝固的都市，而是贩商的旅程；开启现代文明的也不是凝固的都市，而是商贩贸易的路线图”。$</t>
  </si>
  <si>
    <t>不应继续为美债提供廉价融资</t>
  </si>
  <si>
    <t>根据美国财政部最新公布的数据，10月中国持有美债1.1341万亿美元，较9月的1.1483万亿美元减少1.2%，这一持有总量创年内最低，也低于去年8月1.1368万亿美元的总量。尽管中国依然是美国最大的债权国，但中国调整对美国国债投资的时机似乎已经到了。为什么一个收益率?</t>
  </si>
  <si>
    <t>国际粮价大起大落  明年仍有上行空间</t>
  </si>
  <si>
    <t>2011年国际农产品市场可谓跌宕起伏，粮价先借助上年“牛”市余威、极端天气、供给短缺等持续上扬，但到下半年尤其是9月份以后，欧债危机为全球经济复苏蒙上阴影，粮食需求下滑，粮价随之下挫，市场的猜测从“何时见顶”逐渐变成“何时触底”。年初，美国芝加哥期货</t>
  </si>
  <si>
    <t>版权白刃战重挫优酷、土豆股价</t>
  </si>
  <si>
    <t>优酷网和土豆网之间的版权纠纷正在进入“白刃战”阶段。尽管双方尚未短兵相接，但却双双因此“出血”。受双方互诉版权侵权影响，美国当地时间12月19日，优酷网和土豆网股价应声大跌。优酷网当天股价收报每股17.05美元，下跌1美元，跌幅达5.54%；土豆网则收报每股10.57美元，?</t>
  </si>
  <si>
    <t>三方协商机制：挪威福利社会的稳定基石</t>
  </si>
  <si>
    <t>欧债危机以来，有学者把问题发生的根源归结于欧洲国家的高福利社会政策，并提醒中国需要防止“高福利风险”。危机会终结高福利社会发展模式吗？日前在海南省海口市出席“消费主导、民富优先———破题中国收入分配改革”第73次中国改革国际论坛的挪威学者的回答是?</t>
  </si>
  <si>
    <t>萨博申请破产  击碎民企并购梦</t>
  </si>
  <si>
    <t>尽管上周收到中国青年汽车集团(简称“青年汽车”)的第一笔“救命钱”，但当地时间19日上午，瑞典萨博轿车公司(简称“萨博汽车”)仍然递交了破产申请。多位接受《经济参考报》采访的专家指出，一旦萨博汽车进入破产清算程序，不仅意味着青年汽车和庞大集团前期10亿元“抄底”?</t>
  </si>
  <si>
    <t>美国“揭黑”博主被判诽谤的思考</t>
  </si>
  <si>
    <t>互联网创造的博客技术，让每一个人都能享受到传播与自由发表个人见解的权利，这对传统传播方式带来颠覆性革命。当博客如此广泛地影响到整个传播形态以及公民生活时，其自媒体属性所日益呈现出的公共化倾向，随时可能突破原有的公共空间治理法则，让现有的立法体系难以准确而?</t>
  </si>
  <si>
    <t>法国恐难保3A评级  欧元区面临连锁效应</t>
  </si>
  <si>
    <t>多家机构近来预测欧元区将在明年第一季度陷入衰退，欧洲国家应对主权债务危机的形势将变得更加严峻。分析人士认为，三大国际评级机构下调欧盟和欧元区国家信用评级的可能性很大，下一个遭降级的很可能是法国，而一旦法国评级遭降，将引发“多米诺骨牌”效应。欧洲?</t>
  </si>
  <si>
    <t>明年经济：机遇和挑战并存</t>
  </si>
  <si>
    <t>2012年将是中国经济“在持续回落中逐步趋稳”的一年，也是十分复杂的一年。它不会出现很多西方学者预测的“中国式的金融危机”、“房地产硬着陆”以及“宏观经济的二次探底”。这种判断是构成中央经济工作会议将2012年经济工作基调定位为“稳中求进”的核心原因之一。?</t>
  </si>
  <si>
    <t>中外投行集体预警中国经济</t>
  </si>
  <si>
    <t>12月19日，包括中金公司、野村证券(亚洲)和摩根大通相继发布了对于2012年中国宏观经济前景的展望以及A股市场未来的前景。包括这些投行在内的机构普遍认为，中国经济在2012年将面临较大的下行风险，而A股市场也将有望在一季度触底反弹。2012年最大风险在外部?</t>
  </si>
  <si>
    <t>欧盟劝英国足额注资IMF援助计划</t>
  </si>
  <si>
    <t>欧盟27国财长于19日召开电话会议，欧元区有望敲定向国际货币基金组织(IMF)提供1500亿欧元资金的计划，从而使IMF在向深受欧债危机困扰的各国政府提供贷款时拥有更强大的“火力”，出资细节成为当天主要的讨论内容。欧元区目前形势危急，欧洲央行行长一反常态的对欧元区解体发?</t>
  </si>
  <si>
    <t>华府再度上演“逼宫”大戏</t>
  </si>
  <si>
    <t>离白宫在12月16日午夜因经费“断粮”关门只有27小时之际，美国民主党与共和党高层才就2012财年剩下十个多月的预算拨款案达成共识。国会再度唱出“逼宫”大戏，白宫出现今年第三次关门危机，让人不得不思考边缘主义为何成为华府的“现在时态”，是否又会继续成为“将来时态”?</t>
  </si>
  <si>
    <t>俄罗斯入世利好大于冲击</t>
  </si>
  <si>
    <t>16日，俄罗斯正式获准成为世贸组织新成员。分析人士指出，入世不仅有助于俄罗斯进一步融入世界经济一体化进程，为俄经济健康稳定发展提供助力，也将为推动国际贸易发展和多边贸易机制建设创造契机。在16日的世界贸易组织部长级会议上，俄罗斯正式获准加入世贸组织?</t>
  </si>
  <si>
    <t>德国商业银行或接受纾困援助</t>
  </si>
  <si>
    <t>德国政府已开始筹备，如果德国商业银行(Com m erzbank)未能在明年1月20日之前拿出令人信服的计划，填补监管机构确认的53亿欧元资金缺口，德国政府可能会对其进行纾困。German chancellor Angela Merkel’s cabinet agreed a bill to reinstatea state-backed bank</t>
  </si>
  <si>
    <t>“解密”中国入世十年不寻常之路</t>
  </si>
  <si>
    <t>2011年12月11日是中国加入世界贸易组织(WTO)10周年纪念日。中国入世后的表现如何？这是很多人都想知道、正在探讨的问题。《世贸组织规则博弈—中国参与WTO争端解决的十年法律实践》一书，为我们了解中国在世贸组织这一平台上如何处理与其他世贸成员的贸易争端提供了不可多得?</t>
  </si>
  <si>
    <t>服务业利用外资首超制造业</t>
  </si>
  <si>
    <t>商务部15日发布外商直接投资(FDI)数据显示，11月当月，全国新批设立外商投资企业2718家，同比下降12.91%；实际使用外资金额87.57亿美元，同比下降9.76%。这是我国吸收外资近28个月来首次出现负增长。专家表示，欧洲主权债务危机和美国经济低迷，导致欧美资金回流，</t>
  </si>
  <si>
    <t>全球财经论坛：寻找全球变革中的可持续动力</t>
  </si>
  <si>
    <t>2011年，展现在我们面前的是这样一幅图景：一方面，国际金融危机依然笼罩世界经济，美国经济复苏缓慢，欧洲深陷主权债务危机的泥潭，国际市场展开激烈角逐，不稳定性和不确定性相伴相随；另一方面，中国经济加快转变经济发展方式，加快经济结构调整、不断提高发展质量和效益?</t>
  </si>
  <si>
    <t>欧盟终止IBM反垄断调查</t>
  </si>
  <si>
    <t>欧盟委员会14日发布公告，宣布国际计算机巨头IBM所做的确保大型电脑主机零件及技术信息供应的承诺具有法律约束力，这标志着欧盟对IBM的反垄断调查正式结束。欧盟委员会负责竞争事务的委员华金·阿尔穆尼亚在声明中说：“很高兴我们可以同IBM找到一个快速解决方案，</t>
  </si>
  <si>
    <t>美国人为何不炒房</t>
  </si>
  <si>
    <t>众所周知，除了纽约，美国各大城市人口都不多，一般只有几十万人；同样，除了商用楼，美国的居民楼一般都不高，人们大多居住平房或别墅。所有美国人的住房条件大多如此。事实上，美国人并不“炒房”，原因何在？有一些中国学者或股评家认为：因为美国开征房产税，所以美国人?</t>
  </si>
  <si>
    <t>卡梅伦创造了又一个“历史时刻”</t>
  </si>
  <si>
    <t>英国首相卡梅伦日前在欧盟峰会上动用否决权，阻止了德国和法国修改欧盟《里斯本条约》的提议，他的理由是条约改革内容将损害英国支柱产业——金融业的利益。由于修约需经欧盟所有27个成员国的批准，欧盟因此不得不放弃修约初衷，另外缔结政府间条约。在卡梅伦刚刚?</t>
  </si>
  <si>
    <t>欧债“迷途”</t>
  </si>
  <si>
    <t>一场在2009年底始于希腊、逐渐蔓延至爱尔兰和葡萄牙的欧债危机，经过两年多的挣扎，最终还是无法避免的将西班牙、意大利乃至法国等欧元区核心国家拖下了水。进入12月以来，所有人将目光聚焦于挽救欧洲“最后的希望”———欧盟峰会，但与之前所有的努力一样，这一?</t>
  </si>
  <si>
    <t>法国雷诺“梅甘娜”气囊游丝投诉不断</t>
  </si>
  <si>
    <t>“买车四年，气囊游丝两次损坏，4S店说如果修不好，撞车时气囊就打不开，但厂家法国雷诺汽车说车子过了两年质保期，不给免费维修和赔偿。”日前，北京车主马先生向《经济参考报》记者表示。消费维权律师杜亮指出，从目前获得的信息看，数十起投诉车辆恰在国家质检?</t>
  </si>
  <si>
    <t>评级公司触动了何人神经？</t>
  </si>
  <si>
    <t>“不得不说，某些美国的评级公司和基金经理有意针对欧元区”，欧洲政客终于压制不住内心的愤怒。最近，所谓的“某些美国的评级公司”确实对欧洲不是很友好，频频发出降级警告。在欧洲命运的主宰席上，似乎除了德国、法国和欧洲中央银行，还出现了评级公司这匹黑马。?</t>
  </si>
  <si>
    <t>58家中概股面临退市风险</t>
  </si>
  <si>
    <t>美国当地时间12月13日，美联储宣布维持利率不变，同时对全球经济增长前景表达出担忧情绪。受此影响，美股收跌，中国概念股普遍走软。由i美股编制的中概30指数(ICS30)收报676.83点，下跌24.17点，跌幅3.45%。目前，ICS30指数已从近3个月来的高点950点左右，下跌至目前的670点?</t>
  </si>
  <si>
    <t>美联储暂不推新政  再宽松预期难减</t>
  </si>
  <si>
    <t>美国联邦储备委员会13日宣布，美国当前经济有微弱复苏迹象，但仍面临下行风险，将延续此前宣布的超宽松货币政策，暂时不再推出新的货币政策举措。值得注意的是，美联储此次将不确定标签更干脆地贴到了欧洲，在11月会议上曾称前景风险仅仅包括全球压力，而当日则把风险与海外?</t>
  </si>
  <si>
    <t>曼氏高层被指明知故犯“小摩”或被查</t>
  </si>
  <si>
    <t>据路透社报道，13日，在美国参议院农业委员会就曼氏金融破产案举行的听证会上，芝加哥商品交易所(CME)集团董事会以及执行主席泰伦斯·达菲告知参议员，全球曼氏金融公司的前首席执行官乔恩·科尔津在该公司破产前就已得知曼氏金融挪用了部分客户账户里的资金。达菲</t>
  </si>
  <si>
    <t>无锡：一座工商城市的转型发展史</t>
  </si>
  <si>
    <t>蠡湖的重生继瑞士苏黎世湖、日本琵琶湖、英国泰晤士河之后，“无锡蠡湖”成为国际淡水河湖治理中一个新的经典。亚洲国际浅水湖泊大会对蠡湖整治给予了这样的高度评价。蠡湖，是太湖的内湖，因传说中范蠡、西施曾携手泛舟隐居于此而得名。历史上蠡湖水面?</t>
  </si>
  <si>
    <t>美国股市“奇迹”的启示</t>
  </si>
  <si>
    <t>虽然2011年还有16个交易日，但从目前的形势来看，中国A股市场再次“雄居”全球主要股市跌幅榜第一大有希望。上证指数从年初的2808余点跌到如今的2300点附近，跌幅就接近20%。而究其原因，受美债危机、欧债危机影响的世界经济形势不佳，是A股市场不济的重要原因之一。</t>
  </si>
  <si>
    <t>实施“千人计划”打造“东方硅谷”</t>
  </si>
  <si>
    <t>在全球金融危机的大背景下，当许多企业愁眉苦脸之际，无锡高新技术开发区的美新半导体(无锡)公司产品却供不应求。公司董事长兼CEO赵阳曾长期在美国从事电子前沿产品的研发设计，拥有26项专利。赵阳看准了传感器等“物联网”核心技术的广阔市场前景，看到中国经济高速增长市场</t>
  </si>
  <si>
    <t>降级警报不断  欧峰会成果遭广泛质疑</t>
  </si>
  <si>
    <t>被称为解决欧债危机“最后的希望”的欧盟峰会并没能让市场吞下一颗定心丸，国际三大评级机构再度拉响欧洲主权降级警报，全球市场应声而落，投资者质疑峰会成果乃远水不解近渴。美国时间12月12日，国际评级机构穆迪表示，欧盟峰会发表的声明没有宣布实质性的新措施?</t>
  </si>
  <si>
    <t>欧洲为什么要收“天空买路钱”</t>
  </si>
  <si>
    <t>2011年3月，欧盟宣布，从2012年1月1日起，将国际航空业纳入欧盟碳排放交易系统，届时，全球4000多家经营欧洲航线的航空公司均须为碳排放支付“买路钱”，仅中国民航业2012年将为此支付约8亿元人民币。欧盟此举遭到中国、美国、俄罗斯、印度、巴西、南非、日本等国的强烈反对?</t>
  </si>
  <si>
    <t>探索自己的碳交易之路</t>
  </si>
  <si>
    <t>“绿色金融”这个概念出现的比较早。早在上世纪70年代，前西德就设立了世界上第一家环境银行。上世纪80年代初，美国的“超级基金法案”就要求企业必须为其引起的环境污染负责。之后，英国、日本、欧盟等各国政府和国际组织在“绿色金融”方面进行了多种尝试和探索，其中2003?</t>
  </si>
  <si>
    <t>苹果落败IPAD商标权的启示</t>
  </si>
  <si>
    <t>近期，备受业界关注的IPAD商标权一案一审判决。深圳中级法院认为，原告美国苹果公司及IP申请发展有限公司(IPApplicationDevelopmentLim-ited，简称“IP公司”)主张的商标权归其所有不能成立。分析人士在得知一审判决后纷纷表示，预计苹果公司很快将上诉，否则将变成侵权，而?</t>
  </si>
  <si>
    <t>百余渔民今向康菲索赔4.9亿余元</t>
  </si>
  <si>
    <t>盈科律师事务所合伙人赵京慰律师12日向《经济参考报》记者披露，107位渔民将于13日向天津海事法院提起诉讼，要求渤海湾溢油事故的责任方康菲中国赔偿经济损失4.9亿余元。赵京慰透露，今年下半年以来，其律师团队分别向国家海洋局、农业部申请了政府信息公开，上述?</t>
  </si>
  <si>
    <t>美国楼市,中国的镜子</t>
  </si>
  <si>
    <t>政府出台的房产调控政策至今已两年，近期出现了量价齐跌的趋势，不少人认为房价的拐点来临了，而有些人则疑惑，房地产作为过去中国经济的支柱产业，它未来的发展空间还多大？在阶段性的调控之后，如果泡沫被挤掉了，中国未来应该走怎样的发展道路？事实上，房地产?</t>
  </si>
  <si>
    <t>欧洲打起了IMF的主意</t>
  </si>
  <si>
    <t>两年前希腊债务危机爆发，对于国际货币基金组织(IMF)是否介入，欧洲国家普遍持不大欢迎的态度。为什么不欢迎？当时的不少欧洲媒体就认为，IMF插手将是欧洲的“屈辱”，不仅暴露欧洲的无能，而且将使作为IMF股东的美国和中国得以介入危机。但欧盟却迟迟不伸出援手，</t>
  </si>
  <si>
    <t>2011年央视年度经济人物系列活动之全球财经论坛</t>
  </si>
  <si>
    <t>香港2011年8月30日由大公报承办的全球财经论坛在香港会议展览中心隆重举行。此次论坛以“人民币国际化”为主题；香港作为首站，其后在美国、英国、新加坡巡回举办。香港是亚洲最重要的的金融中心之一，它的经济国际化程度使香港在服务业，特别是金融服务</t>
  </si>
  <si>
    <t>企业如人  无信不立</t>
  </si>
  <si>
    <t>中国经济即将走过“内忧外患”的2011年。这一年，国际外部环境风云变幻，主要发达经济体尤其是美国复苏步履蹒跚，欧洲主权债务危机跌宕起伏，至今无解，世界经济衰退阴霾不散；这一年，中国经济的增长之路亦不平坦，经济增速放缓，中小微企业如履薄冰，经济转型、?</t>
  </si>
  <si>
    <t>度时势：沉着应对全球经济“慢时代”</t>
  </si>
  <si>
    <t>虽然本次欧盟峰会取得初步成果，但是短时期内欧洲经济难以好转，困扰西方国家的财政赤字与主权债务困局还将继续发酵。世界经济今后若干年只能勉强维持低速增长且时有波动，这将成为中国经济在明年面对的最大不确定性，也势必纳入国内政策制定者的视野之内。这样的?</t>
  </si>
  <si>
    <t>欧盟摸着石头过河</t>
  </si>
  <si>
    <t>欧盟冬季峰会已经落幕，会议结果基本符合外界先前的预期：全欧盟范围内修改条约，导致财政联盟的目标过高而未能实现，但在欧元区范围内另立新约，实现财政一体化的目标正有条不紊地进行着。不仅如此，全欧盟似乎已经达成共识：共有23个国家明确表示愿意加入新的协议，另外还?</t>
  </si>
  <si>
    <t>贸易摩擦现新局  四大趋势成焦点</t>
  </si>
  <si>
    <t>商务部数据显示，自加入世贸组织以来，中国累计遭受反倾销、反补贴、保障措施等国外贸易救济调查690余起，涉案金额约400亿美元。其中，来自美国的约100起，欧盟发起的有70余起。中国已连续16年(1995-2010年)成为全球遭遇反倾销调查最多的国家，连续5年(2006-2010年)成为全球?</t>
  </si>
  <si>
    <t>十年涅槃：银行业的博弈与突围</t>
  </si>
  <si>
    <t>三十年河东，三十年河西。而全球金融市场格局的改变，却在短短十年之内发生了。从2001年12月11日中国正式加入世贸组织，十年之内，中国银行业在全球金融版图中的地位有了颠覆性变化：十年前，中国银行业徘徊在技术性破产的边缘，十年后，全球市值十大银行中国有四?</t>
  </si>
  <si>
    <t>十年守望：农业的沧海桑田</t>
  </si>
  <si>
    <t>一吨吨南美大豆登上国际粮商的货船，目的地是中国沿海的油脂厂；一位黑龙江农民放弃长期种植的大豆而改种长粒粳稻，他已经和一家外资粮油加工企业签了订单农业合同——这是中国加入世贸组织后的两幅农业图景。入世十年，曾经最让人担忧的中国农业在开放中寻找机遇?</t>
  </si>
  <si>
    <t>欧洲央行须破解“最终贷款人”难题</t>
  </si>
  <si>
    <t>在一般情况下，中央银行都是一个经济体的“最终贷款人”(LenderofLastResort)。所谓“最终”，按照曾任《经济学家》主编的英国商人沃尔特·白芝浩(WalterBagehot)在19世纪所提出的理论，即在出现金融恐慌时，货币当局应向出现困难但具偿债能力的银行提供无限量的流动性，但可</t>
  </si>
  <si>
    <t>十年世贸,百年基业</t>
  </si>
  <si>
    <t>21世纪第一年，两个毫不相关的事件注定将左右其后十年乃至百年历史的走向：一个是911恐怖袭击事件，另一个是中国加入世界贸易组织。前者将美国这个冷战结束后处在巅峰状态的世界头号强国拖入了一个战争的“泥潭”；后者则将中国这个全世界人口最多的发展中大国带上了一条贸易</t>
  </si>
  <si>
    <t>入世十年话规则</t>
  </si>
  <si>
    <t>加入WTO这样一个国际组织，对许多国家来说是一件再寻常不过的事情。可对于中国来说则远非如此。这一方面是中国自身具有的巨大市场潜力，对许多国家来说充满诱惑；另一方面在于世界市场对中国更为开放，“中国制造”经过长期积累迸发出的潜在竞争力令各国担忧。利益之争是永恒</t>
  </si>
  <si>
    <t>欧佩克承诺保供应  沙特称愿增产</t>
  </si>
  <si>
    <t>受石油输出国组织(欧佩克)和沙特阿拉伯均表示愿意增产影响，再加上美国上周商业原油库存意外增加，国际油价7日回落。正在卡塔尔首都多哈参加第20届世界石油大会的欧佩克秘书长巴德里表示，该组织将尽力保证全球能源供应。据报道，巴德里指出，目前全球政治、经济形</t>
  </si>
  <si>
    <t>欧洲金融稳定工具评级前景不妙</t>
  </si>
  <si>
    <t>在欧盟峰会商讨解决欧洲债务危机的“最后关头”，评级机构标准普尔公司6日把欧洲临时救助机制——欧洲金融稳定工具(EFSF)列入“负面评级观察”名单。这是欧洲连续第二天遭到标准普尔的评级压力。欧洲央行理事会成员埃瓦尔德·诺沃特尼对此表示不满，称标普施压有“</t>
  </si>
  <si>
    <t>“圣诞购物季”能否助力美国经济</t>
  </si>
  <si>
    <t>感恩节的第二天又被称作“黑色星期五”，是美国每年传统购物旺季的起点，当天销售数据也被看作是美国民众消费水平的风向标。笔者在“黑色星期五”当天便见识了美国消费者疯狂“血拼”的壮观场景。感恩节当晚11点左右，在芝加哥西郊的一家奥特莱斯购物中心外，从高?</t>
  </si>
  <si>
    <t>“美国需求”利中国企业突围“双反”</t>
  </si>
  <si>
    <t>美国国际贸易委员会(ITC)针对中国晶体硅光伏电池“双反”调查的初裁认定，中国企业销往美国的晶体硅光伏电池及组件“给美国相关产业造成实质性损害”。然而，在美上市的中国光伏企业股价并未受到影响，近期表现抢眼。与此同时，不少市场人士表示，美国本土日益旺盛的需求将有</t>
  </si>
  <si>
    <t>取舍之间辟新天——科学发展的上海之路</t>
  </si>
  <si>
    <t>每当汽车驶上黄浦江上的卢浦大桥，许多司机依然会习惯性地放慢车速，鸟瞰江滨那片土地。那里，曾是举世瞩目的世博园。如今，她已翻开新的一页，正在变身成为集博物博览、文化创意、总部商务等于一体的功能区。从近百年前的“和兴钢铁厂”到世博盛会，再到逐步迈向?</t>
  </si>
  <si>
    <t>利润大  花样多  危害大</t>
  </si>
  <si>
    <t>南京海关徐六生、苏成森等缉私专家认为，不法分子为牟取暴利铤而走险，花样繁多，给社会带来了严重危害。走私冻鸡产品最高可获100%暴利长期以来，中国是美国肉鸡及鸡副产品的主要消费国之一，尤其因饮食习惯等因素影响，美国产鸡爪、鸡翅等鸡副产品绝大?</t>
  </si>
  <si>
    <t>中欧生态环保合作升温</t>
  </si>
  <si>
    <t>12月6日，中德生态园项目在青岛经济技术开发区正式奠基，这是中德两国政府在节能环保领域合作的第一个生态智能园区。这并不是唯一的中国与欧洲国家推动的生态园。商务部外资司副司长苏晶透露，目前商务部已经与八个欧洲国家签订了生态环保领域的合作项目，这八个国</t>
  </si>
  <si>
    <t>必和必拓谋划铁矿石交易平台</t>
  </si>
  <si>
    <t>必和必拓推进“铁矿石金融化”可谓煞费苦心。在推动铁矿石定价从长协转向指数定价后，必和必拓又开始在新加坡筹建新的铁矿石现货交易平台。《经济参考报》记者从一家钢厂权威人士处获悉，必和必拓近期频繁游说国内各大钢厂加入这一交易平台。这一平台名为环球铁矿?</t>
  </si>
  <si>
    <t>华尔街静候欧盟峰会</t>
  </si>
  <si>
    <t>当下的金融市场非常健忘。不管是经济数据，还是国际会议，还是救市行动，对于市场来说都像微石入水，即使激起波澜，也很快就会平复。正如上周三，西方六大央行联合行动，大手笔向信贷市场输入美元流动性支持，美股立即狂飙4%，形势似乎一片大好。但如此涨势却一如?</t>
  </si>
  <si>
    <t>让慈善成为阳光下的事业</t>
  </si>
  <si>
    <t>与拥有慈善传统和严谨制度的欧美等发达国家相比，我国的慈善事业才刚刚起步。他山之石，可以攻玉。美国推崇市场竞争，政府所提供的社会福利相对不足，于是慈善事业承担起扶贫积弱的职责，慈善捐赠数额巨大，慈善组织成熟严谨，慈善制度透明高效，慈善理念深入人心，成为全球?</t>
  </si>
  <si>
    <t>腐乳,纳豆,或与吐司共存</t>
  </si>
  <si>
    <t>在各式面包果酱旁放着只有日本人才喜欢吃的纳豆，是亚太经合组织(APEC)夏威夷峰会期间美国总统奥巴马下榻的希尔顿酒店自助早餐厅的一角。中国人钟爱的腐乳也会出现在这个桌上吗？估计只是时间问题。中美日三个亚太国家之间纵有大洋相隔，其实在经济和人员往来上犹?</t>
  </si>
  <si>
    <t>劳工成本过高压垮美国航空</t>
  </si>
  <si>
    <t>美国第三大航空公司美国航空近日申请破产保护，引发业界震动。A m erican A irlinesused to bill itself as“som ething special in theair，”and itw as.B utitw asdisastrously behind on onething——— recognizing that itsfinancesw ereunsustainable.?</t>
  </si>
  <si>
    <t>智能手机价如坐“滑滑梯”</t>
  </si>
  <si>
    <t>美国市场调研机构StrategyAnalytics近日发布的一份报告显示，今年第三季度中国智能手机出货量首次超过美国，暂居全球首席。业内认为，随着智能手机不断推陈出新，加上运营商补贴政策，国内智能手机市场价格正步入全面下调期，同时中低端市场也呈现出更趋白热化的竞</t>
  </si>
  <si>
    <t>亚洲面板战略云电视时代或失效</t>
  </si>
  <si>
    <t>当前全球彩电业正掀起一股云热潮：今年以来中国彩电企业扎堆推出云电视，日韩彩电厂商在进军O LED面板的同时也推出了智能电视产品，美国IT巨头苹果、谷歌也将推出智能电视。可以想见的是，在云电视时代，单纯硬件制造商或供应商的产业位置将不断被削弱，软件、芯片及操作系统</t>
  </si>
  <si>
    <t>合同纠纷何以演变成知识产权诉讼</t>
  </si>
  <si>
    <t>美国超导与华锐风电的纠纷正在不断发酵升温。11月23日，由海南省第一中级人民法院审理的美国超导全资子公司苏州美恩超导诉大连国通电气和华能海南发电公司计算机软件著作权侵权一案出现新变故：据知情者透露，美国超导被指存在从华能海南公司文昌风电厂第29号机组?</t>
  </si>
  <si>
    <t>“德国方案”能否救欧债</t>
  </si>
  <si>
    <t>至少，欧洲领导人终于达成了一个共识，即“欧元到了最危险的时刻”。如果说这个说法之前还有夸张之嫌，现在由于德国长期国债发行不畅且利率首超英美同类债券，证明欧债危机已经殃及欧元区核心国家，且坐实了“狼真的来了”的说法。前几日，法国总统萨科齐和德国总?</t>
  </si>
  <si>
    <t>江南春：一夜蒸发十余亿  浑水恶战多凶险</t>
  </si>
  <si>
    <t>“中国概念股”(下称“中概股”)自今年以来屡遭浑水猎杀。这一次，江南春的分众传媒沦为了猎杀目标。上周，一份来自美国做空机构浑水(MuddyWaters)的做空报告，让分众传媒的股价一夜缩水近四成，约14亿美元的市值一天之内灰飞烟灭。22日凌晨的微博上，作为分众传媒的CEO，江?</t>
  </si>
  <si>
    <t>农业科技化成为发展着力点</t>
  </si>
  <si>
    <t>除了农业板块最为看好的种业子板块以外，凡是与农业科技化相关的上市公司也为众多券商看好，因为当前农业科技化已经成为了中央推动农业发展政策的着力点。据中原证券发布的报告介绍：对比农业科技转化率与农业产出增长科技贡献率，美国85%、80%的数据远远领先于中?</t>
  </si>
  <si>
    <t>孙强：让我们的投资来说话</t>
  </si>
  <si>
    <t>作为一家成立70多年、从事私募投资业务40多年，进入中国也已经超过15年的全球顶级的投资集团，华平投资集团却一贯低调。用华平亚洲有限公司董事总经理孙强的话说，“我们一直保持低调的风格，因为我们觉得最好让事实说话，让我们自己做的投资来说话。”PE要老实做?</t>
  </si>
  <si>
    <t>全球六大央行联袂出手“宽松牌”</t>
  </si>
  <si>
    <t>继美国联邦储备委员会宣布与5大央行联合行动后，11月30日巴西也将基准利率由11.5%下调至11%，之前中国和泰国分别“闪电”下调存款准备金率和利率。分析认为，这显示全球正齐打“宽松牌”应对欧债危机持续发酵、经济外溢风险加剧影响。不过，全球央行齐迈宽松步伐能</t>
  </si>
  <si>
    <t>黑石和贝恩或联合收购雅虎全部股权</t>
  </si>
  <si>
    <t>据外媒援引消息人士的话报道，黑石集团(BlackstoneGroup)和贝恩投资公司(BainCapital)将牵头组成财团出价收购美国雅虎公司的全部股权，对雅虎的估值可能超过每股20美元。中国的阿里巴巴集团(AlibabaGroup)和日本的软银股份有限公司(SoftbankCorp.)也可能参与这一财团，这两家</t>
  </si>
  <si>
    <t>中美新能源贸易鏖战刚启幕</t>
  </si>
  <si>
    <t>延续了金融危机以来美国贸易保护主义的倾向，美国商务部这次将矛头直指中国新能源领域，而作为对美国“双反”调查的反击，我国商务部正式决定对美国可再生能源扶持政策及补贴措施启动贸易壁垒调查，这标志着中美之间在新能源领域的鏖战已然启幕。近一段时期以来，?</t>
  </si>
  <si>
    <t>有效控制煤炭消费势在必行</t>
  </si>
  <si>
    <t>德班气候变化谈判进入第二天，既见不到舌枪唇剑的交锋，也没见到硝烟四起的争论。各种会议依旧是旧话重提。在这种平静之下，各方立场纹丝不动。绿色和平和美国SierraC lub环保组织举办了关于如何控制煤炭消费的会。有多名来自煤炭消费大国的代表介绍了中国、印度、美国和南非</t>
  </si>
  <si>
    <t>浑水棒打分众  机构获利或超6000万美元</t>
  </si>
  <si>
    <t>美国当地时间11月29日，分众传媒(以下简称“分众”)针对做空机构浑水的第二份质疑报告做出回应，再度驳斥浑水公司。浑水在11月29日发布针对分众的第二份质疑报告，称分众依然高估其LCD屏幕数。对此，分众回应称公司公布的楼宇网络设备总数完全正确，并给出了各类设备的具体数</t>
  </si>
  <si>
    <t>应对欧债危机  美国为欧盟支虚招</t>
  </si>
  <si>
    <t>美国总统奥巴马与欧洲理事会主席范龙佩和欧盟委员会主席巴罗佐28日在白宫举行年度峰会。面对愈演愈烈的欧元区债务危机及其对美国和全球经济的拖累风险，他们承诺加强大西洋两岸经贸合作，携手重振经济、创造就业并确保金融稳定。然而，奥巴马没有拿出向欧元区施以援手的具体?</t>
  </si>
  <si>
    <t>德国在下一盘很大的棋</t>
  </si>
  <si>
    <t>欧债危机后，德国政府的应对之策备受批评。在笔者看来，德国也在权衡利弊，意图借助危机带来的改革契机，下一盘很大的棋。这盘棋的最高目标，就是革除欧洲进一步整合的障碍，掌控部分国家财政权，打造欧元区财政联盟，向更紧密的“欧罗巴合众国”迈进。$</t>
  </si>
  <si>
    <t>全球碳交易模式已到生死关头</t>
  </si>
  <si>
    <t>联合国气候变化框架公约第十七次缔约方大会(德班会议)28日召开。担任过国家发改委CDM项目审核理事会专家的唐人虎等多位人士当天向《经济参考报》记者指出，随着当前中国出口的碳价格跌至历史低点，碳交易市场低谷期还将持续数年，全球碳交易现有模式已到生死关头；《京都议定</t>
  </si>
  <si>
    <t>中投“中意”海外基础设施项目</t>
  </si>
  <si>
    <t>海外基础设施项目或成为中国的主权财富基金未来的投资热点。中国投资有限责任公司董事长楼继伟27日在英国《金融时报》撰文表示，中投有兴趣从英国开始，投资于发达国家的基础设施。“促进强劲和平衡的增长的核心在于创造需求，不仅发展中国家需要这么做，更重要的?</t>
  </si>
  <si>
    <t>应对欧债危机全球进入“战备”状态</t>
  </si>
  <si>
    <t>一切似乎在向更加糟糕的方向发展。近日，葡萄牙、比利时、匈牙利频现降级潮，欧元/美元基准掉期利率出现严重恶化，意大利3年期国债利率再次冲破8%的历史红线，法国、比利时和西班牙三国5年期国债CDS费率创下记录新高，就连一向被视为无风险资产的德国国债险遭流拍风险，欧债?</t>
  </si>
  <si>
    <t>联合国气候大会：德班求解“老难题”</t>
  </si>
  <si>
    <t>28日，《联合国气候变化框架公约》(简称《公约》)第17次缔约方会议暨《京都议定书》(简称《议定书》)第7次缔约方会议将在南非海滨城市德班开幕。每年一度的联合国气候变化高级别谈判多少已成“例行公事”，但是今年的德班大会却具有特殊意义，引起国际社会关注。原</t>
  </si>
  <si>
    <t>美国寇驰店里的中文导购声</t>
  </si>
  <si>
    <t>“需要买什么包吗？我可以告诉你价格。”这是美国感恩节购物旺季在弗吉尼亚州一家奥特莱斯寇驰店里传来的中文导购声。在美国奥特莱斯店里见到拿着长长的购物单、握着厚厚的钱包、操着各色方言“血拼”的中国人扎堆付款已经不是什么稀奇事了，寇驰店和众商家把购物?</t>
  </si>
  <si>
    <t>自贸区急扩推动贸易规则重构</t>
  </si>
  <si>
    <t>最近一段时间，自由贸易协定(FTA)浪潮再起，仅上周就有墨西哥与中美洲五国、韩国与美国两项自贸协定达成，与此同时，美国正高调推销“跨太平洋战略经济伙伴关系协定”(TPP)。在这样的背景下，自贸区“对内开放，对外限制”的效应会使中国的对外贸易和吸收外资受到一定影响。$</t>
  </si>
  <si>
    <t>美欧华盛顿峰会焦点还是欧债</t>
  </si>
  <si>
    <t>28日，美国与欧盟峰会在华盛顿举行，美国总统奥巴马将与欧洲理事会主席范龙佩、欧盟委员会主席巴罗佐以及欧盟外交事务与安全政策高级代表凯瑟琳·阿什顿展开磋商。应对欧债危机、保持欧洲以及全球经济增长无疑成为本次会议焦点。范龙佩在25日发表的一份声明中称，?</t>
  </si>
  <si>
    <t>美国圣诞购物季迎来开门红</t>
  </si>
  <si>
    <t>海外媒体26日纷纷用“销售强劲”这一久违且给力的词语，形容25日遍及全美的购物盛况。美国零售调查公司ShopperTrak的统计数据显示，今年“黑色星期五”(感恩节后的第一个星期五)中，美国消费者在零售店和购物中心共花费114亿美元，同比增长6.6%，为2007年以来最高?</t>
  </si>
  <si>
    <t>电力企业为何对新排放标准叫苦连天</t>
  </si>
  <si>
    <t>近日，由中国电力企业联合会和美国环保协会共同编著完成的《中国电力减排研究2011》(以下简称“《研究》”)在京发布。《研究》显示，“十一五”期间，我国电力行业节能减排成绩显著，累计减排二氧化碳约17.4亿吨。尽管成绩斐然，但参加《研究》发布会的电力企业却纷纷叫苦。$</t>
  </si>
  <si>
    <t>高招还是昏招？</t>
  </si>
  <si>
    <t>编者按：从本周起，本报新增专栏“大海看欧盟”，由本报驻布鲁塞尔记者崇大海主笔，隔周一期，敬请关注。为了应对债务危机的蔓延与升级，欧盟可谓想尽了办法。然而我们却看到一个有趣的现象：就在10月27日欧盟公布了对希腊债务减记后，意大利、西班牙等国的国债收?</t>
  </si>
  <si>
    <t>光明乳业“闪婚”后价格“闪涨” 被指疑似转嫁成本</t>
  </si>
  <si>
    <t>11月22日，光明乳业收购的新西兰信联公司2号工厂竣工投产，但这起被光明乳业总裁郭本恒称为“闪婚”的海外并购似乎没有给消费者带来多少喜悦。因为从12月起，华东地区光明乳业旗下十几款“送奶到户”的产品将平均上涨3%。这是自今年2月以来光明乳业第二次上调产品价格，同时?</t>
  </si>
  <si>
    <t>韩国红参之旅</t>
  </si>
  <si>
    <t>说起韩国，不知大家最先想到的是什么，是泡菜、化妆品、电子产品还是潮流服饰？而最先浮上我脑海的，却是著名的高丽参。世界最大的人参产地是我国吉林省，但吉林全省出产的人参在国际市场的产值份额不足4%，而总产量仅为吉林人参30%的韩国高丽参，总产值却为吉林人</t>
  </si>
  <si>
    <t>日本为何要建综合交易所集团</t>
  </si>
  <si>
    <t>东京证券交易所与大阪证券交易所22日正式宣布，从2013年1月起两家交易所合并，成立日本交易所集团。两大证券交易合并后，上市企业市值总额按今年9月末的统计为280万亿日元，约为3.7万亿美元，规模世界第二，超过美国纳斯达克OMX集团，仅次于经营纽约证券交易所的纽约泛欧交易</t>
  </si>
  <si>
    <t>手机缺陷重挫黑莓股价</t>
  </si>
  <si>
    <t>黑莓手机生产商加拿大RIM公司21日承认，由于软件缺陷导致部分用户手机在充电后无法开机。受此影响，公司股价重挫至7年以来最低点。黑莓手机近来负面消息不断。继死机及短信接收延迟问题频现后，黑莓手机再爆开机故障问题。部分客户反映其BlackBerryBold机型在充电?</t>
  </si>
  <si>
    <t>美零售商“圣诞难快乐”</t>
  </si>
  <si>
    <t>11月26日是美国感恩节过后的“黑色星期五”，这一天将为今年圣诞购物季拉开序幕。美国各大零售商已在如火如荼的备战购物季，然而依然不见起色的美国经济、居高不下的失业率令过去几年来一直“囊中羞涩”的美国消费者的状况并未出现太大改变，热情洋溢的商家或许将经历又一个?</t>
  </si>
  <si>
    <t>雪佛龙遭巴西重罚  被指瞒报漏油信息</t>
  </si>
  <si>
    <t>由于美国石油巨头雪佛龙公司在巴西海域的油井发生原油泄漏事故，巴西环境与可再生自然资源协会21日决定对其处以5000万雷亚尔(约合2750万美元)的罚金。巴西能源部门同时指责这家石油业巨头隐瞒信息，缺乏应对类似事故的设备，清理作业迟缓。上述消息由里约州环保局?</t>
  </si>
  <si>
    <t>为建筑疗伤的大师</t>
  </si>
  <si>
    <t>今年9月11日晚，象征美国纽约世贸中心双塔大厦的灯柱在世贸遗址附近亮起，巨大的光柱直指天际。那座坐落于原世贸中心双子塔旧址的新建筑物的名字叫“自由塔”。这座建筑物两年后建成时将高达1776英尺，这正好与美国建国的年份1776年相吻合。它不仅将是纽约最高的摩</t>
  </si>
  <si>
    <t>三大评级机构暂不下调美债评级</t>
  </si>
  <si>
    <t>美国国会削减赤字特别委员会(“超级委员会”)领导人21日宣布，民主与共和两党代表未能在规定期限内就削减赤字问题达成协议，表明该委员会自今年8月份成立以来的减赤努力以失败告终。但三大国际评级机构均表示维持目前美国主权信用评级。“超级委员会”民主党参议员</t>
  </si>
  <si>
    <t>“愤怒的小鸟”成功吸金羡煞中国企业</t>
  </si>
  <si>
    <t>在移动互联网时代，游戏随着手机终端的普及而迅速成为用户热衷的娱乐方式。其中融创新和益智为一体的游戏“愤怒的小鸟”，经芬兰开发商R ovio公司推出一年多来获得了0.85亿美元收入。国内部分互联网企业负责人认为，这款游戏虽是成功个案，但对我国游戏产业发展具有启示意义?</t>
  </si>
  <si>
    <t>日企面板整合恐难产生叠加效应</t>
  </si>
  <si>
    <t>索尼、东芝、日立整合旗下的中小型液晶面板业务，被认为是日本面板行业谋求规模经济提升全球竞争力的重要战略，随之而来的将是全球面板业在新型平板显示技术(O L E D )领域的新一轮产业技术竞赛，中国面板企业虽然短期受影响有限，但波及效应依然不小。日企整合中?</t>
  </si>
  <si>
    <t>欧债危机令英国经济元气大伤</t>
  </si>
  <si>
    <t>近日，英国央行再降今明两年经济增长预期至1%左右，而在今年年初时，英国政府曾预计今明两年经济将分别增长1.7%和2.5%。当天的新闻发布会上，英国央行行长默文·金一边宣布这则意料之内的消息，一边把矛头指向欧元区主权债务危机。不得不说，欧债危机之?</t>
  </si>
  <si>
    <t>标普将更新世界前30大银行信用评级</t>
  </si>
  <si>
    <t>据外媒报道，国际评级机构标准普尔公司计划最早于3周内更新世界前30大银行的信用评级，其间可能下调其中部分银行的信用评级。在欧洲债务危机令市场不断波动之际，此举或将惊扰全球债券市场。据路透社报道，信贷观察公司(C reditSights)分析师贝勒·兰卡斯特表示，?</t>
  </si>
  <si>
    <t>人民币定价权该由谁说了算？</t>
  </si>
  <si>
    <t>美国《2011年货币汇率监督改革法案》、IMF“人民币低估论”、巴西把汇率战的战火烧到WTO……近段时间，围绕人民币汇率问题再次成为各方博弈的主战场。汇率本来是一国货币主权问题，却成为被攻击的对象，我们要问的是，人民币汇率到底有没有低估？人民币定价权究竟该由谁说了?</t>
  </si>
  <si>
    <t>经济寒风中的美国年轻一代</t>
  </si>
  <si>
    <t>斯蒂芬妮·凯莉2009年毕业于美国佛罗里达大学，按照所学专业，她想在广告业找份工作，却四处碰壁，最后找了两份与专业无关的兼职工作：在佛罗里达自然历史博物馆做秘书和给一家网站撰稿。像凯莉这样的年轻人在美国还有不少。他们刚出校门就遭遇经济困境，就业形势?</t>
  </si>
  <si>
    <t>从奥巴马访澳看微妙的美澳关系</t>
  </si>
  <si>
    <t>硕大无朋的空军一号，豪华厚重的凯迪拉克座驾，戒备森严的机场和街道，长篇累牍的媒体播报……这一切，都在提醒澳大利亚人，美国总统奥巴马来了。奥巴马在16日举行的新闻发布会上表示，美澳应当致力于促进地区经济合作，为各自国家创造更多就业，努力推进“跨太平?</t>
  </si>
  <si>
    <t>漫步哥本哈根“走街”</t>
  </si>
  <si>
    <t>世界上有些街道注定是用来步行的，“童话之都”丹麦首都哥本哈根市中心的“走街”就是这样的一条街道。全长1081米的“走街”可以说是世界上最长和最繁忙的商业和文化步行街。“走街”的一端从哥本哈根市政厅广场开始，另一端连接着国王新广场。街道两旁历史建筑和?</t>
  </si>
  <si>
    <t>设计英式生活的大师——格兰奇</t>
  </si>
  <si>
    <t>肯尼思·格兰奇可能是英国最无所不在却又不为人知的设计师。从门把手、剃须刀、电熨斗到邮箱、出租车、城际列车……格兰奇的作品随处可见，是英伦风情不可割舍的一部分，见证着英国工业生产的兴盛衰落。使用的乐趣格兰奇在20世纪60年代迎来事业高峰，始?</t>
  </si>
  <si>
    <t>美国会借口“国家安全”调查华为</t>
  </si>
  <si>
    <t>据外媒17日报道，美国国会将对华为等中国电信企业在美扩张业务是否给美国国家安全带来潜在威胁一事展开调查。报道称，密歇根州共和党众议员、情报委员会主席罗杰斯(M ikeR ogers)对外介绍，美国相关部门严重关切华为公司，可能还有中兴以及其他基础设施公司给美国?</t>
  </si>
  <si>
    <t>美国的危机感和美国的现实危机</t>
  </si>
  <si>
    <t>近60多年来，关于美国是否已经或开始衰落有过多次争论，事实如何，可以商榷。但有一点是具有启发性的，即美国自建国以来特别是成为超级大国后，仍经常保持忧患意识甚至危机感。正是这种忧患意识，推动美国不断改革和创新，化解了一次又一次可能的危机，迄今仍保持着超级大国?</t>
  </si>
  <si>
    <t>欧债危机将法国拖下水</t>
  </si>
  <si>
    <t>希腊和意大利债务危机终于将法国等欧元区核心国拖下了水，法国10年期国债收益率创下欧元问世以来最高纪录，而不断上升的借贷成本令投资者质疑法国A A A评级已名存实亡。核心国借贷成本飙升15日，法国国债与德国国债之间的利差触及1999年欧元面世以来的最</t>
  </si>
  <si>
    <t>美国会欲冻结“两房”高管薪资补偿</t>
  </si>
  <si>
    <t>美国国会众议院金融服务委员会15日经过程序性投票通过一项法案，寻求冻结美国两大房贷机构———房利美和房地美高管的高额薪资补偿。美众议院金融服务委员会当天以52票对4票的结果，同意将这项法案提交进入众议院下一步表决程序。该法案要求冻结政府对“两房”高管</t>
  </si>
  <si>
    <t>9月中国小幅增持美债113亿美元</t>
  </si>
  <si>
    <t>根据美国财政部北京时间11月16日晚间发布的数据，9月份中国持有美国国债11483亿美元，较8月份的11370亿美元增持113亿美元。回顾以往，8月间， 我 国 大 幅 减 持 美 国 国 债365亿美元，结束了此前连续4个月的增持。自2010年6月达到11112亿美元规模以来，中国持有?</t>
  </si>
  <si>
    <t>穆迪：欧盟新监管提案削弱投资者信心</t>
  </si>
  <si>
    <t>欧盟委员会负责内部市场与服务的委员米歇尔·巴尼耶15日提出旨在加强评级机构监管的提案。但是迫于外界压力，“授权欧盟机构在特殊条件下暂停对受援国家主权信用评级”的条款未能加入其中。虽然提案比原有计划有所缓和，但国际信用评级机构仍然强烈反对。“这些机?</t>
  </si>
  <si>
    <t>中国税负痛苦感的真与伪</t>
  </si>
  <si>
    <t>日前一篇“财政部驳我国税负痛苦世界第二”的报道，再一次在税收理论界乃至普通百姓当中掀起一场关于中国税负高低的争辩。《福布斯》杂志从2005年开始每两年进行一次全球税收痛苦指数排名，中国两次被排在第二位，成为在税收方面仅次于法国的最“痛苦”国家。?</t>
  </si>
  <si>
    <t>毕节：极贫地区的发展奇迹</t>
  </si>
  <si>
    <t>贵州省毕节地区，地处黔滇川三省交界的乌蒙山区，古有“鸡鸣三省”之称。历史上，毕节地区是全国出了名的穷地方。向前回溯20多年，这里一度是我国西南贫困带的核心区域，甚至被联合国有关机构确定为不适宜人类居住的地区之一。面对经济贫困、生态恶化、人口膨胀三?</t>
  </si>
  <si>
    <t>美国经济真的走向衰弱了吗</t>
  </si>
  <si>
    <t>假如美元的红利期还剩下十年，如果美国不能引领下一场经济与技术革命，如果美国不改变寅吃卯粮的国家生活方式，如果来自主要经济体的竞争挤压强度日趋加大，则美国经济走向衰落是必然的。对于谋求连任的奥巴马来说，看起来糟糕的经济基本面与不断发酵的民众情绪化?</t>
  </si>
  <si>
    <t>南安电力助推侨乡跨越发展</t>
  </si>
  <si>
    <t>南安，与台湾、金门隔海相望，“海上丝绸之路”的起点，民族英雄郑成功的故乡，海外侨胞和港澳台同胞300多万人的全国著名侨乡，全国县域经济基本竞争力百强。如今的侨乡南安正如一只直上云霄的玄鸟，在海峡西岸经济建设的大潮中展翅翱翔。是什么动力让这座著名的侨乡在经济发</t>
  </si>
  <si>
    <t>新“关键先生”蒙蒂能否兑现改革承诺</t>
  </si>
  <si>
    <t>欧债危机中流传一种说法：在台前奔忙的是德国总理默克尔“校长”和法国总统萨科齐“教授”，但最受瞩目的“关键先生”则是“问题学生”意大利总理贝卢斯科尼。现在，“问题学生”终于辍学了，但问题却留给了新的“关键先生”———著名经济学家蒙蒂。现在最严重的?</t>
  </si>
  <si>
    <t>美国欲借TPP撬动亚太新变局</t>
  </si>
  <si>
    <t>随着夏威夷A PEC会议的召开，美国力推的TPP(即跨太平洋战略经济伙伴关系协定)引起亚洲乃至全球的广泛关注。在全球经济风雨飘摇、美国经济困顿乏力以及全球增长重心“东移”的大背景下，力推TPP既反映了全球经济贸易格局力量对比的变化，也凸显了美国试图以TPP为杠?</t>
  </si>
  <si>
    <t>意众院通过财政紧缩法案</t>
  </si>
  <si>
    <t>意大利众议院12日以380票赞成、26票反对、2票弃权的结果通过了旨在稳定国内财政状况的紧缩法案。意大利参议院已经于11日通过了该法案。意大利总理贝卢斯科尼同日正式辞职，总统乔治·纳波利塔诺定于13日召集各政党商定新总理人选，尽快搭建过渡政府，以推动执行财?</t>
  </si>
  <si>
    <t>欧元不可承受之痛</t>
  </si>
  <si>
    <t>意大利10年期国债收益率突破7%，导致全球金融市场对欧债危机恐慌加剧。面对困境，德国和法国开始谈论欧元退出机制，建立“核心欧元区”。虽说退一步海阔天空，但欧元区能否后退，并非说说那么简单。欧元区若缩水，恐怕先要解决几大问题。其一，欧元区能?</t>
  </si>
  <si>
    <t>实习生不等于廉价劳动力</t>
  </si>
  <si>
    <t>一些企业把实习生当廉价甚至免费劳动力，而实习生碍于求职压力等原因往往敢怒不敢言。英国作家塔尼娅·德格伦沃尔德看不惯企业剥削实习生，创建网站指导大学生就业，帮助实习生维权。　　　　曝光黑雇主　　　　德格伦沃尔德自费创建网站“毕业迷雾”(Grad-uateFog)，发?</t>
  </si>
  <si>
    <t>意大利危机或催生欧元区分家</t>
  </si>
  <si>
    <t>由于意大利国债收益率飙升突破7%纾困临界点，造成全球股市大跌。意大利作为欧洲第三大经济体，不仅大到不能倒，也大到很难救。如今，欧洲恐将面临抉择，被迫在要求欧洲央行扩大收购债券或欧元区可能分崩离析之间二选一。危机压顶下，分析人士预计欧盟地区将进一步“放下身段?</t>
  </si>
  <si>
    <t>法国的时尚经</t>
  </si>
  <si>
    <t>法国的时尚产业涉及服装、皮具、香水、化妆品、珠宝等方方面面，基本涵盖了人们穿衣打扮和身体护理的所有相关产业。据统计，法国时尚产业的就业人口为16万多，创造的价值占法国制造业的5%。　　　　在法国，有近8%的公司涉及时尚与奢侈品领域，整个产业包括1500多家公司。?</t>
  </si>
  <si>
    <t>奥林巴斯赔掉了什么</t>
  </si>
  <si>
    <t>日本各大报纸9日均把精密器械巨擘奥林巴斯掩盖亏空的不当行为当作头条新闻，还用几个版的篇幅进行大幅报道，日本发行量最大的报纸《读卖新闻》也不例外。此事在日本社会的反响由此可见一斑。　　　　根据日本媒体的报道，事情的来龙去脉大致是这样。上世纪90年代，日本处于</t>
  </si>
  <si>
    <t>提高通货膨胀容忍度  加强货币政策审慎性</t>
  </si>
  <si>
    <t>2011年开始至今，中国经济增长由政策刺激开始向自主增长有序过渡，国内通货膨胀由累积释放转呈缓解迹象，中国宏观经济运行继续朝宏观调控的预期方向发展。但是，由于美国和欧盟的债务危机，发达经济体的预期复苏呈现曲折，国际经济对中国经济的影响也呈现隐忧。　　　　正?</t>
  </si>
  <si>
    <t>台湾向大陆游客力推观光医疗</t>
  </si>
  <si>
    <t>饱览宝岛山水风光、体验风情民俗之外，“健康美丽游”日渐成为大陆居民赴台旅游的新选择。2011年台湾卫生主管部门、观光部门等全面推出台湾观光医疗旅行，力推到台湾健康检查、看病美容。　　　　据统计，台湾目前共有514家医院，医师37000多人，参加推广观光医疗的医疗院?</t>
  </si>
  <si>
    <t>宽带垄断瓶颈致中国企业成本高4倍</t>
  </si>
  <si>
    <t>对电信巨头的反垄断调查，固然让人欣喜，但要缩短中国与美国等国家宽带发展上的差距，则必然要从宽带政策上进行重大调整，否则只能是“头疼医头、脚痛医脚”，治标不治本。　　　　UC优视董事长兼首席执行官俞永福10月21日发布《2011年第三季度移动互联网报告》说，当前移?</t>
  </si>
  <si>
    <t>美正式发起对我清洁能源首次“双反”调查</t>
  </si>
  <si>
    <t>美国最终还是决定把贸易保护的“大棒”挥向中国清洁能源领域。中国商务部网站10日消息，美国商务部已经正式对中国输美太阳能电池(板)发起反倾销和反补贴调查，这是美方首次针对中国清洁能源产品发起“双反”调查。　　　　“美国在全球倡导的清洁能源领域主动挑起贸易摩擦?</t>
  </si>
  <si>
    <t>欧债局势动荡商品弱势分化</t>
  </si>
  <si>
    <t>自G20峰会之后，希腊和意大利的债务危机就开始逐步演变为政治危机。然而危机国领导人的卸任并不意味着危机就此消失，在临近债务违约的前夕，政局不稳反而有可能增加危机国纾困的难度。笔者认为，近期欧债危机面临的不确定因素不断增加，对商品价格将形成明显抑制。</t>
  </si>
  <si>
    <t>韩国“汉江奇迹”的失落与再生</t>
  </si>
  <si>
    <t>韩国自20世纪60年代推行“出口主导型”经济发展战略以来，诞生出“三星”、“现代”、“大宇”、LG、SK、“乐天”等数十家土生土长、规模庞大的世界级企业集团，创造了“汉江奇迹”。然而，经历1997年亚洲金融危机、2008年全球金融危机后，这种大企业模式受到程度不同冲击，?</t>
  </si>
  <si>
    <t>意大利国债收益率亮红灯</t>
  </si>
  <si>
    <t>距希腊总理帕潘德里欧同意下台仅两天后，意大利总理西尔维奥·贝卢斯科尼8日宣布，将在意大利议会通过欧洲联盟要求的经济改革方案后辞职，从而成为又一位被欧债危机拖垮的政府领导人。　　　　意大利议会众议院8日以308票赞成、1票弃权的结果通过2010年度政府财政报告。由?</t>
  </si>
  <si>
    <t>“内幕人资本主义”和“摸不着头脑一代”</t>
  </si>
  <si>
    <t>对于美国的“占领华尔街”运动，各路学者都有不同解读，其中新词迭出，意涵不一，譬如“内幕人资本主义”和“摸不着头脑一代”。如果前者指斥的是美国存在制度性漏洞，后者则更显现了美国中产阶级对该运动的不理解。　　　　先讲内幕人资本主义(aninsiderformofcapital-ism</t>
  </si>
  <si>
    <t>“两房”巨亏  向美财政部求援138亿美元</t>
  </si>
  <si>
    <t>继房地美之后，美国另一住房抵押贷款巨头房利美8日表示，也将继续向美国财政部求援。统计显示，本次“两房”将共需“输血”138亿美元。　　　　房利美8日公布的财报显示，今年第三季度净亏损51亿美元，比上一季度增加75.9%。截至今年9月30日，房利美净赤字为78亿美元。房利</t>
  </si>
  <si>
    <t>是否加入TPP搅动日本</t>
  </si>
  <si>
    <t>在有着日本经济心脏之称的东京大手町，日本最大工商团体经济团体联合会(经团联)与最大农业团体全国农协总会比邻而居。然而，围绕日本是否加入美国主导的“跨太平洋战略经济伙伴关系协定”(TPP)，经团联和农协这两个“邻居”已势成水火。　　　　以经团联为首的工商产业界极</t>
  </si>
  <si>
    <t>中国实现现代化的唯一道路就是公平</t>
  </si>
  <si>
    <t>刚刚拿到《中国，你要警惕》，最吸引我的是此书作者黄树东先生的身份。黄先生是名旅美华人，现担任美国某顶级银行的高管。　　　　按照常理，作者应该更多地站在华尔街银行家的角度看待和分析当今中国和世界的问题。但是，整本书读下来，会发现黄先生的基本观点与市场原教?</t>
  </si>
  <si>
    <t>德国制造如何立足于金融危机</t>
  </si>
  <si>
    <t>全球金融危机之后几乎所有的发达国家经济都萎靡不振，目前更是忧虑是否会出现二次探底，但有一个国家却是例外，那就是德国。德国不但失业率低，而且经济增长迅速，这样好的账单都是制造业强劲出口带来的。德国制造业出口贡献了国家经济增长的2/3，拉动人均GDP的速度比其他任?</t>
  </si>
  <si>
    <t>奥林巴斯承认掩盖巨额投资亏空</t>
  </si>
  <si>
    <t>日本奥林巴斯光学工业公司8日午间召开记者会，承认公司曾利用收购其他公司来掩盖证券投资巨额亏空的事实，并于当天解雇了一名参与掩盖亏空的副社长。这与之前奥林巴斯一直坚称其收购案不违法的态度形成鲜明对比。　　　　受此消息影响，奥林巴斯股票8日大跌将近30%，创下16</t>
  </si>
  <si>
    <t>美国经济具备企稳的条件和实力</t>
  </si>
  <si>
    <t>秋尽冬来，美欧主权债务危机仍阴霾重重，美国经济前景堪忧。由中国美国经济学会主办，河北大学经济学院、北京师范大学经济与工商管理学院承办的“2011年美国经济学会学术研讨会”日前在河北大学召开。来自新华社、中国社会科学院、北京大学、清华大学、南开大学、复旦大学、?</t>
  </si>
  <si>
    <t>中美跨境审计监管谈判陷入泥潭</t>
  </si>
  <si>
    <t>知情人士告诉《经济参考报》记者，自美国证交会(SEC)绕过中国证监会下令德勤(中国)向其提交关于陷入会计丑闻的一家中国公司(东南融通)的客户资料后，中美两国的跨境审计监管谈判目前已经陷入了泥潭。　　　　美国公众公司会计监督委员会(PCAOB)主席詹姆斯·多蒂(JamesDoty)</t>
  </si>
  <si>
    <t>“三九胃泰”难治美国经济慢性胃炎</t>
  </si>
  <si>
    <t>语不惊人死不休的共和党总统竞选人赫尔曼·凯恩最近掀起渲染大波的不仅有三场性骚扰丑闻，还有他提出的“9-9-9”税收主张。他坚称服下这剂“三九胃泰”，能帮美国经济治好复苏低迷的慢性胃炎。　　　　朗朗上口的“9-9-9”要废除现行美国税制，代之以税率均为9%的个人所得?</t>
  </si>
  <si>
    <t>欧美家电连锁全球整合优势不及中国</t>
  </si>
  <si>
    <t>欧美债务蔓延引发的全球需求低迷，使全球家电零售企业的跨区域拓展前景更加不明朗：百思买爆出了在英国大规模关店的消息，而其再次进军中国市场的举动也不被业内看好，同时麦德龙携手鸿海开拓中国家电零售市场的步伐也显得步履维艰。　　　　事实上，家电零售业的全球整合?</t>
  </si>
  <si>
    <t>冠捷科技收购飞利浦电视业务敲定</t>
  </si>
  <si>
    <t>荷兰皇家飞利浦电子公司近日宣布，与中国公司冠捷科技集团(TPV)正式签署了一项合资协议，冠捷科技收购飞利浦旗下电视业务，并成立合资企业共同经营。　　　　该交易预计将于2012年第一季度完成。新合资企业由冠捷科技和飞利浦公司分别持股70%和30%。经过谈判，飞利浦同意向</t>
  </si>
  <si>
    <t>松下集团预计2011财年赤字将达4200亿日元</t>
  </si>
  <si>
    <t>上月底，日本一批大企业公布了今年7到9月财报。其中，松下集团当期赤字为1058亿日元(约合13.5亿美元)，预计2011财年(2011年4月到2012年3月)赤字将达4200亿日元，而此前的预计是全年盈余300亿日元。　　　　松下集团大幅亏损的原因，主要是受欧美经济低迷和日元升值的影响，</t>
  </si>
  <si>
    <t>中国将在挑战中跨越中等收入陷阱</t>
  </si>
  <si>
    <t>2011年10月29～30日，中国(海南)改革发展研究院、中国国际经济技术交流中心、联合国开发计划署(UNDP)和德国国际合作机构在海口联合召开了以“跨越中等收入陷阱———未来10年的中国”为主题的第72次中国改革国际论坛。来自中央有关部委、研究机构、高校和24个省(市、自治区)?</t>
  </si>
  <si>
    <t>经济低迷G20力促经济增长和就业</t>
  </si>
  <si>
    <t>为期两天的二十国集团(G20)峰会4日在法国戛纳落下帷幕，会议就全球金融监管、国际货币体系改革等方面做了深入的探讨并取得了积极的成果。但在全球经济前景不容乐观，各经济体就业形势依旧不振的背景下，保增长成为本次峰会的重中之重。　　　　经济增长和就业成中心任务?</t>
  </si>
  <si>
    <t>MF频遭调查  CEO辞职放弃遣散费</t>
  </si>
  <si>
    <t>MF全球公司10月31日申请破产保护之后，美国监管部门的调查纷至沓来，调查的内容包括涉嫌挪用客户资金、内幕交易等。在重重压力之下，MF全球公司CEO乔恩·科尔津也辞去职务，并放弃价值1210万美元的遣散金。　　　　MF Global’s commodity customer funds have a short fal</t>
  </si>
  <si>
    <t>希腊政治惊悚剧刚刚开头</t>
  </si>
  <si>
    <t>希腊人大概天然地具备戏剧天分，最新推出的政治惊悚剧不仅有个出人意料的开始，还可能有个难以预料的结局。总理帕潘德里欧10月31日闪电般提出对欧盟新出炉的拯救计划进行全民公决，这一声明不仅让欧盟其他领导人措手不及，更搅得资本市场哀鸿遍野。欧美股市应声大跌，欧元区?</t>
  </si>
  <si>
    <t>“中国投资论坛”聚焦三大主题</t>
  </si>
  <si>
    <t>由捷克国家银行和捷克经济部主办的第二届“中国投资论坛”(C IF)将于11月7日至11日在捷克首都布拉格举行。本届论坛包括三大主题：中国未来的消费金融市场，汽车行业的可持续发展以及中国和中东欧国家之间的贸易和投资。　　　　“中国投资论坛”致力于积极推动中国和中东欧</t>
  </si>
  <si>
    <t>全球货币二次宽松信号强烈</t>
  </si>
  <si>
    <t>站在全球经济衰退的边缘，各大经济体发出支持经济增长的强烈信号。无论是把激活经济增长作为重要目标的G20“戛纳行动计划”，还是欧洲央行改弦易张突然降息，再或是美联储议息会议上暗示可能购买抵押支持债券(MBS)的表态，种种迹象表明，在主权债务高悬、全球经济增长乏力的?</t>
  </si>
  <si>
    <t>没有乔布斯的苹果还是苹果吗</t>
  </si>
  <si>
    <t>从使用苹果去读乔布斯　　　　我不是一名“果粉”，更不是乔布斯的追随者，甚至有关描写乔布斯方面的书我都没有认真拜读过。当拥有了一部iphone手机，感觉到它的不同，让我对苹果产品多了几分关注。　　　　乔布斯去世的第三天也就是10月8日，我聆听了台湾美学大师蒋勋先</t>
  </si>
  <si>
    <t>澳航CEO成澳大利亚“头号公敌”</t>
  </si>
  <si>
    <t>澳洲航空公司10月31日结束为期两天的停飞，政府介入后复飞。停飞严重耽误乘客行程，澳航首席执行官(CEO)艾伦·乔伊斯在网络上成为澳大利亚的“头号公敌”，遭网民口诛笔伐。　　　　尽管航班已经陆续复飞，人们依然批评乔伊斯背弃乘客的信任，不把3.5万名员工放在眼里，给?</t>
  </si>
  <si>
    <t>希腊搅局  G20救局难度大增</t>
  </si>
  <si>
    <t>20国集团(G20)峰会于11月3日在法国戛纳正式开幕，希腊突然决定就日前欧盟峰会通过的救助计划举行公投，令其他欧洲领导人措手不及，引发欧美股市连日大跌。欧债危机前景再生变数，G20各方就如何应对危机达成一致的难度大大增加。　　　　希腊公投或现转机　　　　希腊副总</t>
  </si>
  <si>
    <t>希腊公投令全球经济反弹希望渺茫</t>
  </si>
  <si>
    <t>希腊内阁2日通过了就欧盟救助方案进行全民公投的计划。分析指出，这意味着全球经济在今冬很可能会重陷衰退，且全球市场在年底反弹或只是企稳的希望都已被浇灭。为平抑该决定带来的影响，法德两国首脑紧急斡旋，定于北京时间3日凌晨在戛纳与希腊总理、欧盟机构和国际货币基金?</t>
  </si>
  <si>
    <t>美国衰退概率为何调高至四成？</t>
  </si>
  <si>
    <t>尽管第三季度美国GDP增速达2.5%为今年来最高，但近期美国一系列经济数据显示，就业依旧疲软，制造业活动萎靡。如美联储最新发布的经济褐皮书显示，9月份美国仍有部分地区面临商业活动减缓、投资意愿下降的挑战。同时，10月份纽约制造业指数为负8.5，已是连续第五个月位于0以?</t>
  </si>
  <si>
    <t>希腊公决“杠杆”将撬动多重风险</t>
  </si>
  <si>
    <t>发明了杠杆原理的希腊这次举起了政治性杠杆，只不过其杠杆化的举动却引发了全球金融市场的新恐慌。　　　　希腊政府杠杆化的原理是，总理帕潘德里欧试图通过全民公决，撬松国内紧绷的反对情绪。按照帕潘德里欧的话说，“我们信任人民，我们将请他们来对10月26日的新协议说?</t>
  </si>
  <si>
    <t>褪色的美国光环</t>
  </si>
  <si>
    <t>“美式资本主义已经烂透，美国政府已经支离破碎。21世纪的美式民主就是要让富豪受益，美国现在不仅失业者众多，很多工薪阶层工作辛苦，收入还少，贫富悬殊离谱。”美国电影制片人迈克尔·穆尔在声援民众“占领”运动时对着镜头抗议道。　　　　近日抨击美国光环锈迹斑斑的?</t>
  </si>
  <si>
    <t>“蓝色引擎”引领山东发展新趋势</t>
  </si>
  <si>
    <t>“陆上山东”“海上山东”渐趋融合　　　　翻开山东半岛蓝色经济区发展规划可以看到，这一区域既包括15.95万平方公里海域面积，也包括6.4万平方公里陆域面积；既有以沿海地区为主的主体区，也有包含了山东省全部内陆腹地的联动区。　　　　山东拥有丰富海洋资源，早在上?</t>
  </si>
  <si>
    <t>滞胀风险“大考”欧洲央行新掌门</t>
  </si>
  <si>
    <t>11月1日，原意大利央行行长马里奥·德拉吉(MarioDragi)正式接任欧洲央行行长一职，各界预期他将在11月3日的货币政策会议上维持基准利率不变。但眼下欧元区经济面临滞胀风险，令这一决策显得格外艰难。　　　　德拉吉正式接替特里谢担任欧洲央行(ECB)行长一职后，将在11月3?</t>
  </si>
  <si>
    <t>内幕交易水有多深？</t>
  </si>
  <si>
    <t>华尔街近日再爆丑闻，继美国史上最大内幕交易案主角拉杰·拉贾拉南被判入狱后，原麦肯锡咨询公司总裁、原高盛集团董事会成员拉加特·古普塔又因涉嫌内幕交易被诉至公堂，成为华尔街涉案落马的最高级别管理者。　　　　一时间，关于华尔街内幕交易的讨论再次四起。随着调查?</t>
  </si>
  <si>
    <t>日本政府干预汇市  力压日元升值</t>
  </si>
  <si>
    <t>日本政府10月31日上午出手干预日元汇率，这是日本政府三个月来第二次干预日元升值。截至东京外汇市场收盘，美元对日元的比价涨到1比79.40区间。　　　　日本财务大臣安住淳当天上午宣布，日本政府于当地时间10时25分(北京时间9时25分)采取卖出日元的方式单方面干预了外汇市</t>
  </si>
  <si>
    <t>美联储将配合白宫提振楼市</t>
  </si>
  <si>
    <t>美国联邦储备委员会(美联储)于当地时间11月1日至2日将召开货币政策决策例会，随后将公布最新货币政策及利率决议。在欧元区领导人上周达成应对欧债危机一揽子计划之后，市场将关注的焦点转向美联储的此次会议。　　　　美国商务部的初步估算数据显示，第三季度美国国内生产?</t>
  </si>
  <si>
    <t>欧盟领导人为G20戛纳峰会亮明立场</t>
  </si>
  <si>
    <t>二十国集团(G20)戛纳峰会召开在即，欧洲理事会常任主席范龙佩和欧盟委员会主席巴罗佐10月29日对二十国集团其他成员领导人发表联名信，呼吁各成员采取共同措施重建市场信心、实现经济增长、保持金融稳定，同时承诺将切实执行欧盟最近达成的一系列应对欧债危机措施。</t>
  </si>
  <si>
    <t>G20戛纳峰会  再为世界经济寻良方</t>
  </si>
  <si>
    <t>2011年二十国集团峰会(G20)将于11月3日至4日在法国南部海滨城市戛纳举行。法国今年初接任G20轮值主席时，确定了三个优先议题：改革国际货币体系、抑制国际市场原材料价格过度波动和全球治理。有分析认为，今年欧债危机持续发酵，可能成为难以回避的另一议题，但此前一些参会?</t>
  </si>
  <si>
    <t>谁来担当欧债危机“最后贷款人”</t>
  </si>
  <si>
    <t>10月26日，一场旷日持久的债务谈判尘埃落定，欧盟终于达成了被称为“全面债务解决方案”的协议。“三大支柱方案”的出台表面上看，似乎降低了欧债危机的外溢风险，然而，市场昙花一现式的反应却印证了人们对这场“雾里看花”的危机救赎依然存在非常大的质疑。    姑且不论?</t>
  </si>
  <si>
    <t>蒙代尔呼吁重建国际货币体系</t>
  </si>
  <si>
    <t>诺贝尔经济学奖得主罗伯特·蒙代尔30日在中国人民大学货币金融圆桌会议上表示，浮动汇率是导致金融动荡的原因，建议建立一个欧美元体系，将欧美元汇率固定在1.2至1.4之间，在此基础上，将人民币纳入进来，建立一种新的世界货币体系。　　　　蒙代尔指出，金融危机使得欧洲?</t>
  </si>
  <si>
    <t>全球性债务重组开始</t>
  </si>
  <si>
    <t>过去欧债危机也好，美债危机也罢，人们讨论的还都是“救援”的问题。什么是救援？救援是一种应急措施，仅仅讨论救援问题是解决不了根本问题的。而这次欧盟峰会所讨论的问题已经不仅仅是针对救援问题了，它开始面向解决实质性问题。实质性问题是什么？削减债务。    美国发?</t>
  </si>
  <si>
    <t>欧债危机应对方案被指缺乏细节</t>
  </si>
  <si>
    <t>为阻止欧债危机愈演愈烈，欧盟及欧元区成员国领导人26日晚间在布鲁塞尔召开4天来的第二次峰会。由于谈判异常艰难，会议一直拖到27日凌晨才结束，各国就希腊债务减记、欧洲金融稳定工具(EFSF)杠杆化以及敦促意大利进行大幅度改革等方面达成一致。　　　　分析指出，由于达成</t>
  </si>
  <si>
    <t>跑得最快的世界文化遗产</t>
  </si>
  <si>
    <t>瑞士人对旅游的开发热情，简直无人能敌。    当我们还在为火车人满为患、春运是否涨价而烦恼的时候，瑞士人已经把他们的火车和铁路变成世界文化遗产了。    火车，这个简单便捷的交通工具，到了瑞士，就变得不那么“简单”了。瑞士，火车绝不仅仅是交通工具而已。瑞士知?</t>
  </si>
  <si>
    <t>特里谢的过去和欧元区的未来</t>
  </si>
  <si>
    <t>经过近8小时谈判，欧元区首脑在27日凌晨就解决债务危机达成一揽子协议。对本月底就将卸任的欧洲央行行长让—克洛德·特里谢来说，这应是一份颇有意义的纪念品。　　　　8年前，特里谢接替杜伊森贝赫，成为欧洲央行第二任掌门人，成为最忠诚的欧元捍卫者。今年69岁的他在日?</t>
  </si>
  <si>
    <t>日本投资者理财面面观</t>
  </si>
  <si>
    <t>日经指数(日本经济平均指数)是亚洲股市最重要的风向标之一。受欧美股市影响，日经指数最近处于下挫状态。但日本民众和媒体对这次股市震荡的反应很平静，大部分讨论仅仅停留在专业媒体和报纸的财经版块。这次席卷全球的股市大震荡，为什么在日本却没有激起太大的波澜呢？　?</t>
  </si>
  <si>
    <t>高身价  有理？无理？</t>
  </si>
  <si>
    <t>豪华露营与精致生活　　　　□乔颖　　　　露营亲近自然，在欧美国家是一种经典休闲度假方式，却会让一些人担心住在野外会受凉，睡在地上不舒服，或是必须忍受隔壁帐篷传来的恼人鼾声。　　　　渐趋流行的豪华露营或许可以消除这些担心，让人在呼吸野外新鲜空气的同时?</t>
  </si>
  <si>
    <t>奥林巴斯坚称高额酬金不违法</t>
  </si>
  <si>
    <t>日本奥林巴斯光学工业公司新任命的总裁高山秀一27日仍然坚称，收购Gyrus公司支付的咨询费合理合法，奥林巴斯并没有违法行为。这宗3年前奥林巴斯向咨询机构支付惊人酬金的案件，已成为日本、美国和英国证券监管和刑事犯罪调查对象。　　　　2008年，奥林巴斯以22亿美元收购?</t>
  </si>
  <si>
    <t>瑞银遭美监管当局重罚1200万美元</t>
  </si>
  <si>
    <t>据路透社报道，瑞银集团(UBS)因犯下不当处理数以百万计卖空指令的“系统性”错误，被美国券商监管机构处以1200万美元罚款，创下同类处罚的最大金额。　　　　美国金融业监管局(FINRA)称，瑞银证券的经纪交易商部门在无充分理由证明有标的证券可供交割的情况下，就对卖空指?</t>
  </si>
  <si>
    <t>欧元债券为何呼之难出？</t>
  </si>
  <si>
    <t>随着欧元区债务危机的不断恶化，欧盟与成员国之间就如何救助希腊和防止危机蔓延以及对银行业注资等问题展开多次磋商与斡旋。但在本次欧盟峰会上，曾一度被广泛讨论的欧元债券却似乎成了禁忌话题，虽偶有提及，但一直难有突破。　　　　发行欧元债券的建议最初由欧元集团主?</t>
  </si>
  <si>
    <t>欧盟峰会结果难料  美股重挫金价攀升</t>
  </si>
  <si>
    <t>由于投资者怀疑即将举行的欧盟峰会难以达成全面的欧洲债务危机解决方案，25日纽约股市遭遇重挫，三大股指大幅收低。在市场避险情绪高涨之下，黄金在成投资者的“避风港”，当日纽约黄金期价大幅上涨，一举冲破每盎司1700美元的关口　　　　被市场寄予厚望的欧盟第二次领导?</t>
  </si>
  <si>
    <t>奥巴马强推新政维稳楼市</t>
  </si>
  <si>
    <t>就业法案两次在国会遇阻后，奥巴马政府开始推出无需美国国会批准的行政措施提振经济。　　　　24日，美国总统奥巴马宣布了一系列楼市改革措施，以帮助借款人缓解房贷负担，并希望借此稳定房地产市场。此外，他还将在本周的西部之旅中陆续公布其他行政措施。　　　　救助?</t>
  </si>
  <si>
    <t>美国银行业“步步惊心”</t>
  </si>
  <si>
    <t>编者按：“乔瞧华尔街”专栏由本报驻纽约记者乔继红主笔，看财经世界风云变幻，评金融巨头兴衰浮沉。本专栏每周一期，敬请关注。　　　　美国银行业三季度交出了一份还不错的成绩单，在华尔街各大巨头中，只有高盛报亏，摩根大通、美银、花旗和富国都实现净盈利，连一度遭?</t>
  </si>
  <si>
    <t>揭秘“6·30”跨国特大电信诈骗案</t>
  </si>
  <si>
    <t>日前，由浙江省公安机关派出的64人警队包专机由柬埔寨押解60名“6·30”跨国特大电信诈骗案的嫌疑人员回到杭州。记者近日走访了解了这起跨国特大电信诈骗案的台前幕后。　　　　假冒公安来电意在诈骗　　　　今年4月12日早上，金华永康的李女士接到一个显示为“057986110</t>
  </si>
  <si>
    <t>外国买家到迈阿密抄底楼市</t>
  </si>
  <si>
    <t>来自澳大利亚悉尼的理查德和太太玛丽今秋来美国迈阿密不仅是为了看海，还肩负着更重要的一项使命———看房。　　　　“生活成本低、气候宜人、有大都市的便利条件……澳大利亚大城市的房价还在一路上扬，而迈阿密有些止赎的公寓楼海景房还不到十万美元，太便宜了。”理查?</t>
  </si>
  <si>
    <t>我国汞污染防治面临巨大挑战</t>
  </si>
  <si>
    <t>10月30日，全球130多个国家的代表以及NGO组织将齐聚肯尼亚首都内罗毕，进行全球性汞问题文书的政府间第三轮谈判。作为参与国，中国代表也将列席。环保部污染防治司相关人士指出，除了这次谈判，联合国环境规划署化学品处总共要召开5次会议，直到2013年初制定出一项具有法律约</t>
  </si>
  <si>
    <t>联合国会议高度盛赞中国“库布奇治沙模式”</t>
  </si>
  <si>
    <t>10月17日，联合国防治荒漠化公约第十次缔约国会议在韩国釜山近郊昌原市举行。中国库布奇国际沙漠论坛组委会秘书长、全国工商联副主席、亿利资源集团董事会主席王文彪应邀担任论坛主席团成员，并在大会上做了主旨演讲。王文彪所力推的库布奇治沙模式，得到了大会的高度评价。$</t>
  </si>
  <si>
    <t>欧盟峰会开出欧债救援“三药方”</t>
  </si>
  <si>
    <t>为遏制债务危机恶化，欧洲领导人正设法在23日举行的欧盟首脑会议上敲定3个新方案：通过第二轮纾困方案稳定希腊局势；责令欧洲大银行增加资本以重建市场信心；向新获授权的4400亿欧元纾困基金提供更多“弹药”。据悉，上述方案将最终在26日前后达成部分共识。　　　　银行增</t>
  </si>
  <si>
    <t>“天蓝了,山绿了,但收入少了”</t>
  </si>
  <si>
    <t>“改种玉米后收入锐减，盼望哪天还种水稻呢。”河北丰宁满族自治县南关蒙古族乡长阁村村民孟宪堂告诉《经济参考报》记者。虽然实施“稻改旱”已经四年了，可是孟宪堂投入3万多元买的一台碾米机至今没有卖掉。他经常到库房里打扫灰尘和蛛网，为防止机器生锈，还时不时让机器空</t>
  </si>
  <si>
    <t>有多少欧盟峰会可以重来？</t>
  </si>
  <si>
    <t>积以往之经验，几乎没人指望本次欧盟峰会端出一个一揽子解决欧债危机的方案，否则一个小小希腊的债务问题也不至于演变成可能影响全球的经济危机。　　　　过往欧盟峰会提出的方案不逃头痛医头，脚痛医脚的旧窠，基本原则就是采取拖延战术，将所谓的“总算账”的时间尽量延?</t>
  </si>
  <si>
    <t>渤海溢油暴露环评“体制性缺陷”</t>
  </si>
  <si>
    <t>渤海湾溢油事故责任方康菲公司的新版环评报告仍在审批过程中，一批参与事故调查的专家已在探讨此次事故暴露出的我国环评领域，特别是在油气工程领域存在的环评“体制性缺陷”，也正是种种原因，导致康菲公司蓬莱19-3油田的原版环评报告，被国务院常务会议要求重新编写。　?</t>
  </si>
  <si>
    <t>政策变化主导未来市场走势</t>
  </si>
  <si>
    <t>国际市场，欧债危机步步紧逼，从主权债务扩展到欧洲银行业。国内经济，在增长快速下行的同时，房地产风险也日渐突出。受到这双重因素的影响，国内A股20日早盘大跌，市场空头氛围十分浓厚，两市股指大幅下挫，沪指2318点面临考验。　　　　投资机构认为，通胀下行趋势确认有</t>
  </si>
  <si>
    <t>为什么奥巴马玩不转美国</t>
  </si>
  <si>
    <t>在不久前的联合国大会酒会上，美国总统奥巴马打趣联合国秘书长潘基文说，包括他在内的很多国家领导人都羡慕潘基文，因为潘连任秘书长一职时，既没碰到竞争对手，投票结果还是全票一致赞成。奥巴马最后感叹：一定要研究研究潘基文胜选的“秘密”。　　　　奥巴马展现幽默的?</t>
  </si>
  <si>
    <t>巴勒斯坦跟以色列算经济账</t>
  </si>
  <si>
    <t>以色列和巴勒斯坦日前顺利完成换俘行动，但两国之间还有一笔经济账要算。按照巴民族权力机构经济部长哈桑·利卜德的话说，这样做是为了“让世界人民看到以方从占领获取的巨额利润，拒绝结束占领还有经济利益的驱动。”　　　　巴勒斯坦经济部9月底发布了一份名为《以色列占</t>
  </si>
  <si>
    <t>中国—东盟：携手迎挑战合作创未来</t>
  </si>
  <si>
    <t>今年是中国-东盟建立对话关系20周年、中国-东盟友好年，也是中国-东盟自由贸易区正式建成一周年。在此背景下，由中国和东盟11国领导人共同推动、11国经贸主管部门及东盟秘书处共同主办、广西壮族自治区人民政府承办的第八届中国-东盟博览会暨中国-东盟商务与投资峰会将于10月</t>
  </si>
  <si>
    <t>主权债务危机与“赖账”学问(下)</t>
  </si>
  <si>
    <t>发达国家正在经历的债务危机，既源于各国政府为拯救身陷困境的银行而将后者的“问题资产”包袱背到自己身上(这使其国债与GDP之比在最近两三年提高了30个百分点)，也和欧洲统一进程中货币一体化和财政一体化不同步有关。在哥伦比亚大学的菲尔普斯教授看来，眼下这一轮债务危机</t>
  </si>
  <si>
    <t>苹果公司季度盈利首次低于预期</t>
  </si>
  <si>
    <t>韩国三星电子与互联网搜寻巨擘谷歌公司于19日发布了第3代谷歌旗舰手机GalaxyNexus，这部代号为“冰激凌三明治(IceCreamSandwich)”的手机采用了最新Android4.0操作系统的机型。苹果公司不久前发布了iPhone4S智能手机，Gal-axyNexus将承担挑战iPhone4S的重任。三星和谷歌原计?</t>
  </si>
  <si>
    <t>“占领悉尼”并非无病呻吟</t>
  </si>
  <si>
    <t>在位于澳大利亚悉尼中央商务区的马丁广场，“占领悉尼”运动本周拉开帷幕。运动组织者称，这场运动旨在声援美国的“占领华尔街”运动，并唤起人们关注社会公平，为社会经济可持续发展探索出路。　　　　一些批评者提出，较之美国同道，澳大利亚的“占领者”完全是无病呻吟?</t>
  </si>
  <si>
    <t>欧债危机难解令美债未来依然“火”</t>
  </si>
  <si>
    <t>美联储最新数据显示，外国央行大举抛售美债，减持美债规模达到次贷危机爆发以来最大。分析称，近期美元汇率急升，有些央行需抛售美债以捍卫本币汇率，与美国债务及财政赤字并没有直接关系。不过，由于明年美国通胀率预测将下降，美联储承诺维持低息至2013年，因而市场依然看?</t>
  </si>
  <si>
    <t>中等收入陷阱逼近中国</t>
  </si>
  <si>
    <t>收入两极分化，是中国最致命的敌人。中国的社会结构很像拉美国家。收入不平等，已经变成了固化的问题，很难通过一般的改革得以改变。    有调查显示，2010年，中国有1000万人民币流动资产的家庭有54万，占全国人口的比例只有0.1%。他们的总财富多达2.68万亿美元，超过当年?</t>
  </si>
  <si>
    <t>输入型通胀压力仍大</t>
  </si>
  <si>
    <t>在经历了9月份的一波大跌之后，曾被认为拐点临近、未来可能一路下行的国际大宗商品价格在10月份出现回稳甚至反弹。专家预测，在美国基本数据向好、欧债危机解决希望增大等积极因素的推动下，除非国际经济形势出现了巨大的变化，否则年内国际大宗商品价格不会出现显著下跌，缓</t>
  </si>
  <si>
    <t>洪灾减缓泰国经济增速</t>
  </si>
  <si>
    <t>泰国内政部防灾减灾厅18日称，持续近三个月的洪灾确认遇难人数为315人，另有3人失踪。持续的洪灾已经对泰国的农业和工业生产造成严重影响。　　　　泰国7月下旬以来出现的大范围持续降雨引发严重洪灾，目前重灾区主要集中在泰国中部，正逼近曼谷。泰国政府正在抓紧加固堤防</t>
  </si>
  <si>
    <t>油价止涨于欧债风险加剧</t>
  </si>
  <si>
    <t>随着市场行情回暖，自10月4日以来，国际原油价格上涨了15%，但由于德国谨慎的表态使欧洲债务前景不明，加之18日公布的中国经济数据小幅下滑，国际油价18日继前一日下跌后震荡走低。　　　　在中国第三季度经济数据公布后，纽约商业期货交易所原油期货在18日亚洲电子盘冲高?</t>
  </si>
  <si>
    <t>无计划的市场  有计划的保障房</t>
  </si>
  <si>
    <t>新加坡的组屋政策世界闻名，法国以廉租房为代表的保障性住房成为社会的稳定器，美国从上世纪30年代到90年后代再到新世纪逐步推进住房保障计划。住房保障成为这三个国家社会稳定发展的基石。以上三国是高度发达的市场经济国家，经济发展主要交给市场去调节，政府很少主动干预?</t>
  </si>
  <si>
    <t>中国要变慎于起诉为积极起诉</t>
  </si>
  <si>
    <t>据统计，截至2011年8月底，中国作为争端方参与了30个WTO争端：在8个案件(涉及8个争端)中作为起诉方，在13个案件(涉及22个争端)作为被诉方。美国是中国主要目标，占了中国8个起诉案件中的6个，欧盟占2个。美国对中国发起11起，欧盟5起，墨西哥3起，加拿大2起，危地马拉1起。中</t>
  </si>
  <si>
    <t>希腊债务大减记加剧欧银行业“贫血”</t>
  </si>
  <si>
    <t>希腊20亿欧元国债21日将到期，偿付和违约压力再次来临，不过对于希腊而言，欧元区本周可能决定大幅减记其债务的举动不失为利好消息。分析人士指出，此举将大幅影响欧洲银行业已经不甚充足的流动性，需要新措施为银行业“补血”。　　　　希腊债务减记规模提高　　　　德?</t>
  </si>
  <si>
    <t>德国电子书市场还谈不上“火”</t>
  </si>
  <si>
    <t>全球最大书展、法兰克福国际图书博览会12日至16日在德国美茵河畔的法兰克福如期举行。“电子书”依然是书展亮点之一，只不过作为新生事物，电子出版市场可能并没有人们想象中那般“火爆”。　　　　虽然不少书商承认，电子出版已成为图书出版业未来的发展趋势，但在本次展?</t>
  </si>
  <si>
    <t>中国经济要避免视野狭隘综合症</t>
  </si>
  <si>
    <t>当前欧美经济困境的发生，主要是其经济基本面发生了问题，而国际评级机构降低美国等发达国家的主权信用评级是其导火线。但是，回过头看，这与欧美国家此前所采取的一系列短视的政治、经济措施也不无重大关系，也就是说，他们犯了视野狭隘综合症！　　　　举例说，美国为了?</t>
  </si>
  <si>
    <t>将贪婪杠杆化</t>
  </si>
  <si>
    <t>10月7日的《今日美国报》刊登了一幅发人深省的漫画：华尔街两位金融大鳄看着楼下密密麻麻的“占领华尔街”示威者，一位说：“他们竟然在抗议‘贪婪’。这个主意真妙啊！”另一位答说：“我们肯定能想出将‘贪婪’杠杆化的办法。”　　　　漫画中楼上楼下者生活在不同的世界</t>
  </si>
  <si>
    <t>应对欧债危机升级中国需早作筹谋</t>
  </si>
  <si>
    <t>●由于欧债危机的长期化与发达国家出口支持政策的强化，海外市场很难在短期内明显好转，中国出口可能将回落至较低水平。　　　　●欧债危机的升级，会迫使欧洲央行暂停加息，推迟退出宽松货币政策的时间。此时像中国这样的货币具有较大升值预期、资产市场可能出现反转的国?</t>
  </si>
  <si>
    <t>章玉贵：汇率之争源于美国掠夺能力衰退</t>
  </si>
  <si>
    <t>三十年来，为保住在全球金融与产业分工领域的顶层地位，继续低成本获取超额利润，美国经常交替运用金融与贸易手段来打压主要竞争对手的现实挑战。如今，充当主要掠夺工具的金融业因受危机冲击而获益能力相对衰退时，美国紧咬人民币汇率不放，其实就是多年来竞争策略的自然延?</t>
  </si>
  <si>
    <t>海洋生态安全需要强大的法律保障</t>
  </si>
  <si>
    <t>国务院参事、国家能源局前局长徐锭明：墨西哥湾漏油事故未引起我方足够重视    我不认同“中国法律体系管不住康菲公司”的说法。中国海洋石油对外合作最大的特点是法律先行，最成功之处也是法律先行，最受外商赞扬的还是法律先行。    其中，《对外合作开采海洋石油资源?</t>
  </si>
  <si>
    <t>海洋生态安全应视为国家核心利益</t>
  </si>
  <si>
    <t>由新华社《经济参考报》举办的“海上环境事故与生态安全”研讨会13日在北京举行。与会专家认为，海洋生态安全应同国防安全、经济安全、社会安全一道，被视为国家的核心利益。他们呼吁，应以渤海湾蓬莱19-3项目溢油事故(以下简称“康菲溢油事故”)的经验教训为契机，强化环境?</t>
  </si>
  <si>
    <t>退市中概股回归A股遭遇VIE拦路虎</t>
  </si>
  <si>
    <t>美国当地时间10月13日，中国概念股持续走强。i美股编制的中概30指数涨8.48点，收报798.98点，涨幅为1.07%。尽管如此，目前中国概念股仍表现低迷，约有40余家中国概念股面临退市风险，而根据美国证券交易委员会(SEC)数据，今年已经有26家中国企业因为多种原因从美国主板市场退</t>
  </si>
  <si>
    <t>南太平洋小岛国飞机场顶大用</t>
  </si>
  <si>
    <t>在太平洋上有无数大大小小的岛国，其中最不为人知的一个恐怕就是图瓦卢(Tuvalu)了。　　　　原因有几个：首先它太小，全国只有9个环形珊瑚岛，由于国土就是环形珊瑚岛，“国内”和“国外”都是大海。如果全球持续变暖，这个平均海拔不到两米的小国将会是世界上第一个被淹没</t>
  </si>
  <si>
    <t>原来可以这样“吃”</t>
  </si>
  <si>
    <t>剧院式餐馆：    美食变身“当家花旦”    “剧目”一年四换    □欧飒    美国芝加哥Next餐馆与其说是一家餐馆，不如说是一家欣赏美食表演的剧院，顾客须凭票进入。餐馆开张以来场场爆满，顾客只有在餐馆网站上注册，参加“秒杀”，幸运的话才能购得“入场券”。</t>
  </si>
  <si>
    <t>医学成果大治病招更多</t>
  </si>
  <si>
    <t>医学研究突破不断，不少成果已经造福患者。8月期亚洲版《读者文摘》采访一批顶尖医生和研究人员，介绍他们眼中十余项“最令人激动”的医学研究成果。    抗击癌症    癌症是难以治愈的顽疾，但近年来开发的新药、新疫苗和新疗法为抗癌斗争增添希望。    尚在开发研制阶</t>
  </si>
  <si>
    <t>楼市价格下行趋势已经形成</t>
  </si>
  <si>
    <t>“金九”未来“银十”也恐难再现，楼市阴跌或将持续加深。刚刚过去的国庆长假期间，全国热点城市楼市成交大幅缩量，部分城市同比跌幅逾9成。新近公布的9月份房企销售业绩也遭遇“滑铁卢”，保利、万科等龙头企业销售面积、销售金额同比双降。　　　　接受《经济参考报》采?</t>
  </si>
  <si>
    <t>金砖国家交易所成立合作联盟</t>
  </si>
  <si>
    <t>由巴西、俄罗斯、印度、中国以及南非组成的“金砖五国”(BRICS)交易所12日在南非约翰内斯堡举行的国际证券交易所第51届周年大会上，宣布成立合作联盟，让彼此的投资者可涉足新兴交易市场。由于之前一段时间全球大型交易所并购多数失败，新兴市场国家管理层更倾向于选择不影响</t>
  </si>
  <si>
    <t>主权债务危机与“赖账”学问(上)</t>
  </si>
  <si>
    <t>发达世界目前正在主权债务危机的泥潭中挣扎。国债与GDP之比，美国已突破100%，欧洲整体上已达到80%，其中“欧猪五国”(葡萄牙、爱尔兰、意大利、希腊和西班牙)均接近或超过100%，日本更高达220%，更令人担忧的是，这一比例在未来年份还将继续提高。　　　　回顾历史不难发?</t>
  </si>
  <si>
    <t>国家间竞争正从“陆战”转向“海战”</t>
  </si>
  <si>
    <t>人类居住的地球表面有坚固的地壳(岩石圈)，总面积51100万平方公里，其中海洋(水圈)约占71%。据1994年生效的《联合国海洋公约》提供的数字，全球海洋面积约1.09亿平方公里的近海、专属经济区和大陆架被沿海国划为辖下的“蓝色国土”。在联合国193个成员国中有145个沿海国，海?</t>
  </si>
  <si>
    <t>债务危机暴露温州商人的“三大软肋”</t>
  </si>
  <si>
    <t>11日下午，刚刚从美国回来的温州“跑路”老板、信泰集团董事长胡福林在接受《经济参考报》记者采访时做了几点反思，他认为，温州此次的民企债务危机风波，首当其冲的教训就是“急功心切，扩张过快，投资过大，没有稳扎稳打，想一口吃成胖子”。他曾一口气投下5、6亿元巨资，?</t>
  </si>
  <si>
    <t>折戟参院  奥巴马将拆分就业法案</t>
  </si>
  <si>
    <t>在持续蔓延的“占领华尔街”运动抗议者们不断施压政府改善就业之时，美国总统奥巴马积极推进的就业法案11日却在国会参议院惨遭折戟，无法整体通过。奥巴马表示会将这项法案拆成几个部分逐个推进，但这意味着奥巴马几乎已经不可能在明年大选前采取提振就业的重大举措。　　?</t>
  </si>
  <si>
    <t>美施压难迫人民币“快跑”</t>
  </si>
  <si>
    <t>无视中方的严正警告，美参议院周二通过了汇率法案。而在其后的12日，国内外汇交易市场，人民币兑美元中间价报1美元兑6.3598元，人民币较上一交易日大幅下行。这显示，中国不会迫于美国的政治压力而改变渐进升值的策略。　　　　但是，即便该法案不大可能最终通过，美这一举</t>
  </si>
  <si>
    <t>中俄就管道原油贸易价格问题达成一致</t>
  </si>
  <si>
    <t>外交部发言人刘为民在12日例行记者会上证实，中俄总理第十六次会晤期间，双方就管道原油贸易价格问题达成一致。　　　　目前，中俄能源合作已经在一批大项目上取得积极进展。中俄原油管道今年1月1日开始由俄罗斯向中国供油，标志两国能源合作取得重大突破，为俄罗斯原油出?</t>
  </si>
  <si>
    <t>社保全国统筹方能“纲举目张”</t>
  </si>
  <si>
    <t>据《中国经济周刊》报道，日前，英国《金融时报》中文网发表了《现行社保制度的“劫贫济富”效果》一文，文章称，“社保制度建立的初衷是改善人们——尤其是那些穷人的境况，但当这个政策推行之后，它却似乎起到了‘劫贫济富’的作用，让穷者愈穷，富者愈富。”此文立刻触动?</t>
  </si>
  <si>
    <t>“占领华尔街”折射美式制度危机</t>
  </si>
  <si>
    <t>纽约“占领华尔街”抗议活动进入第四周，这场运动正以燎原之势演变为美国大萧条以来最大的社会运动。“占领华尔街”凸显的不仅是美国中产阶级的危机，更折射出美国“金融资本主义”深层次的制度性危机。    参与“占领华尔街”抗议活动的人们尽管身份不同、诉求不同、职业?</t>
  </si>
  <si>
    <t>渤海湾溢油事故仅康菲成被告</t>
  </si>
  <si>
    <t>针对渤海湾蓬莱19-3项目溢油事故(以下简称“溢油事故”)，来自国家海洋局官方律师团的多位人士向《经济参考报》记者独家透露，本案主体资格仅限于康菲公司在华子公司康菲中国，其权益共享方中海油、负责理赔的相关保险公司则不在被告行列。　　　　上述人士解释称，根据中?</t>
  </si>
  <si>
    <t>俄总理访华推进天然气价格谈判</t>
  </si>
  <si>
    <t>俄罗斯总理普京11日起对中国进行为期两天的访问。外媒称，这是普京宣布参选俄总统以来的首次海外之行，他可能寻求缩小中俄在天然气合作项目中的价格分歧，以巩固其“促进经济复苏”的领导人形象。此外，由于中俄天然气定价可能成为未来决定远东地区天然气价格的基准，此次谈?</t>
  </si>
  <si>
    <t>不能让社团披官方外衣敛财</t>
  </si>
  <si>
    <t>近期，与社团组织有关的非法敛财丑闻接连爆出。“全国小记者培训活动中心”欺骗性培训事件，牵出其挂靠的“中爱联”8年未年检、涉及营利性活动。“共和国脊梁”评奖丑闻牵出了“中爱联”，“中爱联”又牵出了“小记者培训活动中心”“卢美美”事件，牵出“中非希望工程”及“</t>
  </si>
  <si>
    <t>全球对冲基金交出三年来最差季报</t>
  </si>
  <si>
    <t>国际对冲基金最新出炉的今年三季度战绩，是自2008年经济危机高峰期以来最糟糕的成绩，各种类型的投资几乎无一盈利，客户资金也因而大幅缩水。　　　　另外，全球范围内投资者增加看空的仓位创5年多新高，虽然目前美国股指为2009年以来最低，股市市值已蒸发11万亿美元，但这</t>
  </si>
  <si>
    <t>品牌理想与现实：中国商品的欧洲攻略</t>
  </si>
  <si>
    <t>近年来，从服装到电器，从玩具到箱包，大批中国制造的商品登陆欧洲，既拉动了中国的外贸，又让欧洲消费者得到了实惠，这种看上去两全其美的贸易达到了双赢的目的。但在红火的景象下却掩盖着一个尴尬的事实：欧洲消费者只知道有“中国制造”的商品，却对拥有自主品牌和知识产?</t>
  </si>
  <si>
    <t>西报文章分析——世界食品价格上涨的十大原因</t>
  </si>
  <si>
    <t>近日，西班牙《阿贝赛报》刊登一篇题为《世界食品价格上涨的十大原因》的文章指出，2009年以来全球食品价格不断上涨。某些基础商品的价格过高成为“阿拉伯之春”的导火线。现在，随着“非洲之角”爆发人道主义危机，食品价格问题又被摆上桌面。该文章分析认为，造成世界食品?</t>
  </si>
  <si>
    <t>美英正在逼迫欧洲债务重组</t>
  </si>
  <si>
    <t>卡梅伦急了，站出来警告欧元区，你们距离经济灾难还有“几周的时间”。或者说，如果不在近几周的时间之内解决问题，经济灾难将不可避免。他提出一项“五点计划”，我没有查到具体内容，不过我坚信这是一剂“猛药”。按卡梅伦的说法：这是“大火箭筒式”的方法。“火箭筒式”?</t>
  </si>
  <si>
    <t>警惕人民币成为美国债务调整的靶子</t>
  </si>
  <si>
    <t>9月下旬，在香港N D F市场，人民币出现大幅贬值预期。为什么在外国金融机构纷纷看空中国的经济和金融体系的背景下，美国政客仍强硬地抛出“2011年货币汇率监督改革法案”立项预案？　　　　笔者认为，这项将于11日表决的预案固然包含很多美国的政治因素，但更多是基于美国?</t>
  </si>
  <si>
    <t>别把汇率问题当“安慰剂”</t>
  </si>
  <si>
    <t>在美国政府和国会就“2011年货币汇率监督改革法案”纠结之际，某些澳大利亚政客和行业组织也趁机向人民币汇率发难。这些跟风者包括澳大利亚独立参议员尼克·色诺芬、澳大利亚工人联合会等。他们模仿美国政客口吻，要么大谈“操纵汇率”之害，鼓动政府采取保护行动；要么煽动?</t>
  </si>
  <si>
    <t>“冷经济”冻坏欧美日家电连锁</t>
  </si>
  <si>
    <t>世界经济冷风一吹，西方家电连锁企业集体“感冒”，不是规模停滞不前就是利润大幅下滑，只有中国的家电连锁企业保持着快速增长的势头。从这此消彼长的中西产业力量对比中可以看出，同样面对低迷的经济形势，西方“寄生型”家电连锁企业对环境的应对能力远不及创造型的中国家?</t>
  </si>
  <si>
    <t>外电报道  他们的方法是非常重要的分析工具</t>
  </si>
  <si>
    <t>瑞典皇家科学院10日宣布，将2011年诺贝尔经济学奖授予来自美国的托马斯·萨金特(ThomasJ.Sargent)和克里斯托弗·西姆斯(ChristopherA.Sims)，以表彰“他们在宏观经济学中因果的实证研究”。　　　　据彭博社报道，奖品包括148万美金、金质奖章和获奖证书。按照传统，奖品将</t>
  </si>
  <si>
    <t>乔布斯史诗性成功难复制</t>
  </si>
  <si>
    <t>美国苹果公司创始人史蒂夫·乔布斯的葬礼日前低调举行完毕，似乎不想让世人留下“苹果失去乔布斯”的深刻印象。但其离世不仅令苹果产品追随者悲伤，更引发全球业界惋惜。回顾乔布斯引领苹果走过的革命性历程和取得的史诗性成就，不难展望在当今市场生态下，苹果公司近年来的?</t>
  </si>
  <si>
    <t>“占领华尔街”向世界金融业敲响警钟</t>
  </si>
  <si>
    <t>美国爆发的“占领华尔街”的抗议运动，已经蔓延至全美各地，显示美国民众对美国金融行业存在广泛的不满情绪。在人类历史上，此类抗议运动还是第一次。那么，华尔街究竟怎么啦？　　　　我曾两次去华尔街，恰巧分别是在金融危机爆发的前后。第一次，我是带着仰慕的心态光临?</t>
  </si>
  <si>
    <t>中国高物价的三个原因</t>
  </si>
  <si>
    <t>中国的物价问题并不只是房价高，房价高不是因，而是果。不针对房价物价高的原因对症下药，最后一定是南辕北辙。而导致中国物价全面过高的根本原因有三：　　　　一是低附加值外向型经济。日本、中国台湾、新加坡、韩国等“亚洲四小龙”，乃至于今天的印度在IT、制药、输出C</t>
  </si>
  <si>
    <t>中美商品价差税制因素影响大</t>
  </si>
  <si>
    <t>国内外商品存在一定价差是正常现象，部分商品中国价格高于美国等发达国家，有流通成本(包括运输成本、超市入场费等)、财政补贴、生产成本等原因，其中，税制结构因素对进出口商品价格影响比较大。中西税制结构差异使中国出口商品价格中所含税收较少，而进口商品价格中所含税?</t>
  </si>
  <si>
    <t>呼唤中国自己的乔布斯</t>
  </si>
  <si>
    <t>的确，乔布斯不可复制。　　　　但是，这样一个天才诞生于美国，却有美国产生乔布斯式人物的制度背景、硅谷文化和人生哲学的基础。乔布斯可以说代表了很多美国文化的元素，比如，他是美国梦的代表，他是美国文化所倡导的创新的引领者，更重要的是，他坎坷的身世和一次次失?</t>
  </si>
  <si>
    <t>以设计之名构建奇妙生活</t>
  </si>
  <si>
    <t>北京三里屯以太空间，一道独特的实验性“桌上风景”实现了中西合璧的艺术碰撞。“明”“乾坤盘”“一片荷”“浮游的大地”……八位中国顶尖建筑师以多元的设计性格，诠释出不同的“托盘”，为观赏者提供了丰富的视觉与触觉体验。　　　　“托盘”是意大利著名品牌A lessi设</t>
  </si>
  <si>
    <t>“1元店”走俏美国</t>
  </si>
  <si>
    <t>1美元看似微不足道，美国一些商家却专做“1美元”生意。精明的顾客为省钱在“1元店”购物；商家因此薄利多销，获利丰厚。　　　　相同物品 更低价格　　　　在美国最大的1元店连锁企业“大众1元店”，一加仑“克洛罗克斯”(Clorox)牌漂白液只卖1美元，在其他商店同样产品</t>
  </si>
  <si>
    <t>伯南克暗示推出QE3可能性</t>
  </si>
  <si>
    <t>美国联邦储备委员会(美联储)主席本·伯南克28日在推出压低长期利率措施后首次公开发言。虽然没有明确提及目前经济形势或具体货币政策，但他暗示，如果美国通胀率或者通胀预期大幅下滑，美国或将需要通过非常规措施进一步放宽货币政策。　　　　有观点认为，伯南克此次讲话?</t>
  </si>
  <si>
    <t>亚马逊“试水”平板电脑市场</t>
  </si>
  <si>
    <t>美国网络零售巨头亚马逊28日推出名下第一款平板电脑K indle Fire(简称Fire)，力图借助其强大的电子商务平台和199美元的低价冲击苹果iPad的市场霸主地位。　　　　这款平板电脑重约413克，配备7英寸彩色液晶触摸屏，具有W i-Fi无线上网功能但不支持3G无线网络连接，使用谷歌</t>
  </si>
  <si>
    <t>奥巴马为难和默克尔无奈</t>
  </si>
  <si>
    <t>今日世界，如果要评选最具权力的男性和女性，可能非奥巴马和默克尔了。作为美国总统的奥巴马，执掌的是世界唯一超级大国，这个世界谁敢小觑美国？担任德国总理的默克尔，不仅为欧洲第一政要，更五次被《福布斯》杂志评为世界“一姐”。但颇让奥巴马和默克尔感到难堪的是，如?</t>
  </si>
  <si>
    <t>惠普再换首席执行官</t>
  </si>
  <si>
    <t>美国硅谷技术企业惠普公司9月22日任命亿贝公司前首席执行官梅格·惠特曼接替李艾科，出任惠普总裁兼首席执行官。　　　　惠特曼的任命未经正式的首席执行官遴选程序。惠普董事长雷伊·莱恩试图安抚感到“幻灭”的投资者，称新首席执行官将带领惠普开启新的一页。</t>
  </si>
  <si>
    <t>钢企预测铁矿石供求将大逆转</t>
  </si>
  <si>
    <t>种种迹象表明，铁矿石高价将风光不再。由于澳大利亚铁矿石投资大增，而中国需求减少，铁矿石价格呈下降趋势。不仅如此，国内多家钢厂预测，铁矿石供求五年内将发生逆转。　　　　《经济参考报》记者日前从国内各大港口处了解到，近期进口矿招标价格一路走低，PB粉招标价格?</t>
  </si>
  <si>
    <t>欧债危机化解方案频遇波折</t>
  </si>
  <si>
    <t>近日，欧洲政治家们有关欧债危机解决方案的讨论又有了新进展。然而，由于目前欧洲各国利益集团正处于博弈期，不论是援助希腊的条款，还是欧洲金融稳定工具的扩容，都在各国间引发了争议。对于即将推出的新财政纪律，分析人士也担忧，德法两国提出的挑战将令其前景不妙。　?</t>
  </si>
  <si>
    <t>国研中心预计今年中国经济增速仍在9%以上</t>
  </si>
  <si>
    <t>9月28日，国务院新闻办公室在新闻发布厅举行新闻吹风会，国务院发展研究中心副主任卢中原在对我国目前宏观经济形势与走向进行介绍时指出，我国宏观经济整体走势良好，风险挑战并存。预计今年中国经济增长速度仍然会在9%以上。　　　　“经济增长处于短期回调状态，最近国际</t>
  </si>
  <si>
    <t>“他姓高,还是西庆？”</t>
  </si>
  <si>
    <t>在世行和国际货币基金组织年会期间，随时都能在两大国际组织总部大楼内外发现各国的财经高官和知名专家。财经明星被媒体团团包围的情景一再上演，但让笔者印象最深的媒体狂追对象不是投资大鳄索罗斯，也不是诺奖获得者斯蒂格利茨，而是中投公司总经理高西庆。　　　　9月24</t>
  </si>
  <si>
    <t>希腊破产可能不只是传说</t>
  </si>
  <si>
    <t>从德国的政府官员到国际著名的经济学家，越来越多的人谈到希腊破产的可能。而当媒体曝出希腊财长也谈及“债务有序重组”的可能，希腊的破产几乎就成了不可避免的现实。虽然旋即希腊财长维尼泽洛斯表示报道不实，但显然媒体的报道并非空穴来风。希腊的现实状况也表明希腊破产?</t>
  </si>
  <si>
    <t>美国监管机构或起诉标普</t>
  </si>
  <si>
    <t>据英国《金融时报》27日报道，美国监管机构近日已向标准普尔提出警告，称可能对这家评级机构提起民事诉讼，因该机构涉嫌在2007年对一种债务抵押证券(CDO)作出了宽松评级，令有问题的CDO在2008年引起金融海啸。　　　　标普公司的母公司麦格劳-希尔承认，已于9月22日收到美?</t>
  </si>
  <si>
    <t>东海：中国的立场和日本的盘算</t>
  </si>
  <si>
    <t>钓鱼岛历来就是中国的主权领土，但自去年9月份中日钓鱼岛撞船事件发生以来，日本蓄意窃取钓鱼岛主权的意图愈发明显。在日前举行的中日东海问题研讨会上，有关专家对《经济参考报》表示，在此背景下，我国应进一步加强对钓鱼岛问题的研究力度，并进一步申明和加强对其主权的管</t>
  </si>
  <si>
    <t>陆克文的“推特”和媒体价值</t>
  </si>
  <si>
    <t>像许多名人一样，澳大利亚前任总理、现任外长陆克文喜欢用“推特”发微博。像许多名人一样，陆克文不乏关注度，他麾下粉丝已突破百万之众，使他成为首个享有如此殊荣的澳大利亚人。像许多名人一样，陆克文的“推特”账户价值不菲，眼下其账户估价为1.06万澳元(约合1.09万美元</t>
  </si>
  <si>
    <t>欧洲寻求发挥救助基金杠杆作用</t>
  </si>
  <si>
    <t>二十国集团(G20)国家和国际货币基金组织(IMF)财政官员25日在美国华盛顿结束四天的密集会议，欧洲债务问题是重中之重，但会议结果再次令市场失望。欧债问题久拖不决，市场开始怀疑欧洲解决危机的能力。随着全球金融市场大幅下挫，欧洲各国采取更大胆措施防止欧债问题重创全球?</t>
  </si>
  <si>
    <t>西班牙《国家报》指出——美欧危机是金砖国家推动建立国际货币新体系的机遇</t>
  </si>
  <si>
    <t>9月19日，西班牙《国家报》刊登何塞·玛丽亚·里道的一篇题为《西方已不再是西方》的文章指出，欧洲和美国的债务危机对“金砖四国”而言是一次机遇，可以借此推动它们所提出的另一个更具野心的目标，即建立一个不再以美元和欧元为基准货币的国际货币体系，这样的货币体系或许</t>
  </si>
  <si>
    <t>拓宽打击外逃贪官的途径</t>
  </si>
  <si>
    <t>9月14日，原佛山南海市置业公司经理李继祥因洗钱罪被澳大利亚昆士兰州高级法院判处入狱26年。此前，李因牵涉上亿住房资金被挪用一案，裸官外逃至澳大利亚8年。据透露，这是中国与澳大利亚警方联手成功追诉外逃贪官的首宗案件。　　　　此次追诉，有几个地方可圈可点。一是?</t>
  </si>
  <si>
    <t>主权债务危机正滑向二次金融危机</t>
  </si>
  <si>
    <t>国际货币基金组织和世界银行秋季峰会再次聚焦“全球性挑战”。雷曼引发的金融大海啸整整三年了，本以为三年之后，金融危机会渐行渐远，没想到金融危机似乎又回来了。同样是全球资本市场、石油、金属市场，乃至信心的同步下跌，与三年前不同的是，这次可以抵御危机的弹药所剩?</t>
  </si>
  <si>
    <t>力拓拟剥离部分澳洲铝业资产</t>
  </si>
  <si>
    <t>路透社26日援引澳大利亚当地媒体的报道称，由于澳大利亚政府计划推出的碳排放税将提高投入成本，全球矿业巨头力拓集团正考虑剥离其在澳大利亚的部分铝业资产。　　　　澳大利亚总理吉拉德本月13日正式向议会提交了一份包含18份相关议案在内的碳排放税“一揽子计划”，希望?</t>
  </si>
  <si>
    <t>试点三载“绿色保险”叫好不叫座</t>
  </si>
  <si>
    <t>近期接连发生的两起严重污染事故：云南曲靖铬污染事件和渤海溢油事故再次敲响环境保护的警钟。尤其是溢油事故，油还持续在漏，调查也一直在进行，却鲜有关于赔偿问题的最终解答。而涉事方之一的康菲公司，据调查最近10年仅在美国，该公司就至少涉及5起环境诉讼或纠纷，偿付近</t>
  </si>
  <si>
    <t>贸易保护难助美国“再工业化”</t>
  </si>
  <si>
    <t>在美国国内和中国，美国政府兵分两路，几乎同时再次挑起了对华经贸争端话题。9月20日，美国贸易代表科克宣布，就中国对进口美国鸡肉产品征收惩罚性关税一事向世贸组织正式提起诉讼；同日，美国驻华大使、原商务部长骆家辉在北京向中国美国商会和美中贸易全国委员会的会员发表</t>
  </si>
  <si>
    <t>网络教学冲击传统大学</t>
  </si>
  <si>
    <t>在海地，有一所大学没有围墙也没有校园，甚至无需学生缴纳学费。这就是网络高等教育机构“人民大学”，在2010年1月海地地震后“建成”使用。　　　　在全球各地，网络教学的兴起“打破”了传统大学的校园围墙，令越来越多人能够更为便捷、灵活和廉价地接受高等教育，但也引</t>
  </si>
  <si>
    <t>我国民营企业拿什么实现超越？</t>
  </si>
  <si>
    <t>如果说促进发展、关注民生是现阶段我国各项事业实现稳步发展的关键，那么，必须说加大企业人力资本投资、推进企业技术创新是新发展阶段我国民营企业谋求更大发展的必须选择。　　　　众所周知，到去年年底我国GDP已经超过了日本。虽然此时我国人均GDP还不及日本的九分之一?</t>
  </si>
  <si>
    <t>欧债危机,中国无法置身事外</t>
  </si>
  <si>
    <t>当前，欧洲主权债务危机愈演愈烈，以至欧元存留也成为公开讨论的话题。那么，在此次金融危机中表现不错的中国，在欧债危机中应承担什么样的角色？《经济学人》首席经济学家RobinBew就此接受《经济参考报》“金融大家谈”栏目专访时表示，如果欧元区瓦解，世界也许会再现一次?</t>
  </si>
  <si>
    <t>美国力推向富人增税计划的启示</t>
  </si>
  <si>
    <t>日前，从《新京报》上读到两则关于税负的新闻。一曰：美国总统奥巴马宣布新的赤字削减方案，其核心内容是，在未来10年增加税收，向富人增税1.5万亿美元。该增税计划是要年收入百万美元以上的富人多缴税，会影响近45万的富人；二曰：《人民日报》称我国宏观税负低于发达国家，</t>
  </si>
  <si>
    <t>美司法机构调查新闻集团“三宗罪”</t>
  </si>
  <si>
    <t>据彭博社21日报道，已在英国因雇员存在电话窃听行为而遭遇三次警方调查及一次议会调查的新闻集团，目前还面临着来自美国司法机构的三项调查。　　　　彭博社援引知情人士的话说，目前美国司法机构正在对“新闻集团的雇员是否试图进入9·11受害者的语音邮件”、“是否违反了</t>
  </si>
  <si>
    <t>本地化能让中国企业更容易走出去</t>
  </si>
  <si>
    <t>每年的夏季达沃斯论坛，都会吸引海内外众多的政商界人士。美国商务社会责任协会(BSR)总裁、《持续卓越》作者阿伦·克拉默就是常客之一。对阿伦·克拉默来说，今年来中国参会的行程与往年稍显不同。因为他的著作《持续卓越》中文版刚于近日面世。　　　　9月13日，2011夏季?</t>
  </si>
  <si>
    <t>化解欧债危机,没那么难</t>
  </si>
  <si>
    <t>从2009年年底，希腊爆出主权债务危机以来，已经快两年了。两年来，欧盟内部分歧重重，面对一轮又一轮的市场动荡，欧盟总是慢了半拍，一直处于疲于应对之势。　　　　现如今，除了希腊，在被迫接受外部援助的欧元区成员国中，早已增加了爱尔兰、葡萄牙，而西班牙、意大利这?</t>
  </si>
  <si>
    <t>清议：高失业率迫使美国经济政策向左转</t>
  </si>
  <si>
    <t>更少的赋税、更少的赤字、更少的货币扩张，曾经是罗纳德·里根竞选总统时提出的经济政策纲领。经济学家大都将里根上台执政的1980年看作是美国经济政策向右转的开始。直到今天，共和党依然坚持这一纲领。然而，被标榜为“皆大欢喜”的里根经济学，执行结果却并不理想。减税和?</t>
  </si>
  <si>
    <t>会议纪要怎能否决法院判决</t>
  </si>
  <si>
    <t>“生效判决为何多年不执行呢？”台湾商人沈诵庆一直很纳闷。报载，一次偶然的机会，他发现了一份编号为“(2010)18号”的厦门市委会议纪要。该会议纪要显示，针对嘉莲大厦房产纠纷问题，厦门市委政法委等单位曾专门研究，研究的结果是：“商请省高级法院同意对已生效判决、裁?</t>
  </si>
  <si>
    <t>大宗商品价格大涨  输入性通胀压境</t>
  </si>
  <si>
    <t>在美国QE3(第三轮量化宽松)推出与否的关口，国际大宗商品市场再次等待涨价“指令”。　　　　商务部新闻发言人沈丹阳20日在例行发布会上称，1至8月，大宗商品进口价格大幅上涨，带动进口金额快速增长，进口平均价格上涨14.5%。天然橡胶、食用植物油、铁矿砂、原油、成品油?</t>
  </si>
  <si>
    <t>陈九霖：警惕欧美经济困境的蝴蝶效应</t>
  </si>
  <si>
    <t>全球经济步入衰退的可能性正在迅速增加，或者说，由美国主权信用评级下调所引发的全球经济“蝴蝶效应”将持续一段时间。　　　　我们不妨设想一下此次欧美国家主权信用危机(或称“欧美国家经济困境”、“欧美债务危机”)的严重后果。欧美发达国家形成的巨额负债，就像建在?</t>
  </si>
  <si>
    <t>美国再印钞也是“救急救不了穷”</t>
  </si>
  <si>
    <t>北京时间9月21日和22日，美联储最长的一次议息会议将备受关注。人们期待着，美联储给出救援美国经济的新方案。是不是会有QE3或变相QE3？除此之外，美联储还有什么其它的办法？　　　　没办法。谁让美元依然是世界无可争辩的储备货币？这件事改不了，这个世界的经济命脉就不</t>
  </si>
  <si>
    <t>欧美大药厂药品专利放开争议再起</t>
  </si>
  <si>
    <t>联合国定于19号开始举行为期两天的高级别会议，这次会议的主题是如何对付非传染性疾病这个人类健康最大的杀手，目前该类病种致死比例占全部死亡率的2/3。外媒称，此次会议将一直以来存有争议的抗癌类和治糖尿病类药品专利放开问题推至高峰。　　　　非传染性疾病，按照世界</t>
  </si>
  <si>
    <t>市场担忧全球汇率战一触即发</t>
  </si>
  <si>
    <t>美联储议息会议已进入读秒阶段，全球目光都集中在悬于市场上空的这只QE3(第三轮量化宽松)“靴子”。业内分析人士普遍认为，由于当前美国通胀高企，同时过度宽松政策面临较大的国际压力，美国直接推出QE3的可能性不大，因此美国或将采用变相QE3。其实性质是一样的，主要是继续</t>
  </si>
  <si>
    <t>康菲再设赔偿基金  关键细节仍是谜团</t>
  </si>
  <si>
    <t>在造成蓬莱19-3项目溢油事故后，总部位于休斯顿的康菲公司19日宣布，该公司董事会批准设立第二项基金。然而，自9月6日公布第一项渤海湾基金至今，已有十余天，上述两项基金的资金规模、法律依据，以及出资方、受益方等详情，至今成谜。在港交所上市的中国海洋石油有限公司投?</t>
  </si>
  <si>
    <t>骆家辉坐经济舱与美国欠债无关</t>
  </si>
  <si>
    <t>芮成钢主持达沃斯分论坛时用英文调侃骆家辉，问他坐经济舱来参会是否有意在提醒“美国欠中国钱”，而骆家辉的回复也很“机智”，他表示，作为政府官员，不管是其领事馆的官员还是北京大使馆的，也包括总统的内阁成员，一般的规则就是坐飞机时坐经济舱。　　　　骆家辉坐经?</t>
  </si>
  <si>
    <t>减赤听证会何以一座难求</t>
  </si>
  <si>
    <t>由美国民主党和共和党议员组成的减赤特别委员会9月13日召开了履新后的首度听证会。　　　　提前40分钟到达国会山的笔者发现排队等候入场的听众队伍蜿蜒数十米，最后只能有约100名先到者有幸入场。这就是号称“超级委员会”的听证会现场一座难求的盛况。　　　　诞生于8月</t>
  </si>
  <si>
    <t>中美经济学家对话颐和园：共同构建全球经济再平衡</t>
  </si>
  <si>
    <t>9月12日至13日，由中国经济50人论坛和美中经济合作30人论坛共同主办的第三届中美经济学家颐和园对话会——“中美经济战略合作与全球经济再平衡”在京举行。与会中美经济学家就后危机时期的宏观经济管理、中长期经济结构调整与全球经济再平衡和经济与金融领域双边与国际合作进</t>
  </si>
  <si>
    <t>欧洲不能只盯着中国的钱袋子</t>
  </si>
  <si>
    <t>随着欧债危机愈演愈烈，欧洲对中国的期盼也越来越热切。意大利官方日前称，正跟中方就在意投资事宜展开磋商。英国官员则表示，希望中方更多投资英国基础设施建设。之前西班牙和希腊官员，还曾专赴中国推销国债。　　　　欧洲是中国最大的出口目的地，欧洲落难，中国也难有?</t>
  </si>
  <si>
    <t>欧财长会救助希腊具体方案未形成</t>
  </si>
  <si>
    <t>欧盟国家财长和央行行长17日在波兰南部城市弗罗茨瓦夫结束为期两天的非正式会议。尽管应邀首次出席欧盟财长会议的美国财长蒂莫西·盖特纳频频向欧盟施压，但与会各方并未能就解决欧洲债务问题取得突破，尤其是备受关注的希腊救助计划未能形成具体的执行方案，令外界颇为失望?</t>
  </si>
  <si>
    <t>帮助欧洲有助缓解全球金融失衡</t>
  </si>
  <si>
    <t>当前，欧债危机成为全球的风暴中心，而中国等金砖国家可能出手相救也成为全球的舆论中心。购买欧债既不是中国慷天下之慨，更不是仅仅从商业价值的抄底心态考虑，欧债危机以及解救的背后依然是大国的博弈。尽管这其中会有中国被动买单的成分，但从某种意义上来说，帮助欧洲就?</t>
  </si>
  <si>
    <t>全球新一轮宽松政策到来  中国不必人云亦云</t>
  </si>
  <si>
    <t>奥巴马终于发狠话出狠招了“华盛顿的游戏时间已经结束，是时候采取行动了。”在奥巴马拟向经济注入4000亿美元刺激计划的同时，美联储已经放出风来表示，近期准备购买美国长期国债，实际上等于第三轮量化宽松逐步启动。在美国开始新一轮经济刺激计划的同时，由于经济前景恶化?</t>
  </si>
  <si>
    <t>巴茨：失意的雅虎守望者</t>
  </si>
  <si>
    <t>美国互联网巨头雅虎公司的高层震荡仍在继续。　　　　雅虎大股东、美国对冲基金ThirdPoint14日表示，希望继续增持雅虎股票，以便加大投票权把董事长罗伊·波斯托克扫地出门，而后者日前刚刚解除了“硅谷女王”卡萝尔·巴茨的首席执行官职务。作为硅谷中为数不多的女性领导?</t>
  </si>
  <si>
    <t>美元指数高位回落  等待联储会议指引</t>
  </si>
  <si>
    <t>欧债危机虽然还在继续，但市场的紧张情绪略有放松。德国总理默克尔和法国总统萨科齐周三(9月14日)晚间重申，两国相信希腊“是欧元区的一部分”。与此同时，在大洋彼岸的美国，投资者对周四的国债申购热情高涨，这显示市场的QE3(新三轮量化宽松货币政策)预期升温。　　　　?</t>
  </si>
  <si>
    <t>BP承担墨西哥湾漏油事故主要责任</t>
  </si>
  <si>
    <t>美国海岸警卫队和海洋能源管理局14日公布了墨西哥湾漏油事故原因最终调查报告，认为英国石油(BP)公司应负主要责任。这份长达500多页的报告为17个月的调查划上句号，将在可能涉及巨额赔偿的相关诉讼中发挥关键作用。　　　　去年4月20日，英国石油租赁的“深水地平线”海上?</t>
  </si>
  <si>
    <t>非常“发婚记”</t>
  </si>
  <si>
    <t>千里之外婚礼借助iPad　　　　□乔颖　　　　美国科罗拉多州女子杰米·威尔伯恩希望结婚时由最好的朋友勒妮·阿姆斯特朗当伴娘，但对方身在2500多公里以外，无法出席婚礼。两人想出办法，借助iPad内置视频通话程序FaceTime，让阿姆斯特朗身在异地，依然当上伴娘。　　?</t>
  </si>
  <si>
    <t>奥巴马焦虑背后的奋力一搏</t>
  </si>
  <si>
    <t>“我知道，你正为这些事感到焦虑，我也是！”邮箱里，一封署名“贝拉克·奥巴马”的电子邮件如是说。推心置腹，如对老友。　　　　这真是美国总统奥巴马写给我的信？　　　　还真的是。作为一种与民众沟通的策略，奥巴马办公室经常群发一些署名奥巴马的电子邮件，虽是群?</t>
  </si>
  <si>
    <t>氢能源舞台上中国不甘当配角</t>
  </si>
  <si>
    <t>人类距利用“不需要付费的太阳能源”理想又前进一步。不久前，美国麻省理工学院教授丹尼尔·诺切拉的研究团队宣称，他们研制成一种功能稳定的“人造树叶”(“artificialleaf”，也可译作“人工树叶”)，并具备了一定推广前景。业内人士认为，诺切拉团队的人造树叶一旦批量生?</t>
  </si>
  <si>
    <t>房地产去杠杆化：中美“纠结”各不同</t>
  </si>
  <si>
    <t>虽然美国是担忧二次衰退，中国是力求软着陆，但让他们同样纠结的，都是房地产市场的调整压力。最新数据显示，美国抵押贷款和再融资贷款申请指数经季节调整后，在8月26日的当周大幅下降了9.6个百分点。住房投资的持续低迷，成为美国经济复苏乏力的主要原因。而中国房市则受到?</t>
  </si>
  <si>
    <t>“人工树叶”：利用太阳能的帮手</t>
  </si>
  <si>
    <t>在许多科学家的眼中，树叶是利用太阳能的“高手”。如果能人工造出“树叶”，能源问题或许就能得到根本性解决。几十年来，研制“人工树叶”一直是科学家们神圣的终极奋斗目标之一。十多年前，美国国家可再生能源实验室的约翰·特纳，发明了第一片“人工树叶”。不过，该装置?</t>
  </si>
  <si>
    <t>渤海湾石化项目调整涉千亿元</t>
  </si>
  <si>
    <t>康菲中国违规作业导致的蓬莱19-3油田溢油事故，正如“多米诺骨牌”，波及整个渤海湾的海上油气勘探项目和陆上石化项目。    9月7日召开的国务院常务会议就此指出，要切实改变沿海地区重化工比重过大、过于集中的状况，严格控制新上石化项目。    工信部原材料工业司相关?</t>
  </si>
  <si>
    <t>美联储欲压低长期利率刺激经济</t>
  </si>
  <si>
    <t>美国财政部13日数据显示，今年8月份美国财政赤字为1341.5亿美元；本财政年度前11个月(截至2011年8月)，美国财政赤字已经累计达到1.23万亿美元。在失业率居高不下的情况下，短期内很难解决的赤字攀升问题又为美国经济复苏增添一层阴影。　　　　据外媒报道，美国联邦储备委?</t>
  </si>
  <si>
    <t>法银行业遭降级“雷曼式”风暴难至</t>
  </si>
  <si>
    <t>信用评级机构穆迪投资者服务公司14日下调了法国兴业银行和法国农业信贷银行的长期债务评级，引发市场对欧债危机扩大的担忧。不过，市场人士分析，法国银行业的问题与当初雷曼兄弟公司有实质性区别，近期法国不大可能会出现剧烈不可控的金融动荡。而由于中国在法国银行业的投?</t>
  </si>
  <si>
    <t>比较中外物价高低离不开微观考量</t>
  </si>
  <si>
    <t>中国物价真的高于美国吗？为了真实准确对比中美物价水平，最近《人民日报》报道说，记者采访了出生在华盛顿，目前生活在纽约的美国人Patrick，以及出生于黑龙江，目前在北京工作的黄鑫。通过他们提供的数字，并搜集市场相关信息，从衣食住用行等消费的各方面入手，直观、全面</t>
  </si>
  <si>
    <t>化解内外压力须以结构调控为重</t>
  </si>
  <si>
    <t>2011年又是世界经济多舛的一年，威胁全球经济复苏和金融稳定的“不定时炸弹”频频来袭。今年以来，全球经济没有延续去年快速增长格局，随着上一轮刺激政策效应的逐步衰减，世界经济从第二季度起开始迅速回落，美国二季度GDP增长率下调后只有1%的增长，欧洲经济复苏几乎陷入停</t>
  </si>
  <si>
    <t>中产阶级之美国式困境</t>
  </si>
  <si>
    <t>金融危机以来，奥巴马曾倾全力拯救华尔街金融机构，挽救濒临崩溃的经济，极力推动医疗改革，但在直接冲击中产阶层生活的失业、房屋遭法拍、贷款无门等问题上，却苦无良策。不断攀升的失业率以及消费内生动力的匮乏是美国经济最大的威胁。因此，奥巴马力挺劳动经济学家克鲁格?</t>
  </si>
  <si>
    <t>发展中国家贸易保护措施纷至沓来</t>
  </si>
  <si>
    <t>《经济参考报》记者13日从商务部相关网站获悉，墨西哥海关或将采取新措施，以应对超低价的进口商品。估计新措施将于12月出台，并重点关注来自亚洲国家的商品。墨西哥海关关长称，超低价进口的贸易行为在近期来自亚洲的货物中日益增多。　　　　据悉，新措施的制定和实施涉?</t>
  </si>
  <si>
    <t>中国需要什么样的福利制度</t>
  </si>
  <si>
    <t>当前，欧洲债务危机正在发酵，希腊和意大利都爆发了反对紧缩政策的示威游行；法国、西班牙也加入希腊、葡萄牙和爱尔兰的行列，同时采取收缩财政立场。福利主义国家反为其福利政策所绑架，并拖累其经济发展，这是多年来实施福利国家的积弊所致。　　　　是什么导致了这个人?</t>
  </si>
  <si>
    <t>瑞士独善其身有点难</t>
  </si>
  <si>
    <t>瑞士央行日前以设定欧元兑瑞郎汇率下限的手法干预汇市，以阻止瑞郎的强劲升值。瑞郎对欧元在6日暴跌近9%以后，一周来维持在设定目标1.20以上的水平。瑞士央行已表示，会大幅、持续地削弱瑞士法郎，并已准备好“无限量”购买外币。　　　　瑞士央行此举遭市场人士普遍质疑，</t>
  </si>
  <si>
    <t>经济前景堪忧  有色黄金遭重挫</t>
  </si>
  <si>
    <t>全球经济前景再蒙阴影，拖累大宗商品市场的反弹。国内期货市场13日几乎全线飘绿，有色黄金品种更是遭受重挫，其中沪铜和黄金主力合约跌幅均超过2%。　　　　有分析认为，欧元区金融体系脆弱性增加以及关于欧洲债务危机继续恶化将拖累全球经济复苏的预期，令市场情绪受到明?</t>
  </si>
  <si>
    <t>英政府拟对银行业设“围栅”</t>
  </si>
  <si>
    <t>英国独立银行委员会12日公布了关于银行业改革建议的最终报告，建议对银行的零售业务建立“围栅”，将其与风险较高的批发、投资银行等业务隔离开来。　　　　独立银行委员会主席、英格兰银行(央行)前首席经济学家约翰·维克斯称这项改革是强硬且灵活的。具体来讲，只有在“?</t>
  </si>
  <si>
    <t>经济学家认为世界经济逼近二次探底</t>
  </si>
  <si>
    <t>9月13日，第三届中美经济学家颐和园对话会在北京举行。来自美国和中国的多位经济学家共同表示，当前世界经济复苏形势极其脆弱，逼近二次探底的边缘，中美应该加强经济合作。　　　　银河证券首席经济学家左小蕾称，当前世界经济已触到二次探底的边缘。虽然美国、欧洲、日本</t>
  </si>
  <si>
    <t>20多国加入北极航道和油气资源博弈</t>
  </si>
  <si>
    <t>9月21日至24日，第二届“北极—对话的领土”国际论坛将在俄罗斯阿尔汉格尔斯科召开。来自全球各地超过400名北极研究学者、政府和实业界代表将参加该论坛。目前，超过20个国家正在布局北极地区的开发项目，俄罗斯、丹麦、美国、加拿大近期动作频繁，显示开发北极航路和资源成?</t>
  </si>
  <si>
    <t>康菲污染环境被指“案底累累”</t>
  </si>
  <si>
    <t>《经济参考报》记者历时1个月调查后独家获悉，最近10年仅在美国本土，康菲公司至少涉及5起环境诉讼或纠纷，偿付近7亿美金，折合超过40亿元人民币，可谓“案底累累”。　　　　在近期舆论高压之下，康菲公司一改过去3个月避谈环境影响评估、生态损害赔偿的被动局面，日前高?</t>
  </si>
  <si>
    <t>日企整合面板业务改变全球竞争版图</t>
  </si>
  <si>
    <t>日本东芝、索尼和日立三家公司近日宣布将合并中小型液晶面板业务，消息一经宣布引发全球平板显示产业高度关注。专家对《经济参考报》记者表示，此次日本面板企业间的整合，将催生出全球最大的中小尺寸液晶面板供应商，由此也将给韩国和中国台湾面板企业带来竞争压力。　　?</t>
  </si>
  <si>
    <t>美元本位制行之不远</t>
  </si>
  <si>
    <t>美国崛起为世界超级大国与上世纪的两次世界大战紧密相关。战后美国自然而然成了世界警察。1944，布雷顿森林会议确立了以美元-黄金联系为中心的布雷顿森林体系，美国成了世界唯一的财务经理或世界银行家。　　　　布雷顿森林体系的一个根本性问题就是美国同时扮演世界财务经</t>
  </si>
  <si>
    <t>中国声音发挥着越来越重要的作用</t>
  </si>
  <si>
    <t>由于国际政治环境以及自身历史和文化等方面原因，长期以来，中国并非国际立法领域的积极分子，对于除联合国外的国际组织、特别是国际经济性组织的活动参与不多。随着中国经济实力的不断增强，这一局面已有很大改变，中国现已成为许多国际组织中的重要成员，甚至是领导成员，?</t>
  </si>
  <si>
    <t>演讲收视率与美国失业率</t>
  </si>
  <si>
    <t>9月3日的《华盛顿邮报》登载了这样一幅漫画：在国会山前，CNN的女记者正在做视频出镜，她说“奥巴马总统和众议长博纳无法就演讲时间达成一致……”旁边无家可归的失业者说“若让我面试的话，我时间可有的是。”这幅漫画诙谐地勾勒出面对高失业率和大选前日益浓密的党派之争，</t>
  </si>
  <si>
    <t>蒂姆·库克——从幕后走向台前</t>
  </si>
  <si>
    <t>蒂姆·库克是谁？尽管已经三度在史蒂夫·乔布斯病重时全权代理美国苹果公司事务，许多人仍然不了解他。56岁的乔布斯终于决定辞去苹果首席执行官职务，首席运营官库克正式接棒掌门人一职，公众视线自此开始真正聚焦这位行事低调但雷厉风行的人物。    由于乔布斯头顶的光环?</t>
  </si>
  <si>
    <t>美调查Libor操纵案或刑事诉讼</t>
  </si>
  <si>
    <t>据英国《金融时报》8日报道，在针对伦敦银行间同业拆借利率(Libor)及东京银行间同业拆借利率(Tibor)被涉嫌操纵的调查中，美国方面正研究涉案投行是否触犯美国大宗商品相关法律，而这可能引出金融危机以来最重大的刑事诉讼。　　　　最新消息称，2007年和2008年期间构成Libo</t>
  </si>
  <si>
    <t>儿童游戏房：售价不菲值还是不值？</t>
  </si>
  <si>
    <t>美国不少行业因经济疲软生意冷清，售价不菲的儿童游戏房销售却是例外。一些家长不惜花重金为孩子购置游戏房，认为这种设施有助于培养孩子的想象力和创造力。一些专家指出，游戏房并非儿童必需品。　　　　一应俱全　　　　约翰·席勒夫妇住在美国得克萨斯州休斯敦，家境?</t>
  </si>
  <si>
    <t>中国人海外炒房胜算几何</t>
  </si>
  <si>
    <t>在中国国内房地产市场泡沫四溢，一些城市房价远远超出大多数人承受能力的背景下，那些手中持有大笔资金的投资者开始转战海外地产市场。　　　　高力国际近期发布报告指出，中国内地投资者在加拿大温哥华的购房比例持续增加，截至今年第一季度，已达到29%，较去年25%的比例?</t>
  </si>
  <si>
    <t>苹果在日本反诉三星  专利大战升级</t>
  </si>
  <si>
    <t>据日本共同社8日报道，苹果公司向东京地方法院提交了对三星日本公司(SamsungJapanCorp.)和三星电信日本公司(SamsungTelecommunicationsJapanCo.)的诉讼，指控这两家公司在日本销售的三星Galaxy智能手机侵犯了苹果公司iPhone智能手机和iPad平板电脑的专利。　　　　据悉，苹</t>
  </si>
  <si>
    <t>如何成为最佳雇主？</t>
  </si>
  <si>
    <t>美国《财富》杂志每年都会选出100家最值得为之工作的企业。榜上有名者不仅有着善待员工的好口碑，更是颇具竞争力的业界佼佼者。　　　　为了解最佳雇主的成功之道，《财富》杂志派出记者“卧底”，到3家最值得为之工作的企业工作，“实况播报”那里的员工福利。　　　　?</t>
  </si>
  <si>
    <t>新加坡打造城市丛林</t>
  </si>
  <si>
    <t>新加坡素有“花园城市”的美名。过去25年，新加坡人口翻了近一番，达到500多万人；同期绿化面积，包括公园和屋顶植被，增长了近半个国土。最近，新加坡又宣布一个“绿色路线图”，要在未来10年里，把“花园城市”打造成“城市花园”。这将成为这个国家新的名片，吸引更多高级</t>
  </si>
  <si>
    <t>瑞士干预汇市引发货币战担忧</t>
  </si>
  <si>
    <t>瑞士央行6日设定欧元兑瑞士法郎汇率的下限，引发瑞士法郎兑欧元、美元出现暴跌。市场担心此举或引发货币战。在瑞士法郎这个传统的避险资产无法发挥其作用时，市场或将积极搜寻下一个避险天堂。　　　　干预效果遭疑　　　　瑞士央行6日设定了欧元兑瑞士法郎汇率的下限，?</t>
  </si>
  <si>
    <t>巴西经济的“绿色转身”</t>
  </si>
  <si>
    <t>在全球各经济体努力寻求“绿色复苏”之际，巴西，这个被联合国秘书长潘基文誉为“绿色经济领跑者”的“金砖”之国，处处散发着绿色经济的魅力。　　　　不久前，巴西常驻联合国代表团与新华社共同举办的《绿色能源与可持续发展》图片展在联合国总部开幕。展览突出了经济发?</t>
  </si>
  <si>
    <t>警惕“人民币10年后取代美元”论</t>
  </si>
  <si>
    <t>美国福克斯新闻网8月30日发表文章，题目为，中国人民币将在今后10年挑战美元地位。文章引用了多名经济学家的观点，来证明人民币对美元构成的“威胁”。其中，世界著名经济历史学家巴里·艾肯格林以美元替代英镑成为全球主要货币的案例，得出“人民币取代美元成为全球主要货币</t>
  </si>
  <si>
    <t>美国邮政本财年预计亏100亿美元</t>
  </si>
  <si>
    <t>美国邮政总局官员6日说，受经济增速放缓和邮政业务下滑影响，预计本财年亏损将达100亿美元。　　　　美国邮政总局局长帕特里克·多纳霍6日在美国会参议院作证时说，截至今年6月底的2011财年前9个月，美国邮政总局营业亏损已达57亿美元，由于本财年邮政业务总量预计比上一财</t>
  </si>
  <si>
    <t>须避免汇率战再伤全球经济</t>
  </si>
  <si>
    <t>为避免持续大幅升值对经济造成实质性伤害，瑞士央行本周二出乎意料地祭出新的干预措施，宣布将瑞士法郎与欧元汇率设定在1.2水平，并做好了无限量购买外汇抛售本币的准备，由此导致瑞士法郎兑欧元、美元大幅贬值近10%。　　　　而本周五全球将进入集体“议息窗口”。面对全?</t>
  </si>
  <si>
    <t>钢材市场低迷  铁矿石逆市创新高</t>
  </si>
  <si>
    <t>铁矿石价格再度进入“上行通道”。《经济参考报》记者7日从港口处了解到，上周开始63.5%印度粉矿外盘报价已经达到为190至191美元/吨，再创5月下旬以来新高。　　　　按照惯例，9月到10月是每年钢材市场销售的一个高峰，也被业内称为“金九银十”，相应的钢材价格上涨同时也</t>
  </si>
  <si>
    <t>“定位”永远是企业要面对的大问题</t>
  </si>
  <si>
    <t>1981年，杰克·特劳特与艾·里斯合作出版《定位》一书。“定位理论”从此显露锋芒。此后，特劳特又出版了《商战》、《22条商规》、《简单的力量》、《营销革命》等著作，技压大卫·奥格威的品牌形象、菲利普·科特勒的营销管理、迈克尔·波特的竞争战略等，在2001年，被美国?</t>
  </si>
  <si>
    <t>关注中国海外投资五大风险</t>
  </si>
  <si>
    <t>首先是投资保护主义风险。近几年，发达国家以威胁国家战略安全为由，使中国企业，特别是国有企业海外资产并购频频受阻。美国经济分析局统计显示，中国对美国历年投资存量仅为23亿美元，是美国外资直接投资存量的千分之一。与制止关税战相比，遏制投资保护主义的难度要大得多?</t>
  </si>
  <si>
    <t>尼日利亚计划将人民币纳入外汇储备</t>
  </si>
  <si>
    <t>尼日利亚央行行长拉米多·萨努西6日在北京表示，尼日利亚正在推动将人民币作为其外汇储备货币之一，计划将其外汇储备的5%至10%改由人民币构成。尼日利亚将成为非洲首个将人民币纳入其外储的经济体。　　　　据外媒上周报道，蒙古央行第一副总裁BoldJavkhlan表示，蒙古正在?</t>
  </si>
  <si>
    <t>欧元不会崩盘</t>
  </si>
  <si>
    <t>近来，以美国人为首的欧元崩盘论甚嚣尘上。但无论从历史还是现实来看，欧元都不会也不应崩盘。　　　　至少两千多年以来，世界贸易总量的2/3发生在欧亚大陆之间。原因不仅是欧亚之间的经济互补性极强，也在于欧洲和亚洲各自有着庞大的内部贸易。16世纪以前的陆上贸易是如此</t>
  </si>
  <si>
    <t>模仿的智慧与力量</t>
  </si>
  <si>
    <t>在“创新就是生命力”的理念日益深入人心的今天，美国福特汽车公司国际商务管理主席、《华尔街日报》的热门作者石家安，却在《模仿的力量—聪明企业如何模仿以赢得战略优势》一书中大胆挑战这一众口铄金的观点，提出模仿同样甚至更有利于帮助企业赢得战略优势的“异论”。他?</t>
  </si>
  <si>
    <t>珍妮的“幸运”是谁的悲哀</t>
  </si>
  <si>
    <t>珍妮(英文名)是笔者在北京工作的一位白领友人，她最近在去美国休假期间，与很多信奉“穷家富路”的中国人一样，在异乡开始了“血拼”之旅。　　　　珍妮和相当多中国游客一样，笔记本和手机记事本上都列着长长的购物单。这些中国游客清晨在冷风中等在苹果专卖店门口期待买?</t>
  </si>
  <si>
    <t>美债危机给美国带来丰厚“效益”</t>
  </si>
  <si>
    <t>在欧洲国家主权债务危机仍旧蔓延和日本经济连续三个季度负增长的形势下，美国债务危机对不确定的全球金融市场和不稳定的世界经济复苏无疑是火上浇油。世界银行行长佐利克不久前接受《周末澳大利亚报》采访时说，过去数周，世界从一场“杂乱无章的”复苏中走出，眼下正迈入更?</t>
  </si>
  <si>
    <t>政府干预与市场报复</t>
  </si>
  <si>
    <t>历史不能假设。但假如确实存在时光隧道，或许世界经济就不会那么糟糕。对于2008年的国际金融危机，美联储前主席格林斯潘日前撰文反思说，美国政府犯了一个重要的错误，而错误不在于没有出手救助雷曼兄弟，而在于贸然救助了贝尔斯登。　　　　在雷曼倒闭前的2008年春，作为?</t>
  </si>
  <si>
    <t>化解欧债危机  本周面临密集考验</t>
  </si>
  <si>
    <t>欧洲迎来不平静的一周。据外电报道，德国法院7日将对欧洲援助基金的合法性进行裁定，德国今后向希腊等国提供援助可能面临更多限制和障碍；外界预计欧洲央行将在8日举行的货币政策例会上讨论是否继续购入意大利国债；希腊9日将获知新债换旧债计划的投资者参与意向。</t>
  </si>
  <si>
    <t>中概股借“私有化退市”脱困</t>
  </si>
  <si>
    <t>尽管美国股市近期震荡下跌，但傅氏科普威、安防科技、泰富电气、乐语中国、中消安5家已宣布私有化退市计划的在美上市中国公司股价逆市上扬。有投行人士向《经济参考报》记者表示，通过私有化退市，这些中国概念股公司可以摆脱股价被长期低估的困境；而私有化要约收购往往会有</t>
  </si>
  <si>
    <t>油价再添下行压力</t>
  </si>
  <si>
    <t>由于上周美国就业数据疲软引发市场对美国经济衰退的担忧，国际油价2日大幅下跌。本周，科威特、沙特阿拉伯提高原油产量等因素或令国际油价继续承受下行压力。　　　　美国原油期货9月5日亚市早盘下跌，纽约商品交易所10月交货的轻质原油期货下跌0.50美元至每桶85.95美元。$</t>
  </si>
  <si>
    <t>欧盟取消对我铸件反倾销税</t>
  </si>
  <si>
    <t>中国机电产品进出口商会5日召开媒体见面会，通告欧盟铸件反倾销案件的进展情况。《经济参考报》记者了解到，欧委会2日对我国铸件反倾销日落复审做出终裁，称应本案起诉方的撤诉申请，欧盟取消对我国铸件产品最高47.8%的反倾销税。不过，业内人士指出，欧盟此举并不意味着我方</t>
  </si>
  <si>
    <t>美住金局提起诉讼的启示</t>
  </si>
  <si>
    <t>作为房利美和房地美(下称“两房”)的监管机构，美国联邦住房金融局9月2日对17家金融机构提起诉讼，要求他们赔偿以欺诈方式给“两房”出售住房抵押贷款证券而给后者造成的损失。这17家金融机构主要涉及美国本土和外国的大型银行，包括美国银行、花旗银行、摩根大通、摩根士丹?</t>
  </si>
  <si>
    <t>全球再现宽松货币迹象明显</t>
  </si>
  <si>
    <t>澳大利亚央行、欧洲央行、日本央行、英国央行等本周议息，美联储也将于两周后再次商讨新的刺激经济措施。　　　　市场预计，上述央行都将维持或重拾宽松货币政策。与此同时，为抵御“二次衰退”威胁，多个新兴经济体顶着高通胀压力断然降息，全球再现新一轮宽松货币政策的?</t>
  </si>
  <si>
    <t>华尔街17巨头被诉赔“两房”损失</t>
  </si>
  <si>
    <t>美国联邦住房金融局(FHFA)2日对17家金融机构提起诉讼，要求其赔偿以欺诈方式向房利美和房地美出售住房抵押贷款证券而给“两房”造成的损失。在“两房”财务状况依然堪忧、美国政府囊中羞涩之时，让华尔街买单似乎成了美国政府的唯一选择。　　　　作为“两房”的监管机构，</t>
  </si>
  <si>
    <t>20家在美上市企业账面现金高于市值</t>
  </si>
  <si>
    <t>由于美国8月非农就业数据差于预期，2日美股大幅收低，中国概念股也普遍收跌，“i美股”网站编制的中概30指数跌幅为3.52%。因近期股价大幅下挫，一些在美上市中国公司的账面现金甚至高于其市值，股价存在被严重低估的可能。　　　　根据美国2日收盘数据，包括英利绿色能源、</t>
  </si>
  <si>
    <t>紧缩货币“弊端”凸显</t>
  </si>
  <si>
    <t>巴西——金融危机之后第一批“用加息方式宣布退出经济刺激计划”的国家，与之相应的还有印度、澳大利亚、加拿大等。不过，现在巴西又在全球率先大幅减息，此前还有瑞士减息，但瑞士的问题和巴西截然不同。    巴西当时为什么加息？当然是为了抑制CPI的过快上涨，巴西央行对</t>
  </si>
  <si>
    <t>IMF批准向爱尔兰提供21亿美元贷款</t>
  </si>
  <si>
    <t>国际货币基金组织(IMF)2日宣布批准向爱尔兰提供21.1亿美元贷款，这是该组织自去年12月以来向爱尔兰提供的第三笔资金。　　　　国际货币基金组织当天在一份声明中说，该组织已完成对爱尔兰经济形势的第三次评估，并立即向爱尔兰提供13.2亿特别提款权(约合21.1亿美元)的融资?</t>
  </si>
  <si>
    <t>美国QE3九月推出可能性大  全球资产价格面临大动荡</t>
  </si>
  <si>
    <t>尽管伯南克未能在上周的全球央行年会中放出有关第三轮量化宽松政策(QE3)的讯号，但持续惨淡的经济基本面表现，悄然暗示伯老最终动用该筹码的必要性正在加强。从当天公布的美联储8月会议记录来看，联储已然在考虑进一步放宽政策的需要。    分析人士指出，种种迹象显示美联?</t>
  </si>
  <si>
    <t>奥巴马崛起之奇迹与运气</t>
  </si>
  <si>
    <t>奥巴马竞选总统的第一站，安排了跨越塞尔玛市埃德蒙·佩特斯桥的仪式。1965年，美国黑人为争取选举权举行游行遭到白人警察血腥镇压，史称“埃德蒙·佩特斯”事件。桥的尽头有一个广告牌，上面画着福里斯特将军的一幅巨大画像。“今天拜访塞尔玛就是要记住，迄今为止，美国仍?</t>
  </si>
  <si>
    <t>全球奢侈品制造商上半年利润猛增</t>
  </si>
  <si>
    <t>与欧美银行业上半年的利润大减甚至亏损相比，总部同样位于欧美地区的奢侈品制造商的日子要好过多了。近日，爱马仕等全球奢侈品制造商公布的财报显示，在亚洲等海外市场推动下，其上半年利润和销售额均大幅激增。　　　　法国奢侈品制造商爱马仕集团8月31日公布的年中财报显</t>
  </si>
  <si>
    <t>日本当年“买下美国”的前车之鉴</t>
  </si>
  <si>
    <t>近期，美国媒体多篇报道称，大量来自中国的投资进入纽约等房地产市场，并将目前中国在美国的投资与上世纪80年代日本资本大举入美相提并论。此间专家认为，在经济缓慢复苏的背景下，美国对中国资本的态度是既欢迎又戒备。从当年日本在美国投资遭遇来看，中国应该警惕美国可能?</t>
  </si>
  <si>
    <t>开征国际金融交易税难在何处？</t>
  </si>
  <si>
    <t>金融交易税正受到新一轮关注和热议。法国经济、财政与工业部长近日接受媒体采访时表示，法国政府希望今年11月初举行的二十国集团峰会，能够就进一步推动征收金融交易税取得进展。此前不久，法国总统萨科齐和德国总理默克尔也在巴黎共同提议在欧盟范围征收金融交易税。　　?</t>
  </si>
  <si>
    <t>标普指数将剔除嘉汉林业</t>
  </si>
  <si>
    <t>美国当地时间8月30日，评级机构标普宣布，鉴于嘉汉林业于2011年8月26日加拿大被安大略省证券交易委员会(OntarioSecuritiesCommission，以下简称“OSC”)停牌，标普S&amp;P/TSX指数委员会认为该股票不再满足入选S&amp;P/TSX综合指数的要求。按计划，该指数委员会将于2011年9月16日盘后</t>
  </si>
  <si>
    <t>新首相的“泥鳅政治”能让日本经济走多远</t>
  </si>
  <si>
    <t>日本执政的民主党新代表(党首)野田佳彦8月30日下午在国会众议院首相选举中当选新一届首相。日本新政权“野田”号马上就要扬帆起航。　　　　这次竞选民主党党代表，野田事前并不被看好，自己所属派别实力并不算大，最后得以脱颖而出，自然拜各种因素所赐。不能不提的是，这</t>
  </si>
  <si>
    <t>中远再遭船东警告  自尝“扩张”苦果</t>
  </si>
  <si>
    <t>扣船事件尚在解决中，中国远洋近日再遭亚洲船东金辉航运有限公司警告。而本周全球评级公司穆迪也发布报告指责中国远洋的付款纠纷问题，报告指出中国远洋租船费率的纠纷可能会影响干散货航运业的信誉。前期“膨胀”期高价签下的租船费用令如今的中国远洋有点吃不消。对于穆迪?</t>
  </si>
  <si>
    <t>美国消费者信心指数降至2009年以来最低</t>
  </si>
  <si>
    <t>美国行业研究机构世界大型企业联合会30日发布的数据显示，由于对个人收入和就业前景的看法更加悲观，美国消费者信心指数降至两年多以来的最低点。　　　　对美国5000户家庭调查的数据显示，8月份美国消费者信心指数从前一个月修正后的59.2降至44.5，为2009年4月以来的最低?</t>
  </si>
  <si>
    <t>方正电脑中标中央首期批量集中采购项目</t>
  </si>
  <si>
    <t>前不久，中央国家机关政府采购中心就中央国家机关2011年批量集中采购项目(第一期)发布中标通知书，方正电脑成功中标，将为全国20多个省及地市共180多家采购单位提供900多台计算机用于日常办公。在此前8月15日中共中央直属机关采购中心公布的中直机关2011年8月批量集中采购项?</t>
  </si>
  <si>
    <t>美经济再刺激方案渐行渐近</t>
  </si>
  <si>
    <t>鉴于经济下行风险加大，美国一些官员最近商议将第三轮定量宽松政策(QE3)作为下一步政策的可选手段，另外随着9月20日美联储将召开政策会议、美国总统奥巴马9月份欲向国会提交经济刺激新方案，美国新经济刺激方案更加迫近。　　　　据美联储公开市场委员会(FOMC)8月9日会议纪</t>
  </si>
  <si>
    <t>网民议吉祥航空“拒让门”：民航管理现状需反思</t>
  </si>
  <si>
    <t>据报道，近日，疑是民航空管局内部人士在微博报料称，8月13日，在上海虹桥机场上空，一架吉祥航空公司航班，在已知后面一架卡塔尔航空公司波音B-777燃油即将耗尽、飞机随时会坠毁情况下，竟然不避让，并谎称自己也油量不足，险些酿成后面卡塔尔B-777机毁人亡的重大责任事故。</t>
  </si>
  <si>
    <t>福建泉州  非法采沙堆场“围堵”入海口后患堪忧</t>
  </si>
  <si>
    <t>晋江是有着七百多万人口的泉州市的母亲河，晋江入海口一带是泉州市正在推进建设的“环海湾型”城市的重要节点。但近年来晋江入海口却被非法的采沙堆场不断侵蚀，数百亩的水域被填平，约1/4宽的河道被占，如此大规模的堆土堵河在当地实属罕见。福建是台风多发省份，晋江入海口</t>
  </si>
  <si>
    <t>新浪持股土豆网9.05%  分析人士认为新浪土豆网联盟形成</t>
  </si>
  <si>
    <t>美国当地时间8月29日，新浪向美国证券交易委员会最新提交的13D文件显示，截至2011年8月26日，新浪共持有土豆2567570份ADS(美国存托股份，相当于10270280普通股)，占土豆网整体股份的9.05%，总交易金额为6640万美元。受此消息影响，土豆网当天股价上涨0.63元，收报每股25.73美</t>
  </si>
  <si>
    <t>粮农组织称今年可能再现H5N1禽流感疫情</t>
  </si>
  <si>
    <t>联合国粮农组织29日发表声明，呼吁全世界密切关注今年秋冬季有可能再度出现的大规模H5N1高致病性禽流感疫情，并为此做好准备。　　　　声明说，有迹象表明，H5N1禽流感的变异病毒正在亚洲蔓延。在今年春天暂停给家禽接种疫苗的越南，其中部和北部大部分地区已被新型H5N1禽?</t>
  </si>
  <si>
    <t>日本失业率升至4.7%</t>
  </si>
  <si>
    <t>日本总务省30日公布的数据显示，经季节调整后，7月份日本失业率为4.7%，环比上升0.1个百分点，为连续两个月出现上升。　　　　这一统计未包括地震受灾严重的日本东北地区三县。根据统计，7月份日本失业者总数为292万人，比去年同期减少23万人，为连续14个月减少。而当月就?</t>
  </si>
  <si>
    <t>建行对美银减持表示理解  称众多机构对这次减持表示出兴趣</t>
  </si>
  <si>
    <t>中国建设银行30日称，美银出于自身原因减持部分股份，建设银行表示理解，并仍将继续深化双方合作。　　　　美国银行29日晚宣布，将出售其在建行的一半股份，旨在加强其资本基础。30日，建行H股报收5.65港元，涨1.8%，成交金额达到251亿港元，占到整个港股市场成交额的近三?</t>
  </si>
  <si>
    <t>希腊银行业合并求生  欧版“TARP”隐现</t>
  </si>
  <si>
    <t>希腊第三大银行阿尔法银行(AlphaBank)和第二大银行EFGEurobank银行在8月29日发表声明，宣布将通过合并来一同应对主权债务危机。为遏制债务危机对金融系统的侵害，欧洲银行业可能面临类似美国不良资产救助计划(TARP)的解决方案。　　　　合并后的新银行将可能成为希腊最大的</t>
  </si>
  <si>
    <t>大量资金入场推升美股  金价小幅回落</t>
  </si>
  <si>
    <t>由于飓风“艾琳”造成的损坏程度远远低于投资者预期，29日纽约股市在大量资金入场的情况下上涨，道琼斯指数上涨超过250点，纳斯达克指数上涨超过3%。此前遭大量抛售的保险股重新受投资者青睐出现大幅上涨。　　　　在经济数据方面，美国商务部29日宣布，7月的个人消费开支?</t>
  </si>
  <si>
    <t>欧盟推出玩具安全“世上最严规定”</t>
  </si>
  <si>
    <t>前不久，欧盟推2011年新版《玩具安全指令》，从而取代了1988年版《玩具安全指令》，被认为在物理、化学、机械、电气、卫生等诸项领域里做出了“世界上最严格的规定”。它对玩具的制造、进口以及销售环节明确了更细致也更广泛的责任，实行“可追溯制”，任何玩具必须标有厂名?</t>
  </si>
  <si>
    <t>野田佳彦面临又一“短命”首相风险</t>
  </si>
  <si>
    <t>日本现任财务大臣野田佳彦在29日执政党民主党选举中击败4名候选人，出任民主党党首。由于民主党把控国会众议院绝对多数议席，野田获得众议院批准出任首相几乎没有悬念。野田有望最快于30日获国会表决通过，接替菅直人出任日本新首相。　　　　野田新首相上任后马上就将迎来</t>
  </si>
  <si>
    <t>美银宣布出售131亿建行股份</t>
  </si>
  <si>
    <t>8月29日晚间消息，美国银行(BAC)周一宣布，将出售其在中国建设银行的一半股份，即131亿股，预计将赚得33亿美元，美银方面称此举旨在加强其资本基础。市场预期，此交易将在下月底之前完成。　　　　一位银行业分析师对《经济参考报》记者表示，国际投资者重新配置中资银行股</t>
  </si>
  <si>
    <t>光明敲定国内食品业最大海外收购案</t>
  </si>
  <si>
    <t>光明食品(集团)有限公司与澳大利亚玛纳森食品集团29日正式签署战略合作协议，光明食品将收购玛纳森食品75%的股权。此次收购金额约为5.3亿澳元(约合5.6亿美元)，是中国食品业迄今最大的一笔海外收购案。　　　　“近两年来在海外并购道路上表现最活跃的莫过于光明食品集团了</t>
  </si>
  <si>
    <t>云计算成为全球信息化领域一大热点</t>
  </si>
  <si>
    <t>自2006年8月美国Google公司首席执行官埃里克·施密特在搜索引擎大会上首次提出云计算概念以来，在全球各大IT巨头的努力推动下，最近五年云计算在全球获得飞速发展，日益成为信息化建设领域的一大热点和未来趋势。　　　　亚马逊于2007年向开发者开放了名为“弹性计算机云”</t>
  </si>
  <si>
    <t>斯蒂芬·金认为——欧美经济体正重蹈日本经济覆辙</t>
  </si>
  <si>
    <t>英国《独立报》网站近日发表汇丰银行首席经济学家斯蒂芬·金的一篇文章，题为《我们的经济困境表明，日本并非绝无仅有的个案》。该文章指出，欧美经济体一向自认为比日本灵活，从而可避免类似的长期经济低迷。但21世纪初欧美世界增长的质量和速度每况愈下。糟糕的经济现实使?</t>
  </si>
  <si>
    <t>西班牙专家指出——美欧消费不振再现全球深度衰退风险</t>
  </si>
  <si>
    <t>最近，西班牙《起义报》刊登经济学家罗兰多·阿斯塔里塔的一篇文章，题为《世界处于新的全球衰退边缘》。该文章指出，美经济经过两年复苏开始猛烈降速。由于私人开支没有恢复，同时全球赤字增长，美政府财政刺激政策自我消耗，效果不佳。但若实施紧缩开支政策则会使形势更加?</t>
  </si>
  <si>
    <t>美联储暗示货币政策需再观察</t>
  </si>
  <si>
    <t>历史没有重演。在26日怀俄明州杰克逊豪尔召开的全球央行年会上，美联储主席伯南克并未提及第三轮量化宽松政策（QE3）。但伯南克同时宣布，定于9月召开的美国联邦公开市场委员会（FOMC）会议的会期将由1天增至2天，旨在允许联邦公开市场委员进行“更加完整的讨论”。　　　?</t>
  </si>
  <si>
    <t>澳大利亚经济如何走出冰火两重天</t>
  </si>
  <si>
    <t>在矿业繁荣，澳元汇率持续坚挺背景下，澳大利亚经济发展失衡日趋显著。当前，矿业与其他某些经济部门冷热反差之大，可以用冰火两重天来形容。如何走出冷热失衡局面，已成为关乎澳经济能否实现持续增长的重大课题。　　　　矿业巨头必和必拓集团日前宣布，2010至2011财年，?</t>
  </si>
  <si>
    <t>巴菲特的投资哲学不是空洞的口号</t>
  </si>
  <si>
    <t>那边乔布斯忙着辞职，把全球人的注意力都吸引过去的时候，这边，股神巴菲特也没有闲着。大手一挥，砸下50亿购买5万份美国银行累积优先股，该优先股每年股息收益为6%，并可在任意时点以5%的溢价赎回。此外伯克希尔还将获得7亿份美国银行认股权证，可以每股7.14美元的价格购入?</t>
  </si>
  <si>
    <t>乔布斯退了  苹果还是那个苹果吗？</t>
  </si>
  <si>
    <t>一个美国式的英雄，几经起伏，21岁与别人合伙创办公司，掀起了个人电脑的风潮，改变了一个时代；30岁最顶峰的时期被亲手创办的公司扫地出门，但12年后，又卷土重来，挽救其于危难中；他的到来为苹果注入灵感，一个接一个的创新让对手应接不暇；作为个人电脑界的传奇，他推出?</t>
  </si>
  <si>
    <t>走出人民币跨境流动管理的三重困境</t>
  </si>
  <si>
    <t>8月中旬，国务院副总理李克强在香港考察时提出，启动多项政策措施支持香港发展成为离岸人民币中心。可以说，目前全球金融形势比较复杂，美国国债信用评级被降低，美元信誉受到了挑战，在这种背景下推出一系列政策措施，其实是间接让人民币得以跨境自由流动，以进一步加快人民</t>
  </si>
  <si>
    <t>发展中国家涉华贸易救济案件激增</t>
  </si>
  <si>
    <t>《经济参考报》记者根据商务部公开信息初步统计，年初至今，阿根廷、墨西哥、巴西、土耳其、印度等发展中国家的涉华贸易救济案件已多达约40起，其中新发起案件14起。　　　　专家提示，一方面，新兴经济体对华发起的贸易救济措施案件增多，金额也显著增加；另一方面，受累?</t>
  </si>
  <si>
    <t>美英意法“哄抢”利比亚石油资源</t>
  </si>
  <si>
    <t>随着利比亚领导人穆阿迈尔·卡扎菲掌权42年后下落不明，意大利能源巨头埃尼公司抓紧游说反对派领导人，以确保自身在利比亚最大能源生产商的地位。　　　　埃尼的竞争对手是法国、英国、美国石油和天然气企业，试图利用美、英、法三国在对利比亚军事行动中的“贡献”扩大地?</t>
  </si>
  <si>
    <t>美国经济数据颓势尽显  美元依旧低位整理</t>
  </si>
  <si>
    <t>在日本及瑞士当局干预时隐时现、一系列经济数据表现令人愕然及全球股市频频暴挫的大背景下，近期汇市的表现波澜壮阔。美元依旧低位整理。　　　　美国经济数据尽显疲弱　　　　美国最近公布的一系列经济数据表现之疲弱令人惊愕。此前，关于美国经济是否将陷入衰退的辩论?</t>
  </si>
  <si>
    <t>穆迪下调日本国债评级对市场冲击有限</t>
  </si>
  <si>
    <t>评级机构穆迪投资者服务公司24日宣布将日本国债评级从Aa2下调一档至Aa3。穆迪给出的理由是日本赤字巨大、债务负担不断增加且中短期内难以抑制公债占国内生产总值的比例上升。穆迪还表示，日本首相更迭过于频繁，使得政策缺乏一贯性，拖累了必要的财政改革步伐。　　　　市?</t>
  </si>
  <si>
    <t>油价反弹  金价回落</t>
  </si>
  <si>
    <t>尽管在23日收盘前美国东部地区发生里氏5.8级地震，且纽约有明显震感，但国际油价依然收高。　　　　美国东部地区13时51分发生地震，据纽约商品交易所交易员雷蒙德·卡本说，地震发生后交易员紧急疏散，引起原油交易短暂中断。一般情况下，地震会触发市场恐慌情绪，从而导致</t>
  </si>
  <si>
    <t>瑞银宣布裁员3500人</t>
  </si>
  <si>
    <t>瑞士最大银行瑞银集团23日宣布裁员3500人的计划，以落实节支措施，在2013年年底前节约20亿瑞士法郎(约合25亿美元)。　　　　瑞银集团目前拥有6.57万员工，此次裁员3500人包括400名在瑞士的员工。裁员最多的部门是投行部门，约1500人。　　　　瑞银集团调整计划预计耗资5.</t>
  </si>
  <si>
    <t>德总统批评欧洲央行“救市”行为</t>
  </si>
  <si>
    <t>德国总统武尔夫24日在公开讲话中批评欧洲中央银行恢复购买欧元区国家国债的行为，称其不但无助于债务危机的解决，反而会制造更多麻烦。　　　　武尔夫当天在德国林道举行的第四届诺贝尔经济学奖得主大会上说，欧洲央行在二级市场大规模购买单个国家政府债券的“合法性”值?</t>
  </si>
  <si>
    <t>奥巴马“问计”巴菲特  拟对富人增税</t>
  </si>
  <si>
    <t>计划在9月5日美国劳动节假期后发表关于推动就业和经济增长演说的美国总统奥巴马，于当地时间8月22日致电“支持对富人增税”的“股神”巴菲特，寻求后者对其政策的支持和建议。　　　　“增税”颇合奥巴马心意　　　　巴菲特突然受到奥巴马的“眷顾”，这和前者近日在《纽</t>
  </si>
  <si>
    <t>诺奖得主：欧债危机扼制西方经济增长</t>
  </si>
  <si>
    <t>多位诺贝尔经济学奖得主认为，欧洲主权债务危机是整个西方体制面临的一个重大问题，相关国家如果没有解决问题的信心和决心，美欧经济可能会陷入长期停滞，并在亚洲和拉美国家崛起的同时陷入衰落。　　　　诺奖得主是德国《世界报》在第四届诺贝尔经济学奖得主大会召开之前?</t>
  </si>
  <si>
    <t>调汇率未必是平衡国际收支良策</t>
  </si>
  <si>
    <t>笔者相信，有关管理当局完全明白，不论是从国际金融学的基本理论上，还是从中国经济的现实看，持有这么多美国国债都不是上策。可是多年积累起来的外汇储备总要有个出路。买资源，买技术，买下敢和中国企业叫板的竞争对手，理论上可行，实践中难办。为了保住国人血汗换来的外?</t>
  </si>
  <si>
    <t>中国债权国地位含金量不高</t>
  </si>
  <si>
    <t>美国是具有正财富收益的债务国，而中国是具有负财富收益的债权国，中国需要重新审视债权国地位。　　　　从收益率上看，作为国际债权大国的中国已经陷入了“斯蒂格利茨怪圈”。所谓“斯蒂格利茨怪圈”，是指一些新兴市场国家将本国企业的贸易盈余转变成官方外汇储备，并通?</t>
  </si>
  <si>
    <t>拥有人脉从塑造自我开始</t>
  </si>
  <si>
    <t>美国前总统小布什智囊团的首席战略顾问鲍勃·比汀所著的《人脉》。是一本让人受益匪浅的人际交往的指导书，因为它的实用和简约，获得了包括小布什、奥巴马、克林顿等几位总统的推荐，在亚马逊网站持续热销48周，欧美畅销800万册，改变了1500万人的命运。　　　　《人脉》一</t>
  </si>
  <si>
    <t>美国：把餐厨废油“烹饪”成循环经济的“鲜美大餐”</t>
  </si>
  <si>
    <t>美国餐饮业每年使用植物油超过11亿升。为处理好废弃用油，美国在依靠法律严格监管的同时，鼓励开发先进的技术产品，使餐厨废油成为能源循环利用的重要来源。　　　　严格监管杜绝“地沟油”　　　　●严格的卫生评级制度使餐馆业主不敢把废油倒入下水道，使之成为“地沟?</t>
  </si>
  <si>
    <t>日本：下水道巧妙设计生态城建立奇功</t>
  </si>
  <si>
    <t>日本作为发达国家，在食品卫生管理方面有很多值得我国借鉴的地方，比如对“地沟油”的处理方面，注重变废为宝，并且与低碳社会结合在一起，积累了很多宝贵的经验。　　　　厨房不起眼设施阻断“地沟油”　　　　●水盆的下水处安装有细密的过滤网，食物残渣不管多少都被?</t>
  </si>
  <si>
    <t>英国：让废弃食用油助力“绿色产业”</t>
  </si>
  <si>
    <t>英国每年大概产生22.5万吨废弃食用油。这些废油的去向十分透明，主要用于绿色燃料及绿色发电行业，而将其提炼成“地沟油”再回流入食物链的现象并不存在。归纳来看，英国废弃食用油的规范处理主要得益于政府的有效监管和政策支持。　　　　废油去向透明　　　　●餐馆如?</t>
  </si>
  <si>
    <t>全球电脑市场格局会否出现重大调整</t>
  </si>
  <si>
    <t>目前分别排名全球电脑市场第一和第三位的惠普公司与联想集团日前分别传出两条消息，引起业界关注。美国惠普公司日前表示，公司正在考虑拆分个人电脑业务。联想则在日前发布的最新财报中表示，已连续七个季度成为全球前五大电脑厂商中增长最快的。有业内人士认为，惠普的战略?</t>
  </si>
  <si>
    <t>欧债风险大过美债,中国不能买</t>
  </si>
  <si>
    <t>美国主权评级遭下调震撼全球经济，世界银行行长佐利克警告，欧债危机比美债问题更棘手，而且几乎没喘息时间，环球经济更危险的“戏肉”尚在后头。　　　　世行行长佐利克的话语虽然不多但内涵深刻，而且颇具警示意义，特别是对于中国来说。笔者认为，主要表现在三点：他表?</t>
  </si>
  <si>
    <t>泛电视化致亚洲面板战略失效</t>
  </si>
  <si>
    <t>随着彩电企业陆续披露中期业绩，整个行业增速放缓迹象已凸显无疑，此时全球彩电企业纷纷转舵智能电视，力求通过产品智能化消解全球产业变动带来的冲击。事实上，自谷歌、微软等IT巨头宣布进军电视领域以来，全球彩电业便掀起一股泛电视化浪潮：一方面，电视正突破其单一的视?</t>
  </si>
  <si>
    <t>日本称必要时再度干预汇市</t>
  </si>
  <si>
    <t>日本财务大臣野田佳彦22日说，日本政府将在必要时采取一切可能手段干预日元升值。　　　　东京汇市22日开市后，日元对美元汇率在76比1区间波动。前一个交易日，即日本时间19日深夜，纽约外汇市场日元对美元汇率盘中创下75.95日元比1美元的新高，刷新日本震后创下的76.25日?</t>
  </si>
  <si>
    <t>追问协会的滥用私权同样重要</t>
  </si>
  <si>
    <t>有报纸揭露某协会：伪造联合国机构为活动主办单位，2009年才注册，2005年就开始活动，将民间人士包装为联合国官员，伪造不存在的出版机构等。　　　　这表明，一场对“中非希望工程”卢美美(卢星宇)是否滥用公权、滥用公众慈善心的追问，开始伸展到对卢美美的娘家某协会是?</t>
  </si>
  <si>
    <t>欧洲银行闹“钱荒”  金融监管难收紧</t>
  </si>
  <si>
    <t>随着主权债务危机在西班牙、意大利和法国等国蔓延，欧洲银行在各种融资市场面临的资金压力越来越大，银行间惜贷情绪升温。　　　　有分析指出，市场目前正紧盯欧洲银行业的风吹草动，担忧类似雷曼兄弟倒闭时的金融灾难重演。同时，由于欧洲银行业的资金压力问题愈加严重，?</t>
  </si>
  <si>
    <t>谨防康菲实施“反调查”和“责任规避”</t>
  </si>
  <si>
    <t>记者21日从国家海洋局获悉，国家海洋局已牵头联合国土资源部、环境保护部、交通运输部、农业部、安监总局、国家能源局等部门组成康菲溢油事故联合调查组。19日下午，联合调查组召开会议，分别听取康菲石油中国有限公司(以下简称“康菲公司”)和中国海洋石油总公司(以下简称“</t>
  </si>
  <si>
    <t>约翰·奈斯比特来华探求中国大趋势下的挑战与机遇</t>
  </si>
  <si>
    <t>近日，“2011NUSKIN大师趋势论坛”在京举行。作为今年该论坛的首发站，享誉世界的未来学家、埃森哲评选的全球50位管理大师之一的约翰·奈斯比特教授(ProfessorJohnNaisbitt)作为主讲，阐释了亚洲、尤其是中国市场的整体发展大势，以及在当今社会中如何定见未来，得心应手地驾</t>
  </si>
  <si>
    <t>A股大跌,缺失的是“价值投资”</t>
  </si>
  <si>
    <t>最近，全球股市在美国国债降级风暴的席卷下风声鹤唳，A股市场也随之暴跌。此等走势再次引发投资者“A股只陪跌不陪涨”的哀叹。A股真的需要大跌，值得大跌吗？什么时候A股不再陪美股下跌，甚至走出独立行情。　　　　股市的基础是宏观经济，目前所有经济基本面状态与前几个?</t>
  </si>
  <si>
    <t>“糖果人”克莱恩的故事</t>
  </si>
  <si>
    <t>“吉力贝”(JellyBelly)这个糖豆品牌在美国家喻户晓。提到这个名字，人们就会想到那些五彩缤纷、口味繁多的软心糖豆，甚至还能和美国文化挂上钩。不过，该品牌创造者戴维·克莱恩却没有多少人知道，原因在于他多年前卖掉了“吉力贝”这块金字招牌。　　　　号称“糖果人”?</t>
  </si>
  <si>
    <t>互联网——科研新场所</t>
  </si>
  <si>
    <t>把科学研究从传统封闭的实验室搬到开放的互联网上进行，会取得怎样的效果？英美国家一批年轻科学工作者对这种科研方式予以肯定。他们在网上征召合作者和志愿者，在博客里发表科学设想并征求意见，令互联网成为科研新场所。　　　　集思广益　　　　对剑桥大学教授蒂莫西?</t>
  </si>
  <si>
    <t>美经济新政难立但QE3可期</t>
  </si>
  <si>
    <t>美国总统奥巴马17日表示，他将向国会提交一份提振经济、创造就业及控制赤字的详细计划。由于该计划的实施前景难料，多数机构和市场人士对美国经济改善不抱乐观，反而是对第三轮量化宽松货币政策(QE3)推出的时点有了更近的预期。　　　　加税和减赤并行　　　　奥巴马在伊</t>
  </si>
  <si>
    <t>美债评级遭降  日本经济遭殃</t>
  </si>
  <si>
    <t>标准普尔下调美国主权信用评级，导致新一轮全球经济动荡，其负面影响逐渐在饱受地震打击的日本显现出来。　　　　日本目前最担心的是连锁反应，美国信用等级遭下调，会拖累日本信用等级一同下调。因为日本在发达国家中国债与GDP的比率最高，从逻辑上讲，日本国债的安全系数</t>
  </si>
  <si>
    <t>法德峰会令市场失望</t>
  </si>
  <si>
    <t>法国总统萨科齐和德国总理默克尔16日在巴黎举行峰会，并公布一系列推动欧元区深度整合的计划。法德两国将共同提出成立欧元区经济政府、成员国实施财政平衡政策、征收金融交易税等建议，但表示目前尚无扩大欧元区救助基金规模的需求，近期不会考虑发行欧元区共同债券。　　?</t>
  </si>
  <si>
    <t>渤海湾漏油其实有“法”赔偿</t>
  </si>
  <si>
    <t>据报道，国家海洋局及地方分局多位人士透露，“溢油类型在国内属于首例”的渤海湾蓬莱19-3油田漏油事故，即便不考虑沿海养殖场的渔业损失以及受污染海滨浴场的旅游业损失，仅就海洋生态损失赔偿而言，国家海洋局将发起上亿元的索赔计划，随着污染范围的逐步扩大，索赔额度也?</t>
  </si>
  <si>
    <t>澳大利亚工人的慢工细活</t>
  </si>
  <si>
    <t>在澳大利亚接受服务，首先要学会耐心等待，不论你有多急，都得按照程序办事。据笔者亲身体验，办事缓慢是澳服务业的一大特征，也是极易点燃消费者怒火的因素。　　　　笔者初来澳大利亚时，曾联系当地电信公司办理电话业务，却惊悉装电话最多得等15个工作日方能交货，最终?</t>
  </si>
  <si>
    <t>国家海洋局公开选聘法律机构代理康菲漏油案</t>
  </si>
  <si>
    <t>国家海洋局网站16日公布《关于公开选聘渤海溢油索赔案件法律服务机构的公告》。公告称，将面向全社会公开选聘以一家法律服务机构为主、3至4家法律服务机构为辅的法律服务团队，代理国家海洋局北海分局诉美国康菲石油(中国)有限公司一案。　　　　国家海洋局称，2011年6月，</t>
  </si>
  <si>
    <t>壳牌石油深海钻探安全再遭质疑</t>
  </si>
  <si>
    <t>英国政府和英荷壳牌石油公司15日说，壳牌公司北海输油管泄漏事故已经构成“重大”泄漏，约1300桶原油漏入海中，且泄漏仍未停止。这是自2000年以来北海最严重的漏油事故。　　　　壳牌石油公司12日首次对外通报，连接“塘鹅1号”钻井平台的一条海底输油管发生破裂。据壳牌石</t>
  </si>
  <si>
    <t>标普叫板美国背后的权力制衡</t>
  </si>
  <si>
    <t>评级机构标准普尔和美国当局的博弈还在进行，这是否也是一场闹剧，又会以怎样的结局收场？　　　　标普破天荒调低美国主权信用评级后，美国财长盖特纳难掩愤怒，指责标普计算方法“令人震惊地缺乏常识”，作了“极其糟糕”的评判。总统奥巴马则强调“不管哪个机构怎么说”?</t>
  </si>
  <si>
    <t>泛北经贸合作：前景广阔  硕果可期</t>
  </si>
  <si>
    <t>8月14日上午，中越边境北仑河畔的广西东兴市边贸互市贸易区内一派繁忙，河道内穿梭的船只运送着淀粉、橡胶鞋等各种物品往返于北仑河两岸。作为广西北部湾经济区对接越南等泛北国家的门户要冲，东兴蓬勃发展的边境贸易就是泛北部湾各国间迅猛发展经贸合作的一个缩影。</t>
  </si>
  <si>
    <t>芝加哥农产品期价四连涨</t>
  </si>
  <si>
    <t>受到利好外部市场、美国粮食主产区不利的天气形势以及出口需求的综合影响，芝加哥期货交易所15日玉米、小麦、大豆三大品种连续第四个交易日上扬。　　　　当日，玉米市场交投最活跃的12月合约上涨5.5美分，收于每蒲式耳7.2美元，涨幅为0.8%。小麦12月合约上涨9.25美分，收?</t>
  </si>
  <si>
    <t>实现共同利益的“金钥匙”</t>
  </si>
  <si>
    <t>第六届泛北部湾经济合作论坛将于18日在广西南宁举行，一把反映本届论坛主题意义的镂空钥匙被定为标志性会议符号。这个在中国-东盟自由贸易区框架下探索“局部率先突破、先试先行”的区域性经贸论坛，此前已历经5届并彰显成效，目前相关各方恰恰正需要找到一把继续深化合作、?</t>
  </si>
  <si>
    <t>欧盟第二季度经济增长放缓</t>
  </si>
  <si>
    <t>欧盟统计局16日发布的数据显示，今年第二季度欧盟与欧元区经济环比均增长0.2%，同比均增长1.7%，比第一季度增速有所放缓。　　　　数据显示，在欧盟27个成员国中，经济环比增幅最大的是拉脱维亚，为2.2%。爱沙尼亚则同比增幅最大，达8.4%。　　　　欧盟最大的两个经济体?</t>
  </si>
  <si>
    <t>国家海洋局拟发起上亿元索赔</t>
  </si>
  <si>
    <t>国家海洋局及地方分局多位人士15日向《经济参考报》独家透露“溢油类型在国内属于首例”的渤海湾蓬莱19-3油田漏油事故，正逐步由海上清污阶段转向对中海油-康菲的追责索赔阶段“近日将有重大政策出台”。　　　　“即便不考虑沿海养殖场的渔业损失以及受污染海滨浴场的旅游</t>
  </si>
  <si>
    <t>全球液晶面板触发价格战</t>
  </si>
  <si>
    <t>继在美国纽约州被诉讼后，夏普、三星、LG、奇美等全球面板巨头再度被韩国公平贸易委员会指责存在操纵价格等违法行为，未来很可能面临相关制裁，此举也被有关媒体解读为韩国政府借机打压日本以及中国台湾地区面板业的保护主义行动。在全球面板业掀起区域贸易战之时，中国面板?</t>
  </si>
  <si>
    <t>没资格吃冰激凌的美国议员</t>
  </si>
  <si>
    <t>在美国8月2日债务违约进入倒计时的第五天，华盛顿酷暑难耐，一位名叫盖伊·柏林纳的商人在国会山前给路人免费发放冰激凌。柏林纳调侃道：“人人都有资格免费吃冰激凌，就是国会山的那帮家伙没资格吃。”　　　　冰激凌虽小，却能折射出美国民众对于美国政治运作机制低效的?</t>
  </si>
  <si>
    <t>结构性风险是  新兴经济体最大挑战</t>
  </si>
  <si>
    <t>全球金融局势失序，国际经济恶化程度远超预期，金融市场出现灾难性的狂泻潮并不仅仅是对美国经济债务日益恶化、欧债危机再次卷土重来以及全球经济二次衰退概率加大的恐慌，新兴经济体同样面临高增长模式难以持续的风险。　　　　事实上，全球经济面临不是周期性危机，而是?</t>
  </si>
  <si>
    <t>10年内我核电新增装机容量将大减</t>
  </si>
  <si>
    <t>《经济参考报》记者近日从多个渠道获悉，日本福岛第一核电站核泄漏事故令本已提速的中国核电发展转为减速，10年内核电新增装机容量将大幅减少，远低于之前规划的装机容量。　　　　日本福岛核事故发生后，国务院组织核电安全检查团进行全国核电安全大检查，已建和在建核电?</t>
  </si>
  <si>
    <t>土豆网最快本周登陆纳斯达克</t>
  </si>
  <si>
    <t>《经济参考报》记者从消息人士处获悉，土豆网赴美IPO计划不变，预计最快将于本周内登陆美国纳斯达克市场。另有知情人士向《经济参考报》记者透露，除了百度外，优酷网和乐视网近期也就收购事宜与土豆网进行了积极接触。不过，对于上述消息土豆网方面仍以“在静默期”为由，未</t>
  </si>
  <si>
    <t>升值抗通胀无异于抱薪救火</t>
  </si>
  <si>
    <t>市场最近很推崇“升值抗通胀”，但这一做法将无异于抱薪救火。固然，升值可以对冲一部分输入型通胀压力，但在美国再次定量宽松概率渐高的背景下，货币当局若释放出升值提速的信号，必将加大热钱流入压力，加大外汇占款压力。在抗通胀的过程中，升值又将制造通胀。而且，在货?</t>
  </si>
  <si>
    <t>欧美对谷歌展开反垄断调查</t>
  </si>
  <si>
    <t>据知情人士透露，美国联邦贸易委员会(Federal Trade Commission，简称FTC)官员日前对谷歌的反垄断调查主要集中在该公司的几个重要业务领域，其中包括谷歌的Android手机软件以及网页搜索相关服务。　　　　Six weeks after serving Google with broad subpoenas，Federal Tr</t>
  </si>
  <si>
    <t>法德首脑拟联手拯救欧元</t>
  </si>
  <si>
    <t>据外媒报道，为保护12年前创造的欧洲统一货币———欧元，法国总统萨科齐和德国总理默克尔定于当地时间16日在巴黎举行会晤，并就如何加强欧元区的经济监管提出建议。在投资者对欧元区主权债务的担忧正在惊扰全球金融市场的节骨眼上，这两位在欧元区内部达成共识方面扮演着重?</t>
  </si>
  <si>
    <t>法国“3A”能保多久？</t>
  </si>
  <si>
    <t>自欧债危机爆发以来，市场开始流行“谁是下一个”的可怕的“猜谜游戏”。继希腊、爱尔兰和葡萄牙中的之后，市场本来是将注意力转向同样“位忝”欧猪国家的意大利和西班牙。不想评级机构真在太岁头上动了土，下调了美国的主权信用评级，不仅成为上周全球市场黑色星期一的导火?</t>
  </si>
  <si>
    <t>中国版“401K”远水难救A股市场近火</t>
  </si>
  <si>
    <t>最近，证监会为中国股市描绘了一幅美丽的蓝图。据媒体日前报道，证监会正积极提出多项政策建议，推动中国版“401K”出台，通过推动养老金和企业年金入市，实现养老体系和资本市场的良性互动。鉴于美国1978年推出的“401K”计划给美国股市带来了18年的大牛市，因此，证监会同?</t>
  </si>
  <si>
    <t>QE3箭在弦上滞胀风险笼罩全球</t>
  </si>
  <si>
    <t>近一段时间以来，随着欧债危机的持续发酵，美国债务上限纠缠不休，最后在标普降级的引爆下，全球主要资本市场经历了自2008年金融危机以来最为惨烈的一轮下跌。专家认为，美国出台第三轮定量宽松的可能性正在增大，此举将对全球经济以及中国经济产生严重的影响。　　　　美?</t>
  </si>
  <si>
    <t>兴业引爆欧洲银行业危机</t>
  </si>
  <si>
    <t>随着欧洲主权债务危机继续在西班牙、意大利等国家蔓延，欧洲银行业的资金吃紧现象日益凸显，10日，受法国将失去AAA主权评级、法国第二大银行———法国兴业银行存在融资难题等传闻的影响，兴业银行股价巨幅下跌，引爆欧美股市大幅下挫，金融市场似又有卷起银行危机之势。</t>
  </si>
  <si>
    <t>欧盟拟对华产品征收高关税</t>
  </si>
  <si>
    <t>笼罩在主权债务危机阴云下的欧洲，频频举起贸易保护主义大棒。　　　　11日，商务部网站发布了一则来自商务部驻意大利经商处的预警信息。预警援引欧洲当地媒体的报道说，欧盟正准备通过高关税的方式对抗来自中国的廉价商品。　　　　“这一举措并非空穴来风，在去年11月?</t>
  </si>
  <si>
    <t>骚乱反映了  英国深层次社会矛盾</t>
  </si>
  <si>
    <t>8月8日，从6日晚开始的伦敦骚乱进入第三天，8日下午和晚间不仅在伦敦诸多地区相继发生暴力事件，而且骚乱已经蔓延至英格兰中部城市伯明翰。　　　　骚乱是英国多种社会矛盾集中爆发的结果。　　　　骚乱起源的伦敦托特纳姆区是伦敦低收入家庭聚居地之一，是伦敦失业率最?</t>
  </si>
  <si>
    <t>在货币互换基础上建立融资资金池</t>
  </si>
  <si>
    <t>2009年中国央行已与韩国、阿根廷等6个国家和地区的央行及货币当局签署了货币互换协议，总额达到6500亿元人民币。截至2011年6月，这个数字已上升至8412亿元人民币，签署双边货币互换协议的国家和地区也增至12个。　　　　针对这一现象，北京大学中国精算发展研究中心学术委?</t>
  </si>
  <si>
    <t>日本或再与G7联手干预汇市</t>
  </si>
  <si>
    <t>在全球股灾、美联储推出第三轮量化宽松政策(QE3)的预期以及朝鲜半岛局势再度升温等因素的共同推动下，日元对美元汇率反弹至上周日本政府和央行大手笔干预汇市之前水平。　　　　分析人士指出，鉴于欧洲央行已对日本上周的单独干预行动表示了不满，后者此次可能会与七国集团</t>
  </si>
  <si>
    <t>膨化的GDP与GDP的膨化</t>
  </si>
  <si>
    <t>GDP增长“不差钱”，GDP增长无难事，我们创造了一个GDP数字奇迹而非价值奇迹。　　　　近十年来，中国GDP在世界排名中一直是精彩的，先后超越意大利、法国、英国、德国，2010年以多出4044亿美元的GDP超过日本，正式成为世界第二大经济体。对于我们GDP的真实性，我有所怀疑?</t>
  </si>
  <si>
    <t>重化工热度不减环渤海地区减排压力加大</t>
  </si>
  <si>
    <t>继珠三角、长三角之后，环渤海地区无疑正在成为我国经济的又一增长极。　　　　严格来说，海岸带经济是蓝色经济的基础产业体系，海床带经济是开发利用海上尤其是200海里经济专区海洋资源为主要内容的核心产业体系。然而，与海洋经济的“蓝色调”相背离的是，《经济参考报》</t>
  </si>
  <si>
    <t>标普不依不饶  发难美市政债券</t>
  </si>
  <si>
    <t>原本自认为只是率先对美债降级的标普，如今发现自己是单枪匹马。穆迪和惠誉近日的表态证实，二者短期内都将维持美国的AAA信用评级。而标普8日下调美国市政债券及房地美和房利美(“两房”)等多家金融机构评级的行为证明，它已决定将一条路走到底，尽管美国参议院已准备对其“?</t>
  </si>
  <si>
    <t>美债降级短期冲击不致失控  长期影响深远</t>
  </si>
  <si>
    <t>尽管有两天休息日的消化，全球主要金融市场的强烈反应仍然充分显示了标准普尔降低美国国债信用评级的严重性。但此次美国信用评级下降的影响首先、也主要体现在金融市场上，而且不至于持续很久。　　　　不错，由于现行国际货币体系本质上是美元本位，美元债券市场也是全世?</t>
  </si>
  <si>
    <t>金融市场并没有那么多世界末日</t>
  </si>
  <si>
    <t>上周五，标准普尔选在全球金融市场全部收盘之后，抛出一枚“重磅炸弹”，下调了世界第一大经济体美国的长期主权信用评级。　　　　经过周末两天的发酵，这一消息成为本周一全球股市暴跌的导火索。8月8日，美国纽约股市三大股指狂泻，其中标准普尔500种股票指数重挫6.66%，?</t>
  </si>
  <si>
    <t>纽约金价站上“千七”后市依旧看涨</t>
  </si>
  <si>
    <t>8日，国际评级机构标准普尔下调美国主权信用评级后的第一个交易日，全球各大股市、能源以及粮食市场跌声一片。唯有黄金市场当天逆势强劲上扬，纽约商品交易所黄金期货价格一举突破1700美元大关，收于每盎司1713.2美元的历史新高。　　　　与此对比鲜明的是，当日纽约股市三</t>
  </si>
  <si>
    <t>韩国金融委员会决定暂时禁止卖空操作</t>
  </si>
  <si>
    <t>韩国金融委员会9日下午召开临时会议，决定从本月10日起的3个月里禁止股票卖空，并放宽最近3个月里对每日股票回购限额的规定。　　　　金融委员会决定，从8月10日至11月9日对韩国股市主板和创业板市场的所有股票设置卖空禁令。市场分析人士认为，标准普尔下调美国主权信用评</t>
  </si>
  <si>
    <t>“双反”案胜诉之下的法律隐忧</t>
  </si>
  <si>
    <t>刘敬东，现任中国社会科学院国际法研究所国际经济法室副主任、副研究员，国际法学博士，美国哥伦比亚大学、瑞士苏黎世大学访问学者。　　2005年至2008年期间出版《国际融资租赁交易中的法律问题》、《中国入世议定书解读》等学术专著，以及译著《WTO的未来》、《贸易政策审</t>
  </si>
  <si>
    <t>全球白电进入“链竞争”时代</t>
  </si>
  <si>
    <t>近来，日本三洋公司白电部分业务被中国企业收购的消息在业内引发广泛讨论，外资白电企业走向衰落的声音不绝于耳。事实上，外资白电企业的衰退迹象早已凸显无疑：有的企业深陷“质量门”，有的企业宣称要退出中国市场，有的企业被迫大幅降价。诸多迹象表明，外资白电企业已呈?</t>
  </si>
  <si>
    <t>欧美债务危机难逃悲剧收场</t>
  </si>
  <si>
    <t>全球资本市场巨震，朗朗上口的理由自然是意大利、西班牙国债形势恶化，美国信用评级又遭调降，两者产生的效力叠加在一起，令恐慌情绪弥漫而避险心理加重。更进一步说，是整个市场在这次可谓史无前例的主权债务危机中看不清太多的前因后果，进而迷失了投资方向。　　　　无?</t>
  </si>
  <si>
    <t>亚洲主权债或成全球投资避风港</t>
  </si>
  <si>
    <t>七国集团(G7)、二十国集团(G20)和欧洲央行8日纷纷表示，将采取必要措施来支持金融稳定。不过，前两者的救市行动似乎仅停留在了口头上，对市场(特别是亚太市场)的影响也十分有限。而欧洲央行却以购入意大利和西班牙国债的行动，有效缓解了市场的最大忧虑，在一定程度上阻隔了?</t>
  </si>
  <si>
    <t>白宫顾问：降级实为“茶党”造</t>
  </si>
  <si>
    <t>美国总统政治顾问戴维·阿克塞尔罗德7日评价，造成美国主权信用评级遭降级的不是标准普尔，而是共和党中的“茶党”一派。　　　　同一天，美国联邦储备委员会前主席艾伦·格林斯潘评论标普降级，预言金融市场会负面响应“降级”，判断美国经济出现两位数衰退的可能性低，且</t>
  </si>
  <si>
    <t>躲不过全面衰退成普遍观点</t>
  </si>
  <si>
    <t>受上周五标普下调美国主权债务评级，以及欧债危机持续发酵的影响，本周一，全球市场再度出现集体性的大跌。尽管七国集团(G7)在亚洲市场开盘前发表联合声明，表示将采取一切必要措施来确保金融稳定和经济增长，但接受《经济参考报》记者采访的专家普遍认为，这种干预的有效性?</t>
  </si>
  <si>
    <t>澳大利亚唱多本国经济底气何在</t>
  </si>
  <si>
    <t>受标准普尔首次下调美国主权信用评级影响，8日全球股市哀鸿一片，澳大利亚股市不能幸免。　　　　当天，澳大利亚股市S&amp;P/ASX200股指下跌119.3点，收于3986.10点，跌幅为2.91%，这是此指数2009年7月以来首次跌穿4000点。如果把前一交易日S&amp;P/ASX200股指下跌4%计算在内，则澳</t>
  </si>
  <si>
    <t>英国金融业涌动裁员潮</t>
  </si>
  <si>
    <t>英国五大主要银行近期相继公布了上半年财报，结果可谓“几家欢喜几家愁”。汇丰银行和渣打银行实现利润同比增长，巴克莱银行盈利同比下降，而拥有政府背景的莱斯银行和苏格兰皇家银行则出现巨额亏损。在全球经济复苏前景仍不明朗、欧洲主权债务危机正在扩散的大环境下，多家?</t>
  </si>
  <si>
    <t>日本瑞士干预汇市受挫</t>
  </si>
  <si>
    <t>受标准普尔下调美国信用评级影响，避险情绪促使美元创下纪录低点，日元和瑞郎8日继续走高并创下近期高点，让日本和瑞士两国货币当局的外汇干预行为受挫。　　　　8日亚洲市场午盘，美元兑日元在高点78.41震荡。尽管日本方面的消息称，仍不会结束干预行动，潜在的干预理应对</t>
  </si>
  <si>
    <t>海洋生态损害索赔缺乏国家标准</t>
  </si>
  <si>
    <t>中国海洋石油有限公司控股，美国康菲石油中国有限公司作业的蓬莱19-3油田发生溢油事故2个月。据国家海洋局北海分局7月27日至31日的监测信息，受溢油污染的渤海湾海水面积约1200平方公里，其中劣四类海水面积约6.9平方公里。　　　　国家海洋局相关人士8月3日向《经济参考报</t>
  </si>
  <si>
    <t>标普调降美国信用：为何如此强硬</t>
  </si>
  <si>
    <t>国际评级机构标准普尔公司8月5日做出历史性决定，把美国主权信用评级首次从顶级的AAA级下调至AA+级。并称，做出这样艰难且具争议的裁定是义不容辞的责任。　　　　由于次贷危机前对房产抵押债券严重高估、欧债危机中疑似起到落井下石作用，美国大型评级机构近年来饱受诟病?</t>
  </si>
  <si>
    <t>全球经济二次探底风险加剧</t>
  </si>
  <si>
    <t>标准普尔5日将美国长期主权信用评级由“AAA”降至“AA+”，评级展望负面，这是自1917年以来美国政府信用评级首次被下调。在此之前，伴随着欧债危机升温、美债危机的持续发酵，进入8月份以来，全球股市一片惨淡，国际油价领衔大宗商品暴跌，接受《经济参考报》记者采访的专家?</t>
  </si>
  <si>
    <t>华府的决策博弈与政治游戏</t>
  </si>
  <si>
    <t>美国副总统拜登是华府最佳着装人士之一，但7月31日的新闻发布会竟没穿西服。这是一个不可忽视的细节，可透视到华府政治游戏的三大规则。　　　　当晚白宫新闻发布厅的角落另有一个不可忽略的细节：记者席前放了五把椅子，从左至右分别坐着白宫办公厅主任戴利、白宫发言人卡</t>
  </si>
  <si>
    <t>正视我国原油过度依赖进口之忧</t>
  </si>
  <si>
    <t>工信部2日在“2011年上半年石油和化学工业经济运行情况”中披露，今年1至5月，我国原油表观消费量为1.91亿吨，增长8.5%，对外依存度高达55.2%，首次超越美国(53.5%)。　　　　这一天的到来并不意外，因为它迟早会来。回过头看，1993年，中国首度成为石油净进口国，其原油对</t>
  </si>
  <si>
    <t>美国信用降级或助金价奔“千七”</t>
  </si>
  <si>
    <t>在欧债、美债危机“你方唱罢我登场”的作用下，当周，国际油价下探趋势明显，而被称为危机中天然“避风港”的黄金涨势不减，直奔“千七”大关。　　　　虽然当周美国劳工部公布数据显示，美国7月份新增就业11.7万个，失业率从上月的9.2%降至9.1%，结果好于市场之前预期。但</t>
  </si>
  <si>
    <t>韩国科玛：没有自己品牌的化妆品“老大”</t>
  </si>
  <si>
    <t>能说出韩国化妆品品牌的消费者不少，知道“韩国科玛”这个名字的人恐怕不多。那是韩国最大的化妆品制造商，却没有自己的品牌，所生产产品都贴以客户的品牌，卖给消费者。　　　　看似“为他人作嫁衣裳”，韩国科玛却没有“白忙活”。没有自己的品牌，韩国科玛善于设计，在?</t>
  </si>
  <si>
    <t>信用等级竟可买卖？公信力缺失成评级业短板</t>
  </si>
  <si>
    <t>作为资本市场尤其是债券市场的一个重要环节，信用评级关系到国家经济和金融安全。《经济参考报》记者日前调研发现，一方面是国外评级机构以合资方式加强对我本土评级机构的渗透，另一方面由于照搬美国评级模式、创新不足等原因，我本土评级机构面临行业秩序混乱等问题。部分?</t>
  </si>
  <si>
    <t>芬兰防范动物食品抗生素残留物进食物链</t>
  </si>
  <si>
    <t>芬兰从上世纪90年代开始就十分重视抗生素耐药性的研究，通过指导医疗机构合理使用抗生素、严格划分和管理处方药与非处方药、限制对动物使用抗生素、重视抗生素知识的普及等措施，加强对抗生素使用的规范、指导和监管。10年间芬兰抗生素使用量的下降速度快于其他北欧国家，特?</t>
  </si>
  <si>
    <t>香港滥用抗生素现象严重监管亟待加强</t>
  </si>
  <si>
    <t>最近香港大规模暴发猩红热、肆虐欧洲的出血性大肠杆菌感染和耐药性金黄葡萄球菌感染个案也不时在港出现。部分香港专家认为，这些传染病疫情与滥用抗生素不无关系。他们建议有关部门收紧对售卖抗生素类药物的管制措施，加强宣传教育，避免将来出现有些疾病无药可治的恶果。?</t>
  </si>
  <si>
    <t>日本瑞典接连出手干预汇市</t>
  </si>
  <si>
    <t>美元和欧元持续疲软导致本币大幅升值的担忧情绪已从新兴经济体蔓延至发达经济体，瑞典和日本最近两日接连出手干预汇市。　　　　分析认为，在美欧债务前景不佳和美联储仍可能推出第三轮定量宽松政策的背景下，美元和欧元贬值的趋势暂难扭转，未来可能会有更多国家干预汇市?</t>
  </si>
  <si>
    <t>页岩气开采波兰遇两难</t>
  </si>
  <si>
    <t>页岩气储量居欧洲首位　　　　美国能源部(EIA)今年4月的数据显示，波兰页岩气储量达到5.3万亿立方米，按照目前波兰每年140亿立方米天然气的消耗量，相当于波兰本国300年的消费量。波兰拥有三大页岩气盆地，分别位于波罗的海、波德拉谢以及卢布林地区，技术上可获得页岩气储</t>
  </si>
  <si>
    <t>中国企业赴美上市或遇冰冻期</t>
  </si>
  <si>
    <t>“近几年中国企业在美国上市的情况越来越恶劣，可以说已经进入了一个冰冻期。”北京市友邦律师事务所首席顾问关安平在接受《经济参考报》“金融大家谈”栏目专访时表示。　　　　关安平说，中国企业本身的信用值偏低，是其赴美上市的一大障碍；而“急于求成”的中国企业在?</t>
  </si>
  <si>
    <t>美国信用评级遭评级机构“警告”</t>
  </si>
  <si>
    <t>美国总统奥巴马8月2日签署了提高美国债务上限和削减赤字法案。法案内容包括：提高美国债务上限至少2.1万亿美元，并在10年内削减赤字2万亿美元以上。法案分两部分执行，第一部分先提高债务上限9000亿美元，削减赤字9170亿美元。尽管如此，评级机构仍以不同方式表达了对美国信?</t>
  </si>
  <si>
    <t>谷歌在欧美遭多起反垄断诉讼</t>
  </si>
  <si>
    <t>路透社2日的消息称，全球第一大搜索引擎公司——谷歌在欧洲遭遇的反垄断诉讼案已增至9起，目前欧盟监管者已就此展开正式调查。    目前，欧盟委员会只证实了针对谷歌的4起诉讼，新增的诉讼来自于小企业。消息人士称，针对谷歌诉讼数量的增加可能会扩大欧盟委员会的调查范围</t>
  </si>
  <si>
    <t>美国国债上限之争警示何在？</t>
  </si>
  <si>
    <t>美国国债上限之争对立双方终于在8月2日大限之前达成了协议。经过这场风波，国际市场参与者们可以得出什么结论？    首要结论当然是——美国是一个不负责任、不值得信任的国家。因为在这个国家，本国国家利益压倒国际社会公益和国际义务，党派斗争政治私利压倒美国国家利益?</t>
  </si>
  <si>
    <t>不能让假期成为“假的期”</t>
  </si>
  <si>
    <t>据《广州日报》报道，美国有线电视新闻网(CNN)近日发布了一份各国“带薪假期”时间长短的排行榜。全球39个国家和地区登上排行榜，巴西和立陶宛同以41天位居榜首；而全球两大经济体美国和中国则分列最后两位，美国以25天位居倒数第二，中国以21天排名最后一位。　　　　榜单</t>
  </si>
  <si>
    <t>美经济数据逊色金价再创新高</t>
  </si>
  <si>
    <t>尽管美国通过了提高债务上限的法案，但6月份美国消费开支意外下滑令投资者担忧美国经济复苏前景，避险情绪主导市场，造成纽约商品交易所黄金期货价格2日大幅反弹，再度创下收盘价历史新高。而纽约股市则大幅下挫，道琼斯指数连续第8个交易日下跌，收盘时跌破12000点重要整数?</t>
  </si>
  <si>
    <t>欧债危机中的道德博弈</t>
  </si>
  <si>
    <t>尽管穆迪、标普、惠誉三大评级机构一再警告，当前希腊救援方案让希腊有违约之虞，后果很严重，但德国人仍固执己见，执意要求私人债权方“自愿”参与救援希腊，即在未来3年，这些私人债权人将出资500亿欧元。德国的坚持，其实正牵涉了欧债危机背后的道德风险，希腊是道德囚徒?</t>
  </si>
  <si>
    <t>网民议美债：规避外储风险应推进汇率市场化</t>
  </si>
  <si>
    <t>美国债务谈判终现转机。美国东部时间8月1日晚间消息，美国众议院通过两党领袖达成的债务上限协议，同意提高政府债务上限2.1万亿美元，以解除迫在眉睫的违约风险。不过，有关协议仍有待参议院最后投票批准。　　　　有网民认为，虽然此次美债谈判未造成危机，但美债违约的风</t>
  </si>
  <si>
    <t>美债“松口气”金融市场难欢庆</t>
  </si>
  <si>
    <t>尽管7月31日晚美国总统奥巴马宣布，美国国会两党终于达成了债务协议，因而在8月2日期限前终于避免了美国陷入历史上首次债务违约的窘境，但随后金融市场的“狂欢”只进行了短短半个多小时。　　　　投资者很快发现，虽然债务上限的达成让人暂时松了口气，但美国长期债务问题</t>
  </si>
  <si>
    <t>墨西哥城治理交通拥堵启示录</t>
  </si>
  <si>
    <t>交通拥堵是世界各国面临的最严重“城市病”之一，不仅降低了居民的生活质量和幸福感，而且对环境造成严重污染。墨西哥城政府多年来采取了多种措施应对，有成有败，给世界其他大都市带来了多种启示。　　　　启示一：非机动车不应被剥夺“行路权”　　　　墨西哥城是世界?</t>
  </si>
  <si>
    <t>国外高铁安全面面观</t>
  </si>
  <si>
    <t>虽然，“7·23”甬温高铁特大事故给人们的心理造成了一定的影响，但安全、便捷且受天气影响相对较小的高铁仍是人们出行的理想选择。在较早发展高铁的法国、日本和德国的经验表明，在列车保护和自动控制技术、监测报警系统以及应急管理等方面，只有几十年如一日的不懈努力，才</t>
  </si>
  <si>
    <t>苹果iPhone5魔力：消费者期盼运营商激战</t>
  </si>
  <si>
    <t>苹果第五代智能手机iPhone5将于9月初在美国上市、中国电信将于四季度引入iPhone5、中国移动可能引入4G版iPhone5……。一时间，有关iPhone5的消息漫天飞，网络上甚至还惊现iPhone5的照片。　　　　业内人士认为，iPhone5作为苹果公司下一个将要推出的新品，引来市场热议并不</t>
  </si>
  <si>
    <t>三项“减肥手术”帮墨西哥城瘦身</t>
  </si>
  <si>
    <t>作为世界上最大的城市之一，墨西哥城曾经饱受人口恶性膨胀之苦。然而近年来，这个人口数量超过2000万的大都市由于采取了建设“卫星城”、实施“城乡均等化”、提倡计划生育等“瘦身”措施，人口开始出现下降趋势，城市过度拥挤的形势逐渐缓解。墨西哥城的“减肥记”，可以为?</t>
  </si>
  <si>
    <t>印度解除本财年棉花出口限制</t>
  </si>
  <si>
    <t>据印度媒体1日报道，考虑到国内库存充足和棉价下跌，印度商业和工业部已解除2010-2011棉花财政年度(截至今年9月底)的棉花出口限制。　　　　报道说，在今年8月和9月两个月里，出口商只需在商业和工业部下属外贸总局办理公开一般许可证就可出口棉花。　　　　据报道，应印</t>
  </si>
  <si>
    <t>美国政坛演绎《蝎子和青蛙》</t>
  </si>
  <si>
    <t>《蝎子和青蛙》这则伊索寓言今夏在美国读来颇有警世意味。蝎子让青蛙背它过小溪，青蛙担心地问：“我怎么敢确定你不会蜇我呢？”蝎子说：“蜇你后，咱俩岂不同归于尽了？”青蛙于是放松戒备。当它俩到了溪中央时，蝎子蜇了青蛙一口，青蛙下沉时责问道：“你为什么要蜇我？”?</t>
  </si>
  <si>
    <t>“金价泡沫”论难改黄金“短熊长牛”</t>
  </si>
  <si>
    <t>奥巴马7月31日晚间宣布美国会两党已就提高美国债务上限与削减赤字问题达成协议。美债担忧缓解使得国际现货黄金周一早盘重挫1%，截至记者发稿，金价低位持稳，交投于1618美元/盎司上方。国内方面，周一上海期货交易所黄金1112合约跌幅0.47%，报收333.51元/克。　　　　有分?</t>
  </si>
  <si>
    <t>韩国7月贸易顺差创新高</t>
  </si>
  <si>
    <t>韩国知识经济部1日发布数据显示，韩国7月份贸易顺差规模达72.23亿美元，创历史新高，这是韩国连续第18个月实现贸易顺差。　　　　数据显示，韩国7月份出口额为514.46亿美元，同比增加27.3%，出口规模创单月历史新高；进口额为442.23亿美元，同比增加24.8%。　　　　在出?</t>
  </si>
  <si>
    <t>日欧英澳本周议息或“按兵不动”</t>
  </si>
  <si>
    <t>本周，澳洲联储、英国央行、欧洲央行和日本央行将相继举行货币政策会议。分析预计，由于美欧债务阴云未散，美国等发达经济体复苏疲弱，四家央行本周很有可能采取观望态度，维持现有利率水平不变。　　　　在四家央行中，分析人士对澳洲联储本周的政策决定略有分歧。澳新银?</t>
  </si>
  <si>
    <t>冲绳——布满了中国文化印迹</t>
  </si>
  <si>
    <t>在东中国海和太平洋之间，有一座细长的岛屿，如同一片绿叶飘浮在碧波万顷之中，这就是琉球群岛的主岛冲绳岛。今日的日本冲绳县就是昔日的琉球国，连绵接受中国册封将近500年。到冲绳采访，不仅满目是宜人的亚热带风光，还处处可见中国文化的痕迹。　　　　“日本的夏威夷”</t>
  </si>
  <si>
    <t>在美上市中国概念股萌生去意</t>
  </si>
  <si>
    <t>近期，虽然唱空中国概念股的风头渐缓，但中国概念股在美国资本市场面临的问题并未烟消云散。尤其是其做空机制，让不少中国上市公司难以适应。经历此次做空风波后，尽管股价已经反弹，但数家中国上市公司萌生“去意”，拟通过“私有化”在美退市，并计划转向其他资本市场。?</t>
  </si>
  <si>
    <t>一城·一建筑</t>
  </si>
  <si>
    <t>它们是闻名于世的经典建筑作品；它们的建筑风格与结构承载着一座城市的历史。本期我报驻外记者以他们的笔触向我们呈现了这样一些建筑，一些与城市密不可分的建筑。    法国巴黎圣母院：欧洲建筑史上划时代的标志    □记者 彭梦瑶 巴黎报道    说到巴黎最著名的建筑，?</t>
  </si>
  <si>
    <t>“黑天鹅”若现将冲击全球流动性</t>
  </si>
  <si>
    <t>美债上限谈判进入“读秒期”。一方面，尽管美国提高法定债务上限谈判初现协议轮廓，但民主党和共和党在某些关键问题上互不相让，使得国会本该在27日对最新提案的表决推迟到28日，而该提案预计难以通过。另一方面，27日欧洲时段，直接体现债务违约风险高低的美国信用违约掉期(</t>
  </si>
  <si>
    <t>亚行：亚洲不应对紧缩政策踩刹车</t>
  </si>
  <si>
    <t>亚洲开发银行(亚行)28日发布报告称，亚洲需适应大宗商品价格居高不下的“新现实”，亚洲新兴经济体不应该因发达国家经济疲软而猛踩紧缩调控政策的刹车。该行还预计，中国将继续收紧货币政策以及退出危机时采取的财政刺激措施。　　　　亚行在其半年度《亚洲经济观察》报告?</t>
  </si>
  <si>
    <t>债务危机加剧美债期价波动风险</t>
  </si>
  <si>
    <t>截至28日，美国债务上限谈判前景依旧扑朔迷离。如果最终谈判破裂、未能避免债务违约，美国债务评级将面临下调的窘境，这将加剧美国国债期货的价格波动和市场风险。　　　　美债期价下行压力增加　　　　受美债违约担忧的影响，美国国债期货本周出现下滑。永安期货金融期?</t>
  </si>
  <si>
    <t>“黑天鹅”再袭市场</t>
  </si>
  <si>
    <t>继牛奶行业三聚氰胺事件、日本地震引发的核电恐慌、双汇瘦肉精事件之后，7月23日，“黑天鹅事件(突发小概率事件)”再度袭来，“7·23”动车追尾事件引发资本市场高铁概念股的大波动，59只基金亦被波及。是夺路而逃还是继续坚守，基金经理对于市场情绪的把握受到考验。　　?</t>
  </si>
  <si>
    <t>欧盟对决评级机构  市场究竟买谁的账</t>
  </si>
  <si>
    <t>21日欧盟出台的第二轮希腊援助方案并没能止住国际评级机构降调欧元区成员国评级的“脚步”。25日国际评级机构穆迪公司宣布，将希腊国债评级在“垃圾级”的范围内进一步下调三档，并称希腊国债“铁定违约”。　　　　这一事件意味着欧盟和美国主控的三大评级机构之间的矛盾?</t>
  </si>
  <si>
    <t>智利成功跳出“中等收入陷阱”</t>
  </si>
  <si>
    <t>过去三十年，在拉美经济发展方阵中，智利可谓独树一帜。尽管在资源禀赋、发展阶段、社会制度等方面，智利与其他拉美国家差异不大，但是经过几十年的摸索与调整，这个世界上最狭长的国家已经走出了一条适合自己的发展道路，成功实现了社会经济的转型，并即将走出“中等收入国?</t>
  </si>
  <si>
    <t>美国提高债务上限绑定了谁</t>
  </si>
  <si>
    <t>美国人正在上演双簧计，一个唱着白脸，一个唱着红脸。提高国债上限是在靠借债度日，与印钞没有任何区别，只不过名义不同而已：美元和美债属于硬币的两面，没有实质性的区别。　　　　美国总统奥巴马敦促国会领导人在接下来的几天内达成一项“公平妥协”，以避免发生违约。?</t>
  </si>
  <si>
    <t>警惕国际板成  股市“高铁”翻版</t>
  </si>
  <si>
    <t>受“7·23动车追尾事故”的影响，25日中国股市单边暴跌。上海股指报2688.75点，跌幅2.96%；深圳成份指数报11966.24点，跌幅3.13%。次日，中国南车、北车等高铁概念股持续狂泻。　　　　《证券日报》副总编董少鹏先生26日指出：“高铁是近两年来国产高端装备的代表，高铁出?</t>
  </si>
  <si>
    <t>德国,为事故死难者立碑</t>
  </si>
  <si>
    <t>目前，温州动车追尾事件的真正原因仍然是个谜，而如何处理事故带来的超乎寻常影响，则体现着对生命的尊重和敬畏，笔者以为，德国的做法值得铁道部门好好学习和反思。　　　　1998年，德国高铁发生严重出轨事故，101人死亡。德国“高铁悲剧”的处理经验，值得借鉴。德铁采取</t>
  </si>
  <si>
    <t>美债僵局刺激金价继续上行</t>
  </si>
  <si>
    <t>美国国会两党仍未就提高债务上限达成一致导致市场避险情绪持续升温，26日黄金价格继续上行。当天市场交投最活跃的8月合约收于每盎司1616.8美元，比前一交易日上涨4.6美元，涨幅为0.3%。　　　　市场分析人士说，从25日总统奥巴马和国会共和党领袖的发言来看，他们对提高债?</t>
  </si>
  <si>
    <t>征收托宾税  全球资本流动管制大势所趋</t>
  </si>
  <si>
    <t>征收银行税已被提上欧盟的议事议程，在美国继续放水的大背景下，新兴经济体对资本无序流动征收托宾税也很可能是大势所趋。　　　　早在约30年前，美国经济学家詹姆斯·托宾率先提出对金融交易征税(即托宾税)，以遏制短期资本投机。　　　　布雷顿森林体系解体后，随着全?</t>
  </si>
  <si>
    <t>美国的债务,中国的难题</t>
  </si>
  <si>
    <t>最近5年，美国似乎成了给世界经济制造麻烦的主力之一。2008年金融海啸，引发了国际金融危机和世界性的经济衰退；现在的债务风波，则让世界金融市场面临新的恐慌和动荡。即使美国能够在8月2日避免债务违约，其主权信用降级将在所难免。失去了3A评级的美国，谁将是它最主要的受</t>
  </si>
  <si>
    <t>美债谈判继续上演“拉锯战”</t>
  </si>
  <si>
    <t>继上周美债谈判破裂之后，美国民主党和共和党当地时间25日又分别提出各自新方案，分歧依然巨大。美国总统奥巴马和众议院议长、共和党人博纳当日晚间也分别就此发表讲话，未现丝毫妥协迹象。　　　　受此影响，投资者恐慌加剧。分析称，美债AAA评级时代的结束或已近在眼前。</t>
  </si>
  <si>
    <t>印度央行超预期加息抑制通胀</t>
  </si>
  <si>
    <t>印度央行26日公布季度货币政策报告，宣布大幅提高关键利率50个基点，以应对依旧严峻的通胀形势，这一利率上调幅度超出此前市场预期的25个基点。　　　　利率调整后，印度商业银行向中央银行拆借的回购利率将从7.5%上调至8%，反向回购利率和边际借贷(MSF)利率也将上调同样幅</t>
  </si>
  <si>
    <t>美科技巨头财报靓丽“泡沫论”不攻自破？</t>
  </si>
  <si>
    <t>虽然美国经济复苏蹉跎前行，但其十大科技公司中的八家近况颇佳。在日前陆续公布第二季度财报中，苹果、IBM、微软、谷歌、甲骨文、英特尔、高通、EMC纷纷报喜。　　　　分析人士称，该类股票未来一段时间内仍将受捧，而呼声渐起的“泡沫论”似乎难以成立。　　　　财报显?</t>
  </si>
  <si>
    <t>中国动漫产业融资困难盈利不佳</t>
  </si>
  <si>
    <t>中国动漫产业发展迅速，短短数年间，年产量已经赶超日本、美国和韩国，成为名副其实的“动漫大国”。然而，国内许多动漫企业在现实中却又无奈面临着融资艰难、盈利不佳的尴尬处境，从而导致中国动漫产业量高质次的现象尤其突出。对此，专家认为，国产动漫业的出路依然在于“?</t>
  </si>
  <si>
    <t>奥巴马“最近比较烦”</t>
  </si>
  <si>
    <t>美国总统奥巴马最近坦陈，入主白宫后白发添了许多。如果说喊着“变革”口号入主白宫的奥巴马在执政1.0时期精力主要用于推动改革的话，那么眼下在债务谈判久拖不决、人事布局屡遭掣肘、两大政绩频遭利益团体攻讦的执政2.0时期，奥巴马的精力主要用于应对麻烦。　　　　今年7</t>
  </si>
  <si>
    <t>境外上市已成海外流动性涌入重要途径</t>
  </si>
  <si>
    <t>境外上市已经成为海外流动性涌入中国的一条不容忽视的渠道。在世界各国已经深受美国极度宽松货币政策冲击、第三轮量化宽松又有可能成为现实之际，我们更需要对此足够关注。　　　　美国量化宽松政策对其它国家的最大冲击之一就是通过投资渠道输出泛滥成灾的流动性。由于众?</t>
  </si>
  <si>
    <t>本田全球召回20万辆汽车</t>
  </si>
  <si>
    <t>日本汽车制造商本田汽车公司25日宣布在全球召回20万辆汽车，原因是发动机零件缺陷。　　　　本田承认，在日本接到63起因零件缺陷致发动机失灵的车主投诉，涉及“时韵”(Stream)、“思域”(Civic)和运动型多功能车Crossroad三款车型。召回车辆2008年7月至2010年7月在日本国?</t>
  </si>
  <si>
    <t>美债上限谈判出现转机</t>
  </si>
  <si>
    <t>据美联社24日报道，美国众议院议长、俄亥俄州共和党议员约翰·博纳表示，他希望能在北京时间25日凌晨赶在亚洲股市开市之前宣布两党达成一致的美债问题解决方案。　　　　如果该计划能顺利实现，这意味着上述方案有望在8月2日的最后期限前完成立法程序，美债评级遭下调和美?</t>
  </si>
  <si>
    <t>莫让“碳税”惩罚投资者</t>
  </si>
  <si>
    <t>根据澳大利亚政府近期公布的“碳税”计划细节，碳税价格确定为每吨23澳元(1澳元约合1.07美元)，定于2012年7月1日正式实施，其征收范围涉及大约500家企业。这其中不乏在澳投资和经营的中资企业。　　　　至此，饱受争议的“碳税”计划似乎到了“箭在弦上”的地步。一些分析?</t>
  </si>
  <si>
    <t>默多克帝国的危机</t>
  </si>
  <si>
    <t>窃听丑闻让默多克的媒体王国成为全球焦点。窃听丑闻以及随后引发的危机，本质上是默多克的新闻集团(NewsCorp)存在缺陷的公司治理机制的必然结果。　　　　新闻集团在美国NASDAQ和澳大利亚证交所(ASX)同时上市，这两地上市的公司一般来讲信息披露都非常透明，比如股权结构，</t>
  </si>
  <si>
    <t>英国数学教育遭诟病</t>
  </si>
  <si>
    <t>英国近期公布的一系列研究显示，无论学生还是未来的老师，英国人的数学能力江河日下。有识之士认为，长此以往，将威胁英国的国际竞争力。政府必须采取措施，提高中小学数学基础教育水平。　　　　教师水平堪忧　　　　英国教师中心教育信托新近公布的一项研究显示，英国?</t>
  </si>
  <si>
    <t>自在游宝岛</t>
  </si>
  <si>
    <t>畅游台湾，是很多大陆游客的心愿。6月28日，首批试点城市北京、上海、厦门的大陆居民赴台个人游正式启动，不少人的心愿变为了现实。相比以往跟团赴台的走马观花，自由行的最大特点就是悠游自在。本期我们向您呈现一组本报驻台北记者眼中的宝岛风情。　　　　寻踪迹</t>
  </si>
  <si>
    <t>口碑影响力：从传说到实战</t>
  </si>
  <si>
    <t>由美国知名的中小企业市场专家约翰·詹思奇所著的《影响力：口碑实战版》一书，是写给没钱可“烧”的中小企业和创业者看的。它旨在帮助人们了解互联网时代企业、产品(服务)品牌的口碑奥秘，掌握将口碑影响力营造纳入改善企业运营的方法，并给出了具体的操作建议。　　　　?</t>
  </si>
  <si>
    <t>新兴经济体加息步伐现分歧</t>
  </si>
  <si>
    <t>20日，巴西央行宣布上调基准利率25个基点，市场预计26日印度央行将步其后尘上调利率。而与此相对，印尼、泰国和韩国上周纷纷维持基准利率不变，新兴经济体加息步伐显现分歧。但分析称，虽然部分新兴经济体短期紧缩步伐有所放缓，但长期通胀压力依然巨大，抗通胀仍将是其第一?</t>
  </si>
  <si>
    <t>美债“大到不能倒”害死人</t>
  </si>
  <si>
    <t>2008年全球金融海啸，催生了“大到不能倒”(toobigtofail)这一热词，“大到不能倒”也由此成为美国人对这些巨无霸企业的讽刺，但对世界经济而言，美国这些企业只不过是“不能倒”的小巫，这个世界最大的巫，则是美国。　　　　为何这么讲？因为美国是世界第一大经济体，美?</t>
  </si>
  <si>
    <t>英国议员不满默多克证词</t>
  </si>
  <si>
    <t>新闻集团董事长兼首席执行长鲁珀特·默多克及其子詹姆斯·默多克19日参加英国下院新闻及文化委员会听证会，但两人的表态似乎难以令英国议员信服。　　　　“今天是我一生中最卑微的一天。”默多克在听证会一开场这样说道。在听证会上，默多克承认他的公司在涉及窃听语音信?</t>
  </si>
  <si>
    <t>长安标致雪铁龙通过国家发改委审批</t>
  </si>
  <si>
    <t>据长安集团披露的最新信息，长安标致雪铁龙汽车有限公司日前已正式通过国家发展和改革委员会审批，这标志着中国长安汽车集团股份有限公司与法国标致雪铁龙集团结盟的合资公司进入全面、实质性启动阶段。　　　　长安标致雪铁龙汽车有限公司由中国长安汽车集团股份有限公司?</t>
  </si>
  <si>
    <t>欧盟标准今实施  国内玩具行业或加速洗牌</t>
  </si>
  <si>
    <t>7月20日，欧盟玩具安全新指令将结束过渡期，开始正式实施，这意味着所有在欧盟市场新上市销售的玩具产品须符合新的指令及适用标准的要求。而在8月14日，美国玩具安全新规———铅含量标准从目前的300PPM降低到100PPM也将正式实施。　　　　据了解，《欧盟玩具安全新指令》?</t>
  </si>
  <si>
    <t>美住宅建筑商依旧信心不足</t>
  </si>
  <si>
    <t>美国全国住宅建筑商协会(NAHB)18日发布的调查报告显示，7月份美国住宅建筑商信心指数在上个月大幅下挫之后出现反弹，升至15。其中，衡量未来6个月销售预期的分项指数大幅攀升至22。尽管这仍是很低的水平，但建筑商们信心的改善，总算为一潭死水的美国房市带来些许希望。　?</t>
  </si>
  <si>
    <t>渴望再当木工的布鲁斯</t>
  </si>
  <si>
    <t>独自在公园长椅上抽着烟卷的布鲁斯表情凝重，手边放着的橘色安全帽不经意间泄漏了他的身份。“找了一个上午，跑了几个工地，但他们都想招年纪轻的人。我也明白，眼下要在工地上找到活干真不容易。”52岁的布鲁斯毫不隐讳地说。　　　　布鲁斯是个木工，在美国的建筑工人中?</t>
  </si>
  <si>
    <t>欧美国家流行“食品银行”</t>
  </si>
  <si>
    <t>《经济参考报》记者近期采访了解到，目前欧美一些国家设立“食品银行”，收集“已过保质期但未过保存期”的安全食品，分配给各类贫困人群，既减轻了社会底层人群的生活压力，又避免了食品的不必要浪费，这种一举两得的做法对我国应有一定的启发和借鉴作用。　　　　欧美国?</t>
  </si>
  <si>
    <t>比利时：猪牛羊都有户口档案</t>
  </si>
  <si>
    <t>食品安全牵涉国民健康，在世界各国都是极度敏感的问题。比利时虽然人口只有1000万，面积3万平方公里，可是生猪年出栏屠宰量高达1168万头，牛80万头，生肉和各类肉制品不仅在欧洲市场享有信誉，甚至远销南美以及韩国、日本和澳大利亚。比利时出口猪肉占其总产量的50%。　　?</t>
  </si>
  <si>
    <t>铁矿石破180美元创三个月新高</t>
  </si>
  <si>
    <t>低迷过后，铁矿石再次进入“单边上涨”通道。《经济参考报》记者18日从国内港口了解到，上周开始63.5%印度粉矿外盘报价已经达到184美元/吨，再度创下近3个月新高。　　　　“按照惯例，7、8月份是传统淡季，即使铁矿石回暖也会是在9月份以后，没想到这么快。”天津港一位钢</t>
  </si>
  <si>
    <t>网民：整治“可乐”防腐剂还须企业“防腐”</t>
  </si>
  <si>
    <t>近日，各大媒体纷纷报道，台湾地区“卫生署食品药物管理局”在检验来自上海可口可乐公司的“可口可乐ZEROPM原液主剂饮料配料”时，检验出“对羟基苯甲酸甲酯”防腐剂，每公斤含2.062克，而这种防腐剂在台湾规定是不得添加到碳酸饮料内的。　　　　使用量成争论焦点网民调侃</t>
  </si>
  <si>
    <t>评级之争与金融制高点</t>
  </si>
  <si>
    <t>在全球金融格局中，美国霸主地位不可动摇，除了美国世界第一的经济强势、美元主要国际储备货币的超级地位，还有一个不可忽视的因素，那就是美国在评级领域的垄断优势。《纽约时报》专栏作家弗里德曼曾发感慨说：“我们生活在两个超级大国的世界里，一个是美国，一个是穆迪。?</t>
  </si>
  <si>
    <t>不能光看“窃听门”的笑话</t>
  </si>
  <si>
    <t>2011年7月4日，英国《卫报》头条爆料，英国老牌报纸《世界新闻报》在2002年非法窃听失踪少女米莉·道勒及其家人的电话，扰乱警方破案。消息一出，举国哗然。随后，更多深水炸弹被引爆，《世界新闻报》窃听阀门被彻底打开，丑闻如洪水涌出，在英国掀起惊涛骇浪。　　　　但?</t>
  </si>
  <si>
    <t>希腊债务命悬刀口  欧洲内部仍存分歧</t>
  </si>
  <si>
    <t>国际货币基金组织希腊事务首席代表波尔·汤姆森17日说，希腊债务已悬在“刀口”，希腊需引入经济结构改革，以避免陷入违约危机。　　　　欧盟和国际货币基金组织联合促成的第一轮金援方案并未成功将希腊拉出债务危机的深渊。一些分析师说，欧元区国家需要在新的一周内达成?</t>
  </si>
  <si>
    <t>超级财报周有望扭转美股疲软局面</t>
  </si>
  <si>
    <t>本周美国股市将迎来“超级财报周”，市场关注重点是苹果公司等重量级企业的获利表现，另外美国调高举债上限谈判的后续发展和新出炉的楼市数据也将影响市场走势。　　　　“HugnJohn”顾问公司董事长约翰逊说，本周市场将聚焦于美国总统奥巴马和国会能否就提高举债上限达成?</t>
  </si>
  <si>
    <t>以政策导向鼓励国内碳金融业发展</t>
  </si>
  <si>
    <t>二氧化碳，无形、无色、无味，却是碳交易中实实在在的“金融产品”。《联合国气候变化框架公约》公布近20年来，在《京都议定书》框架下，温室气体减排的清洁发展机制(CDM)应运而生。能源效率低、减排空间大的中国企业，可通过开发水电、风电、森林碳汇等减碳项目，出售经核证</t>
  </si>
  <si>
    <t>中国WTO诉欧盟首案获胜</t>
  </si>
  <si>
    <t>世贸组织上诉机构于当地时间15日发布中国起诉欧盟对华碳钢紧固件反倾销措施案的裁决报告，认定欧盟《反倾销基本条例》第9(5)条关于“单独税率”的法律规定违反世贸规则；同时，上诉机构推翻专家组的部分裁决，支持中方的立场，裁定欧盟针对中国螺丝、螺母、螺栓等碳钢紧固件?</t>
  </si>
  <si>
    <t>欧洲银行压力测试结果引质疑</t>
  </si>
  <si>
    <t>欧洲银行管理局(European Banking Author-ity，简称EBA)15日公布了欧洲银行业压力测试结果。在接受测试的90家欧洲银行中，8家未能通过，16家勉强过关。欧盟委员会当日表示，欧洲大多数银行抵御冲击的能力已增强，但仍需保持警惕。但市场对测试结果表示质疑，压力测试或难以实</t>
  </si>
  <si>
    <t>债务重组呼声渐高</t>
  </si>
  <si>
    <t>始自希腊债务的危机，在几个月内发展成欧洲的债务危机，继而成为欧元危机，现在甚至有人提出这是欧盟危机。彻底化解危机，迫在眉睫。　　　　为援助陷入债务危机的国家，迄今为止欧盟和国际货币基金组织已经筹措了8900亿欧元，但救援成果甚微。欧债危机演绎的连续剧不仅在?</t>
  </si>
  <si>
    <t>职场新景：共享办公</t>
  </si>
  <si>
    <t>美国纽约一群自由职业者，从事不同行业，却在同一个办公室工作，自称“工作室室友”。　　　　这群特殊“室友”在网上拥有数以十万计“粉丝”，堪称网络时代“弄潮儿”。他们选择“共享办公室”，不仅为降低办公成本而“精打细算”，更因为各界从业者的面对面交流有助掌握?</t>
  </si>
  <si>
    <t>朱民——新兴市场在IMF话语权有望增加</t>
  </si>
  <si>
    <t>本月12日国际货币基金组织(IMF)总裁克里斯蒂娜·拉加德宣布提议任命现任IMF总裁特别顾问朱民担任该组织副总裁。如果此项提名顺利通过，那么将是IMF增设的第四个副总裁职务。根据基金组织的规定，总裁负责对副总裁提议任命，但有关提议任命须得到该组织执行董事会的批准。如果</t>
  </si>
  <si>
    <t>默多克：窃听门继续发酵</t>
  </si>
  <si>
    <t>在英国首相戴维·卡梅伦承诺加强媒体监管之际《世界新闻报》窃听电话丑闻持续发酵，英国媒体感觉些许危机。　　　　在专门召开的新闻发布会上，卡梅伦强调，需要设立一个独立于媒体和政府的新机构，以监督媒体遵守行业规范；一个由法官领导的调查小组将调查“《世界新闻报?</t>
  </si>
  <si>
    <t>用艺术挽救城市</t>
  </si>
  <si>
    <t>美国宾夕法尼亚州小镇布拉多克曾是一座工业城市，全美产业升级换代后经济衰退、城市破败，陷入失业、贫困和暴力滋生的恶性循环。　　　　为避免昔日家园成为一座空屋林立、杂草丛生的“鬼城”，布拉多克镇长约翰·费特曼自掏腰包改造老旧建筑，以廉价甚至免费地产吸引艺术?</t>
  </si>
  <si>
    <t>网民议“达芬奇事件”：披“洋皮”卖假货</t>
  </si>
  <si>
    <t>13日，达芬奇家居有限公司总经理通过新闻发布会承认，与包括东莞长丰在内的国内家居厂有合作。媒体此前调查发现，该品牌旗下部分家具是在广东东莞贴牌加工生产的，产品涉嫌伪造产地，并非“意大利原产”。　　　　有网民认为，“达芬奇事件”凸显了在国内一些企业中存在的?</t>
  </si>
  <si>
    <t>“4天3停”拷问京沪高铁应急机制</t>
  </si>
  <si>
    <t>“京沪高铁离我家越来越近了，上次停在蚌埠，这次停在镇江。”13日中午，微博网友爆料京沪高铁G114列出现故障，停在镇江检修，一位镇江籍人士闻讯后调侃道。　　　　京沪高铁开通运营后一直话题不断，牵引着铁路部门、乘客、民众和媒体的神经。虽然铁道部力言京沪高铁安全?</t>
  </si>
  <si>
    <t>应以科学态度对待高铁</t>
  </si>
  <si>
    <t>据报道，京沪高铁正式开通运营10天后就发生了停运事故。“北京铁路”官方微博称，此次事故共造成19趟列车晚点。　　　　此前，对于个别日媒称中国高铁是“盗版日本新干线”的说法，铁道部新闻发言人王勇平曾理直气壮地表示，新干线与京沪高铁完全不在一个相提并论的层次…?</t>
  </si>
  <si>
    <t>“日企种地五年亏本”其实不是笑柄</t>
  </si>
  <si>
    <t>据《新京报》报道，日本一家企业在山东莱阳租地1500多亩，种地、养牛。他们瞄准的是中国高端市场，主打高品质农产品。这家公司的负责人认为，农业最终还将回归到他们的路径，依靠化肥、农药的种地模式是短视行为。日本企业朝日绿源公司至今仍未赢利。　　　　日本人的做法?</t>
  </si>
  <si>
    <t>专家预测：世界经济将缓慢复苏不会出现二次衰退</t>
  </si>
  <si>
    <t>近日，几位权威专家在出席中国国际贸易学会和对外经贸大学共同主办的中国对外经贸2011夏季形势分析会时预测，2011年美国和欧洲等发达经济体将继续保持缓慢复苏势头，日本经济二次探底已成为事实，但是全球经济不会出现二次衰退。要警惕QE2退出后，美国很可能继续维持宽松的货</t>
  </si>
  <si>
    <t>穆迪贴“红旗”中资公司股价暴跌</t>
  </si>
  <si>
    <t>国际评级机构穆迪11日发布报告，对61家受评中资企业的会计和公司治理风险提出警告。就是这一风险警告，令中资民企股12日在香港市场几乎全军覆没。联系到评级机构轮番下调欧元区外围国家评级的行为，有分析认为，国际金融势力正在唱空欧元和“做空”中国来逼使资本回流美国。$</t>
  </si>
  <si>
    <t>窃听丑闻升级  新闻集团面临巨额罚单</t>
  </si>
  <si>
    <t>迫于政治压力和丑闻接连不断，默多克掌管的新闻集团11日表示，该公司将撤销对英国天空广播公司(BSkyB)的收购计划。而新闻集团眼下还面临信任危机和美国司法部的巨额罚款风险。　　　　新闻集团发布公告称，如果英国文化、奥运、媒体和体育大臣杰里米·亨特决定据此将该公司</t>
  </si>
  <si>
    <t>“走出去”先要学会应对诉讼</t>
  </si>
  <si>
    <t>中国高铁近年来的大动作凝聚了全球太多眼光，在风光无限的同时暗流也已经涌动。有报道称，中国将在美国、欧洲、日本、俄罗斯、巴西申请京沪高铁的21项专利，中国铁道部门多次表示中国高铁核心技术和外国没有知识产权纷争。不过，日前日本川崎重工的总裁大桥忠晴表示，如果中?</t>
  </si>
  <si>
    <t>意债务形势吃紧  全球股市接力告跌</t>
  </si>
  <si>
    <t>受本国债务形势吃紧影响，意大利股市11日连续第二个交易日大幅下跌，其主要股指MIB指数当天下跌近4%，创今年以来最大单日跌幅。全国股市也因此受到拖累，大多以告跌报收。　　　　据德国媒体报道，目前债权人对意大利的金融实力已明显失去信任。意大利长期国债利率7月8日攀</t>
  </si>
  <si>
    <t>挪威石油基金：保险柜里的摇钱树</t>
  </si>
  <si>
    <t>挪威地处北欧，只有将近500万人口。然而，2010年，挪威人均国内生产总值排名世界第二。它的经济繁荣和石油出口紧密相关，通过建立石油基金和制度创新，挪威把一种不可再生的自然资源转变为全民的、可持续的金融财富。    挪威经济中最有特色同时也是对我国最有借鉴意义的是</t>
  </si>
  <si>
    <t>意债务隐忧令欧盟会议空前紧张</t>
  </si>
  <si>
    <t>为全力防堵欧债危机扩大，欧盟官员11日举行紧急会议，欧元区第三大经济体意大利的财政状况、希腊第二套纾困方案及银行压力测试结果是会议三大焦点。上一个交易日，意大利国债收益率大幅异动，不仅让债市投资者绷紧了神经，也令参与本次紧急会议的各方代表空前紧张。　　　?</t>
  </si>
  <si>
    <t>空客60亿美元拉拢美航  欲分波音本土蛋糕</t>
  </si>
  <si>
    <t>据美国《华尔街日报》11日报道，欧洲空中客车公司希望通过提供规模达60亿美元的优先融资协议，争取来自美国航空公司的一笔大额飞机订单，以打破波音独霸这家公司的局面。美国航空公司母公司、全美第三大运营商AMR集团最快会在下周三(20日)敲定订单条款。　　　　此前有消息</t>
  </si>
  <si>
    <t>拉加德：很高兴又回到华盛顿</t>
  </si>
  <si>
    <t>7月6日是国际货币基金组织(IMF)史上首位女总裁拉加德履新的第二天。在当日召开的新闻发布会上，她开口的第一句是先用法文(Bonjour)、再用英文(Goodmorning)向大家问候早安。让人清醒地意识到，这是在前十位来自欧洲的总裁之后，总部位于华府的IMF迎来的第十一位欧洲贵胄。?</t>
  </si>
  <si>
    <t>关闭《世界新闻报》默多克捍卫“新闻帝国”</t>
  </si>
  <si>
    <t>新闻集团旗下小报英国《世界新闻报》历经168年，10日寿终正寝，头版发出绝唱：“谢谢大家，再见。”由于《世界新闻报》被控窃听语音信箱的丑闻近日不断升级，投资者对新闻集团遭受的名誉损害感到愈加不安。为此，新闻集团准掌门人詹姆斯·默多克7日宣布，将在《世界新闻报》?</t>
  </si>
  <si>
    <t>美国债务上限谈判紧锣密鼓</t>
  </si>
  <si>
    <t>8月2日美国提高债务上限的最后期限逐渐临近，美国总统奥巴马近来密集召集国会领导人会面，以期在未来两周就此达成协议。各界表示，虽然民主共和两党在节约开支和增税上仍存在重大分歧，但在最后期限达成一致悬念不大。　　　　10日晚间，美国总统奥巴马与八位国会领导人再?</t>
  </si>
  <si>
    <t>工业设计成产业地产新宠</t>
  </si>
  <si>
    <t>从“十二五”规划中把工业设计提升到前所未有的战略高度，到北京向联合国教科文组织申报“设计之都”，工业设计的红火正在带动相关产业地产的新一轮开发热潮。　　　　7月7日，由北京工业设计促进中心、中国(大兴)工业设计产业基地、北京大兴经济开发区主办的中国(大兴)工?</t>
  </si>
  <si>
    <t>万科业绩与绿色战略均好发展</t>
  </si>
  <si>
    <t>2011年楼市行至中盘，万科迎来“双喜临门”。　　　　在出席中英峰会的中国国务院总理温家宝和英国首相卡梅伦的共同见证下，万科与英国建筑研究院(BRE)签订了合作备忘录，将联手在北京打造全球最大的以绿色建筑为主题的公园。万科所一直坚持的绿色建筑理念，有了重大突破。</t>
  </si>
  <si>
    <t>高端医疗器械行业技术与设备待提升</t>
  </si>
  <si>
    <t>据医疗保健市场研究出版商KaloramaInformation日前发布的《全球医疗器械市场》报告预测，未来几年全球医疗器械市场将会以4%至6%的速度增长，2011年全球医疗器械市场将达到3120亿美元。我国医疗器械市场在2010年首次突破1000亿元大关，成为仅次于美国的世界第二大医疗器械市场</t>
  </si>
  <si>
    <t>撕裂的“碳税”</t>
  </si>
  <si>
    <t>本月10日，澳大利亚联邦政府即将出台“碳税”计划的细节。近两周来，挺“碳税”派与反“碳税”派的矛盾达到白热化程度，双方数月来的零星骂战不断升级，并已然演变为耗资巨大的公关活动。此事在政治层面和社会层面产生的“撕裂感”不断叩问着各方的耐力和良知，也透露出错综?</t>
  </si>
  <si>
    <t>苹果上诉三星  欲在美将其封杀</t>
  </si>
  <si>
    <t>美国苹果公司日前向美国国际贸易委员会(ITC)针对韩国三星电子公司提起诉讼，要求ITC下令禁止进口三星智能手机和平板电脑。这是近期这两家公司就知识产权展开连环诉讼的最新举动，虽然诉讼内容并无新意，但显示出本是密切合作伙伴的双方因市场份额之争而矛盾升级。　　　　?</t>
  </si>
  <si>
    <t>三次调控“半年报”房企大小分化明显</t>
  </si>
  <si>
    <t>中国房产信息集团日前发布的最新房企销售排行榜单显示，2011年上半年，前十大房地产开发企业累计实现销售3323亿元，同比增长逾80%。其中，万科、恒大和中海地产分别以644亿元、429亿元和421亿元的销售业绩位居排行榜前三名。　　　　市场份额向大型房企集中　　　　调控?</t>
  </si>
  <si>
    <t>在丹麦罗斯基勒享受音乐盛宴</t>
  </si>
  <si>
    <t>从6月30日开始的4天时间里，8万多来自欧洲各地的乐迷聚集在丹麦首都哥本哈根以西约30公里的罗斯基勒古城，在一个近乎荒原的地方搭建的设施完备、占地面积达16.6万平方米的音乐围城里露营、歌舞、聚会、喝啤酒，当然最重要、最快乐的事是享受世界大牌乐队和大腕歌手们带来的视</t>
  </si>
  <si>
    <t>欧盟航空“碳管制”遭各国强烈抵制</t>
  </si>
  <si>
    <t>随着欧盟对全球航空业启动“碳管制”的日子的临近，各国航空公司对此举的反对声也愈加强烈。美国航空运输协会7月5日在卢森堡的欧洲法院就此事提出起诉，称其违反国际法。中国航空协会也一再表达了对此举的强烈质疑。　　　　有分析称，欧盟的做法虽有助于推动减排，但背后?</t>
  </si>
  <si>
    <t>中美将联手加强在美中概股监管</t>
  </si>
  <si>
    <t>据美国彭博社5日报道，中美两国监管机构将于7月11日至12日在北京就中国赴美上市企业监管合作问题举行协商，有望堵住赴美上市的监管漏洞。　　　　彭博社援引两位中国官方人士话报道说，美国证券交易委员会(SEC)和美国上市公司会计监管委员会(PCAOB)将派出一个代表团前往北?</t>
  </si>
  <si>
    <t>欧美密集搜集我地方政府补贴证据</t>
  </si>
  <si>
    <t>《经济参考报》记者日前从一位业内知情人士处获悉，“目前欧盟、美国庞大的队伍在专门搜集各类网站中关于中国地方政府税收优惠等补贴政策的证据，包括乡镇级别政府的。”“今年从商务部到省市地方政府都感觉到，(应对)反补贴的任务非常艰巨。预计今年的反补贴会愈演愈烈。”$</t>
  </si>
  <si>
    <t>缓解电荒能否看看日本怎么做</t>
  </si>
  <si>
    <t>据《宁波日报》报道，为错开用电高峰，日本政府7月2日开始试行交叉上班。环境省是日本政府交叉上班制度的试点机构，部分职员星期六上班，平时再补休一天。日本打算积累一定经验之后，于本月晚些时候在所有中央政府机构实施交叉上班制度。　　　　看到这则报道后，笔者又读?</t>
  </si>
  <si>
    <t>原材料出口之争  美欧是否会引火烧身</t>
  </si>
  <si>
    <t>中国与欧美原材料出口限制之争初战失利了，世贸组织争端解决机构于当地时间7月5日向各成员散发专家组报告，认定中国限制铝土、焦炭、萤石、镁、锰、金属硅、碳化硅、黄磷、锌九种原材料出口不符合世贸组织规定。根据世贸组织《关于争端解决规则与程序的谅解》，专家组报告散?</t>
  </si>
  <si>
    <t>北汽与戴姆勒签订20亿欧元投资协议</t>
  </si>
  <si>
    <t>日前，北京汽车集团有限公司与合作伙伴戴姆勒股份公司在德国签署战略合作框架协议，戴姆勒将进一步扩大其在华业务，深化与北汽集团的合作。总投资额约20亿欧元将被注入到双方在华的合资企业北京奔驰汽车有限公司，用于生产紧凑型乘用车及中型豪华越野车GLK，建立设计年产能25</t>
  </si>
  <si>
    <t>知情人透露将制定“国家级索赔”</t>
  </si>
  <si>
    <t>国家海洋局5日召开新闻发布会，通报渤海油田溢油事故调查进展。虽然海洋污染面积超过840平方公里，但渤海湾溢油事件的责任方可能只需面临最高20万的罚款。违法后果和违法成本的强烈反差，暴露出我国在生态损害赔偿机制上的软肋。　　　　在发布会当天，中国海监总队北海第?</t>
  </si>
  <si>
    <t>WTO裁定我原材料出口限制违规</t>
  </si>
  <si>
    <t>《经济参考报》记者从世界贸易组织(WTO)网站获悉，WTO争端解决机构于当地时间5日向WTO成员国散发了关于欧盟和美国诉中国限制九种原材料出口一案的专家组报告，报告称中国限制九种原材料出口不符合WTO规定。专家称，这份裁定无疑对中国原材料出口政策是个巨大的挑战。虽然这次</t>
  </si>
  <si>
    <t>德国庭审欧元区救助方案合法性</t>
  </si>
  <si>
    <t>当地时间7月5日，德国宪法法院开庭审理反对德国救助希腊、爱尔兰与葡萄牙的起诉案，欧元区救助方案面临合法性挑战。而在4日，欧盟委员会刚刚通过一项旨在加快实施向正处于财政收支困境的第三国提供宏观财政援助方案的法规框架，凸显了各方在救助进程中分歧加大。　　　　原</t>
  </si>
  <si>
    <t>海尔赢得全球高端冰箱“领跑衫”</t>
  </si>
  <si>
    <t>国家信息中心发布的数据显示，以海尔为代表的中国冰箱企业凭借领先的技术和产品创新能力已经超越欧美品牌，成为高端冰箱市场的主导者。而来自国外统计机构的数据也表明，中国冰箱企业在海外高端冰箱市场实现了跨越式发展，成为全球高端冰箱市场的领航者。　　　　欧洲市场?</t>
  </si>
  <si>
    <t>猎杀中国概念股或在香港重演</t>
  </si>
  <si>
    <t>自5月美国浑水研究公司指出在多伦多上市的中国公司嘉汉林业存在融资欺诈，引发其股价暴跌，一股针对中国概念股的做空潮席卷而来，中国多家海外上市公司接连遭到猎杀。而有迹象显示，6月以来，这一浪潮或在香港重新上演。　　　　浑水袭香港　　　　近日，在香港上市的绿?</t>
  </si>
  <si>
    <t>债务谈判死水一潭</t>
  </si>
  <si>
    <t>6月29日，美国总统奥巴马肝火旺盛，白宫新闻发布会成了他针对国会的专场控诉会。他连珠炮似地抨击国会在批准自贸协定、企业融资便利化等一长串政治议题上给他羁绊；火力攻击最猛的，自然是共和党议员面对美国有可能出现的首次债务违约无动于衷，让他眼下主抓的债务谈判死水一</t>
  </si>
  <si>
    <t>日本电子业酝酿绿色崛起</t>
  </si>
  <si>
    <t>日本电子业正面临着前所未有的战略考验：一系列质量门事件使“日本制造”衰退的言论迅速在业内蔓延，紧接而来的日本家电业去制造化进程的加速则使这一猜测有了相对合乎逻辑的证据，随着当前日本电子业巨头企业大幅亏损，关于日本电子业战略衰退的舆论达到了顶峰。　　　　?</t>
  </si>
  <si>
    <t>专家建议对奢侈品区别降税</t>
  </si>
  <si>
    <t>近期关于奢侈品降税的话题引发了社会的热议，尤其是在媒体高频率聚焦之下的商务部和财政部两大部委的分歧，更是将这个话题的讨论推上高潮。　　　　据统计，中国商品含税已经远远高于一些发达国家：是美国的4.17倍，是日本的3.76倍，是欧盟15国的2.33倍。当前，一个比较现?</t>
  </si>
  <si>
    <t>美联邦政府仍然面临“停摆”风险</t>
  </si>
  <si>
    <t>由于民主党州长和州议会共和党领导人未能就始于7月1日的新财年预算达成一致，美国明尼苏达州州政府部分部门1日起被迫关闭。美国有线电视新闻网(CNN)7月3日的消息称，该州政府的“关门”状态可能要拖延数日，因为两党代表要等到4日的国庆假日之后才会重启谈判。　　　　分析</t>
  </si>
  <si>
    <t>丰田召回忙  信用还遭降级</t>
  </si>
  <si>
    <t>丰田汽车公司(Toyota Motor Corp .，TM)本周称，因电力控制板的晶体管存在问题，该公司将从美国、日本和欧洲召回数款混合动力汽车。此次召回事件恰逢评级机构穆迪投资者服务公司对丰田信用评级下调，显示自日本大地震灾难后，丰田市场前景仍不见好转。　　　　Toyota said</t>
  </si>
  <si>
    <t>希腊危机暂缓  欧洲加息料将重启</t>
  </si>
  <si>
    <t>美股上周爆出一年来最大的单周涨幅，因为市场的两大担忧同时出现缓解。希腊国会通过紧缩预算案，欧盟及IM F救援资金可望到位，欧洲债务危机得以纾缓。美国ISM采购经理人指数远好过预期，某种程度上打消了两次探底的忧虑。日本的短观数字也强劲反弹，表明地震引起的日本经济衰</t>
  </si>
  <si>
    <t>版号：032</t>
  </si>
  <si>
    <t>中国需要一次“金融革命”</t>
  </si>
  <si>
    <t>版号：033</t>
  </si>
  <si>
    <t>●国际货币体系改革的基本方向就是消除美元霸权体系和浮动汇率体系的巨大危害，构建多元、包容、稳定和有序的国际货币金融体系。　　　　●国际货币体系的改革是一个长期的历史过程，风起云涌，时不我待。中国必须高瞻远瞩，审时度势，抓住千载难逢的伟大历史机遇，制定深?</t>
  </si>
  <si>
    <t>豪车讴歌不服中国水土三元催化器故障成通病</t>
  </si>
  <si>
    <t>本田高档品牌讴歌Acura是风靡北美的豪车，Acura源于拉丁语中的“acu”，意味着“精确”，即讴歌代表着最高造车水平品牌的核心价值：精确、精密、精致。　　　　讴歌于2006年9月进军中国市场，并在登陆中国的同时将极具“敬业精神”的服务体系也带入国门———讴歌承诺：4年</t>
  </si>
  <si>
    <t>高税率背后的高福利</t>
  </si>
  <si>
    <t>六月底到七月初，正是澳大利亚新旧财年更替之际，也是每年澳大利亚人筹备报税的时间。从7月1日开始，每个澳大利亚纳税人需要向税务局申报从去年7月初至今年6月底的税务情况。这可是澳大利亚人社会经济生活中的大事。　　　　一位澳大利亚朋友曾开玩笑说，澳大利亚人可以不?</t>
  </si>
  <si>
    <t>美银预留140亿美元欲了结次贷纠纷</t>
  </si>
  <si>
    <t>美国银行(BankofAmericaCorp)29日宣布，计划支付85亿美元以和解约22家知名投资者对其提出的诉讼；这些投资者因在美国住房市场崩溃前购买了抵押贷款支持证券而蒙受损失。　　　　此外，美国银行还披露在第二财政季度计提拨备55亿美元，用于应对与联邦国民抵押贷款协会(房利?</t>
  </si>
  <si>
    <t>美出口管制新规将中国排除在外</t>
  </si>
  <si>
    <t>历时约一年的美国出口管制体系改革终于有了实质性进展，然而中国仍被排除在放松出口管制的名单之外。美国商务部部长骆家辉日前发布了美国出口管制政策新规———《战略贸易许可例外规定》(StrategicTradeAuthorizationLicenseException)，这项被称作“美国出口管制体系改革重</t>
  </si>
  <si>
    <t>原油价格反弹  IEA新政受挫</t>
  </si>
  <si>
    <t>国际能源机构(IEA)上周释放石油库存令油价短期大跌，引发石油输出国组织(欧佩克)成员国的谴责，而28日国际原油价格一转连续跌势、由此前四个月低点反弹。分析人士表示，油价长期仍不乏上涨动力。　　　　欧佩克成员国不满IEA举措　　　　IEA释放石油库存的举动似乎激怒了</t>
  </si>
  <si>
    <t>中国概念股遭“猎杀”不是祸</t>
  </si>
  <si>
    <t>《老子·五十八章》：“祸兮，福之所倚；福兮，祸之所伏。”中国概念股兵败美国，惨遭猎杀———到底是福，还是祸；很多人会究其原因，而更多人将会心一笑，此丑闻对于我们社会来说，是常态事件，大家均习以为常，因为做假账、披露虚假信息实在不是什么新鲜事，这是一个必然?</t>
  </si>
  <si>
    <t>国内小家电业缺战略难御外资</t>
  </si>
  <si>
    <t>随着法国SEB公司和飞利浦公司先后并购国内小家电巨头苏泊尔和奔腾，国内小家电企业的战略困境凸显无疑，在缺乏战略发展路径、技术标准的背景下，国内企业很难应对当前成本上涨带来的巨大压力。而与苏泊尔等企业被外资收购不同的是，国内另一小家电巨头九阳却通过不断地技术创</t>
  </si>
  <si>
    <t>欧元走高难消看空潮</t>
  </si>
  <si>
    <t>27日，欧洲央行官员表示债务重组不会是希腊的选择，欧元受此提振全面上扬，然而市场欧元的看空潮却依然凶猛，欧债阴云不散。　　　　欧央行官员表态引发欧元上扬　　　　欧洲央行委员会委员斯塔克27日表示，希腊债务重组将对希腊银行业的偿付能力构成威胁，进而冲击欧元?</t>
  </si>
  <si>
    <t>“高尔夫峰会”独缺“友谊”</t>
  </si>
  <si>
    <t>美国总统奥巴马和国会众议长博纳时常“兵戎相见”，18日却在高尔夫球场上搭档打败另两位华府高球名宿副总统拜登和俄亥俄州州长卡西奇。谈笑风生的奥巴马和博纳赢得了两美元赌金，但在球场外，奥巴马的民主党和博纳所在共和党之间，明争暗斗则日渐白热化。　　　　18日的“?</t>
  </si>
  <si>
    <t>谁创造了神东“神话”</t>
  </si>
  <si>
    <t>这里是全世界最大的煤矿，年产量突破2亿吨；这里是资源回采率最高的煤矿，国内多数小煤窑煤炭回采率不足30%，这里却接近80%；这里也是最安全的煤矿，在国内煤矿百万吨死亡率平均降至1时，这里仅为0.013，比美国还要低，但其全员工效则高达124吨/工，是美国平均水平的3倍。?</t>
  </si>
  <si>
    <t>美国富豪为何要求“向我多征税”</t>
  </si>
  <si>
    <t>当一位媒体的朋友看到笔者转发给他的一封信后，第一个反应是：他们竟主动要求加税，疯了，“我是不是看错了？！”　　　　他还真没有看错。这封不久前写给美国总统奥巴马和参众两院院长的联名信，作者是美国的200位顶级富豪，目的就是主动要求国家对他们多征税。给笔者发来</t>
  </si>
  <si>
    <t>世纪佳缘：聚焦婚恋产业链</t>
  </si>
  <si>
    <t>近期，中国互联网企业再现赴美上市热潮，奇虎360、人人网、世纪佳缘、凤凰新媒体等先后在美国资本市场完成IPO。尽管投机者“做空中国”的举动使境外上市的中国概念股遭到集体抛售，不少中国知名互联网公司正在经历着股价暴跌的考验，但世纪佳缘却得到了投资银行奥本海默“跑?</t>
  </si>
  <si>
    <t>雅虎CEO遭股东“逼宫”</t>
  </si>
  <si>
    <t>据美国《华尔街日报》23日报道，由于经营业绩不佳且与阿里巴巴关于支付宝的争端让投资者不满，雅虎公司首席执行官(CEO)卡罗尔·巴茨在当天的年度股东大会上面临股东“逼宫”。　　　　此前有文章指出，雅虎早已在暗中开展寻找巴茨接班人的工作，甚至还有业内人士提出，中国</t>
  </si>
  <si>
    <t>欧盟峰会首要议题化解希腊危机</t>
  </si>
  <si>
    <t>6月23日至24日，欧盟领导人将召开夏季峰会，重点讨论希腊债务危机以及进一步推进欧盟内部经济治理等议题。从峰会前的欧元区财长会议结果看，希腊的第二轮救助方案在此次峰会上出炉已经不可能。　　　　分析人士认为，希腊危机更多是一场政治危机，欧盟之所以迟迟不能快刀斩</t>
  </si>
  <si>
    <t>中国企业在美借壳上市难度加大</t>
  </si>
  <si>
    <t>美国证券交易委员会(SEC)主席夏皮罗21日表示，为应对通过“反向收购”(借壳上市)在美国上市公司最近爆发的一系列财务丑闻，SEC正在研究多种加强监管方案。业内人士分析认为，占在美借壳上市数量25%的中国企业将面临监管升级压力，而日后欲通过借壳赴美上市的中国企业难度加大</t>
  </si>
  <si>
    <t>摩根大通遭监管机构“秋后算账”</t>
  </si>
  <si>
    <t>美国证券交易委员会(SEC)21日发表声明说，摩根大通旗下子公司摩根大通证券有限公司同意支付1.536亿美元与其达成和解。此前，SEC指控摩根大通涉嫌对楼市崩溃前买入抵押贷款证券的投资者构成欺诈。　　　　路透社的报道称，这表明美国监管者致力于继续让华尔街投行为当初激化</t>
  </si>
  <si>
    <t>美国“欢迎”外资是否又是空头支票</t>
  </si>
  <si>
    <t>美国白宫20日发布声明称，美国重申欢迎各国在美投资，支持各国企业家在美国投资兴业，并将对国内外投资者一视同仁。　　　　“山姆大叔”是不是又遇到难以解决的麻烦才开口“求救”？“各国”真的包括非盟友国家？“一视同仁”的背后会不会还内外有别？　　　　从现状看?</t>
  </si>
  <si>
    <t>美国年轻人也“啃老”</t>
  </si>
  <si>
    <t>俄亥俄州的詹森和萨拉一家日子过得不算如意。“马无夜草”的詹森一直靠兼职给人开卡车赚钱，收银员萨拉一年前被百货商场因减员增效而辞退，花光了积蓄的他们处境艰难，只得带上自己女儿投靠詹森的外祖父母。　　　　在这种“被四世同堂”的屋檐下，卡夫丁峡谷般的代沟加上?</t>
  </si>
  <si>
    <t>摩根大通和RBS因谎报风险被诉</t>
  </si>
  <si>
    <t>美国国家信用合作社管理局当地时间20日对摩根大通和苏格兰皇家银行(RBS)提起诉讼，要求两家公司为金融危机期间倒闭的5家批发信用合作社购买的高风险抵押贷款证券损失赔偿共计8.4亿美元。　　　　美国两大评级机构近来也可能被起诉，同样是因为在抵押贷款证券上有“误导”行</t>
  </si>
  <si>
    <t>专家评说：古巴经济改革面临的机遇与挑战</t>
  </si>
  <si>
    <t>期盼已久的古巴共产党第六次全国代表大会终于在2011年4月召开。古共六大不仅选举产生了新一届中央领导，而且还通过了引人瞩目的经济改革计划。相比之下，人们更为关心的不是新一届中央领导，而是经济改革计划，因为劳尔·卡斯特罗担任古巴最高领导人早已成为事实。</t>
  </si>
  <si>
    <t>古巴经济终于迈上改革之路</t>
  </si>
  <si>
    <t>前不久，古巴共产党举行了第六次全国代表大会，并通过《经济社会政策方针》这一重要文件，由此掀起了古巴经济改革的高潮。　　　　《经济参考报》记者在随后进行的采访中，耳闻目睹了古巴经济社会的现实，深切感受到古巴经济的严峻性，以及民众对改革的热切期盼，一个新形?</t>
  </si>
  <si>
    <t>日本3D电视市场未达预期</t>
  </si>
  <si>
    <t>在日本，3D还处在正从影院走入家庭的阶段。　　　　目前，电影放映公司都在导入可欣赏3D图像的放映设备，预计到2012年，30%的影院和剧场可放映3D电影。　　　　电视生产商也对3D导入电视领域进行了不遗余力地推动。早在去年的4月23日和6月10日，日本松下公司和索尼公司相</t>
  </si>
  <si>
    <t>孙正义：将与阿里巴巴就支付宝达成一致</t>
  </si>
  <si>
    <t>软银董事长孙正义20日在韩国首尔表示，预计很快会就支付宝所有权事宜与阿里巴巴集团达成一致。　　　　分析人士指出，即便达成和解，“支付宝事件”在业内造成的恐慌短期内也不会平息。　　　　马云近日在澄清“支付宝事件”时称，“央行不允许支付宝适用VIE(VariableInt</t>
  </si>
  <si>
    <t>希腊需要“马歇尔计划”</t>
  </si>
  <si>
    <t>最近两周，希腊又让欧洲有点手忙脚乱。　　　　希腊政府本月初推出新紧缩政策，以保证新的财政计划和私有化改革计划顺利进行，但在国内遭到强烈抵制。7月马上有一笔债务到期，若6月底之前新计划不能在议会通过，希腊就拿不到用于偿还债务的救助款，债务违约就会由传说变成?</t>
  </si>
  <si>
    <t>空客料斩获大单  波音则困境凸显</t>
  </si>
  <si>
    <t>当地时间20日至26日在布尔歇机场举行的法国巴黎航空展上，两大巨头欧洲空客和美国波音均重装亮相，但境遇可能截然不同，空客料将斩获大量订单，而波音却困境凸显。　　　　空客表示，去年12月推出A320neo因油耗可在现有基础下降15%而对顾客颇具吸引力，原因是燃料成本在其?</t>
  </si>
  <si>
    <t>部分英资银行从欧元区拆借市场撤资</t>
  </si>
  <si>
    <t>因担忧希腊债务问题引发“雷曼式”金融风暴，渣打和巴克莱等英资银行正大举撤离与欧元区银行之间的短期资金拆借市场。　　　　有分析认为，本轮英资银行撤资潮，恐将再次造成信贷紧缩，甚至会演变为一场真正的雷曼风暴。　　　　欧元区国家财长19日晚至20日晨在卢森堡举?</t>
  </si>
  <si>
    <t>本土“碳判官”亟须强身健体</t>
  </si>
  <si>
    <t>近日，“中国碳交易第一案”在北京市朝阳区人民法院一审开庭。全球知名碳交易认证企业挪威船级社(DNV)在华机构挪华威，被中国一家此前业内“名不见经传”的环保咨询企业———上海太比雅环保有限公司告上法庭，并被要求更正浙江能源集团某碳交易项目的书面审定意见的出具日期</t>
  </si>
  <si>
    <t>华能通辽风电寻求“高地突围”</t>
  </si>
  <si>
    <t>历经“风驰电掣”般快速发展的中国风电产业，在“十一五”末登上一个辉煌的“高地”———风电装机总容量达4473.3万千瓦，超过美国成为世界第一；与此同时，风场事故频发、风电并网难、弃风现象严重等一系列问题也开始集中爆发。业内人士戏称，中国风电产业开始进入“痛风”?</t>
  </si>
  <si>
    <t>美联储或变相实施QE3</t>
  </si>
  <si>
    <t>美联储将于6月21-22日举行议息会议，作为去年11月启动的总规模6000亿美元的国债购买计划(QE2)6月底结束前的最后一次议息，这次会议引起市场格外关注。　　　　各界分析，在美国近期宏观数据持续不景气而通胀指数有所上升的背景下，美联储传递明确收紧信号的可能性微乎其微?</t>
  </si>
  <si>
    <t>苹果麻烦缠身  扩张遇到难题</t>
  </si>
  <si>
    <t>苹果公司最近一周麻烦缠身，不仅要应付多项诉讼，还因零售主管罗恩·约翰逊的离职面临扩张难题。今年4月，苹果公司宣布，计划本财年在全球开设40家新店，其中3/4都在美国本土之外。　　　　Apple finally responded to Samsung‘s late May request to see the“final，com</t>
  </si>
  <si>
    <t>拉加德：金融世界的可可·香奈儿</t>
  </si>
  <si>
    <t>从5月30日起，法国女财长克里斯蒂娜·拉加德成了不折不扣的“空中飞人”。在获得欧美国家广泛支持下，拉加德将公关重心放在新兴市场经济体：从巴西到印度再到中国，之后在葡萄牙里斯本会晤出席非洲开发银行年会的非洲财经官员，紧接着马不停蹄地赶赴沙特阿拉伯参见国王和财政</t>
  </si>
  <si>
    <t>药品辅料使用“塑化剂”合法引担忧</t>
  </si>
  <si>
    <t>台湾“塑化剂”风波从饮料、食品扩展到保健品和药品，国家食品药品监管局紧急暂停销售两种含邻苯二甲酸酯类物质(塑化剂)的保健品，并对多家企业进行了查处。邻苯二甲酸酯类物质在我国制药领域长期使用，现行《中国药典》已将其列入药用辅料范畴，部分消费者对此表示质疑。专?</t>
  </si>
  <si>
    <t>希腊政局变数搁浅救助计划</t>
  </si>
  <si>
    <t>15日，希腊民众发起大规模抗议活动反对政府财政紧缩计划，总理帕潘德里欧被迫重组内阁并面临下台压力，希腊政局再添不确定性，令希腊援助计划几乎陷入瘫痪。，希腊债务问题再次站在了十字路口。　　　　全球市场受波及　　　　希腊债务危机继续加剧，引发全球股市走低。$</t>
  </si>
  <si>
    <t>美楼市疲软与经济放缓或成恶性循环</t>
  </si>
  <si>
    <t>美国全国住宅建筑商协会15日说，6月份美国住宅建筑商信心指数在维持半年稳定后大幅下挫。分析认为，这是美国房地产市场长期“量价齐跌”以及近期经济减速综合作用的结果。更为严重的是，一旦房市加剧低迷，其与经济增长之间的相互反作用会愈加凸显，两者恐将陷入恶性循环。</t>
  </si>
  <si>
    <t>中国制造业对高级技工需求将增加</t>
  </si>
  <si>
    <t>全球著名猎头公司万宝盛华首席执行官杰弗里·约雷斯日前在接受新华社记者采访时表示，未来几年，中国制造业对高级技工的需求将大大增加。　　　　“与前些年相比，中国在低端制造业的廉价劳动力优势已有所下降，越南、柬埔寨及印度中部地区正向全世界提供更加廉价的劳动力?</t>
  </si>
  <si>
    <t>要提防世界经济风云突变</t>
  </si>
  <si>
    <t>国际经济形势经常会风云突变，这是中国政府不得不防的事情。现在，到底有多少人可以意识到希腊这个欧洲小国的债务问题会发展到怎样的程度？而一旦最坏的情况———债务违约发生，世界经济会因此而遭受怎样的痛苦？我们经常用“不确定”作为“没有能力判断”的说辞，却意识不?</t>
  </si>
  <si>
    <t>“美债危机论”挑动最大债主神经</t>
  </si>
  <si>
    <t>在连续5个月减持后，中国再度小幅增持美债。美国财政部15日最新公布的《国际资本流动报告》(TIC)显示，2011年4月末，中国持有美国国债1.1525万亿美元，较3月末的1.1449万亿美元增加76亿美元。截至目前，中国仍然是美国国债的最大债主。　　　　在最近甚嚣尘上的“美债危机?</t>
  </si>
  <si>
    <t>谷歌推出语音搜索功能</t>
  </si>
  <si>
    <t>美国谷歌公司14日为其电脑版搜索引擎添加了语音搜索、图片搜索和瞬时加载页面等多项新功能。　　　　谷歌有关人士在当天于旧金山举行的媒体发布会上介绍说，这几项功能针对的是台式机等传统电脑使用的搜索，目前都只能在谷歌Chrom e浏览器中进行。进行语音搜索时，用户点击</t>
  </si>
  <si>
    <t>意大利公共债务再创新高</t>
  </si>
  <si>
    <t>意大利央行14日公布的报告显示，今年4月底意大利的公共债务再创历史新高，达到1.8906万亿欧元(约合2.7353万亿美元)。　　　　报告说，今年4月底意大利的公共债务比上个月增加224亿欧元(约合324亿美元)，与去年4月底相比则增加752亿欧元(约合1088亿美元)。今年4月底意大利地</t>
  </si>
  <si>
    <t>进口车展在即  市场呈现强劲增长</t>
  </si>
  <si>
    <t>中欧经济技术合作协会、中国汽车流通协会日前透露，鉴于中国进口汽车市场表现出的强劲增长态势，2011年进口汽车博览会将于10月31日至11月6日在北京举行。　　　　本届展会主题为“行者之巅、品味之源”。在汽车展示的同时，将融入更多环保、时尚理念，并以更长的展出时间和</t>
  </si>
  <si>
    <t>穆迪将法国三大银行列入降级观察名单</t>
  </si>
  <si>
    <t>因考虑到希腊违约对法国银行的影响，穆迪评级(Moody’s)15日将法国三家大型银行列入降级观察名单，同时指出比利时与法国合资的德克夏银行(Dexia)可能降低两级。　　　　穆迪在声明中指出，法国最大的三家银行法国农业信贷(CreditAgricole)、法国兴业银行(SocieteGenerale)?</t>
  </si>
  <si>
    <t>开设A股国际板时机尚未成熟</t>
  </si>
  <si>
    <t>国际资本在中国即将走完第一阶段，在未来一、二年之内将配合美元加息和美元走势趋强而进入第二阶段，即国际资本回流阶段。这是容易引爆中国经济金融危机的危险阶段。　　　　美国“巧实力”是指美国借助美元霸权以及全球金融与商品市场的定价权进行巧取豪夺的力量。A股国际</t>
  </si>
  <si>
    <t>中国概念股海外遭袭“焉知非福”？</t>
  </si>
  <si>
    <t>中国概念股自6月初以来连连落水，往日的光环数日内迅速黯淡下来。眼下，海外监管机构对中国企业财务问题的打击还在继续上演。分析人士指出，中国企业所受的皮肉之苦并非坏事，一次摔跤就是一次成长。　　　　在美中国公司“十年信誉或土崩瓦解”　　　　据外媒报道，美国</t>
  </si>
  <si>
    <t>标普将希腊信用评级降至全球最低</t>
  </si>
  <si>
    <t>国际评级机构标准普尔公司13日宣布，将希腊长期主权信用评级降至CCC的全球最低水平，希腊成为标准普尔给予评级的国家中评级最低的，低于牙买加、巴基斯坦和斐济，也低于最近发生债务违约的阿根廷和厄瓜多尔。希腊财政部随后发表声明，指责标普迎合利空谣言而忽视救助进程中的</t>
  </si>
  <si>
    <t>遭遇塑化剂食品,消费者该如何索赔</t>
  </si>
  <si>
    <t>塑化剂(Plasticizers)或称增塑剂、可塑剂、邻苯二甲酸酯，是一种增加材料柔软性的添加剂，在工业和建筑业被广泛使用。然而，一些不良商家却将之用于食品。在台湾沸沸扬扬的食品塑化剂事件尚未平息之际，国家药监局也已于6月12日发出通知，在广东、浙江4家企业8个样品中检出了</t>
  </si>
  <si>
    <t>澳大利亚5月商业信心指数继续下滑</t>
  </si>
  <si>
    <t>澳大利亚国民银行14日公布的月度报告显示，受零售业、制造业等企业管理层对经济增长前景担忧等因素影响，澳大利亚商业信心指数5月继续出现下滑。　　　　报告显示，5月澳大利亚商业信心指数为6，较前一月下滑1点。澳大利亚国民银行认为，近期澳元汇率升值过快仍是造成这一?</t>
  </si>
  <si>
    <t>日本东电巨额赔偿获政府支持</t>
  </si>
  <si>
    <t>日本政府14日通过了福岛核事故赔偿相关草案，草案确定了向东京电力公司(东电公司)提供资金援助的事宜。同时，由于东京证交所提高了东电公司的做空保证金标准，东电股票当天收于涨停，盘中涨幅创下近40年最高。　　　　根据上述草案，日本政府将新设“原子能损害赔偿支援机?</t>
  </si>
  <si>
    <t>字库单字有无著作权？专家看法不一</t>
  </si>
  <si>
    <t>近期，就计算机字库的法律问题，在北京举行了两次知识产权界的研讨会，4月17日《中国知识产权报》组织的一次，5月28日中国人民大学法学院组织的一次，有数十位知识产权方面的专家、学者参加。对计算机字库的法律属性，尤其是字库中的单字有没有著作权保护的问题，大家的观点?</t>
  </si>
  <si>
    <t>外资并购是一场“鸿门宴”？</t>
  </si>
  <si>
    <t>知情人士6月12日证实，飞利浦公司将以23-25亿元人民币收购奔腾电器公司，双方在1-2个月内完成相关手续后将正式宣布这一收购细节。这是继美国百胜餐饮集团宣布收购小肥羊公司后，外资再次出手并购中国民营企业。　　　　飞利浦收购奔腾电器　　　　奔腾集团创始人刘建国9?</t>
  </si>
  <si>
    <t>德国“毒菜”推高全球食品贸易成本</t>
  </si>
  <si>
    <t>虽然肆虐欧洲的肠出血性大肠杆菌疫情在德国呈逐步缓解趋势，但传播范围却在逐渐扩大，欧洲和北美等14个国家已经连续发现确认感染病例。由于致病病菌的源头结论几经反复，不仅民众不安情绪无法有效安抚，更令食品安全监管缺陷在全球化生产链条模式上暴露无遗。此次事故同时也?</t>
  </si>
  <si>
    <t>美国经济复苏：消费和就业谁先行</t>
  </si>
  <si>
    <t>日前一期美国《商业周刊》刊登彼得·科伊撰写的《美国经济的“您先请”》一文称，美国公司期待消费者花钱，而消费者却等着公司提供就业机会，无论谁能先迈出这一步，都对美国经济复苏具有重要意义。　　　　1901年，威廉·伦道夫·赫斯特掌控的《纽约日报》刊登了一幅漫画?</t>
  </si>
  <si>
    <t>难觅美国楼市谷底</t>
  </si>
  <si>
    <t>入夏的华府骄阳似火。在华盛顿航空表演展现场，迈特所在房地产公司的摊位和旁边的汉堡摊、啤酒摊不太搭调，迈特卖力的推销和向来客赠送的T恤衫、高尔夫球木钉等各色纪念品勾勒出一幅鲜活的美国楼市“买方市场”图。　　　　迈特所在的这家全国性房地产公司主营独栋房产业务</t>
  </si>
  <si>
    <t>苹果iCloud被诉侵权</t>
  </si>
  <si>
    <t>据外媒13日报道，美国亚利桑那州的iCloud通讯公司已对苹果公司提出起诉，指控苹果新推出的iCloud在线存储服务的名称侵犯了它的商标权。　　　　iCloud通讯称，苹果打算使用iCloud商标提供的产品和服务与iCloud通讯从2005年以来一直使用这个商标提供的产品和服务是相同或者?</t>
  </si>
  <si>
    <t>非洲最大自由贸易区谈判启动</t>
  </si>
  <si>
    <t>东南非共同市场、东非共同体和南部非洲发展共同体成员国首脑和政府代表12日在南非经济中心约翰内斯堡举行第二届三方峰会，宣布启动非洲最大自由贸易区谈判。　　　　本届峰会以“加速三方一体化”为主题，远景目标是建立单一共同市场。峰会制定了自贸区谈判原则、进程、制?</t>
  </si>
  <si>
    <t>美联储政策工具失灵？</t>
  </si>
  <si>
    <t>6月11日的英国《经济学家》杂志刊登《政策无力》一文称，经济数据为美国经济复苏拉响了警报，尽管离二次衰退还很远，但复苏乏力同样令人难以忍受。更让人担心的是，政策决策者在坏消息面前似乎已束手无策。　　　　去年夏天，美国经济复苏陷入停滞状态，华盛顿立即展开行动</t>
  </si>
  <si>
    <t>全球黑客袭击进入新一轮活跃期</t>
  </si>
  <si>
    <t>近期的黑客行动似乎已经到了横行无阻的“境界”。美国媒体11日报道，国际货币基金组织(IMF)计算机系统成了“黑客”最新的攻击对象。分析指出，IMF计算机系统遇袭事件将引起各国监管者对计算机和网络安全的进一步关注，更多的监管措施将陆续出台。　　　　黑客袭击近期异常?</t>
  </si>
  <si>
    <t>谁在落实  绿色气候基金上“逗你玩”</t>
  </si>
  <si>
    <t>第17届联合国气候变化框架公约缔约方大会的气候谈判预备会议6月6日至6月17日在波恩举行。会议的焦点之一，就是发达国家依照历史排放的责任，向发展中国家提供资金支持，用于减缓行动、适应方案、能力建设、森林碳汇和技术研发等。　　　　在哥本哈根气候变化谈判大会上，发</t>
  </si>
  <si>
    <t>巴奈特只见树木不见森林</t>
  </si>
  <si>
    <t>西澳大利亚州(西澳州)州长科林·巴奈特近期表示，由于澳大利亚联邦政府不理解矿业繁荣给澳经济带来的巨变，并顽固推进损害西澳州利益的政策，西澳州与堪培拉的政治和经济关系已陷入低点，而与中国等亚洲国家的关系却正在加强。巴奈特表示，西澳州的着眼点在于亚洲，而不是堪?</t>
  </si>
  <si>
    <t>福特野心要靠中印实现</t>
  </si>
  <si>
    <t>美国福特汽车公司日前公布了宏大的全球扩张计划，该公司预定在2015年前在全球卖出800万辆汽车，这个数字比福特2010年销售量高出50%，其业绩目标的主攻方向将是中国，印度等新兴经济体国家。　　　　Ford Motor Co . (F) said growth in Asia and increasing demand for sma</t>
  </si>
  <si>
    <t>2011香港艺术展中的影像艺术品</t>
  </si>
  <si>
    <t>2011香港国际艺术展(ArtHK11)日前在香港会展中心举行，250家参展商的会展远远刷新了去年110家的记录，巩固了香港作为亚洲最大的国际艺术品交易平台的地位。　　　　据不完全统计，今年的展会上有超过10家专门经营摄影艺术品的画廊，大约1/4的参展机构展出了摄影艺术品，包?</t>
  </si>
  <si>
    <t>IMF选战的中国选择</t>
  </si>
  <si>
    <t>法国女财长拉加德访华，来意不言自明，她说要像李娜在法网中一样“充满信心”。中国该如何选择？　　　　在当前国际货币基金组织(IMF)总裁选战中，对于中国的角色，外界大致有两种声音。　　　　一是中国要出头。作为最大新兴国家，中国应当仁不让，支持新兴世界候选人，</t>
  </si>
  <si>
    <t>美国经济的旧疾与新病</t>
  </si>
  <si>
    <t>随着2011年6月份的到来，美国经济本轮复苏即将届满两年。回顾过去，先高后低、整体缓慢是美国经济复苏的主要特征。特别是今年上半年，尽管年初喜迎“开门红”，但实际复苏情况依然不尽如人意。展望未来，美国经济复苏依然要面临“持久战”和“攻坚战”，而且新风险、新困难、</t>
  </si>
  <si>
    <t>正视希腊危机抛弃无痛幻想</t>
  </si>
  <si>
    <t>日前一期美国《商业周刊》刊登《希腊：为什么野兽卷土重来》一文称，欧洲银行业尚未对因希腊可能倒债而造成的损失做好准备，所以将希望寄托于拖延战术之上。但时间不可能改变一切，反而是拖得越久，痛苦越大。　　　　这看起来越来越像真的：希腊政府最终将无法按时且全额?</t>
  </si>
  <si>
    <t>伯南克难给中国吃“定心丸”</t>
  </si>
  <si>
    <t>伯南克发话了。这位美联储主席当地时间6月7日在亚特兰大发表演讲时表示，美国经济“看上去正在以一种温和的速度”复苏，而美联储更有可能通过延长其所持有资产的时间来应对经济低迷，而不是购入更多的资产。此言一出，立刻打消了市场对于美联储可能会出台第三轮定量宽松政策(</t>
  </si>
  <si>
    <t>专家称美国近期不会推QE3</t>
  </si>
  <si>
    <t>来自中国社科院美国所和世界银行的专家8日同时表示，预计美国至少在近期不会推出第三轮量化宽松政策(QE3)。　　　　中国社科院美国所经济室主任王孜弘接受《经济参考报》记者采访时表示，虽然美国近期失业率仍居高不下，但是失业率这个指标预测衰退属于领先指标，预测复苏?</t>
  </si>
  <si>
    <t>拉米呼吁用“贸易增加值”衡量全球贸易</t>
  </si>
  <si>
    <t>世界贸易组织总干事拉米6日在日内瓦说，全球贸易应以“贸易增加值”作为新的贸易统计标准。　　　　拉米在介绍世贸组织与亚洲经济研究所当天共同发布的《东亚贸易模式与全球价值链》报告时表示，传统贸易统计侧重于计算进出口总值，使得国际贸易出现“看似失衡”的局面，应</t>
  </si>
  <si>
    <t>iCloud欲助苹果称霸数字音乐市场</t>
  </si>
  <si>
    <t>美国苹果公司6日推出在线存储云服务iCloud，其中备受关注的iTunesMatch音乐云服务有望给数字音乐市场带来新的变革。　　　　在旧金山举行的苹果全球开发者大会上，正在休病假的苹果首席执行官史蒂夫·乔布斯亲自登台介绍了iCloud，并将它称为苹果的“下一个伟大远见”。在?</t>
  </si>
  <si>
    <t>澳元汇率为何连创新高</t>
  </si>
  <si>
    <t>近几个月来，澳元对美元汇率连创新高，5月份一度达到1比1.10的历史最高点。澳元汇率持续坚挺的原因是什么，还能持续多久，对澳大利亚的经济又将产生什么影响呢？不少经济学家认为，综合多种因素来看，澳元汇率还将在高位运行一段时间，至少在今年年底前不会有大的回落。　?</t>
  </si>
  <si>
    <t>高新区：着力打造特色鲜明的主导产业</t>
  </si>
  <si>
    <t>芜湖市国家级高新技术开发区坚持发展高新技术产业为方向，注重规模与质量并重，着力打造特色鲜明的主导产业，在奇瑞新能源汽车、华东光电、海螺集团、中集瑞江、中航集团、美国德尔福、日本川崎等国内外知名企业带动下，形成了新能源汽车及其零部件、节能环保、电子信息、软?</t>
  </si>
  <si>
    <t>希腊危机似躲过“债务重组”</t>
  </si>
  <si>
    <t>欧元区决策者有关对希腊的新援助计划的磋商取得些许进展，德国传媒报道，希腊的新救助计划规模可能超过1000亿欧元。但从各方表态来看，更多的是继续否定债务重组方案的可行性，并无具体援助措施敲定，而且希腊新的财政紧缩方案或将遇阻，让其危机发酵过程增添不确定性。　?</t>
  </si>
  <si>
    <t>欧佩克或象征性增产</t>
  </si>
  <si>
    <t>石油输出国组织(欧佩克)定于6月8日在奥地利首都维也纳举行会议。该组织的多位主要官员此前透露，欧佩克很可能在本次会议上决定提高原油产出，以抑制油价涨势。但也有消息说，提高原油产出的决定将遭遇阻力，伊朗、委内瑞拉等国会反对增产。　　　　分析人士预计，欧佩克可?</t>
  </si>
  <si>
    <t>欧洲3D电视市场尚在蓄势</t>
  </si>
  <si>
    <t>意大利传统文化与中国很相似，两代同堂的家庭比比皆是，许多家庭不仅在客厅摆放电视机，而且在餐厅、厨房等处也摆放电视机，意大利因此成为世界上除了北美之外以家庭为单位拥有电视机数量最高的国家。但3D电视目前对意大利人来说仍然处于蓄势待发的阶段，年轻人喜欢在家电卖?</t>
  </si>
  <si>
    <t>葡萄牙重启大选  债务危机难化解</t>
  </si>
  <si>
    <t>葡萄牙5日举行议会选举。选前民意调查显示，社会党政府可能成为继爱尔兰共和党政府之后，又一个因主权债务危机而下台的欧洲国家政府。最大在野党社会民主党有望组建新政府，但欧洲联盟和国际货币基金组织780亿欧元(约合1130亿美元)援助方案将令新政府束手束脚，背上沉重包袱?</t>
  </si>
  <si>
    <t>美股五周连跌  未来走势市场分歧大</t>
  </si>
  <si>
    <t>U.S. stocks fell this week，sending the Dow Jones Industrial Average to its longest streak of losses since 2004，after worse-than-estimated reports on jobs and manufacturing fueled concern earnings growth will slow .　　　　在上周美国就业报告以及生产数?</t>
  </si>
  <si>
    <t>美国出现债务违约  并非毫无可能</t>
  </si>
  <si>
    <t>美国会出现债务违约吗？目前看，中国的专家、学者、官员大都不相信美国会发生债务违约的问题，仅仅把国会迟迟不能批准“提高国债余额上限”作为“党争”或“利益之争”的筹码，但如果较量始终没有结果，而实实在在出现债务违约，哪怕只是短时间的，那结果会是什么？中国如何?</t>
  </si>
  <si>
    <t>IMF向埃及提供30亿美元贷款</t>
  </si>
  <si>
    <t>国际货币基金组织(IMF)5日宣布与埃及达成协议，向埃及提供30亿美元贷款，支持该国经济增长。　　　　IMF在当天发布的一份声明中说，这笔备用贷款计划将用于支持埃及从今年7月开始的2011至2012财年经济项目，为期12个月。贷款预计将用于创造就业，保护贫困人口，同时平抑该?</t>
  </si>
  <si>
    <t>塑化剂风波升级  全球“封杀”</t>
  </si>
  <si>
    <t>随着台湾地区“塑化剂”风波愈演愈烈，不单是食品行业遭难，越来越多行业曝出与毒性塑化剂有染。出于安全考虑，全球多个国家和地区相继封杀台湾产品，但许多含毒产品目前尚难以查清在生产和运输链条上哪个环节出现问题。有专家指出，在全球化的今天，国际范围内的联合防控监?</t>
  </si>
  <si>
    <t>普及电动车,丹麦走在前</t>
  </si>
  <si>
    <t>在全球面临着能源和气候双重危机的严峻挑战下，电动汽车正在成为一个热点。而丹麦哥本哈根市政府2009年提出了一个雄心勃勃的气候变化应对计划，目标是到2025年使哥本哈根成为世界上第一个零碳排放城市。哥本哈根市政府一直致力于实现这一绿色战略目标，并大力推广零碳环保的?</t>
  </si>
  <si>
    <t>表现良莠不齐  银行系QDII投资有道</t>
  </si>
  <si>
    <t>金融危机的爆发使得众多QDII产品“血本无归”，而根据研究机构普益财富的数据，自2010年以来，QDII表现有明显好转，但良莠不齐。如今年前4个月，渣打银行的“富兰克林互惠欧洲基金”“贝莱德新兴欧洲基金”“贝莱德欧洲基金”“施罗德环球基金系列-环球能源”等都有不俗表现?</t>
  </si>
  <si>
    <t>PMI多下滑  全球经济现放缓征兆</t>
  </si>
  <si>
    <t>美国、欧洲、中国等经济体近日发布的制造业指数普遍下滑，引发市场对全球经济复苏正在丧失动能的担忧。有分析指出，经济放缓的速度高于预期，可能导致美联储维持超宽松货币政策的时间长于预期，而中国的宏观经济政策也可能出现微调。　　　　全球经济复苏似遇第二段“疲软?</t>
  </si>
  <si>
    <t>美国压人民币升值是一个“阴谋”吗？</t>
  </si>
  <si>
    <t>有媒体曝出惊人消息，美国企业研究所(A EI)高级研究员、先后担任美国总统经济顾问委员会主任和财政部长助理的斯瓦格尔撰文道破美国大张旗鼓压迫中国升值人民币的内幕，声称这只不过是美国借助中国社会“敌人反对的，我们坚决支持”思维定式施展的计策，因为人民币升值会导致?</t>
  </si>
  <si>
    <t>经济数据持续疲软  美元转为下落节奏</t>
  </si>
  <si>
    <t>本周外汇市场上，由于美国经济数据接连不断地暴露出复苏的疲态，市场对于美联储退出宽松政策的前景感到黯淡，美元指数冲高回落。　　　　市场情绪不堪重压　　　　本周中公布的全球制造业数据全面下滑，包括中国、欧元区、英国以及美国，美国ISM制造业数据甚至跌至一年多</t>
  </si>
  <si>
    <t>“毒黄瓜”令欧洲蔬果市场陷入恐慌</t>
  </si>
  <si>
    <t>疑似由受污染蔬果传播的肠道出血性大肠杆菌(EHEC)疫情，自德国扩大至欧洲各国，截至当地时间5月31日，死亡人数增至16人。　　　　由于污染源至今无法确认，蔬果恐慌蔓延欧洲，多国禁止从德国和西班牙进口蔬果，据称西班牙农民可能蒙受高达2亿欧元的损失。西班牙政府有关部?</t>
  </si>
  <si>
    <t>质检总局：暂停进口台湾问题产品</t>
  </si>
  <si>
    <t>为避免食品、食品添加剂及相关产品受到邻苯二甲酸酯类非食用物质污染，国家质检总局发布公告指出，将从6月1日起暂停进口台湾方面通报的问题产品，统一企业股份有限公司的产品也被纳入其中。　　　　国家质检总局表示，根据台湾有关方面的通报，台湾部分食品添加剂生产企业?</t>
  </si>
  <si>
    <t>去美国楼市“抄底” 是接一把下跌的利剑</t>
  </si>
  <si>
    <t>美国日前公布的连串数据，都显示美国经济转趋疲弱，尤其是美国楼价继去年第4季下跌3.6%后，今年首季再跌4.2%，跌现2002年中以来最低水平，确认美国楼市陷入双底衰退，导致原本受希腊债务危机出现曙光刺激而大涨120点的道指，升幅收窄至约50点。市场正愈来愈关注美国经济下半?</t>
  </si>
  <si>
    <t>全球同此阴晴农产品警报未除</t>
  </si>
  <si>
    <t>伴随着市场对天气的炒作，在刚刚过去的5月份，农产品价格出现大幅上涨。近日，部分农产品价格有所回落，但天气灾害的“警报”并未完全解除，而宏观环境变化、大宗商品市场走向、食品安全问题都将从不同侧面扰动农产品市场。　　　　据了解，今年法国、德国等欧洲国家遭遇严</t>
  </si>
  <si>
    <t>俄拟一年内出口1500万吨粮食</t>
  </si>
  <si>
    <t>俄罗斯第一副总理祖布科夫5月31日在莫斯科说，俄预计在本农业财政年度收获8500万吨粮食，其中1500万吨将用于出口。　　　　据俄媒体报道，祖布科夫当天在向俄总统梅德韦杰夫汇报工作时说，到2012年7月1日，即下一个农业财政年度开始之际，俄罗斯将有1850万吨粮食的盈余，其</t>
  </si>
  <si>
    <t>日本5月份新车销售继续低迷</t>
  </si>
  <si>
    <t>日本两大汽车销售协会6月1日公布的数据显示，今年5月份日本国内新车销量为23.7364万辆，同比下降33.4%。　　　　日本汽车销售协会联合会的数据显示，除微型车外，日本当月国内新车销量为14.2154万辆，同比下降37.8%，为连续9个月同比下降，也创下1968年有统计以来5月份的销</t>
  </si>
  <si>
    <t>通胀及经济放缓“为难”各国央行</t>
  </si>
  <si>
    <t>印度、日本、韩国等多国5月31日公布了低于预期的经济增长数据。研究机构和国外媒体认为，通胀形势严峻且经济增长乏力，成为摆在各国央行面前的一道难题。    多国经济数据不及预期    印度中央统计局5月31日发布的公报显示，印度经济在上财年(截至今年3月31日)第四季度增</t>
  </si>
  <si>
    <t>穆迪警告或下调日本信用评级</t>
  </si>
  <si>
    <t>国际信用评级机构穆迪投资者服务公司5月31日警告，由于市场担心日本长期经济增长疲软无法增加足够的税收以偿还债务，穆迪可能考虑下调日本的主权信用评级。　　　　穆迪当天将日本信用评级列入可能下调的观察名单，这意味着未来三个月中，穆迪完成评估后可能将日本现有的A</t>
  </si>
  <si>
    <t>欧盟调查硬盘业两大并购交易</t>
  </si>
  <si>
    <t>欧盟委员会5月30日宣布，对全球硬盘制造业巨头相互间发起的两项巨额并购交易同时展开深入的反垄断调查。　　　　受到调查的两项并购交易均为美国企业试图“吞下”亚洲竞争对手，其中一项是美国希捷科技公司出资14亿美元收购韩国三星电子的硬盘业务，另一项是美国西部数据公</t>
  </si>
  <si>
    <t>注重“不由自主”的经济因素</t>
  </si>
  <si>
    <t>当中国开放度不断提高，尤其是加入WTO之后，中国经济的独立性已经大幅削弱。在许多问题上“不由自主”的成分越来越多，我们必须正视这样的现实，并采用一切“非常规手段”趋利避害。　　　　2001年之后，中国经济逐步摆脱了亚洲金融危机的困扰，逐步转向正常，并于2003年“</t>
  </si>
  <si>
    <t>经济危机让CEO宝座更牢靠</t>
  </si>
  <si>
    <t>半导体巨擘AMD不久前宣布首席执行官(CEO)德克·梅厄(DirkMeyer)辞职，世界电脑业老大惠普公司则于去年辞退了掌门人马克·赫德(MarkHurd)，食品巨头莎莉公司也告别了CEO布兰达·巴恩斯(BrendaBarnes)……据统计，仅去年上半年，美国上市企业中就有709个CEO易位。　　　　但?</t>
  </si>
  <si>
    <t>欧债危机背后的美债踪影</t>
  </si>
  <si>
    <t>欧债危机背后掺杂的是更深层较量，那就是美国与欧洲正在展开一场货币主导权与债务资源的大战。事实上，美国依然延续其金融货币霸权所赋予的“结构性权力”。而自从欧元诞生之日起，欧元就作为全球最有力的潜在竞争对手，全面挑战美元霸权体系。　　　　首先，欧元削弱了美?</t>
  </si>
  <si>
    <t>谷歌再陷“避税门”5年避税46亿美元</t>
  </si>
  <si>
    <t>最新一期的英国《星期日泰晤士报》引用美国证交会提供的数据称，美国互联网搜索引擎巨头谷歌(Google)利用复杂的会计手段，在过去5年避税至少32亿英镑(约合46.3亿美元)。　　　　该报的调查揭露，谷歌的公司网络横跨包括爱尔兰、荷兰、百慕大在内的至少5个法律管辖区，其海?</t>
  </si>
  <si>
    <t>中国民航业准备起诉欧盟</t>
  </si>
  <si>
    <t>在5月25日北京航空航天大学举行的第三届航空法国际会议上，民航企业如何应对欧盟碳排放交易体系(ETS)带来的压力成为各国专家议论的焦点。来自美中两国的航空界学者都对欧洲决定将国际航空业纳入到欧盟ETS之中表达了不同意见。　　　　美国学者激烈反对　　　　2008年底欧</t>
  </si>
  <si>
    <t>中国软件企业遭遇“法律滥诉”</t>
  </si>
  <si>
    <t>因被美国当地一客户起诉涉嫌“引诱性欺诈”，中华网软件集团有限公司旗下一家美国子公司罗斯系统(RossSystems)近期被美国阿拉巴马州地区法院判罚6100万美元，这也是迄今为止中国软件业在海外市场首次遭遇的“天价罚单”。　　　　业内专家认为，随着越来越多的中国企业到海</t>
  </si>
  <si>
    <t>希腊债务危机暂“无解”</t>
  </si>
  <si>
    <t>希腊最新的国内紧缩方案未获通过，而外部的救助方反对其债务重组，并提出苛刻的施救条件，使希腊债务危机陷入内外无解僵局。本周意大利和西班牙等高负债国发债前景受此影响，市场高度关注。　　　　债务处理仍无进展　　　　希腊总理帕潘德里欧推出的新紧缩政策日前未获?</t>
  </si>
  <si>
    <t>韩台面板投资战略被日本地震打乱</t>
  </si>
  <si>
    <t>日本大地震打破了此前全球面板业相对均衡的竞争态势，虽然全球面板供应可能吃紧的舆论频频见诸报端，但地震后关于日本将向中国大陆转移更高世代面板生产线的舆论迅速在业内蔓延，这使得韩国及我国台湾地区在大陆的面板投资战略被打乱，此前获批但迟迟不肯落子建设高世代面板?</t>
  </si>
  <si>
    <t>法国女财长为IMF总裁一职展开拉票之旅</t>
  </si>
  <si>
    <t>法国经济、财政和工业部长克里斯蒂娜·拉加德于当地30日启程出访新兴经济体，寻求对她参选国际货币基金组织(IMF)总裁一职的支持。　　　　29日，拉加德表示，她将访问所有新兴经济体，第一站是巴西，第二站是中国和印度，之后是一些非洲国家。她还有意访问中东国家。此行是</t>
  </si>
  <si>
    <t>入世十年SINOCES领袖“高层次竞争”</t>
  </si>
  <si>
    <t>作为亚洲地区规模最大、专业化程度最高的消费电子展，SINOCES将向中国企业和观众带来尖端的产品、前沿的技术以及最新的应用趋势。据了解，SINOCES连续六年获得增长，尤其2009年在全球主要消费电子展普遍缩水的情况下，实现了惟一增长，这体现了SINOCES综合实力和品牌凝聚力。</t>
  </si>
  <si>
    <t>从“功夫熊猫”看IMF总裁选战</t>
  </si>
  <si>
    <t>好莱坞大片《功夫熊猫2》正在全球热映，国际货币基金组织(IMF)新总裁选战也引发全球热议。在离IMF不远的一家影院里与中国朋友看《功夫熊猫2》时，笔者感受到，银幕前的中国人和西方人看待同一个世界的方式相去甚远。　　　　IMF新总裁选战不仅只是表面上的影响力之争，更是</t>
  </si>
  <si>
    <t>标普将东电评级降至“垃圾级”</t>
  </si>
  <si>
    <t>标准普尔公司30日将东京电力公司的长期信用评级由BBB连降5级至B+的垃圾级。标普在其声明中表示，东电公司正在筹资以赔付3月11日地震和海啸后福岛发电站事故的受害者，尽管日本政府已宣布了帮助东电公司支付赔偿的计划，但该计划的细节依然模糊，其银行贷款很可能进行重组。</t>
  </si>
  <si>
    <t>美国经济需要跨党派协作</t>
  </si>
  <si>
    <t>日前美国《时代》杂志刊登《本·拉丹死了，现在该修复经济了》一文称，拉丹被美国特种部队击毙，这一戏剧性消息所产生的最重大影响是，美国政坛和整个社会油然而生了一股团结感，激发出每个美国人内心深处的成就感、自豪感和共同理想。但经历了短暂喜悦后，全球市场立即笼罩?</t>
  </si>
  <si>
    <t>欧洲经济体分道扬镳</t>
  </si>
  <si>
    <t>日前，英国《经济学家》杂志刊登《欧洲经济体分道扬镳》一文称，“双速欧洲”，在历史上是个政治幽灵，但当下已变成经济现实。这种情况发生在欧元区，欧洲一体化的中心地带。作为单一货币区的边缘国家，希腊、爱尔兰和葡萄牙先后陷入主权债务危机。但在其北部核心德国的带动?</t>
  </si>
  <si>
    <t>国际机构开始调查福岛核事故</t>
  </si>
  <si>
    <t>国际原子能机构和联合国原子辐射效应科学委员会当周开始对日本福岛第一核电站的事故展开调查。前者侧重调查福岛核危机中的技术细节和人为因素，后者主要研究日本核灾难对人类和环境的影响。　　　　A team of experts from the International Atomic Energy Agency began i</t>
  </si>
  <si>
    <t>我国垃圾焚烧处理技术达到国际先进水平</t>
  </si>
  <si>
    <t>记者从山东省肥城市丰泉垃圾处理有限公司获悉，运用于肥城市丰泉垃圾无害化处理中心的中德环保立式双回路热解垃圾焚烧炉，二噁英排放值检测结果为0.0028ngTEQ/m~(3)，不仅远远低于国家排放标准1ngTEQ/m~(3)，而且还低于欧盟排放标准0.1ngTEQ/m~(3)。专家评论说，这是目前为止</t>
  </si>
  <si>
    <t>业内呼吁扩大人民币汇率日均波幅</t>
  </si>
  <si>
    <t>来自中国外汇交易中心的数据显示，27日人民币对美元汇率中间价报1美元兑6.4898元人民币，首次突破6.49关口。据美国财政部27日公布的针对主要贸易对象的《国际经济和汇率政策报告》，从去年6月以来，人民币对美元汇率已累计升值5.1%。在市场对人民币将加速升值的普遍预期下，?</t>
  </si>
  <si>
    <t>非洲黑犀牛：猎杀,为了保护？</t>
  </si>
  <si>
    <t>非洲黑犀牛是列入《濒危野生动植物种国际贸易公约》的珍稀动物，但如何更有效地保护黑犀牛、遏制非法偷猎和贸易行为，一直是非洲国家面临的难题。而由于黑犀牛的特殊习性，“越多越好”并非最好的保护。生态保护组织相信，在合理监管前提下开放狩猎，是保护黑犀牛的最好办法?</t>
  </si>
  <si>
    <t>荒诞创意  奇迹致富</t>
  </si>
  <si>
    <t>不少人充满奇思妙想，苦寻商机以求发达致富，但成功者寥寥无几。美国《商业内幕网》近期选出8大商业创意，它们看似荒诞无聊，却令人奇迹致富。　　　　“宠物石”　　　　奇迹致富者：加里·达尔　　　　估计收益：本年内入账1500万美元　　　　加里·达尔原本是名广</t>
  </si>
  <si>
    <t>遭遇诚信危机还是空头狙击？</t>
  </si>
  <si>
    <t>伴随中国概念股集体高调亮相美国市场，各种业绩造假、违规操作消息不绝于耳，这导致中国概念股遭遇到前所未有的诚信危机。究竟真的是中国企业普遍诚信不足，还是空头势力恶意抹黑，真实情况或许未必非黑即白。　　　　中国概念股遭遇诚信危机　　　　在纽约证券交易所上?</t>
  </si>
  <si>
    <t>国际原子能机构开始调查日本核泄漏</t>
  </si>
  <si>
    <t>联合国国际原子能机构(IAEA)调查团24日与日本经济产业省官员交换意见，开始对福岛第一核电站泄漏事故的调查。运营商东京电力公司当天宣布，福岛第一核电站2号和3号机组反应堆堆芯在事故初期已经发生熔毁。　　　　国际原子能机构调查团成员一行20人，由英国核能技术首席监?</t>
  </si>
  <si>
    <t>殷剑峰：人民币国际化勿重蹈日元覆辙</t>
  </si>
  <si>
    <t>上世纪80年代初，日本政府颁布一系列重要法律法规文件，开始大力推行日元国际化，至今已有30年。其成效如何？对中国有何借鉴意义？中国社科院金融研究所副所长殷剑峰日前在接受《经济参考报》记者专访时表示，日元的30年国际化历程基本是失败的，中国在推进人民币国际化的过?</t>
  </si>
  <si>
    <t>生物技术书写丹麦新童话</t>
  </si>
  <si>
    <t>后金融危机时代全球产业格局演变，新兴产业作为经济新增长点被各界寄予厚望，生物技术产业更是全球投资界和多国决策层看中的重点领域。有童话王国之称的丹麦凭借传统科技创新集群和商业环境优势正着力加大建设医谷，以财税、资本、人力优势吸引全球尤其是新兴经济体的生物技?</t>
  </si>
  <si>
    <t>美指控三石油商操纵油价</t>
  </si>
  <si>
    <t>美国商品期货交易委员会(以下简称CFTC)经过几年的调查取证，24日指控三家石油交易商在2008年投机炒作国际原油、操纵油价。美国众议院民主党人士及欧盟有关官员表示，对原油等国际大宗商品的炒作行为提高警惕并将实施措施加以遏制。　　　　同日，几大国际投行纷纷开始唱多?</t>
  </si>
  <si>
    <t>拉加德宣布参选IMF总裁</t>
  </si>
  <si>
    <t>法国经济部长拉加德25日宣布，将作为候选人竞逐国际货币基金组织(IMF)总裁一职。她在新闻发布会上称，其他国家的支持令其受到鼓舞。此前，英国等多个欧洲国家都表示支持拉加德参选，而以金砖五国为代表的新兴经济体表示，期待IMF打破让欧洲人自动担任总裁职务的传统。但法国?</t>
  </si>
  <si>
    <t>中国需要什么样的IMF？</t>
  </si>
  <si>
    <t>随着国际货币基金组织(IMF)前总裁卡恩因涉嫌性丑闻而被迫辞职，国际社会就IMF下任总裁人选问题展开激烈博弈。不少国人也充满期待地想象，中国人何时能够成为这一重要国际金融机构的“掌门人”。　　　　笔者认为，IMF总裁职位固然重要，但IMF从来都不是一个人说了算的机构?</t>
  </si>
  <si>
    <t>没有了瓷土,瓷都还有没有未来</t>
  </si>
  <si>
    <t>1868年德国地质学家李希霍芬环球行，在江西景德镇市瑶里镇高岭村，他看到当地人把脚底的土放入1300度高温的窑炉，烧成了贡奉给皇帝的陶瓷。李希霍芬将其命名为“高岭土”，使其成为至今国际通用的陶瓷术语。　　　　这位伟大的地质学家没有预测到，140年后他命名的这种瓷土</t>
  </si>
  <si>
    <t>短期受影响  长期有机遇</t>
  </si>
  <si>
    <t>大连软件行业协会认为，短期内大连软件服务外包企业获得日本的订单相对减少，但从发展方向看，日本会加速软件服务外包业向海外转移，大连也将是其重要转移承载地。　　　　IDC服务研究部高级分析师毛琼也表示，未来随着日本进行大规模的灾后重建，以及经济的不断恢复，对日</t>
  </si>
  <si>
    <t>日本向我东北等地转移产能势头初显</t>
  </si>
  <si>
    <t>《经济参考报》记者近日在大连、沈阳、长春等地调查采访中发现，尽管地震、核辐射等灾害导致短期内日本大量海外资金回流日本、日元升值以及个别在谈项目投资放缓，但日本向我国东北等地转移产能的势头已经初步显现。专家认为，从长远来看，我国应抓住机遇，积极迎接日本产业?</t>
  </si>
  <si>
    <t>欧美持续干旱  小麦或遭重创</t>
  </si>
  <si>
    <t>法国、德国等欧洲国家连续数月遭遇干旱，美国德克萨斯州、堪萨斯州等农业区今年春天同样格外干热，大西洋两岸小麦生产面临无可挽回的损失。市场分析师预计，美、法、德等国小麦产量将减少。国际市场小麦价格近期上涨势头再度引发粮食安全隐忧。　　　　中欧部分地区今年2月</t>
  </si>
  <si>
    <t>世界第一大“债主”日本连庄20年</t>
  </si>
  <si>
    <t>日本财务省24日公布的数据显示，受日元升值等因素影响，截至2010年年底，日本持有的海外净资产比上一年度末下降5.5%，为251.495万亿日元(约合3.07万亿美元)，但仍是世界第一大债权国。　　　　数据显示，截至去年年底，日本政府、企业、个人投资者持有的海外资产总额为563.</t>
  </si>
  <si>
    <t>中日韩自贸区加快人民币区域化</t>
  </si>
  <si>
    <t>国务院总理温家宝22日在第四次中国、日本、韩国领导人会议发言时表示，在今年内完成三国自贸区官产学联合研究，争取明年启动谈判，努力在今年内完成三国投资协定谈判。专家表示，中日韩3国自贸区的研究进度将较预定提早一年完成，进程大大加快。具有更重要意义的是，区域贸易</t>
  </si>
  <si>
    <t>卡恩为何没有豁免权</t>
  </si>
  <si>
    <t>国际货币基金组织(IMF)总裁多米尼克·斯特劳斯-卡恩(DominiqueStrauss-Kahn)在2011年5月14日被美国纽约市警方带走。次日，警方宣布正式拘留卡恩，并以“强奸未遂”等罪名对其提起刑事指控。鉴于国际货币基金组织在国际社会的重要影响力和卡恩本人在该组织内的独特地位，美国?</t>
  </si>
  <si>
    <t>国开行或入股TPG国开金融助其转型</t>
  </si>
  <si>
    <t>据媒体5月23日报道，国家开发银行已就收购TPG(德州太平洋集团)少数股权的事宜向监管部门提交了申请，而这项交易将由国开行全资子公司国开金融有限责任公司(以下简称“国开金融”)与TPG方面签订协议。　　　　一旦该协议签订完成，国开金融将与新加坡政府投资集团和科威特投</t>
  </si>
  <si>
    <t>美近5年对华“337调查”超20年总和</t>
  </si>
  <si>
    <t>中国机电进出口商会副会长王贵清23日在“涉美知识产权争议解决方案高级研讨会”上表示，美近5年发起337调查已超前20年总和，而中国机电产品则成为“重灾区”。　　　　王贵清介绍说，自2006年以来至今，我国企业遭遇美国337调查的案例大幅增加。相关数据显示，2006年至2010</t>
  </si>
  <si>
    <t>IMF新总裁提名启动</t>
  </si>
  <si>
    <t>根据国际货币基金组织(IMF)执行董事会的声明，IMF新总裁的提名于23日正式开始，6月10日结束，遴选工作预计6月底前完成。　　　　面对已趋白热化的IMF总裁之争，欧洲各国火速统一战线、举荐法国财长克里斯蒂娜·拉加德，而新兴经济体和发展中国家则各自为战、跃跃欲试。分析</t>
  </si>
  <si>
    <t>索尼上财年净亏32亿美元</t>
  </si>
  <si>
    <t>日本索尼公司23日在一份初步盈利声明中表示，在3月底结束的2010/2011财年，索尼的净亏损达到2600亿日元(折合32亿美元)，这其中包括3600亿日元的递延所得税支出。索尼今年2月预计，公司上财年能获利700亿日元。　　　　索尼公司当天还透露，“黑客门事件”的已知成本已达140</t>
  </si>
  <si>
    <t>印度推动保障房立法</t>
  </si>
  <si>
    <t>印度中央政府日前正积极推动各地方政府为保障房立法，规定每位无房户至少获得24平方米住房，以实现在印度全国范围内逐步清除贫民窟的目标。　　　　据印度媒体报道，预计印度内阁26日将通过由住房和城市扶贫部推出的清除贫民窟计划，该计划将强制要求印度各邦地方政府立法?</t>
  </si>
  <si>
    <t>日资在山东租地：中国后院变成他国农产品基地？</t>
  </si>
  <si>
    <t>日本三家世界500强企业共同出资，5年前在山东莱阳市签订了一份涉及上千亩耕地的农地租赁“洋合同”，直接进入了我国农业生产环节，打破了以往外商投资中国农业集中在加工及销售环节的程式，由“销售商”变身为“农场主”。这家公司有意将基地扩展至3000亩，并打算在全国“克?</t>
  </si>
  <si>
    <t>日核电危机或为光伏发展提供巨大空间</t>
  </si>
  <si>
    <t>日本核电危机已经逐步淡出了公众视野，但由此引发的对整个能源结构、尤其是对新能源发展的反思却没有平息。业内人士认为，核电安全性问题的暴露，给正快速发展的光伏等新能源提供了巨大的市场空间。他们建议说，应更科学地研究调整我国的能源战略，大力推动我国优势能源产业?</t>
  </si>
  <si>
    <t>低碳：从作秀到作为</t>
  </si>
  <si>
    <t>从2009哥本哈根联合国气候变化大会、《京都协议书》再到“民间低碳”，其低碳的呼声一浪高过一浪。《低碳真相》可称为“大家”写的“小书”。作者易鹏是著名的财经评论员和能源经济观察者，他用翔实的背景、有趣的插曲、公允的比较和务实的建议串成低碳的来龙去脉，用经济视?</t>
  </si>
  <si>
    <t>美国经济复苏力度存疑</t>
  </si>
  <si>
    <t>当周美国公布了最新的制造业相关数据，整体弱于市场预期，不难发现，在就业问题难以得到妥善处理的情况下，美国经济的复苏力度偏弱，市场人士称此现象将影响美国货币政策收紧的进度。　　　　U.S. factory output slipped for the first time in 10 months in April as a s</t>
  </si>
  <si>
    <t>应对高粮价G20分歧大</t>
  </si>
  <si>
    <t>二十国集团(G20)讨论国际初级产品价格的高官会议日前在阿根廷首都布宜诺斯艾利斯闭幕。与会各国及国际机构代表对如何应对国际粮价大幅上涨分歧明显，在关键议题上未能达成一致。　　　　美国、巴西、阿根廷和澳大利亚等农产品生产和出口大国是粮价上涨直接受益者，对此乐观</t>
  </si>
  <si>
    <t>狗屎运、人生课以及“美国梦”</t>
  </si>
  <si>
    <t>“我曾开玩笑地说，大多数自传最形象的书名都应该是‘向我看齐’。但这个书名不适用于这本书。”写下这句话的人叫彼得·彼得森，全球私募巨头黑石集团的创始人兼名誉董事长。　　　　他有着传奇的经历和辉煌的成就。青年时曾就读麻省理工学院，因论文抄袭被开除；后转投西?</t>
  </si>
  <si>
    <t>欧洲会否抛弃“希腊病人”</t>
  </si>
  <si>
    <t>对希腊的不满情绪正在欧洲蔓延。　　　　自去年5月对希腊施行援助以来，欧洲人其实抱着毕其功于一役的幻想，寄希望希腊能奋起自救，在短时间内收拾出一个令人满意的新局面。然而一年过去，希腊的债务山不仅未消，反而有所增长。作为接受1100亿欧元救援的承诺，希腊应在2010</t>
  </si>
  <si>
    <t>巴厘岛的困惑</t>
  </si>
  <si>
    <t>风光迤逦的印度尼西亚巴厘岛是旅游者心中的天堂。然而，越来越多游客的到访令这个热带小岛不堪重负。　　　　旅游业过度发展毁坏巴厘岛自然景观，威胁当地传统文化。面对过度开发的种种弊端，巴厘岛岛民忍不住发问，究竟如何开发才能不为旅游业所累？　　　　游客的“朝?</t>
  </si>
  <si>
    <t>未来中国国际商务面临新挑战</t>
  </si>
  <si>
    <t>2011年全球政治格局和国际秩序继续发生深刻变化，在此影响下世界经济复苏缓慢，国内外政治经济环境更是复杂多变。2011年也是中国加入世界贸易组织十周年，中国经济虽继续保持高增长，但外部环境趋于复杂严峻。利比亚危机、日本大地震、北非及中东地区政治局势动荡等，这些势?</t>
  </si>
  <si>
    <t>中美欧交锋出口信贷  激战在即</t>
  </si>
  <si>
    <t>中美欧之间围绕出口信贷的交锋在即，剑拔弩张的局势越来越明显。《经济参考报》记者日前从商务部条法司获悉，在欧盟威胁将向WTO起诉中国出口信贷政策的同时，商务部也已经开始积极筹备，准备“迎战”。业内人士表示，贸易摩擦已经引燃金融战线。欧美针对中国出口信贷的调查是</t>
  </si>
  <si>
    <t>日本经济现衰退  刺激方案后续乏力</t>
  </si>
  <si>
    <t>日本内阁府19日公布的初步数据显示，去除物价变动因素并经季节调整后，2011年第一季度日本实际国内生产总值(GDP)环比下降0.9%，按年率计算下降3.7%。　　　　这是日本经济连续两个季度出现负增长，有分析称，此数据显示日本经济陷入衰退。另有迹象表明，日本在财政和货币政</t>
  </si>
  <si>
    <t>俯瞰地球的摄影师</t>
  </si>
  <si>
    <t>法国摄影师扬·阿蒂斯-贝特朗乘直升机环球拍摄，向下俯瞰的镜头捕捉了大自然的壮丽景色，记录着地球生态濒临险境的无奈现实。　　　　自从出版画册《感受地球呼吸》以来，声名大振的贝特朗致力环境保护宣传。为唤醒公众环保意识，他出画册、拍电影、建网站，但因为与大企业</t>
  </si>
  <si>
    <t>欧美驻华商会“曲解”中国政府采购</t>
  </si>
  <si>
    <t>继中国美国商会发表白皮书后，中国欧盟商会近日也发布了研究中国公共采购市场的调查报告———《中国的公共采购：欧盟企业在中国参与公共采购合同竞标的经验》(下称《报告》)。《报告》称，外资企业在政府采购中遭受不公正待遇，并提出了政府采购领域进一步改革的必要性和系?</t>
  </si>
  <si>
    <t>麦当劳再遭健康组织联合抵制</t>
  </si>
  <si>
    <t>美国《华尔街日报》18日撰文指出，逾550个健康专家和组织已在一封针对开心乐园套餐生产商麦当劳的联名信上签字，要求麦当劳停止向儿童推销垃圾食品，并让麦当劳大叔退休。　　　　根据美国联邦贸易委员会、美国食品和药物管理局、疾病控制和预防中心以及美国农业部发出的健</t>
  </si>
  <si>
    <t>外国智库涉华研究  硬伤何其之多</t>
  </si>
  <si>
    <t>在中外经贸交往中，外国智囊机构涉华研究有着重要的作用，因为他们的研究成果和结论常常会为其母国政府和企业提供指导，有时候甚至对华决策就是以此为据而制定的。在利益集团中介组织和智库发达的欧美国家，这一点尤其突出。令人遗憾的是，外国智库涉华研究中背离事实的“硬?</t>
  </si>
  <si>
    <t>化解国债危机需要多管齐奏</t>
  </si>
  <si>
    <t>据《法制晚报》报道，美国财长盖特纳警告说，美国国债将在5月16号触及国会所允许的14.29万亿上限，而中国手中持有的1.2万亿美国国债则面临着违约的风险。专家认为，美国虽然不存在还不起钱的问题，但是中国的美元资产慢慢蒸发已成定局。　　　　近年来，随着我国连续增持美</t>
  </si>
  <si>
    <t>瑞士：中国企业拓展欧洲高端市场的门户</t>
  </si>
  <si>
    <t>中国企业走出去的步伐逐渐加快，对于长久以来有市场却没口碑的中国产品而言，打品牌、拼质量成为关键任务，而走进瑞士或许可以成为中国企业拓展欧洲高端业务、获得欧洲市场认可的一把钥匙。　　　　“有了瑞士的商业经验，就有了欧洲公认的高端、优质服务经验，”华为技术?</t>
  </si>
  <si>
    <t>英国通胀率创阶段新高</t>
  </si>
  <si>
    <t>英国国家统计局17日公布数据显示，今年4月份英国消费物价指数同比上涨4.5%，高于3月份的4%，也高于此前市场预期，达到自2008年10月以来的最高点。　　　　数据显示，4月消费价格指数大幅增长主要受到交通费上涨的推动，尤其是复活节假期间的海空交通费上涨。而酒精类饮料和</t>
  </si>
  <si>
    <t>互联网群雄“逐鹿”在线旅游市场</t>
  </si>
  <si>
    <t>在线旅游网站艺龙17日宣布，腾讯与美国旅行预订公司Expedia对该公司进行战略性投资，腾讯出资8440万美元收购艺龙约16%流通股，成为艺龙第二大股东。　　　　随着腾讯等互联网巨头的加入，国内在线旅游市场未来竞争将加剧，甚至面临重新洗牌。　　　　艾瑞咨询报告显示，2</t>
  </si>
  <si>
    <t>投资者追捧赴美上市公司热情减退</t>
  </si>
  <si>
    <t>美国数据提供商Ipreo最新报告显示，过去8个月中36家赴美上市的中国公司，平均首日涨幅为21%，上市后一个月，上述公司股价仅比其发行价平均高出4%；而同期上市的美国公司平均首日涨幅为8%，30日平均回报则高达22%，远远优于中国公司。　　　　部分美国投行人士认为，投资者?</t>
  </si>
  <si>
    <t>欧盟单边“碳管制”激怒全球航空业</t>
  </si>
  <si>
    <t>全球航空企业即将被欧盟套上“碳管制”这一紧箍咒，因为从2012年1月起，航空业正式被纳入欧盟的碳排放交易机制。届时，所有在欧盟境内飞行的航空公司其碳排放量都将受限，超出部分必须掏钱购买。　　　　欧盟此举引发的争论沸沸扬扬，大多数外国航空企业表示了不满，认为这</t>
  </si>
  <si>
    <t>美国债今夏前不增发  违约风险难减</t>
  </si>
  <si>
    <t>美国财政部16日宣布，美国已经达到法定的14.29万亿美元债务上限。然而，目前民主党和共和党仍未能就是否提高公共债务上限达成一致。　　　　美国财政部长盖特纳在写给国会的信中表示，从5月16日至8月2日将暂停债券发行。盖特纳此前警告称，若在此之前国会不能提高上限，就?</t>
  </si>
  <si>
    <t>中国连续五个月减持美国国债</t>
  </si>
  <si>
    <t>美国财政部16日最新公布的《国际资本流动报告》(TIC)显示，2011年3月末，中国持有美国国债1.1449万亿美元，较1月末的1.1541万亿美元减少92亿美元。自2010年10月至2011年3月，中国已连续五个月减持美国国债共计304亿美元。不过，截至目前，中国仍然是美国国债的最大债主。</t>
  </si>
  <si>
    <t>副手接替卡恩  欧债担忧持续升温</t>
  </si>
  <si>
    <t>国际货币基金组织(IMF)总裁多米尼克·斯特劳斯·卡恩因“性侵案”被捕后，IMF第一执行副总裁利普斯基(JohnLipsky)临危授命担任IMF代理执行总裁。　　　　观察人士指出，卡恩被迫离职或令欧盟和IMF的金融援助计划遭到推迟，IMF总裁职位之争将加剧，法国政坛也将因此面临种种</t>
  </si>
  <si>
    <t>欧美日欲强化数据安全监管</t>
  </si>
  <si>
    <t>美国《纽约时报》15日的消息称，欧盟委员会负责数据保护的顾问小组计划本周五(20日)敦促成员国政府将手机用户的地理位置信息认定为需要最高级别隐私保护的个人数据。　　　　尽管该顾问小组的观点并不具有法律约束性，也不可能对苹果等智能手机制造商立刻产生影响，但欧洲?</t>
  </si>
  <si>
    <t>我国要在更安全基础上高效发展核电</t>
  </si>
  <si>
    <t>5月11日，在日本福岛核事故发生整整两个月之际，中国能源研究会在京举办“福岛事件对中国核电发展启示研讨会”。与会核电专家和业内人士普遍认为，福岛核事故警示我国发展核电必须把安全放在第一位，要对在役、在建和拟建核电站进行全面安全检查和审查评估，并有针对性地改进</t>
  </si>
  <si>
    <t>卡恩被捕拖累欧债危机救援进程</t>
  </si>
  <si>
    <t>国际货币基金组织(IMF)总裁多米尼克·施特劳斯-卡恩14日因涉嫌性侵犯酒店女服务员被美国纽约警方带走，接受讯问。　　　　目前正是处理欧债危机的重要关口，眼下恐怕将缺少IMF总裁这位“关键先生”的参与了，一定程度上会让本来举棋不定的欧盟救助方案决策更加困难，市场人</t>
  </si>
  <si>
    <t>全球加息道路上出现降温潮</t>
  </si>
  <si>
    <t>美国联邦储备委员会公开市场委员会(FOMC)4月会议记录将于当地时间18日公布，市场人士将据此揣测美国货币政策是否真的坚持“按兵不动”。美联储6000亿美元资产购买计划，即第二轮量化宽松政策(QE2)接近尾声，此时官方任何措辞的变化将会牵动市场神经。　　　　与此同时，欧?</t>
  </si>
  <si>
    <t>中美四方协议开启清洁能源合作新模式</t>
  </si>
  <si>
    <t>在日前于华盛顿结束的第三次中美战略与经济对话上，中国廊坊市政府协新奥集团与美国夏洛特市政府协杜克能源公司签署《中美绿色合作伙伴四方协议》。根据协议，四方合作将在清洁能源的生产和存储、智能电网技术以及高效能源解决方案等方面展开。　　　　据了解，四方协议中?</t>
  </si>
  <si>
    <t>逆差和财赤双高“添堵”美国经济</t>
  </si>
  <si>
    <t>美国日前公布的最新数据显示，4月份政府收入实现增长，但预算赤字继续扩大；3月份美国贸易逆差增长了28亿美元。贸易逆差和财政赤字的双高给美国经济前景添堵。　　　　The U.S. spent $40.49 billion more than it collected last month，The monthly deficit was smaller</t>
  </si>
  <si>
    <t>全球主权财富基金共识：反周期运作</t>
  </si>
  <si>
    <t>5月10日至13日在北京举行的“主权财富基金国际论坛”第三次会议上，包括中投公司在内的全球20多家主权财富基金和国际货币基金组织(IMF)官员达成“反周期运作”的共识，以确保主权财富基金对全球金融稳定和经济增长作出贡献。　　　　记者12日在会议中采访得知，预计到2015?</t>
  </si>
  <si>
    <t>人民币国际化仍面临四大约束</t>
  </si>
  <si>
    <t>人民币国际化加速必须考虑到各类约束和自身的风险控制能力。　　　　中国的经济结构导致人民币缺乏足够直接有效的境外输出渠道和方式。一国货币的输出主要是通过贸易逆差和对外直接投资来实现，贸易逆差是对外输出本币的主要途径，而这依赖于强大的内部需求。日本过去30多?</t>
  </si>
  <si>
    <t>业务格局生变或促券商融资狂潮</t>
  </si>
  <si>
    <t>2010年，106家券商的经纪业务收入集体大滑坡，净利润也出现了大幅下滑，然而“东方不亮西方亮”，受益于A股的融资狂潮，券商的投行业务正在迅速崛起，众多券商也正在谋求上市以实现净资本突围。　　　　净利润大滑坡唯中信证券一枝独秀　　　　证券业协会已于日前公布了1</t>
  </si>
  <si>
    <t>毕业生成“军”人才流遇“荒”</t>
  </si>
  <si>
    <t>印度电脑程序软件和技术服务外包产业近年声名鹊起，给西方人以一种印象：这个国家每年都能培养并输出一支英语流利、电脑技术熟练的高素质人才“大军”，一定程度上冲击美国中产阶层就业机会。　　　　美国情景喜剧《外包服务》折射这种印象，收视率颇高；美国总统贝拉克·?</t>
  </si>
  <si>
    <t>期货市场为美国谋取战略利益</t>
  </si>
  <si>
    <t>近期国际市场美元超跌反弹，原油、黄金、白银领衔大宗商品剧烈波动。然而无论商品、金银和美元怎样跌宕起伏，作为全球惟一的美元生产国和世界最大的黄金储备国、战略石油储备国、农产品输出国、石油消费国，美国的国家财富始终得以通过不同资产的“此伏彼起”而处于相对平衡?</t>
  </si>
  <si>
    <t>华尔街严打内幕交易的台前幕后</t>
  </si>
  <si>
    <t>从证券市场诞生那天起，内幕交易似乎如影随形，挥之不去。近来这个词更是高频出现，美国史上最大的帆船集团内幕交易案将其创始人拉杰·拉贾拉特南拉下水，全球最大对冲基金之———SAC资本资讯公司一而再、再而三被曝卷入内幕交易丑闻，就连被认为信誉无可挑剔的“股神”巴菲</t>
  </si>
  <si>
    <t>微软收购Skype意在争霸互联网市场</t>
  </si>
  <si>
    <t>美国当地时间5月10日，微软以85亿美元天价收购互联网电话公司Skype。对此，欧美部分媒体和投资机构认为，微软收购Skype决策合理，但价格偏高。但也有分析人士指出，微软出巨资“拿下”Skype后，将拥有新的“杀手锏”业务，将有助于微软吸引更过用户，进一步缩小与谷歌和苹果?</t>
  </si>
  <si>
    <t>短期因素拖累美国经济复苏</t>
  </si>
  <si>
    <t>日前一期英国《经济学家》杂志刊登“向下修正”一文称，美国经济复苏或许要臣服于大自然的威力以及世界上其他重要地区的突发性事件。　　　　2011年，被认为是美国经济终于迎来一个强劲且持久的复苏之年。尽管2010年起伏不定，但美国经济在最后一个季度表现抢眼。从当年10?</t>
  </si>
  <si>
    <t>葡萄牙救助贷款利率将在5.5%到6%之间</t>
  </si>
  <si>
    <t>欧盟委员会负责经济和货币事务的委员奥利·雷恩10日说，欧盟为葡萄牙提供的救助贷款利率将在5.5%到6%之间，和爱尔兰相当，但要高于希腊。　　　　雷恩此前表示，葡萄牙的还款期限很可能会被设定为3年，而不是像希腊和爱尔兰那样获得7年半左右的时间。德国财政部副部长阿斯?</t>
  </si>
  <si>
    <t>丰田上财年四季度净利骤减77%</t>
  </si>
  <si>
    <t>日本丰田汽车公司11日发布2010财年(2010年4月1日至2011年3月31日)年报说，受益于新兴经济体的旺盛需求，该年度丰田公司营业利润达到上一财年的三倍多，达4682亿日元(约合58亿美元)，但地震带来的利润损失约占利润额的1/4，外加日元升值因素叠加影响，丰田该财年第四季度净利?</t>
  </si>
  <si>
    <t>澳大利亚人的历史感</t>
  </si>
  <si>
    <t>徜徉在澳大利亚悉尼的环形码头，细心的人会发现，码头人行道上嵌有两条以众多铸铜小圆盘构成的线条，距码头临海外沿较远的线条标注为“1788年海岸线”，距码头外沿较近的线条标注为“1844年海岸线”。　　　　我们不难读懂这背后的信息：1788年，首批欧洲移民登陆现在的悉?</t>
  </si>
  <si>
    <t>跨国公司弃日企转购韩国电子零配件</t>
  </si>
  <si>
    <t>据韩国媒体报道，受日本大地震造成的全球零配件短缺影响，跨国企业正将采购重心移至韩国，以缓解产品原配件不足带来的困扰。　　　　《朝鲜日报》10日报道称，软板厂商韩国Interflex公司总经理裴哲汉上月接到了跨国智能手机生产商美国A公司、M公司以及加拿大R公司采购部负?</t>
  </si>
  <si>
    <t>意大利太阳能展聚焦“中国低碳风”</t>
  </si>
  <si>
    <t>随着油、煤、天然气等能源价格的不断上涨，以太阳能为代表的新能源优势日趋凸显；而作为家电行业的一只新生力量，太阳能家电也正在进入一个扩张的好时机。　　　　意大利太阳能展吹起“中国风”　　　　2011意大利维罗纳太阳能博览会于5月4日至6日在意大利维罗纳举行。由</t>
  </si>
  <si>
    <t>德国3月份进出口额均创最高纪录</t>
  </si>
  <si>
    <t>德国联邦统计局9日公布的统计报告显示，今年3月份德国进口额为794亿欧元(约合1138亿美元)，出口额为983亿欧元(约合1409亿美元)，均创单月历史最高纪录。　　　　根据报告，自1950年德国开始外贸统计以来，此前最高的单月进口额为2010年11月的741亿欧元(约合1062亿美元)，最</t>
  </si>
  <si>
    <t>国际油价暴跌引发“拐点”争议</t>
  </si>
  <si>
    <t>国际原油期货价格在过去一周创下了以美元计价以来的单周跌幅最高纪录，并连带整个大宗商品市场一片惨淡。　　　　接受记者采访的业内人士表示，由于对油价影响巨大的地缘政治在拉丹死后趋于平稳，国际油价存在“拐点”的可能。然而，也有专家指出，中东、北非动荡以来的这?</t>
  </si>
  <si>
    <t>一个国际风电巨头的“成长秘籍”</t>
  </si>
  <si>
    <t>也许是受堂吉珂德故事影响太深，总以为西班牙有很多古老的风车。可当《经济参考报》记者真正走进西班牙、走进塞万提斯的故乡时，看到的却是一排排高高伫立的风电塔架。这个昔日的风车王国，如今已变成闻名遐迩的风电大国。数据显示，截至2010年底，西班牙电网总装机容量10308</t>
  </si>
  <si>
    <t>中国到底给美国补贴多少红利？</t>
  </si>
  <si>
    <t>这个世界最大的不平衡并不是中美两国贸易间的失衡，而是中国的价格红利补贴美国的消费红利，中国靠压低要素价格让美国享受着低廉的商品。　　　　从价格总水平因素的影响角度看，中国低劳动力成本、低资源价格以及低出口品价格一直是发达经济体获得消费红利的重要支撑之一?</t>
  </si>
  <si>
    <t>都是通胀惹的祸</t>
  </si>
  <si>
    <t>尽管通胀的压力渐显，欧洲央行仍然谨慎从事，5日宣布欧元区主导利率维持在1.25%的水平不变。欧洲央行行长特里谢表示，欧洲央行将对通货膨胀走高风险予以高度关注“随时会根据情况”调整利率，但市场的反应很直接，欧元汇率应声而跌。显然，市场不认为欧洲央行近期会有加息的?</t>
  </si>
  <si>
    <t>日本地震受损区厉行节电</t>
  </si>
  <si>
    <t>东日本大震灾导致发电设施损坏和福岛第一核电站发生核泄漏，东北电力和东京电力公司供电区内出现电力供应缺口。为避免不可预测的大规模停电，东京电力公司供电区内必须强制削减需求1000万千瓦，东北电力公司必须削减280万千瓦。日本政府4月上旬决定，依据《电气事业法》拟颁?</t>
  </si>
  <si>
    <t>美债安全成中美对话绕不开议题</t>
  </si>
  <si>
    <t>对美元债务信誉度的担忧在全世界蔓延开来，中国更是身在其中。在新一轮中美战略与经济对话(S&amp;ED)即将在美举行前夕，业内人士表示，在这轮对话中，美国巨额财政赤字引发的债务问题以及作为美国最大债权国的中国的储备资产安全问题一定是绕不开的话题。　　　　国际评级机构?</t>
  </si>
  <si>
    <t>投资黄金须谨慎</t>
  </si>
  <si>
    <t>自金本位废除之后，黄金其实就只是一种贵金属而已，与其他任何商品的价格一样，都是由供求关系决定的。当一种商品的价格达到一定高度，人们没能力购买时，需求就会下降。黄金也不例外。　　　　比如印度人和非洲人，可以说是世界上最喜欢佩戴金饰品的民族，恨不得全身上下?</t>
  </si>
  <si>
    <t>后美元时代的三元货币体系设想</t>
  </si>
  <si>
    <t>过去60多年中，美元在全球范围占据主导地位，但随着时间推移，人们的抱怨开始增多。在制定货币政策时，美联储通常以美国的利益为准则，忽视或至少是不甚关注其他国家的福利。美国长期且巨额的贸易赤字，腐蚀了美元作为世界货币的基础。同时，本轮金融危机中，美国政府采取了?</t>
  </si>
  <si>
    <t>贸易摩擦“添堵”中美对话</t>
  </si>
  <si>
    <t>在第三轮中美战略与经济对话前夕，中美之间的贸易摩擦明显增多。美国贸易代表办公室于2日公布了“2011年度特别301报告”，继续将中国列入“重点观察国名单”和“306监管国名单”。　　　　在4月底两天的时间里，美国就对中国连续发起三项贸易救济调查，频率之密集在一段时?</t>
  </si>
  <si>
    <t>葡萄牙援助方案“叫好不叫座”</t>
  </si>
  <si>
    <t>葡萄牙看守政府总理若泽·苏格拉底当地时间3日晚在总理府宣布，经过近半个月的谈判，葡萄牙已就援助方案与欧盟和国际货币基金组织(IMF)达成协议。不过，这份对葡萄牙来说“很不错的协议”可能会因芬兰的作梗而难以在欧盟获得通过，而希腊和爱尔兰的前车之鉴也让市场对援助方?</t>
  </si>
  <si>
    <t>中美其实很“相像”</t>
  </si>
  <si>
    <t>当中国和美国相互审视的时候，它们首先发现的可能是彼此之间的“大不同”。位居太平洋两岸的中美两国，政治制度、文化传统、价值观念和发展道路差别之大，尽人皆知。　　　　但是，当第三轮中美战略与经济对话于5月9日和10日在美国首都华盛顿举行之时，中美两国不妨在“大?</t>
  </si>
  <si>
    <t>国内外形势要求新一轮改革开放</t>
  </si>
  <si>
    <t>李稻葵，清华大学经济管理学院、佛里曼经济学讲座教授、清华大学中国与世界经济研究中心主任。　　1985年毕业于清华大学经济管理学院管理信息系统专业，获学士学位。1985年至1986年为美国哈佛大学国际发展研究所(HIID)访问学者。　　1992年获哈佛大学哲学博士(经济学)学?</t>
  </si>
  <si>
    <t>海外多地“觊觎”人民币离岸中心</t>
  </si>
  <si>
    <t>伴随着人民币国际化进程的推进，更多的海外城市和地区也显示出觊觎人民币离岸中心之意，包括新加坡和伦敦在内的重要金融中心都放出话来要成为除中国香港外的第二个人民币离岸中心。业内人士认为，各地争当人民币离岸中心最主要的原因是对未来人民币国际化前景的看好。　　?</t>
  </si>
  <si>
    <t>华泰汽车欲高溢价控股萨博母公司</t>
  </si>
  <si>
    <t>5月3日，民营车企华泰集团在京宣布，与原通用汽车旗下的知名品牌萨博汽车(SAAB)签署战略合作伙伴协议，并将对全资控股萨博的母公司荷兰世爵(Spyker)发起近三成的股权收购。但多位业内人士表示，华泰对这家首创汽车发动机涡轮增压技术的老牌车企的收购，不能掩盖萨博此前“无?</t>
  </si>
  <si>
    <t>欧洲央行5月或暂缓加息</t>
  </si>
  <si>
    <t>欧洲央行定于当地时间5月5日举行货币政策会议。分析人士认为，尽管欧元区4月份通货膨胀率高于预期，创下30个月来最高水平，但基于欧债危机的形势依旧严峻，欧洲央行料将做出维持利率水平不变的决定。部分经济学家预期，该央行可能会在本次会议上释放出6月份启动新一波紧缩货?</t>
  </si>
  <si>
    <t>纳斯达克与美国洲际交易所将对纽交所发起敌意收购</t>
  </si>
  <si>
    <t>由于两度遭纽约泛欧交易所(纽交所)拒绝收购，Nasdaq（纳斯达克）OMX集团与美国洲际交易所(ICE)5月2日表示将对纽交所股东发起总额约110亿美元的收购要约。Nasdaq和ICE此举或将逼迫纽交所展开谈判，德交所也可能被迫优化其收购出价，但交易离最终达成依然障碍重重。　　　　N</t>
  </si>
  <si>
    <t>中药面临欧盟注册“瓶颈”</t>
  </si>
  <si>
    <t>根据欧盟2004年生效的《传统植物药指令》，从今年5月1日起，凡是未经注册的植物药将不得再在欧盟市场上作为药品销售和使用。就中医入欧七年“零注册”的问题，业内人士指出，短期来看，中药进入欧盟的路尚未被封死，中国药企仍有一定的回旋余地，但积极争取注册才是长久之计?</t>
  </si>
  <si>
    <t>拉丹死讯令全球市场齐舞动</t>
  </si>
  <si>
    <t>美国总统奥巴马在华盛顿时间5月1日晚间在白宫发表声明称本·拉丹被美军击毙，美国上下举国欢庆之时，也引发全球金融市场纷纷上扬。美元指数低位反弹，美股期货扩大涨幅，亚洲股市受到提振，而原油和贵金属价格一路下跌。　　　　分析人士表示，拉丹的死亡为美国及世界经济?</t>
  </si>
  <si>
    <t>“黑客门”或将索尼变成又一个丰田</t>
  </si>
  <si>
    <t>日本索尼公司5月1日在东京举行新闻发布会，就公司网络游戏用户个人信息遭窃一事表示道歉，承诺今后加强用户信息保护。此间分析人士指出，若“黑客门”事件应对不当，索尼可能面临品牌形象受损、潜在巨额赔偿、战略转型受挫三重风险，重蹈丰田公司覆辙。　　　　据现阶段已?</t>
  </si>
  <si>
    <t>百胜收购小肥羊意欲何为？</t>
  </si>
  <si>
    <t>美国百胜餐饮集团日前确认正与小肥羊餐饮公司接洽，谋求整体收购小肥羊公司，但目前尚未正式向小肥羊提交收购要约，收购能否成功取决于监管部门的批准。分析人士认为，尽管收购才刚刚开始，但百胜私有化小肥羊的意图已经比较明显。　　　　百胜集团或溢价50%收购小肥羊</t>
  </si>
  <si>
    <t>人口老龄化：危机还是商机？</t>
  </si>
  <si>
    <t>人口老龄化是全世界将面临的共同问题，一些经济学家视之为危机，认为它将使国家财政不堪重负；一些具有先锋意识的科研和企业人士则认为其中蕴含巨大商机，正试图说服政府和产业界重视开发针对老年人需求的产品和技术。　　　　“老”有“老”需求　　　　在美国，出生于?</t>
  </si>
  <si>
    <t>“日本震核危机”评估与我国供给型财政政策</t>
  </si>
  <si>
    <t>2011年第一季度的世界经济形势依旧复杂。国际金融危机的直接冲击已逐渐减弱，美国和欧洲经济开始步入复苏的进程。日本经济在3月11日遭受里氏9级地震和海啸的冲击，并引发了核电安全危机，经济社会发展出现急剧波动，也给全球经济带来了新的不确定性。中国经济依然保持良好的?</t>
  </si>
  <si>
    <t>从宏观经济风险到外部冲击(下)</t>
  </si>
  <si>
    <t>在外部风险不断增加的背景下，再看看美国企业。众所周知，美国企业资产负债表状况很好，许多企业拥有大量现金可用于投资。企业收入去年大幅增长45%，今年将转为温和增长，但预计仍将增长15%。但是，过去两年中刺激企业收入增长的四大主要因素是大规模的财政刺激、空前的货币?</t>
  </si>
  <si>
    <t>美联储维持宽货币加剧全球通胀</t>
  </si>
  <si>
    <t>美国联邦公开市场委员会27日宣布，总计6000亿美元的第二轮定量宽松政策将如期于今年6月30日结束，并维持现行联邦基金利率不变。而在美联储有史以来第一次的新闻发布会上，美联储主席伯南克对美国货币政策何时“转向”也未明确表态。分析认为，美联储维持宽松货币政策的基调将</t>
  </si>
  <si>
    <t>“日本震核危机”将对全球经济产生多重影响</t>
  </si>
  <si>
    <t>一、对世界经济的衍生影响　　　　供应链断裂是短期内日本震核危机对世界经济的直接影响。如果供应链断裂问题不得到有效的解决，国际社会将在度过短期的困境后，着手构建新的供应链，从而导致日本产业的边缘化。日本政府的产业政策必须着力解决好这一威胁，可采取的途径是?</t>
  </si>
  <si>
    <t>华为在欧洲起诉中兴侵权</t>
  </si>
  <si>
    <t>据外电报道，华为4月28日在德国、法国和匈牙利对中兴通讯(以下简称“中兴”)提起法律诉讼，指控其侵犯了华为的专利权和商标权。起诉内容包括中兴侵犯了华为有关数据卡和LTE技术的一系列专利，并且未经华为许可，在数据卡产品上非法使用了华为的注册商标。　　　　华为首席?</t>
  </si>
  <si>
    <t>智能电网推动美国传统电力模式“变脸”</t>
  </si>
  <si>
    <t>作为应对全球变暖的对策之一，世界各国对智能电网均充满期待。智能电网的构建，将使传统电力基础设施发生根本性变化，从而产生新的商机。气候组织2008年的一项研究数据指出，“到2020年，智能电网的应用可以减少全球电力系统二氧化碳排放量的14%。”英国能源及气候变化部也预</t>
  </si>
  <si>
    <t>“碳税”方案因何凤凰变鸡</t>
  </si>
  <si>
    <t>当前，澳大利亚联邦政府努力为澳经济引入碳排放定价机制，以便实现节能减排目的。然而，数月来，这项被称为“碳税”的方案却遇到越来越大的阻力，近期更是遭到反对党、工会和企业等多方的合力抵制。　　　　在反对党鼓动下，本来支持“碳税”的澳大利亚最大工会组织“澳大?</t>
  </si>
  <si>
    <t>美联储维持利率不变QE2按时结束</t>
  </si>
  <si>
    <t>美国联邦储备委员会(美联储)北京时间28日凌晨宣布，将联邦基金利率继续维持在历史最低点的零至0.25%的水平，并表示第二轮量化宽松措施(QE2)到6月底按计划结束。这一决定符合市场预期，但对于市场普遍关心的问题———美联储在6月以后将采取什么行动，是否会有撤除超宽松货币?</t>
  </si>
  <si>
    <t>何谓幸福？网民热议两外国机构调查结论</t>
  </si>
  <si>
    <t>据美国《华尔街日报》网站近日报道，美国知名研究咨询公司盖洛普最新民意调查显示，高达71%的中国人认为自己“生活艰难”，仅有12%的中国人认为自己“生活美满”。报道称，这一结果与皮尤研究中心类似调查结果相互矛盾，在皮尤的调查中，有74%的中国人说他们预计未来会过上非</t>
  </si>
  <si>
    <t>澳大利亚多方博弈矿业税改革</t>
  </si>
  <si>
    <t>日前，澳大利亚铁矿生产商FMG首席运营官尼维尔·保沃尔接受《经济参考报》记者采访时表示，FMG一贯反对工党政府酝酿中的“矿产资源使用税”(MRRT)方案，因为这仅仅是政府与大矿商的协议，缺乏透明度。保沃尔的说法代表了不少中小矿商对这一税改方案的认识：决策过程不透明，?</t>
  </si>
  <si>
    <t>新兴经济体角力高端外包市场</t>
  </si>
  <si>
    <t>近期许多新兴经济体纷纷加大力度发展服务业，意欲依靠服务业实现经济转型和长远发展，其间外包业成为重要选择。但国际银行联合会和世界银行等权威机构专家认为，由于欧美经济尚未完全复原，全球外包市场需求呈现萎缩态势，将迫使提供外包服务业的新兴经济体国家转向附加值高?</t>
  </si>
  <si>
    <t>日本经济将萎缩  四万亿预算案通过</t>
  </si>
  <si>
    <t>“We are now expecting production and GDP will decline in th efirst quarter and the second quarter，” Mr. Shirakawa said on Friday.　　　　“我们预计第一季度和第二季度日本产值和国内生产总值(GDP)将下滑。”(《日本经济新闻》)　　　　这是白川方明首次正式</t>
  </si>
  <si>
    <t>希腊债务重组的德国砝码</t>
  </si>
  <si>
    <t>欧洲债务危机在持续发酵，这一次是关于希腊债务重组的传言。仅仅是传言，就引发了金融市场的恐慌。欧元兑美元汇率在4月18日出现5个月以来的最大单日跌幅。希腊、西班牙和葡萄牙10年期国债收益率分别达到13.83%、5.6%和9.4%，均创历史新高。西班牙4月发债也一度蒙上阴影。</t>
  </si>
  <si>
    <t>中国手机扩大在阿根廷市场份额</t>
  </si>
  <si>
    <t>阿根廷产业经济研究所日前公布的报告说，去年阿根廷从中国进口手机的数量和金额和2009年相比分别增加21.3%和39.4%，表明中国手机在阿根廷市场上的份额继续扩大。　　　　在主要进口来源国中，从巴西进口的手机占进口总额的56.8%，墨西哥和中国手机产品在进口额中的比例分别</t>
  </si>
  <si>
    <t>高粮价让全球经济伤不起</t>
  </si>
  <si>
    <t>飙升的粮食价格将是全球经济不能承受之重。目前全球食品价格比一年前上涨36%，直逼2008年爆发粮食危机时的价格峰值。联合国粮食及农业组织(FAO)记录肉类、奶制品、谷物、食用油等大宗农产品价格的世界粮食价格指数连续8个月上升，在今年2月达到236点，这一数字是1990年1月采?</t>
  </si>
  <si>
    <t>力诺光伏联手IBM提升太阳能电池转换效率</t>
  </si>
  <si>
    <t>力诺光伏集团与IBM日前签署协议，双方宣布将在晶体硅电池技术方面加强合作，以提升太阳能电池转换效率。业内人士认为，这是中美企业在清洁能源开发领域加强技术的一个范例，对于光伏行业提高效能、降低成本有重大意义。　　　　根据协议，力诺光伏与IBM将在晶体硅电池技术?</t>
  </si>
  <si>
    <t>劳尔·卡斯特罗：古巴经济开启“后卡斯特罗时代”</t>
  </si>
  <si>
    <t>版号：026</t>
  </si>
  <si>
    <t>他一直跟随哥哥菲德尔·卡斯特罗战斗，党龄甚至比自己的哥哥还长；他在1959年古巴革命胜利后就长期担任党政军二把手，刚刚闭幕的古巴共产党第六次全国代表大会让他正式成为党政军一把手；他虽在政治上立场强硬，但对古巴经济问题却持灵活态度，其近些年试行的土地承包和个体?</t>
  </si>
  <si>
    <t>切尔诺贝利阴云仍在</t>
  </si>
  <si>
    <t>日本东北地区大地震及海啸引发核泄漏危机，引发全世界关注与担忧。人们很容易联想到1986年4月26日发生的切尔诺贝利核泄漏事故。尽管切尔诺贝利核电站早已停止运行，但这场灾难的贻害在25年后的今天仍未散尽，如何永久清除核泄漏后患的方法仍在探索之中。　　　　工作在继续</t>
  </si>
  <si>
    <t>自主品牌高调亮相彰显中国汽车实力和雄心</t>
  </si>
  <si>
    <t>一季度中国汽车市场销量再超美国，位居世界之首，在金融海啸冲击全球汽车业的背景下，中国继续以较好的经济稳定性和巨大的内需市场，迅速成为全球汽车产业度过难关的“避风港”。在实现产销量新跨越的同时，已连续两年蝉联世界汽车产销第一大国。在21日正式开幕的有史以来最?</t>
  </si>
  <si>
    <t>美次级债“回暖”中隐现危机苗头</t>
  </si>
  <si>
    <t>曾经引发全球金融危机的次级债和其他住房抵押贷款债券再度在美国受到长线投资者的欢迎，这进一步说明美国信贷市场在经历几十年最严重低迷之后正在恢复元气。与此相关，主张自由市场的宏观经济理念在美国重新抬头。但当前全球金融监管压力可非危机前那般自由宽松，而且随着全?</t>
  </si>
  <si>
    <t>仅靠外部输血葡萄牙经济难痊愈</t>
  </si>
  <si>
    <t>日前一期美国《商业周刊》刊登《葡萄牙：拯救行动刚刚开始》一文称，葡萄牙成为继希腊、爱尔兰之后第三个向欧盟和国际货币基金组织求助的国家。与前者不同的是，葡萄牙的核心问题在于经济羸弱而竞争力不强。　　　　另一天，另一次降级。评级机构标准普尔在不到一个星期的?</t>
  </si>
  <si>
    <t>王子大婚对英国经济贡献几何</t>
  </si>
  <si>
    <t>随着4月29日英国威廉王子的大婚日期日渐临近，英国全国因皇室婚事带来的喜庆气氛也日见升温。英国皇位第二继承人的大婚将对艰难复苏的英国经济作出多大贡献，也越来越引发人们的关注。　　　　威廉王子是英国女王伊丽莎白二世的大孙子。按照英国皇位的继承规定，女王长子查</t>
  </si>
  <si>
    <t>英国银行业改革兼顾成本与安全</t>
  </si>
  <si>
    <t>4月9日一期英国《经济学家》杂志刊登《Biggerbuffers，smallerbanks》一文称，英国监管机构正着手对刚刚恢复元气的银行业进行改革，以避免金融危机再度发生。负责此项工作的英国银行业独立委员会推出了一份草案，但最终能否顺利施行还不得而知。　　　　文章说，泰坦尼克号</t>
  </si>
  <si>
    <t>我外储投资多元化之路“荆棘丛生”</t>
  </si>
  <si>
    <t>国际评级机构标准普尔日前宣布将美国主权债务评级前景由“稳定”下调至“负面”。这是标普自70年前开始对美国债务进行评级以来，首次将其评级前景调降至负面。专家分析，美国因其强大的综合国力，偿债能力应不会有问题，但标普的报告给全球的债务问题敲响了警钟。解决投资外?</t>
  </si>
  <si>
    <t>美国政府会破产吗</t>
  </si>
  <si>
    <t>美国政府会破产吗？对于很多人来说，这是一个不可思议的问题。　　　　长期以来，美国顶着无数个光环：世界第一大经济体，世界第一军事强国，世界唯一的超级大国……　　　　美国国债被认为是世界最安全、最具流动性的资产，仅次于黄金。　　　　也许，更恰当的问题是?</t>
  </si>
  <si>
    <t>美银行业财报很“难看”</t>
  </si>
  <si>
    <t>美国几大银行近期公布的第一季度财报均表现欠佳，尽管实现净盈利，但营收增长乏力、经营成本高企、抵押贷款占款巨大等问题仍十分突出。　　　　财报显示，摩根大通公司第一季度净利润同比增长67%，至56亿美元；美国银行第一季度净利润20亿美元，实现自2010年第二季度以来首</t>
  </si>
  <si>
    <t>北极权益争端中的中国姿态</t>
  </si>
  <si>
    <t>用“千里冰封，万里雪飘”来形容北极恐怕再也恰当不过。然而，随着全球气候变暖以及北极冰川逐渐消融，围绕北极资源的争夺战正在快速升温。　　　　为了争夺北极经济、战略资源，美国、俄罗斯、加拿大、挪威和丹麦等北极五国正试图通过双边协议的方式解决彼此间在北极的争?</t>
  </si>
  <si>
    <t>芬兰选举或致欧洲救助机制“停摆”</t>
  </si>
  <si>
    <t>四年一度的芬兰议会选举当地时间17日深夜揭晓，执政的联合党在选举中获胜。但分析人士普遍认为，另一右翼政党正统芬兰人党才是此次选举中的最大赢家，一跃成为芬兰第三大党，而该党明确反对欧洲救助计划，这对于18日进入救助谈判关键阶段的葡萄牙来说不是个好消息。　　　?</t>
  </si>
  <si>
    <t>盖特纳称美国会将提高公共债务上限</t>
  </si>
  <si>
    <t>美国财政部长盖特纳17日表示，他相信美国国会将会在近期提高美国公共债务上限，以避免政府陷入财政困境。　　　　盖特纳当日在美国广播公司的访谈节目上说：“我想明确无误地告诉大家，美国国会将会提高公共债务上限，共和党人13日在白宫是这样告诉奥巴马总统的，当时我也?</t>
  </si>
  <si>
    <t>市场认为油价还将维持高位</t>
  </si>
  <si>
    <t>18日，因市场担忧高油价打压需求，且沙特阿拉伯表示目前市场供应过剩并因此削减了其日产量，国际油价再续上周整体跌势，市场分析认为，西亚北非局势近来虽有缓和但难以出现根本转变，油价还将维持高位。　　　　英国市场布伦特原油期货价格下跌1.24美元至每桶122.21美元，?</t>
  </si>
  <si>
    <t>日本公布“复兴基本法案”草案</t>
  </si>
  <si>
    <t>日本政府18日公布了关于日本大地震的“复兴基本法案”草案，这项草案将提交给国会讨论。　　　　根据这一草案，日本将在内阁设置以菅直人首相为本部长的“东日本大震灾复兴对策本部”，另外还将设立专门讨论福岛第一核电站周边地区重建的机构。　　　　日本政府和执政党?</t>
  </si>
  <si>
    <t>核安全升级推高成本  或引发上网电价上调？</t>
  </si>
  <si>
    <t>日本经济产业省原子能安全保安院近日决定将福岛第一核电站核泄漏事故等级提高至7级，这使得日本核泄漏事故等级已经达到前苏联切尔诺贝利核电站核泄漏事故等级。《经济参考报》记者在采访中获悉，世界各国动辄数百亿美元的核电投资中有相当大部分是用于安全检测。在福岛核危机</t>
  </si>
  <si>
    <t>周小川称人民币纳入SDR还需更多准备</t>
  </si>
  <si>
    <t>中国人民银行行长周小川15日在参加博鳌亚洲论坛分论坛“G20：处于十字路口”时表示，人民币加入SDR(特别提款权)一篮子货币还需要更多时间来做进一步准备，中国将继续推动货币改革，推动人民币可兑换的发展，使人民币汇率机制更加灵活。　　　　SDR是IMF(国际货币基金组织)?</t>
  </si>
  <si>
    <t>债务危机与高通胀威胁全球经济</t>
  </si>
  <si>
    <t>上周末，二十国集团(G20)财长和央行行长会议以及国际货币基金组织(IMF)和世界银行春季会议相继闭幕，在解决世界经济失衡、规避未来经济风险方面取得一定共识的同时，与会各方担忧新兴经济体的高通胀和发达国家主权债务问题将威胁全球经济。　　　　G20各国15日就评估经济失</t>
  </si>
  <si>
    <t>世行：食品及油价上涨给经济增长带来风险</t>
  </si>
  <si>
    <t>当地时间14日开始，2011年国际货币基金组织(IMF)和世界银行春季会议在华盛顿拉开帷幕。两大组织梳理出了当前全球经济面临的难题，高债务和高通胀成为核心。    The International Monetary Fund，which warned this week that unless the world’s leading economies co-op</t>
  </si>
  <si>
    <t>人人网抢先对手赴美IPO</t>
  </si>
  <si>
    <t>美国当地时间4月15日，中国社交网站人人网向美国证券交易委员会(SEC)提交文件，拟在纽交所上市，计划融资5.3亿美元，股票代码为RENN，发行指导价区间为9至11美元。承销商为摩根士丹利、德意志银行和瑞信。　　　　文件显示，人人网IPO将出售5300万份ADS(其中公司发行4289万</t>
  </si>
  <si>
    <t>资本大鳄“做空”中国</t>
  </si>
  <si>
    <t>去年以来，全球“做空”中国的力量正在集结，美国《新闻周刊》把中国将因房产泡沫破裂而陷入经济崩溃，列为“2010年十大世界预测”第二位；华尔街空头大师查诺斯断言，中国房地产业的问题比迪拜严重1000倍，资产高估与信用供应过剩是主要原因，中国过多的货币造就了房地产泡?</t>
  </si>
  <si>
    <t>破解中国房地产调控困局</t>
  </si>
  <si>
    <t>提要　　　　中、日、韩三国人口资源禀赋比较接近。中国的人均耕地面积还明显高过日韩。三个国家的城市化、现代化进程具有高度可比性。日韩两国均在二战后用30年左右的时间完成了城市化和现代化转型(城市化率在上世纪后期即超过80%)，而且没有留下城市贫民窟等后遗症，收入</t>
  </si>
  <si>
    <t>摩托罗拉华为握手言和</t>
  </si>
  <si>
    <t>摩托罗拉解决方案公司(“摩托罗拉”)与华为技术有限公司4月13日宣布，双方已就所有未决诉讼达成和解。摩托罗拉同意撤回其在芝加哥联邦地区法院与美国技术公司Lemko的诉讼中针对华为的指控，此撤销行为将意味摩托罗拉今后不得再就此案提起针对华为的诉讼或者以相同事由对华为?</t>
  </si>
  <si>
    <t>日本年轻一代：灾难催生改变？</t>
  </si>
  <si>
    <t>长达20年的经济低迷，让日本年轻一代变得敏感而脆弱。当“二战以来最严重的灾难”突然降临这个国家之时，这些娇生惯养的年轻人能否肩负起重建家园的重任？　　　　考验　　　　在东京北部崎玉县的难民中心，18岁的长束恒宇(音译)正排队领取救济衣服。他神情严肃，忧心忡?</t>
  </si>
  <si>
    <t>美参议院发布报告“炮轰”金融业</t>
  </si>
  <si>
    <t>美国参议院常设调查附属委员会13日公布了对金融危机的调查报告，外媒评论称这是迄今为止对华尔街在金融危机中所扮演角色作出最严厉抨击的政府官方报告，美国金融监管机构、评级机构以及华尔街知名投行均在被批行列。　　　　该委员会在对过去两年对上千万份华尔街公司及美?</t>
  </si>
  <si>
    <t>从流浪女孩到哈佛高材生</t>
  </si>
  <si>
    <t>莉兹·默里是一个“80后”美国女孩，因家庭不幸，她从小四处流浪。但她不愿接受命运的安排，坚强地面对生活的挫折。在一位老师的帮助下，她用两年时间完成了四年高中学业，以全校第一名的成绩被哈佛大学录取，创造了一个人生奇迹。　　　　如今，她在哈佛攻读博士学位。她?</t>
  </si>
  <si>
    <t>宁夏发电抢占光伏产业制高点</t>
  </si>
  <si>
    <t>中国是世界光伏产业大国，但由于多晶硅制造技术落后，不得不从美国、德国等进口多晶硅。为了突破国外的技术封锁，实现光伏强国之梦，宁夏发电集团独辟蹊径，大胆研发，用10026次实验掌握了冶金物理法多晶硅新技术，形成了世界上第一条冶金物理法太阳能产业链。　　　　“中</t>
  </si>
  <si>
    <t>“页岩气革命”：或将改变世界天然气市场格局</t>
  </si>
  <si>
    <t>一场悄然降临的“页岩气革命”开始对全球天然气供需关系变化和价格走势产生重大影响，并引起天然气生产和消费大国关注。页岩气的开发，特别是美国页岩气产量的急剧增加，使这个大多数人还十分陌生的能源话题浮出水面。我国蕴藏着丰富的页岩气资源，俄罗斯媒体认为，页岩气开?</t>
  </si>
  <si>
    <t>金砖国家探索经贸合作机制化道路</t>
  </si>
  <si>
    <t>4月13日，金砖国家(中国、巴西、俄罗斯、印度和南非)举行了首次经贸部长会。此次会议达成若干重要共识，特别是金砖五国将设立经贸联络组的信息，释放出了金砖国家就经贸领域深化合作的强烈信号，同时也向经贸合作的机制化迈出了重要一步。　　　　成果　　　　欲建立经贸</t>
  </si>
  <si>
    <t>人民币：与其加入SDR不如盯住SDR</t>
  </si>
  <si>
    <t>不久前，二十国集团(G20)“国际货币体系改革高层研讨会”在南京落幕。会上，法国总统萨科奇呼吁，将人民币等新兴经济体货币纳入SDR(国际货币基金组织特别提款权)一揽子货币并为此制定时间表。美国财政部长盖特纳和欧洲央行行长特里谢则表示，人民币因无法自由兑换和汇率不完?</t>
  </si>
  <si>
    <t>浙江围海建设IPO存经营隐患</t>
  </si>
  <si>
    <t>浙江省围海建设集团股份有限公司(以下简称“围海建设”)4月13日首发过会。　　　　分析人士指出，该公司应收账款不断高企，可能存在不小的财务隐患；另外，受主营业务类型限制，围海建设的经营区域主要集中在浙江一省的沿海地区，并且结构单一，可能会对公司未来业绩造成影</t>
  </si>
  <si>
    <t>北汽打造自主品牌乘用车基地</t>
  </si>
  <si>
    <t>4月9日，北京汽车自主品牌乘用车基地建设项目在北京空港经济开发区正式全面启动。北汽集团董事长徐和谊说，这一自主品牌乘用车项目，将充分贯彻“欧洲技术，高端品牌；中国成本，精益生产；一次规划，分步实施”的发展理念，把中国自主品牌乘用车产品推向一个新高度。　　?</t>
  </si>
  <si>
    <t>“金砖”合作共赢惠及全球经济</t>
  </si>
  <si>
    <t>中国、巴西、俄罗斯、印度、南非五国领导人14日将共同出席在中国海南三亚举行的金砖国家领导人第三次会晤。在世界经济格局加速变迁的历史背景下，金砖国家加强协调、深化合作，不仅对五国具有重要意义，而且对世界也具有重要意义。　　　　金砖国家合作机制的诞生，顺应了?</t>
  </si>
  <si>
    <t>日本“3·11”和美国“9·11”</t>
  </si>
  <si>
    <t>3月11日发生的东日本大地震已过去一个多月，灾区仍满目疮痍，福岛第一核电站核泄漏事故上升到7级，依然找不到有效遏制之策。巨大的损失，长期的影响，日本媒体把“3·11”东日本大震灾和美国“9·11”事件相提并论。　　　　除了海啸瞬间吞噬美丽的家园和10年前美国世贸大?</t>
  </si>
  <si>
    <t>微博火热境遇难掩收入软肋</t>
  </si>
  <si>
    <t>美国当地时间4月11日(周二)，在连创新高后，新浪每股下跌2.58%，收报116.27美元。不过，和去年10月份50美元左右的价格相比，新浪股价涨幅已经超过100%。而部分投行预测，短期内新浪股价将摸高至130美元。　　　　有投资机构人士指出，新浪股价之所以一路高歌猛进，是因为新</t>
  </si>
  <si>
    <t>高通胀成全球经济复苏头号风险</t>
  </si>
  <si>
    <t>国际货币基金组织(IMF)11日公布的《世界经济展望》报告指出，虽然全球经济复苏势头得到巩固，但复苏步伐仍不均衡。一方是经济复苏正迎遇顶风的发达经济体，而另一方是经济过热已初现萌芽的新兴经济体。有分析认为，报告对新兴经济体经济过热的担忧已明显超出对欧元区和美国债</t>
  </si>
  <si>
    <t>汤阴之“链”</t>
  </si>
  <si>
    <t>15世纪的地理大发现给中国带来了什么积极的后果，说法不一。但有一点大家都没有意见，那就是玉米、番薯等外来作物的传入。　　　　玉米又称玉蜀黍，是一年生草本禾本科植物，原产于中美洲，是印第安人的主要粮食作物。传入中国后，由于气候适宜，产量高，迅速普及，主要在?</t>
  </si>
  <si>
    <t>土耳其把欧洲甩在身后</t>
  </si>
  <si>
    <t>从1959年要求加入刚刚成立一年的欧洲经济共同体开始，土耳其的“脱亚入欧”之路走了半个多世纪。直到今天，土耳其仍在欧盟的大门外。然而，与2004年曾为开启入盟谈判而举国欢庆的情形完全不同的是，如今的土耳其已不再视欧洲为高山仰止的榜样。民意调查显示，只有38%的土耳其</t>
  </si>
  <si>
    <t>奥巴马拟发布长期预算削减方案</t>
  </si>
  <si>
    <t>美国总统奥巴马定于13日发布联邦政府长期预算削减方案，为日后更艰巨预算争斗做准备。　　　　白宫高级顾问戴维·普卢夫11日说，奥巴马将考虑削减国防开支、医疗保健和医疗补助项目开支，以减少1.4万亿美元联邦政府年度赤字。另外，这份定于13日发布的预算削减方案将重申富</t>
  </si>
  <si>
    <t>三大会议聚焦国际金融体系改革</t>
  </si>
  <si>
    <t>本周将是忙碌的一周，二十国集团(G20)财长会议、金砖国家峰会以及世界银行和国际货币基金组织(IMF)春季会议将陆续召开，各界分析人士表示，推进国际金融体系改革、改变全球经济失衡将成为这些会议的一个重要交集。　　　　二十国集团(G20)财长会议将于14日在华盛顿召开，据</t>
  </si>
  <si>
    <t>杀毒软件俨然成了“不安定因素”</t>
  </si>
  <si>
    <t>日前，奉行免费的360最终在美国纽交所成功上市，有评论称，这表明360坚持免费安全服务的业务模式已得到了华尔街投资者的认同。　　　　尽管许多人认为今后面对个人用户的杀毒软件免费将会成为一种趋势，但互联网人士谢文日前接受《经济参考报》记者采访时表示，目前越来越?</t>
  </si>
  <si>
    <t>欧佩克周油价再创新高</t>
  </si>
  <si>
    <t>石油输出国组织(欧佩克)市场监督原油一揽子平均价上周再创新高。根据欧佩克秘书处11日公布的数据，欧佩克周油价上周达到每桶117.39美元。　　　　这是欧佩克周油价自2008年7月最后一周以来的最高水平。　　　　上周，不仅是欧佩克周油价连续第三个星期创下两年半来的新高</t>
  </si>
  <si>
    <t>全球新一轮加息潮涌动</t>
  </si>
  <si>
    <t>欧洲央行加息了，全球央行中似乎多了一个抗通胀的伙伴。这其实没什么值得欣喜的，全球进入全通胀时代，未来更艰难的时代已拉开帷幕。　　　　石油、黄金、铁矿石等大宗商品价格轮涨，根源于全球的流动性泛滥，其本质是量化宽松的货币政策导致的货币超发和投资过剩。　　?</t>
  </si>
  <si>
    <t>自由市场的大麻烦</t>
  </si>
  <si>
    <t>听经济学家张维迎的讲座，会很自然地断定这次全球金融危机是政府管制带来的麻烦，是管制的失败；但英国顶级经济学家、汇丰银行前任首席经济学家罗杰·布托所著《市场的麻烦》一书中的观点则针锋相对，他认为百年一遇的金融危机显然是市场的麻烦。　　　　张维迎教授的良苦?</t>
  </si>
  <si>
    <t>欧洲央行加息陷两难</t>
  </si>
  <si>
    <t>欧洲央行7日将欧元区主导利率提高0 .25个百分点至1.25%。这是欧洲央行2008年7月以来第一次加息。对欧洲央行来说，这是一次相当棘手的行动。　　　　Acting against inflation was “in the interests of all members and partners of the single [European] market and sin</t>
  </si>
  <si>
    <t>美政府迎来开支大战重头戏</t>
  </si>
  <si>
    <t>美国共和党、民主党两党8日深夜就政府预算案达成协议，同意在今年9月30日本财年结束前削减预算大约380亿美元，在预算到期前的最后时刻避免了联邦政府关门。尽管如此，刚刚躲过停摆命运的美国政府还要迎接真正重量级的开支争端大战：最快在两周内上调万亿美元国债上限、10年巨</t>
  </si>
  <si>
    <t>“矿业财政”迫使总理向州长低头</t>
  </si>
  <si>
    <t>半个月来，澳大利亚政界围绕矿业税改革的争执持续升级。联邦政府有意限制州政府的征税权，推进酝酿中的“矿产资源使用税”(MRRT)，但遭到矿业大州的强烈抵制。西澳州州长科林·巴奈特甚至用“威胁”、“讹诈”等字眼指责联邦总理吉拉德。而后者非但没有发怒，反而飞到西澳，?</t>
  </si>
  <si>
    <t>大地震震出“史上最强”日元的启示</t>
  </si>
  <si>
    <t>日本史上最高震级的地震，震出史上最强的日元。3月11日日本福岛地震后，日元在外汇市场上只是短暂下跌，随后开始掉头不断走强，尤其是对美元汇率，一周之内创下历史纪录。美元对日元汇率从地震当日的82.8，到3月16日触及80的低点，17日更是一度探至76.25。在西方7国的联合干?</t>
  </si>
  <si>
    <t>核泄漏让日本农业遭受“二茬罪”</t>
  </si>
  <si>
    <t>日本大地震以及由此引发的海啸对日本农业造成了沉重打击，福岛、宫城、岩手三县损失最为惨重。而核泄漏问题迟迟无法得到妥善解决，更令日本农民感受到在伤口上撒盐之痛。　　　　东京电力公司第一核电站出现核泄漏事故之后 ，30公里圈内的日本人已离开家园避难，这里的土地</t>
  </si>
  <si>
    <t>亚行预测中国经济2011年增长9.6%</t>
  </si>
  <si>
    <t>亚洲开发银行(亚行)6日在香港发表的年度经济报告中预测，由于投资和出口增速放缓，2011年中国经济增长将略为放慢至9.6%。　　　　报告表示，在未来两年，固定资产投资仍将成为中国经济增长的主要动力，不过，伴随着财政刺激政策告一段落和更紧缩的货币政策环境，固定资产投</t>
  </si>
  <si>
    <t>人造叶子用水发电</t>
  </si>
  <si>
    <t>美国研究人员研制出一种人造叶子。它模仿植物叶子的光合作用，可以在光照下用水发电。　　　　发电　　　　人造叶子形状像天然叶子，大小如一张扑克牌，内含硅、电子元件和催化剂。　　　　人造叶子研制者、美国麻省理工学院化学家丹尼尔·诺切拉说，在明亮日光照射下?</t>
  </si>
  <si>
    <t>避险资金推动国际金价再创新高</t>
  </si>
  <si>
    <t>欧洲债务问题以及中东北非政局动荡促使投资者将注意力转向贵金属，而美联储对通胀的警告，也为金价提供了有力支撑。继纽约商品交易所(COMEX)期金周二收盘大涨并刷新历史新高后，COMEX6月期金6日高开低走后再次上攻，最高价报1459.7美元/盎司。伦敦现货黄金6日早盘再次上探历?</t>
  </si>
  <si>
    <t>用特殊方式培养精英人才</t>
  </si>
  <si>
    <t>汤敏，1953年生于北京，1958年迁到广西南宁。1978年，考入武汉大学数学系，毕业后留校任教；1984年，赴美留学，成为美国伊利诺伊大学经济系博士研究生；1987年获国际金融与贸易硕士；1989年获国际金融与贸易，计量经济学博士；1989年博士毕业后，被亚洲开发银行经济发展研究?</t>
  </si>
  <si>
    <t>清华大学国情研究中心主任胡鞍钢：绿色现代化是中国必选之路</t>
  </si>
  <si>
    <t>对外经济贸易大学国际低碳经济研究所、社会科学文献出版社，国家发改委能源研究所，日本名古屋大学经济学院亚洲核心项目，美国能源基金会中国可持续发展项目日前联合发布《中国低碳经济发展报告(2011)》。在报告中，报告作者之一、清华大学国情研究中心主任、十二五规划专家?</t>
  </si>
  <si>
    <t>高通胀或迫全球央行告别宽货币</t>
  </si>
  <si>
    <t>随着发达经济体通胀压力日益明显，西方新一轮加息周期可能很快来临。欧洲央行7日的议息会议很可能成为这一轮周期的起点。有分析称，随着欧洲央行即将跨入政策收紧的行列，全球性的宏观政策将自金融危机以来首次出现真正意义上的同步收紧，尽管与这一过程相伴的是无休止的争议</t>
  </si>
  <si>
    <t>供需失衡加剧国际油价继续飞</t>
  </si>
  <si>
    <t>中东紧张局势持续，令国际原油价格4日继续上涨，纽约和伦敦市场原油期货价格以每桶108.47美元和121.06美元创出两年半来新高。虽然5日开盘时，纽约商品交易所5月交货的轻质原油期货价格有所回落，但分析认为，由于国际原油市场供应吃紧、需求预期强劲，供需失衡加剧将继续推高</t>
  </si>
  <si>
    <t>伊梅尔特：两个肩头担子一样沉</t>
  </si>
  <si>
    <t>美国通用电气公司首席执行官杰弗里·伊梅尔特3月31日在华盛顿经济俱乐部的午餐会演讲结束后，笔者上前问他“您如今是双肩挑，既是跨国企业的掌门人，又是白宫就业与竞争力委员会主席，左肩和右肩的担子哪个更重？“问得好，应该说两个肩头的担子一样都沉吧！”身材健硕的伊梅</t>
  </si>
  <si>
    <t>日本开始向海洋排放低放射性污水</t>
  </si>
  <si>
    <t>东京电力公司4日决定将低放射性污水排入大海，为高放射性污水让出存储空间，引发当地渔业人士和福岛县的不满和不安，更引发韩国政府不满，称日本此举有可能违反国际法。　　　　东京电力股价5日盘中一度下跌至376日元，创东电上市约59年以来的最低纪录。　　　　东京电力</t>
  </si>
  <si>
    <t>美股近期下行压力加大</t>
  </si>
  <si>
    <t>美国股市本周一(4日)延续近期升势，道琼斯工业股票平均价格指数收盘涨23.31点，至12400点，创下2008年6月5日以来的最高收盘点位，也是13个交易日以来第十次收盘上涨。但《华尔街日报》的文章指出，尽管美国股市收获了1998年以来同期表现最好的第一季度，并且众多迹象也已显示</t>
  </si>
  <si>
    <t>投资酒店旅游业  把握政策是关键</t>
  </si>
  <si>
    <t>尽管日本大地震对我国旅游业产生了一定的影响，但它带来的负面影响远远抵不上海南免税政策的利好。券商表示，今年旅游板块有望迎来持续性的政策利好，进而带动行业基本面快速发展，行业具备整体投资价值。　　　　日本地震对旅游业影响有限　　　　券商认为日本地震对我?</t>
  </si>
  <si>
    <t>“墓地游”热美国</t>
  </si>
  <si>
    <t>迈克尔·杰克逊、玛丽莲·梦露、鲁道夫·瓦伦蒂诺……他们生前曾是无数人心中的偶像；过世后，一些“粉丝”频频拜访他们的长眠之地，以表达对偶像的怀念。　　　　如今，“墓地游”在美国日渐兴盛。通过墓地之旅，人们不仅能够追怀昔日的偶像，还能探寻尘封的历史，寻找心?</t>
  </si>
  <si>
    <t>失业青年,如何起飞？</t>
  </si>
  <si>
    <t>在英国，他们被称为“尼特族”，不上学，不就业，也不接受职业训练。在美国，他们被称作“回巢族”，大学毕业后找不到工作，搬回家与父母同住。在日本，他们被称作“飞特族”，即没有固定职业、从事临时工作的年轻人。　　　　放眼全球，大批青年失业不仅成为引发中东和北?</t>
  </si>
  <si>
    <t>过生活  看展览</t>
  </si>
  <si>
    <t>本期我们选取了四个近期在国外举办的、与生活息息相关的展览，希望您可以透过展览捕捉到关乎生活的新趋势、新潮流，目标只有一个———过好生活。　　　　巴塞尔国际钟表珠宝展：　　　　技术领先瑞士优势尽显　　　　□记者王昭瑞士巴塞尔报道　　　　于3月31日闭幕</t>
  </si>
  <si>
    <t>欧美欲紧房贷楼市或二次探底</t>
  </si>
  <si>
    <t>随着3月31日欧盟提出一项新的房贷政策议案，欧美已相继拿出有紧缩效力的购房贷款新政策提案。有分析认为，虽然新方案能加强保障金融机构和消费者利益，但从紧从严的政策取向带来楼市二次探底的隐忧。　　　　欧美房贷新政“紧”字当头　　　　欧盟3月31日提出的这项新房?</t>
  </si>
  <si>
    <t>用产业升级应对“刘易斯拐点”到来</t>
  </si>
  <si>
    <t>美国《华尔街日报》日前报道说，随着价格上涨的中国商品出口至全球各地，通胀可能成为一个令全球担忧的问题。文章中说，导致中国物价上涨的主要原因是中国正在进入“刘易斯拐点”———大范围工资上涨推动物价水平走高。　　　　“刘易斯拐点”出自1979年诺贝尔经济学奖获?</t>
  </si>
  <si>
    <t>高油价将推进奥巴马新能源战略</t>
  </si>
  <si>
    <t>3月21日一期美国《商业周刊》刊登《ForObama，HighOilPricesHaveaGreenLining》一文称，对美国总统奥巴马来说，油价高企令其支持率下降，但也并非一坏到底，至少可以推动被寄予厚望的新能源战略。　　　　从历史上看，汽油价格走高，总统的支持率往往就会下降。因此，目前?</t>
  </si>
  <si>
    <t>360赴美IPO获40倍超额认购</t>
  </si>
  <si>
    <t>奇虎360科技有限公司(以下简称“360”)于美国当地时间3月30日正式在纽交所挂牌交易，代码“QIHU”。　　　　根据360向《经济参考报》提供的数据，本次公开发行股份募集资金为1.756亿美元，向基石投资者非公开发行募集资金5000万美元，本次IPO发行募集资金总额为2.256亿美元</t>
  </si>
  <si>
    <t>东京电力“大而不倒”  国有化被“辟谣”</t>
  </si>
  <si>
    <t>随着日本核泄漏事故持续恶化，东京电力公司(东电)国有化传闻再次泛起。据日本《读卖新闻》29日报道，日本政府正研究将东京电力公司暂时国有化的计划，并承担福岛第一核电站核泄漏事故的赔偿。　　　　对此，日本官房长官枝野幸男29日上午紧急“辟谣”，称没有考虑将东电国?</t>
  </si>
  <si>
    <t>日本通过92万亿日元2011财年预算</t>
  </si>
  <si>
    <t>据日本共同社报道，日本国会29日通过了总额92.4万亿日元2011财年预算案。反对党掌控的参议院曾否决这份预算案，但在众议院占据多数执政党使得该预算案通过。　　　　该社报道称，当日有政府官员透露，日本首相菅直人正在考虑追加2万亿至3万亿日元用于日本东北地区的灾后重?</t>
  </si>
  <si>
    <t>看看美日俄墨四国如何征收房产税</t>
  </si>
  <si>
    <t>很少有一项政策如此受热议。今年1月，备受瞩目的房产税改革试点在上海、重庆两地启动。房产税的推出已在我国渐行渐近。　　　　如今，在很多国家房地产税早已是政府很正常的财产税收，并取之于民又用之于民，同时对调控房地产市场也起到了间接作用。近日，本报驻美国、日本</t>
  </si>
  <si>
    <t>摩托罗拉和诺西的并购应该取消</t>
  </si>
  <si>
    <t>2月22日，美国伊利诺伊州北部地方法院针对华为公司起诉摩托罗拉和诺基亚西门子公司(简称诺西)一案发布了“初步禁令”：禁止摩托罗拉向诺西转移华为的商业秘密，要求摩托罗拉和诺西采取必要措施确保这个禁令得到执行，包括摩托罗拉聘请有资质第三方供应商对华为的商业秘密进行</t>
  </si>
  <si>
    <t>爱尔兰危机或迫欧洲央行再出援手</t>
  </si>
  <si>
    <t>爱尔兰央行定于当地时间31日公布该国商业银行压力测试结果。当地媒体预计，测试结果将显示，爱尔兰商业银行的资金缺口达180亿至230亿欧元。　　　　分析认为，这一“比预期严重”的测试结果将被爱尔兰政府当作谈判桌上的重要筹码，用来换取时间更长、利率更低的贷款，甚至?</t>
  </si>
  <si>
    <t>西澳矿山供应中餐的背后</t>
  </si>
  <si>
    <t>羊肉串，烤馍片，糯米包……这些小吃并非在中国才能品尝到；在西澳大利亚偏远荒野，澳大利亚FMG矿业公司的工人们同样可以享受。在其断云(Cloudbreak)矿区的食堂，来自泰国的厨师艾伊告诉笔者，由于中国客人到访较多，食堂常以亚洲饮食满足食客的胃口。满足中国人胃口的不单是</t>
  </si>
  <si>
    <t>东南沿海部分地区测出极微量放射性物质</t>
  </si>
  <si>
    <t>28日晚间，环境保护部网站发布公告称，继我国黑龙江省东北部空气中发现人工放射性核素碘-131以来，我国东南沿海部分地区空气中也监测到极微量放射性物质。　　　　专家认为，这是日本核事故释放出的放射性物质经大气扩散的结果，其对公众可能产生的剂量小于天然本底辐射剂?</t>
  </si>
  <si>
    <t>救助新方案出炉欧债危机仍难除</t>
  </si>
  <si>
    <t>欧洲理事会主席范龙佩25日凌晨说，在24日开始的春季峰会上，欧盟成员国领导人通过了一套应对欧元区主权债务危机的全面方案。这套方案包括扩大现有救助机制的规模和用途、降低希腊等国接受救助的成本、开展新一轮银行压力测试等内容。不过葡萄牙债务危机发酵以及欧元区金融系?</t>
  </si>
  <si>
    <t>零起点学公司金融</t>
  </si>
  <si>
    <t>“金融行家为什么会败给猴子”？说实在的，正是因为这个书名，才引起了我的好奇心。拿到书后，略感失望。在我所读过的财经类书籍中，日本学者的作品偏于浅显，山本和隆的这本书，是否也是如此，带着一点疑问开始浏览。读完第2节，我开始认可了这本书。作者开篇用一只会下金蛋</t>
  </si>
  <si>
    <t>美联储官员暗示QE2提前收场</t>
  </si>
  <si>
    <t>美国商务部最新报告显示，2010年第四季度美国实际国内生产总值(GDP)第三次估测值按年率计增长3.1%，比前一次修正值高0.3个百分点；2010年全年，美国经济增幅为2.9%，比上次估测值高0.1个百分点。　　　　观察人士认为，美国经济呈现良好的复苏态势，但依然面临诸多不确定性</t>
  </si>
  <si>
    <t>福岛核危机“冲击”德国</t>
  </si>
  <si>
    <t>“GAU”，一个德语的缩写词，意思是“在核电站中可能发生的、因此在建造过程中必须事先加以防范的高危事故”。自日本地震引发福岛核危机以来，这个平日不大常见的词在德国电视、报刊等各种媒体上使用率飙升。而且在德国人看来，福岛核危机不仅是“GAU”，还是个“SuperGAU”?</t>
  </si>
  <si>
    <t>拿什么来保卫粮食安全</t>
  </si>
  <si>
    <t>高粮价与高油价一样正成为全球面对的“共同敌人”。全球流动性泛滥、席卷全球的极端天气以及近期中东地缘政治动荡和利比亚危机升级，使全球各类基础商品价格在流动性、供给失衡以及突发因素等多重因素影响下加速上涨。全球似乎在高粮价的推动下失去了稳定的方向，高粮价将是?</t>
  </si>
  <si>
    <t>“污染之最”山西临汾空气正日渐洁净</t>
  </si>
  <si>
    <t>本世纪初，因被美国媒体评为全世界污染最严重的城市，中国产煤大省山西省的临汾市一度闻名世界。　　　　多年过去了，临汾市自然环境大大好转，尤其是空气越来越洁净。2010年，临汾市区二级以上天数达到338天，其中一级天数达到99天。而2000年，临汾二级天只有14天，这意味</t>
  </si>
  <si>
    <t>澳收紧移民政策重挫国际教育产业</t>
  </si>
  <si>
    <t>受澳元升值、澳大利亚收紧移民政策以及学校关闭风波等因素影响，近期赴澳大利亚求学的外国学生人数大幅萎缩，使澳国际教育产业出现近年来少有的困难局面。一些澳大利亚教育专家日前接受《经济参考报》记者专访时建议，澳大利亚教育和移民当局应当顺应新形势，纠正现行政策中?</t>
  </si>
  <si>
    <t>百度否认开发移动操作系统</t>
  </si>
  <si>
    <t>英国《金融时报》北京时间3月23日报道称，百度计划开发手机等移动设备操作系统。受此消息影响，当天(美国时间3月23日)百度股价大涨4.32%，收报132.58美元/股，盘中一度涨至133.97美元，创下拆股以来新高。截至收盘百度市值报460.72亿美元，超过腾讯控股收盘时的约445亿美元，</t>
  </si>
  <si>
    <t>扎根南美市场  品牌研发先行</t>
  </si>
  <si>
    <t>潍柴动力首届美洲国际商务大会3月21日在智利首都圣地亚哥开幕。潍柴集团负责人、山东重工集团总经理江奎在接受《经济参考报》记者采访时表示，南美有着巨大的市场，是潍柴国际化战略的重要组成部分，要想在这一市场站稳脚跟，品牌、研发和售后网络是3个重要支柱。　　　　?</t>
  </si>
  <si>
    <t>欧债危机还将持续多久</t>
  </si>
  <si>
    <t>3月24-25日，欧盟将举行春季峰会商讨帮助欧元区国家解决债务问题的良策。外界十分关注此次峰会能否通过应对欧洲债务问题的一揽子方案。会议成果或将令投资者重估对待欧元区经济的信心。　　　　有分析认为，本次会议能否就欧洲救助机制改革达成共识可能成为债务问题的关键?</t>
  </si>
  <si>
    <t>三大航将起诉欧盟单方征收“碳费”</t>
  </si>
  <si>
    <t>欧盟在航空业强制减排的规定，引发业内诸多担忧。专家表示，这实际上已构成一种隐形的贸易壁垒。如果欧盟在航空业上采取的单边减排措施获得成功，这一模式很可能被复制到服务业其他领域，并且可能会引发全球的扩散效应。专家呼吁，中国航空业尽早参与国内碳交易试点，提高市?</t>
  </si>
  <si>
    <t>欧盟峰会棘手问题一大堆</t>
  </si>
  <si>
    <t>欧盟27国领导人定于24日在布鲁塞尔召开为期两天的春季峰会，欧元区主权债务危机和利比亚局势将是会议两大焦点，如何保障核能利用安全也将是讨论内容之一。面临持续发酵的欧债危机，成员国对危机应对方案依然存在巨大分歧；谋求利比亚问题的统一立场仍是一道难题，而日本核危?</t>
  </si>
  <si>
    <t>中国掌握对付美国金融“原子弹”？</t>
  </si>
  <si>
    <t>黄西是一位留美的中国博士，他讲的“美式单口相声”很受美国人欢迎。其中有一个包袱是这样的：黄西在家推行双语教育，要求儿子在家说中文，在外说英语。有一天儿子问他：“嘿，爸爸，为什么我一定要学两种语言呢？”黄西马上告诉儿子：“有朝一日当上美国总统，需要用英文签?</t>
  </si>
  <si>
    <t>英国人该为男女平等的保险费率欢呼吗</t>
  </si>
  <si>
    <t>日前一期英国《经济学家》刊登《男孩子的赛车手梦》一文称，欧洲法院的一纸判决结束了欧美境内原本男女有别的保险费率，这对英国保险公司来说，是个坏消息。对投保者而言，或许也非利好。　　　　欧盟最高司法机构———欧洲法院日前裁定，性别不应被纳入保险费率政策之中?</t>
  </si>
  <si>
    <t>抗击高粮价要做长期打算</t>
  </si>
  <si>
    <t>日前一期美国《商业周刊》刊登《消化掉2011年的粮食冲击》一文称，由于全球粮价尚未显示出涨势趋缓的信号，无论是政府还是相关企业都必须积极行动起来，确保自己不被卷入由高粮价掀起的经济漩涡。　　　　2008年，粮价大涨造成30多个国家出现骚乱，一大堆公司破产，动荡的?</t>
  </si>
  <si>
    <t>采取法律行动保护我在利比亚等国财产</t>
  </si>
  <si>
    <t>自今年2月中旬利比亚安全形势发生重大变化至今，在党中央、国务院的直接领导下，我已成功撤离在利比亚中国公民近四万人，此举赢得国、内外一致好评，体现了我国政府尊重人权、保护人权的一贯立场，向全世界充分展示了中国的实力。据有关部门统计，我国共有13家央企在利比亚从</t>
  </si>
  <si>
    <t>日本强震令全球产业布局加速转变</t>
  </si>
  <si>
    <t>作为全球产业链条上的重要一环，日本强震导致的重要零部件供应短缺正在造成全球汽车、高科技电子、飞机制造等多个行业面临“缺米下锅”的难题，通用汽车成为首批宣布暂停生产的企业之一。　　　　分析指出，经历大考的跨国制造业厂商将重新评估和反思其全球供应链的风险。?</t>
  </si>
  <si>
    <t>突发事件扰乱全球汇市步调</t>
  </si>
  <si>
    <t>突发事件的接连发生造就了外汇市场的“多事之春”。22日，美元指数降至75.2左右，刷新近15个月最低；日元兑美元再次略微走高至80.85左右；而人民币兑美元不仅中间价再创汇改后新高，报1美元兑6.5592元人民币，且询价系统收盘也续创历史新高。　　　　为稳定金融市场，日本?</t>
  </si>
  <si>
    <t>中国高速频道遭大股东诉虚报财务</t>
  </si>
  <si>
    <t>美国当地时间3月21日晚间(北京时间3月22日早间)，在美上市公司中国高速频道第三大股东毛瑞斯·格林伯格(MauriceGreenberg)的控股公司StarrInternational透露，已正式起诉中国高速频道和其审计事务所德勤，指控中国高速频道虚报业务和财务数据，导致其错误投资1350万美元。?</t>
  </si>
  <si>
    <t>英政府2月份净借贷额创历史纪录</t>
  </si>
  <si>
    <t>英国国家统计局22日公布的数据显示，2月份英国政府不包括金融干预款项在内的净借贷额为118亿英镑(1英镑约合1.63美元)，比去年同月的95亿英镑增加了24%以上，为历史同月最高水平。　　　　从去年4月初开始的2010至2011财政年度至今，英国政府的净借贷额总计为1235亿英镑，比</t>
  </si>
  <si>
    <t>美芝加哥地区旧房销量下降8.8%</t>
  </si>
  <si>
    <t>美国伊利诺伊州房地产经纪人协会21日公布的数据显示，今年2月份芝加哥地区旧房销售量同比下降8.8%至3769套，显示出芝加哥地区房地产市场仍在调整之中。　　　　2月份，芝加哥地区各类旧房销售中间价为每套15.25万美元，较去年同期的16.5万美元出现明显下滑，房价下跌与止赎</t>
  </si>
  <si>
    <t>调价窗口开启成品油涨价预期强烈</t>
  </si>
  <si>
    <t>国内成品油价上调的预期正越来越强烈。而3月22日正是国内成品油调价窗口开启之日。　　　　国际油价在日本地震后走出一个小V行情后再度攀上高位。根据息旺能源监测，布伦特、辛塔、迪拜三地原油加权均价变化率已达11.64%，远超4%的调价红线。而我国上次成品油调价为2月20日</t>
  </si>
  <si>
    <t>千万民资狙击云南盐化终割肉离场</t>
  </si>
  <si>
    <t>自日本3月11日大地震以来，尤其自3月14日日本爆发核电厂泄漏危机之后，由于担心今后海盐遭核辐射污染并相信碘盐可抗辐射，我国一些沿海省份于3月16日出现食盐抢购潮，并迅速蔓延全国。受市场牵动，A股市场中的云南盐化(002053)等相关盐业个股放量大涨。　　　　深交所的公?</t>
  </si>
  <si>
    <t>空袭利比亚推高油价股价</t>
  </si>
  <si>
    <t>法美英等多国联合部队向利比亚发动军事打击，给近一月来因日本地震和中东动荡局势而波动的股市、汇市以及大宗商品和外汇市场走势增添了更多不确定性。　　　　受利比亚问题持续影响，纽约商品交易所4月主力原油合约盘中上涨1.9%，报每桶102.94美元。欧美股市没有受到利比亚</t>
  </si>
  <si>
    <t>林毅夫：日本贸易一年后可以恢复</t>
  </si>
  <si>
    <t>世界银行3月21日发布报告说，日本大地震和海啸将使日本今年国内生产总值(GDP)减少0.5个百分点，灾后重建工作需要五年左右。同日，世界银行高级副行长、首席经济学家林毅夫在北京表示，日本贸易一年后将基本恢复，日本大地震会对我国的加工出口行业造成间接影响，但这些都是短</t>
  </si>
  <si>
    <t>多国押注利比亚  为能源利益大打出手</t>
  </si>
  <si>
    <t>3月19日，法国率先派战机对利比亚进行空中打击；20日凌晨，美、法、英等多国联军向利比亚发起军事打击。西方国家正式开始对利比亚政府军采取军事行动。本次军事行动由一场头脑风暴变为实际行动，速度之快令人眩晕。　　　　分析人士认为，此次行动美国相对比较谨慎，而欧洲</t>
  </si>
  <si>
    <t>封堆：日本避免核灾难的最后一张牌</t>
  </si>
  <si>
    <t>日本核安全机构3月20日说，福岛第一核电站3号反应堆内部压力再次上升，更多放射性气体可能外泄。这意味着先前向3号反应堆注水的努力并未取得理想效果。日本经济产业省原子能安全保安院18日刚宣布，把日本大地震引发的东京电力福岛第一核电站1至3号机组的事故等级定为国际核能</t>
  </si>
  <si>
    <t>日本经济衰退不易复苏亦难</t>
  </si>
  <si>
    <t>最新报告显示，在未将核电站事故造成的损失纳入统计范围的情况下，本次大地震对日本经济造成的损失就可能高达16万亿日元。分析认为，核泄漏事故给该国消费者心理造成的负面影响将长期存在，这种不确定性可能影响日本震后经济的发展方向；七国集团联合干预汇市的决定，使得日?</t>
  </si>
  <si>
    <t>油价高企生物能源产业或迎来新机遇</t>
  </si>
  <si>
    <t>受利比亚等国家动荡局势影响，近期国际油价再度突破每桶100美元大关。3月上旬，伦敦布伦特原油价格已超过115美元每桶。这对许多正在盈亏边缘挣扎的生物能源企业来说，是否就此迎来新的发展契机呢？　　　　多数生物能源项目受阻“原料关”　　　　在山东、湖北、河南等地</t>
  </si>
  <si>
    <t>欧洲央行4月份加息或存变数</t>
  </si>
  <si>
    <t>欧盟统计局16日发布的数据表明，受到燃油成本上升的推动，欧元区2月通胀率升至28个月高峰。但是，在日本的严重地震灾害给全球经济增长投下阴影后，业内人士纷纷调低了对欧洲央行4月份加息的预期。　　　　Inflation across the eurozone accelerated to 2.4 percent year-o</t>
  </si>
  <si>
    <t>中国石化与沙特阿美共建红海炼油</t>
  </si>
  <si>
    <t>中国石化集团公司与沙特阿美石油公司日前在京签署建立伙伴关系谅解备忘录。双方同意共同投资在沙特阿拉伯西海岸城市延布(Yanbu)建设一座世界级深度加工炼油厂项目———红海炼油公司，并分别持有红海炼油公司37.5%和62.5%的股权。　　　　沙特阿美总裁兼首席执行官范礼赫坦</t>
  </si>
  <si>
    <t>从澳洲农业专家闪烁其词说起</t>
  </si>
  <si>
    <t>编者按———“云威看澳洲”专栏由本报驻悉尼记者傅云威主笔，解读澳大利亚经济领域重大事件，点评澳洲财经人物功过得失，带您走进一个新鲜而真实的澳洲。本专栏每周一期。　　　　澳大利亚全国农场主联盟经济和贸易部门主管查尔斯·麦克尔霍恩(CharlesMcElhone)日前接受笔</t>
  </si>
  <si>
    <t>联合干预日元未必皆大欢喜</t>
  </si>
  <si>
    <t>七国集团(G7)18日出乎市场预料地进行联合干预，迅速摆平了由大地震造成的日元骤然升值这一难题。　　　　对出口型的日本经济来说，这次联合打压日元行动意义重大：稳定了日元意味着保住了出口，日本政府才有可能避免在灾后重建和经济复苏两条战线上疲于奔命。对七国集团的?</t>
  </si>
  <si>
    <t>国外经济学家建议：“十二五”期间应加强社保建设</t>
  </si>
  <si>
    <t>在3月19日举行的中国发展高层论坛上，数位国际知名经济学家建议中国“十二五”期间应该加强社会保障建设。　　　　经济合作与发展组织秘书长古利亚表示，提高社会政策的覆盖率和深度有助于降低经济中的预防性储蓄水平，促进国内需求的增长。　　　　美国哥伦比亚大学教授</t>
  </si>
  <si>
    <t>全球审查施压  核电业或进入“紧缩”期</t>
  </si>
  <si>
    <t>日本发生核事故后，全球对核安全的关注使得各国开始从严审视核电工业，业内有观点称核电产业发展进入“紧缩”期，但也有不少新兴经济体对待核电的态度比较复杂，提出不能因噎废食，力争做到安全与发展的协调平衡。    《经济参考报》持续关注日本地震引发的核危机，试图为?</t>
  </si>
  <si>
    <t>民间金融游走“灰色地带”亟盼踏上“阳光大道”</t>
  </si>
  <si>
    <t>在民间资本发达的我国东部沿海地区，目前正在形成一个规模巨大、形式多样、异常活跃的民间金融产业。　　　　这些民间金融产业有些纯属“地下金融”，风险极高；有些处于灰色地带，亟待政策规范和引导；有些则是民间金融家创造的正规金融延伸业务，弥补了我国尚不发达的金?</t>
  </si>
  <si>
    <t>日本强震震动全球新能源格局</t>
  </si>
  <si>
    <t>一场9.0级的强震正在震动全球新能源市场格局。一边是欧洲各国民众出于对核能安全性的担忧，反对声浪不断高涨，主要核能企业股价应声大跌；另一边是光伏、风能等新能源公司的股价风生水起，整个行业也不断得到各国政府人士的力挺。日本强震产生的连锁反应，正向新能源领域传导</t>
  </si>
  <si>
    <t>地震重创日本“观光立国”梦</t>
  </si>
  <si>
    <t>16日，来自香港特区政府的消息称，鉴于日本福岛核电站事故的严重性及不确定性，特区政府已将有关日本的黑色旅游警示，由福岛县扩大至四个县。目前，中国大陆、中国香港、中国台湾，以及韩国、泰国等各个国家和地区均发布了“赴日旅游警示”。每年3、4月樱花盛开之时都是日本?</t>
  </si>
  <si>
    <t>我对日农产品出口短期受阻</t>
  </si>
  <si>
    <t>近日发生的日本地震及其次生灾害，正在影响山东部分企业农产品出口。有关人士分析指出，日本地震短期内会制约中国企业出口农产品，但从长期看，反而可能会因日本本土种植养殖业受打击、生产能力受影响以及日本因灾导致的供求矛盾发展，给中国农产品出口创造机会。　　　　?</t>
  </si>
  <si>
    <t>“去”集中化成普遍趋势</t>
  </si>
  <si>
    <t>政府集中采购机制属于舶来品，是欧美国家政府采购制度比较流行的组织模式。不过欧盟一位公共采购专家表示，目前中国的政府采购存在“去”集中化的问题，即采购人自行采购或将法律所规定的集中采购项目委托社会中介机构代理。　　　　早在五年之前，主管机关就希望政府集中?</t>
  </si>
  <si>
    <t>日本经济难以迅速摆脱地震阴影</t>
  </si>
  <si>
    <t>目前有许多人把此次日本灾后经济前景与二战后和阪神大地震后的情形相比，认为日本二战后和阪神大地震后经济的快速增长很大程度上要归功于灾后重建的需求拉动，并由此推断这次灾后大规模重建有可能使日本经济出现“V型”复苏。然而情形是不是如此，我们还需要分析其大背景，全</t>
  </si>
  <si>
    <t>方方委员：试行“风电资源税”遏制风电设备产能无序扩张</t>
  </si>
  <si>
    <t>“随着我国对风力发电产业的大力推进，我国风电设备制造产业也得到了极大的发展。然而，过去几年，我国风电设备制造领域出现了低水平重复建设、产能过剩、价格战剧烈的情况。”全国政协委员、摩根大通亚洲投资银行副主席、中国投资银行CEO方方告诉《经济参考报》记者。</t>
  </si>
  <si>
    <t>国际油价盘中击穿百元关口</t>
  </si>
  <si>
    <t>受罕见的日本强震影响，国际油价周一再度下挫。截止到14日16时，纽约商品交易所4月交货的轻质原油期货价格(WTI)击穿100美元，站于每桶99.19美元，较上周五收盘下跌1.97美元；伦敦市场4月交货的北海布伦特原油期货价格(BRENT)为112.33美元，较上周五收盘下跌1.51美元。　　?</t>
  </si>
  <si>
    <t>天灾后澳农业有望增产  仍“靠天吃饭”</t>
  </si>
  <si>
    <t>去年下半年以来，洪灾、飓风等灾害天气持续困扰重要农产品出口国澳大利亚农业区。市场担忧澳大利亚自然灾害可能影响今后一段时期国际粮价走势，但澳大利亚农业专家日前向《经济参考报》记者表示，澳大利亚农业生产前景乐观，从中期看，澳大利亚方面不会成为国际粮价继续攀高?</t>
  </si>
  <si>
    <t>德国乙醇汽油为何遇冷</t>
  </si>
  <si>
    <t>从年初开始，德国各地的加油站大张旗鼓地推出E10汽油———加了10%生物乙醇的汽油。这是一场声势浩大的政府主导的产品推介，德国联邦政府希望通过大规模地推广E10汽油，达到既定的二氧化碳减排目标。生物乙醇是从甘蔗、甜菜、土豆、谷物等原料加工提炼而来，与传统汽油相比，</t>
  </si>
  <si>
    <t>海外收购：民企代表委员的“生意经”</t>
  </si>
  <si>
    <t>本次两会中，多位担任民营企业老总的代表委员透露了自己正在收购海外资产的意图。　　　　全国政协委员、新希望集团董事长刘永好在接受《经济参考报》记者采访时表示，新希望集团最近联合一家美国公司，收购新西兰的一家超过百年的农业公司逾50%的股权。　　　　全国人大</t>
  </si>
  <si>
    <t>高油价或催生美新一轮量化宽松</t>
  </si>
  <si>
    <t>美国亚特兰大联储主席洛克哈特7日表示，如果美国经济面临油价持续飙升、衰退状况愈加严重等严重冲击，美国联邦储备委员会会考虑以第三轮债券购买计划来支持经济。　　　　他在全国企业经济学家协会一次会议期间表示，大宗商品价格上涨很大程度上是受市场基本面的推动，不排</t>
  </si>
  <si>
    <t>美股两年接近翻番或致新一轮泡沫</t>
  </si>
  <si>
    <t>自2009年3月陷入周期底部以来，美国股市已经连续两年上涨。2009年3月份，道琼斯工业股票平均价格指数跌破6500点，标准普尔500指数跌至675点；而截至目前，两大指数都上涨了近一倍，道指已经升破12000点，标准普尔500指数也已站上了1300点。不过有分析指出，目前美股市盈率仍?</t>
  </si>
  <si>
    <t>投机资本：高油价背后的推手</t>
  </si>
  <si>
    <t>中东地处全球经济链条的战略咽喉地带，历来担任世界经济“燃料库”角色，任何风吹草动都将对世界石油供求和世界经济的预期产生复杂的影响，在此前多轮石油危机中已可见一斑。此次一场始于突尼斯的骚乱，经过埃及大规模升级，引发席卷中东北非国家反政府浪潮，刺激油价重返百?</t>
  </si>
  <si>
    <t>欧盟禁令倒逼我出台双酚A奶瓶新标准</t>
  </si>
  <si>
    <t>由于欧盟近日明令禁止生产含双酚A的奶瓶，有关双酚A奶瓶对婴儿发育存在潜在危害的消息被炒得沸沸扬扬。记者日前走访一些超市发现，双酚A奶瓶还在销售。欧盟的禁令让我国食品容器及包装材料标准更新提上日程，对此专家表示，我国食品容器及包装材料的新标准或6月份前出台。?</t>
  </si>
  <si>
    <t>奥斯本支持英国银行业重组</t>
  </si>
  <si>
    <t>据英国《金融时报》报道，继近日英国央行行长默文·金痛批银行业犯下追逐短期利润和向高级管理人员发放高额奖金“两宗罪”之后，英国财政大臣乔治·奥斯本6日也表示支持重组英国银行的零售和投资业务。这进一步加大了外界对于英国银行业监管收紧的预期。　　　　但是，改革</t>
  </si>
  <si>
    <t>奥巴马政府险些“关张”的前后</t>
  </si>
  <si>
    <t>3月1日晚饭前，很多周末去逛公园的美国人长舒了一口气。由于共和党与民主党达成了暂时性的妥协方案，作为“夹心饼干”的联邦政府得到了两周的经费“给养”，至少在这半月内，很多得到联邦政府经费支持的公园暂时还不会关门。　　　　白宫关门并非没有先例，1995年底，克林?</t>
  </si>
  <si>
    <t>谢旭人：铁路债务水平安全、合理、可控</t>
  </si>
  <si>
    <t>“目前我国铁路债务水平整体上还是安全、合理、可控的，低于许多国外的铁路公司的水平。”财政部部长谢旭人7日下午在十一届全国人大四次会议举行的主题为“财政政策和有关问题”的记者会上就铁道部负债问题作出回应。　　　　谢旭人表示，中国高铁建设当中，也注意在项目决</t>
  </si>
  <si>
    <t>信贷评级遭穆迪下调 希腊财政部严厉驳斥</t>
  </si>
  <si>
    <t>信贷评级机构穆迪7日将希腊的信贷评级由Ba1连降三级至B 1，同时将评级前景定为负面。穆迪认为，希腊降低债务的努力并不足够，并且认为希腊有很大的债务重整风险。　　　　希腊财政部随即对此进行严厉驳斥，发表声明称，穆迪宣布的评级下调“完全不合理”，并未对希腊当前形</t>
  </si>
  <si>
    <t>亚洲央行本周加息预期增强</t>
  </si>
  <si>
    <t>泰国、韩国和马来西亚央行定于3月9日、10日和11日举行货币政策会议。各方普遍预计，国际油价的持续攀升将增大这些亚洲国家的通胀压力，其央行可能被迫在经济尚未彻底企稳之时，采取更加激烈的加息政策。　　　　今年以来，在泰国、印度、韩国等亚洲国家纷纷采取加息等紧缩?</t>
  </si>
  <si>
    <t>中国输入性通胀压力骤增</t>
  </si>
  <si>
    <t>国际原油期货价格飙升至29个月高点、黄金价格创历史新高、国际粮价也达到近两年以来最高……近来国际大宗商品价格持续走高，中国面临的输入性通货膨胀压力骤然加大。　　　　国际市场大宗商品价格高企　　　　随着利比亚暴力冲突继续，国际油价4日再次大涨，当日纽约商品</t>
  </si>
  <si>
    <t>伯南克的赌注</t>
  </si>
  <si>
    <t>在美国，汽油价格上涨，食品价格上涨，甚至学生学费也在上涨。　　　　美国国会一些议员坐不住了，面对通货膨胀压力上升，他们急切地想从美联储主席伯南克口中得知，美联储量化宽松货币政策会否导致美国物价失控。美国参议院银行业委员会日前举行听证会，伯南克大胆预测，?</t>
  </si>
  <si>
    <t>乔布斯：苹果还能红多久？</t>
  </si>
  <si>
    <t>当地时间3月2日下午，苹果公司在美国旧金山芳草地艺术中心举行了第二代iPad平板电脑(iPad2)的发布会。苹果公司CEO史蒂夫·乔布斯(SteveJobs)意外现身，亲自向外界揭开iPad2的神秘面纱。　　　　乔布斯身着标志性的黑衣和牛仔裤，尽管依然消瘦，但是谈论iPad2的各种新功能时</t>
  </si>
  <si>
    <t>地缘危机频发政治风险保险受关注</t>
  </si>
  <si>
    <t>近段时间以来，中东、北非国家局势动荡给在那些地区投资的外国企业带来巨大风险。保险专家在接受《经济参考报》记者采访时建议，为了避免因当地政治局势带来的风险，海外投资者可以投保政治风险保险。目前，很多保险公司都提供政治风险保险产品，其中有一部分产品能够提供多?</t>
  </si>
  <si>
    <t>杰米·戴蒙：最不招人恨的银行家</t>
  </si>
  <si>
    <t>金融危机中，华尔街的银行家们被斥为贪婪的“肥猫”，备受美国民众指责。但有一个人例外。　　　　他是杰米·戴蒙，美国摩根大通公司首席执行官。在经济最困难的时候，他履行了一个银行家的首要义务：确保银行正常运作，并且实现盈利。当其他金融机构拒绝放贷时，摩根大通?</t>
  </si>
  <si>
    <t>尼加拉瓜玉米岛</t>
  </si>
  <si>
    <t>乘坐吱呀作响的老式螺旋桨飞机，自尼加拉瓜首都马那瓜出发，穿越崇山峻岭和厚厚的云层，当飞机终于瞄准一条很短的跑道摇摆着降落时，我们抵达了此行的目的地———位于尼加拉瓜东南部加勒比海域的玉米岛。　　　　玉米群岛自1655年开始先后经历了英国的殖民和美国的租借，1</t>
  </si>
  <si>
    <t>“鬼城”里的粉车“女战士”</t>
  </si>
  <si>
    <t>墨西哥边境城市华雷斯因黑帮暴力横行，市政萧条，被称为“鬼城”。然而两年前，“鬼城”里出现了一道亮丽的风景线：每到星期六，一队英姿飒爽的女子骑着粉红色摩托车穿梭大街小巷直奔贫民窟，向穷人分发食物和药品，关怀他们的痛苦。这些女子平日里是职业妇女、贤妻良母，到?</t>
  </si>
  <si>
    <t>迪奥开除首席设计师</t>
  </si>
  <si>
    <t>法国知名时尚品牌克里斯汀·迪奥公司3月1日宣布开除首席设计师、英国人约翰·加利亚诺。　　　　加利亚诺先前因涉嫌发表种族歧视言论而遭停职；他随后再次语出惊人，称自己“热爱”德国纳粹头目阿道夫·希特勒。　　　　迪奥公司1日发布声明说，公司“已决定立即开除(加?</t>
  </si>
  <si>
    <t>专家呼吁我国引进德国城市空轨技术</t>
  </si>
  <si>
    <t>多位交通运输业专家建议，在我国发展造价低、排污少的城市空中轨道列车正当其时，使其成为日益拥堵的城市交通系统的有益补充。　　　　日前，在“H—Bahn(空中轨道列车)进入中国”新闻发布会现场，中国工程院院士王梦恕通过书面形式发表观点称，为解决交通拥堵将轨道交通向</t>
  </si>
  <si>
    <t>环球体验:书本中学不到的经商技巧</t>
  </si>
  <si>
    <t>《与全世界做生意》这本书既可以说是自传体的经商手册，也可以看做是一本驴友笔记。作者用风趣幽默的语言把自己五个月环球经商的喜悦、幸福、欢笑、痛苦与无奈，都淋漓尽致地展现给了读者。　　　　金融才俊变身环球旅行家　　　　作者柯纳·伍德曼曾经是一位在美国金融?</t>
  </si>
  <si>
    <t>欧洲法院裁定：保费面前男女平等</t>
  </si>
  <si>
    <t>欧盟最高司法机构欧洲法院1日裁定，保险公司在确定保费时区分男女的做法构成了性别歧视，应予取消。此举意在捍卫男女平等，结果却有可能加重投保人负担，剥夺女性原本享受的优待，因此引发一片争议。　　　　根据欧洲法院的裁定，从2012年12月21日起，欧盟境内的保险公司将</t>
  </si>
  <si>
    <t>新酬薪规则难驯华尔街</t>
  </si>
  <si>
    <t>2月28日一期美国《商业周刊》刊登《BankPayRulesWon’tTameWallStreet》一文称，美国监管机构针对华尔街制订新的酬薪规则，就是为了防止公司高管为了短期利益而无视风险。不过，从以往经验看，倘若规则不够严厉，华尔街就不会死心。　　　　美国金融危机质询委员会上月表示?</t>
  </si>
  <si>
    <t>京族：我国唯一的海洋少数民族</t>
  </si>
  <si>
    <t>东兴的巫头岛、山心岛、万尾岛这“京族三岛”，居住着我国唯一的海洋民族———京族。　　　　京族是东兴独有的世居少数民族之一，也是跨国民族。据考证，大约500多年前，京族的祖先在越南涂山(今越南海防)一带的海面捕鱼为生。一天，他们追踪鱼群来到“京族三岛”，发现这</t>
  </si>
  <si>
    <t>中越专家学者纵论跨境经济合作</t>
  </si>
  <si>
    <t>“十一五”时期广西对东盟贸易快速发展。2010年广西与东盟贸易双边额达65.3亿美元，比上年同期增长31.9%，东盟继续成为广西第一大贸易伙伴。　　　　在这样令人振奋的增幅下，东兴的开发开放上升为国家战略，这是继北部湾经济区之后，广西又一项工作纳入到国家的战略层面，</t>
  </si>
  <si>
    <t>美为深海探油重开“绿灯”</t>
  </si>
  <si>
    <t>美国内政部官员2月28日宣布，经严格审批程序后，美国企业诺布尔能源公司获得了去年墨西哥湾漏油事件以来第一张符合新标准的深海钻探许可证，成为墨西哥湾石油钻探“颇具意义的里程碑”。　　　　分析认为，恢复发放深海钻井许可证是美国政府减轻对进口原油依赖的举措之一，</t>
  </si>
  <si>
    <t>我首次并购欧美飞机整机制造企业</t>
  </si>
  <si>
    <t>3月1日，中航通用飞机有限责任公司(以下简称“中航工业通飞”)总经理孟祥凯宣布，该公司近日已经与美国西锐飞机工业公司股东签订协议，将以公司合并的形式收购美国西锐公司100%的股权。这是中国航空工业首次并购欧美发达国家飞机整机制造企业。　　　　孟祥凯透露，中航工?</t>
  </si>
  <si>
    <t>伯南克患上“人民币升值万能症”</t>
  </si>
  <si>
    <t>在不久前的国会山听证会上，面对美国众议员在经济复苏、通货膨胀以及量化宽松等问题上的连番诘问，美联储主席伯南克将矛头转向中国。他声称，中国最近的加息举动是一种“令人惊讶的”通胀处理方式，而在他看来，更好的应对方法是人民币升值。    美国央行行长对中国利率政?</t>
  </si>
  <si>
    <t>日本众议院通过2011财年预算案</t>
  </si>
  <si>
    <t>日本国会众议院3月1日凌晨批准菅直人政府提出的2011财政年度预算案，为这份总额92.41万亿日元(约合1万亿美元)的预算案如期生效铺路。不过，日本媒体分析，预算案关联法案获国会批准的前景依然黯淡。接下来，预算案将在本财年结束前(3月31日)提交参院批准。　　　　要让预算</t>
  </si>
  <si>
    <t>创造经验  谋求多赢</t>
  </si>
  <si>
    <t>建设广西东兴国家重点开发开放试验区，对推进广西北部湾经济区发展、推进西部大开发，以及全面推进中国-东盟自由贸易区，具有十分重要的战略意义。种好这块“试验田”，创造经验，谋求多赢，将是一篇具有全局影响、非同凡响的大文章。　　　　中国与越南地缘相近、文化相通</t>
  </si>
  <si>
    <t>中东动荡迪拜股指创七年新低</t>
  </si>
  <si>
    <t>3月1日盘中，沙特TASI综合指数跌幅接近8%，科威特SE加权指数跌幅接近4%，巴林等股指也走低，中东国家股市继28日普跌过后走势依旧低迷。中东和北非紧张局势扩散到阿曼，中东股市28日应声下挫，迪拜股市跌至近七年新低；国际油价则在沙特阿拉伯承诺会全力填补石油产能缺口下走?</t>
  </si>
  <si>
    <t>酒桌上的商业文化差异</t>
  </si>
  <si>
    <t>几位美国商界的朋友跟笔者曾提起过他们疑惑：在中国做生意，大家在酒桌上喝高了，还怎么谈生意？笔者解释说，入乡随俗，在中国很多地方，没喝高又怎么谈得好生意？酒，这一人际交往润滑剂，在大洋两岸大相径庭的表现形式，折射出中西方迥然相异的历史文化传统、国民文化心态?</t>
  </si>
  <si>
    <t>经济复苏遭拖累 各国议息难抉择</t>
  </si>
  <si>
    <t>3月伊始，各国央行拉开议息序幕。欧洲、澳大利亚、加拿大以及巴西央行将于本周宣布利率决策。近来，中东局势动荡引发油价突破百元大关，通胀呈现愈演愈烈之势，经济复苏尚未稳固又逢拖累，早已愁眉不展的各国央行如今面临越来越艰难的选择。　　　　欧洲央行或采取折中措施</t>
  </si>
  <si>
    <t>美国第二大连锁书店破产</t>
  </si>
  <si>
    <t>美国第二大连锁书店公司博德斯集团2月16日正式申请破产保护，宣布将在接下来几周关闭旗下600多家书店中大约30%。　　　　这家有着40年历史的老牌图书零售商曾经引领“超级书店”风潮，却对电子商务和电子书业务反应迟钝，最终未能跟上数字时代步伐。　　　　风光不再</t>
  </si>
  <si>
    <t>国际零售巨头为何被“中国特色”打败</t>
  </si>
  <si>
    <t>中国是当今世界最富有潜力的大市场，在许多西方企业摩拳擦掌之际，数个国际零售业的超级巨头却惨败出局。仔细分析这种吊诡的情况，或许也正反映了我们市场“有中国特色”的一面，这让见惯了世面的跨国巨头们无所适从。　　　　以家得宝为例，在其大本营的美国市场，一种名?</t>
  </si>
  <si>
    <t>最小计算机在美问世</t>
  </si>
  <si>
    <t>美国密歇根大学研究人员2月22日在旧金山召开的国际固态电路年会上宣布，他们制造出世界首个完整毫米级计算系统。　　　　研究人员说，这种微小型计算机可以用于医疗、建筑等多个领域。　　　　普适计算　　　　这种新计算机体积只有1立方毫米，却由微处理器、压力传感?</t>
  </si>
  <si>
    <t>多家企业表示愿收购百思买中国门店</t>
  </si>
  <si>
    <t>全球最大家电零售企业百思买2月22日宣布关闭在中国内地的多家门店后，多家家电连锁企业近日纷纷宣布开店计划，并表示有意收购百思买全资子公司江苏五星电器。　　　　德国最大的家电连锁企业万得城中国首席执行官汤旺涛2月24日在上海表示，目前正在快速扩展中国市场业务，?</t>
  </si>
  <si>
    <t>台湾开放大陆厂商赴台投资面板业</t>
  </si>
  <si>
    <t>台湾日前正式核准开放大陆家电企业赴台投资面板产业，希望通过资本纽带加深与大陆家电企业的联系，以此提升产品在大陆的市场占有率。专家认为此举虽有助加深两岸产业合作，但由于该政策目前吸引力有限，加上内地平板显示产业也渐趋成熟，因此预计短期内并不会出现大陆家电企?</t>
  </si>
  <si>
    <t>“欧洲正坐在活火山口上”</t>
  </si>
  <si>
    <t>最近一段时间，地缘政治因素成为左右市场走向的关键，这让人们忽略了欧洲主权债务危机的最新进展情况。然而，在外部市场整体环境相对脆弱，且欧元区领导人仍未对永久援助机制达成一致的情况下，去年欧元区二线国家债券遭疯狂抛售的景象恐怕很快就会再次上演。美国《华尔街日?</t>
  </si>
  <si>
    <t>2011中国经济：增长与通胀双高</t>
  </si>
  <si>
    <t>2月26日，由新华社经济参考报、厦门大学、新加坡国立大学李光耀公共政策学院共同举办了“中国宏观经济高层论坛———控制通胀与保障民生”，主办方代表、国家统计局副局长徐一帆、财政部财政科学研究所所长贾康、财政部综合司副司长汪义达、中国社会科学院学部委员、经济学部</t>
  </si>
  <si>
    <t>雅高联手百仕通、凯雷竞购莫泰168</t>
  </si>
  <si>
    <t>雅高、百仕通(Blackstone)、凯雷，这些响当当名号的突然出现，让国内经济型酒店莫泰168(以下简称“莫泰”)再次成为抢手的“香饽饽”。　　　　据国外媒体2月26日消息，欧洲最大的酒店集团雅高，已和百仕通、凯雷等公司达成协议，联手竞购摩根士丹利(以下简称“大摩”)持有?</t>
  </si>
  <si>
    <t>中国石化再签LNG进口大单</t>
  </si>
  <si>
    <t>记者从中国石化获悉，中国石化集团公司总经理苏树林25日与康菲石油公司首席执行官JimMulva和澳大利亚Origin能源公司董事长KevinMcCann在北京签署框架协议。协议约定，中国石化将从由另两方合资的澳大利亚太平洋液化天然气有限公司(APLNG)项目中每年获得430万吨的液化天然气(L</t>
  </si>
  <si>
    <t>金风科技入选全球最具创新力企业50强</t>
  </si>
  <si>
    <t>金风科技(深交所002202；港交所2208)日前收到来自美国麻省理工学院《技术评论》杂志通知，金风科技入选“年度全球最具创新力企业50强”，入选理由为其“直驱永磁技术摆脱了传统风机的齿轮箱，能够减少零部件耗材，降低机械故障率，同时提高发电效率，促进了风电行业发展，改?</t>
  </si>
  <si>
    <t>神奇的立陶宛琥珀博物馆</t>
  </si>
  <si>
    <t>关于琥珀，立陶宛流传着这样一个神话传说：女神Jurate爱上了渔夫Kastytis，两人幸福地生活在波罗的海深处的琥珀宫里。当雷电之神Perkunas发现一位普通人与女神相爱时，被激怒了，他用闪电击碎了琥珀宫，杀死了渔夫。海浪把碎琥珀冲到岸边，人们认为这些碎琥珀就是女神的眼泪?</t>
  </si>
  <si>
    <t>“我们不甘再做低端劳动力”</t>
  </si>
  <si>
    <t>随着元宵节结束，农民工迎来又一波返工潮。　　　　记者在广东、重庆、江西等地采访了不少农民工，他们中有的刚出家门不久，有的仅有一两年外出打工经验；有的打工时间超过十年。他们目睹了中国加入世贸组织参与全球博弈，也见证了经济结构调整、产业大规模转移带来的酸甜?</t>
  </si>
  <si>
    <t>玩物不丧志</t>
  </si>
  <si>
    <t>继中国香港、英国伦敦、德国纽伦堡之后，全球玩具业在美国纽约迎来了又一个巅峰时刻。在日前举行的第108届美国国际玩具展上，来自全球1200家玩具厂商展示了10万多件各类玩具，其中7000多件是今年首次亮相的新品。有人在博客中写道，在如此海量的热门玩具面前，所有人不分老幼</t>
  </si>
  <si>
    <t>地缘危机给商品市场带来混乱和动荡</t>
  </si>
  <si>
    <t>油价、金价上涨，全球大宗商品市场陷入动荡混乱局面，世界经济随时面临“紧急刹车熄火”……地缘危机会从多个方面影响国际经济格局，导致世界资源重新分配。　　　　中东和北非局势紧张，大宗商品格局分化严重，地缘政治危机在强劲上拉原油和黄金价格之后，也逐步显现出另?</t>
  </si>
  <si>
    <t>印度出境旅游展中国唱主角</t>
  </si>
  <si>
    <t>随着印度出境游客增多，中国日益成为印度游客热衷的目的地。24日于印度首都新德里开幕的2011年印度出境旅游展上，中国参展商不仅占据最佳展位，总面积也是最大的。　　　　国家旅游局驻新德里办事处主任王向云告诉《经济参考报》记者，印度2010年来华旅游人数同比增长22%，</t>
  </si>
  <si>
    <t>总统请硅谷巨头吃饭讨经济良方美国觅振兴途径恐再吹科技泡沫</t>
  </si>
  <si>
    <t>美国总统奥巴马17日晚在加州北部与包括苹果CEO史蒂夫·乔布斯、谷歌CEO埃里克·施密特和甲骨文CEO拉里·埃里森在内的12位科技业高管和投资者进行了对话，共同探讨刺激经济增长和增加就业的良方。　　　　迫于2012年连任选举的压力，奥巴马迫切希望扭转复苏疲弱的形势，尤其</t>
  </si>
  <si>
    <t>石油断供之慌持续发酵拖累世界经济复苏</t>
  </si>
  <si>
    <t>随着重要石油出产国利比亚的政治动乱不断升级，市场对石油断供的担忧也持续加剧，在原油期货价格创两年多新高后，相关各方纷纷表态以安抚市场。但分析人士认为，原油市场依然面临巨大不确定性，高位油价将拖累世界经济复苏，加剧全球通胀态势。　　　　各方表态保供石油?</t>
  </si>
  <si>
    <t>日本积极从“都市矿山”淘宝藏</t>
  </si>
  <si>
    <t>“都市矿山”一语在日本家喻户晓，不少日本人从我做起，参与开采。　　　　“都市矿山”其实是一种形象的比喻，在上世纪八十年代首先由日本东北大学选矿制炼研究所教授南条道夫提出。之后，东北大学多元物质科学研究所教授中村崇进一步提出开发“都市矿山”的“人工矿床计?</t>
  </si>
  <si>
    <t>谁是“两房”后来人？</t>
  </si>
  <si>
    <t>2月21日一期美国《商业周刊》刊登《谁是“两房”后来人》一文称，美国政府正努力削弱“两房”在住房市场中的主导地位，但如何吸引私营公司接盘是个大问题。　　　　美财长盖特纳、住房及城市发展部长多诺万11日为占据美国住房抵押市场半壁江山的房利美(FannieMae)和房地美(</t>
  </si>
  <si>
    <t>警惕上市演变为新的“政绩工程”</t>
  </si>
  <si>
    <t>眼下，在江苏、山东等东部沿海地区，推动企业上市已成为地方政府一项十分重要的工作，各级官员乐此不疲。一夜之间，一场“上市大比拼”运动在各地铺开。一方面，各地政府纷纷成立了指导企业上市的“上市办”等政府机构，推出了一系列税收、财政等优惠政策，从政策层面推动企?</t>
  </si>
  <si>
    <t>紧缩声中欧元止跌,后市难续坚挺走势</t>
  </si>
  <si>
    <t>近期多位欧洲央行官员接连对通胀给出警告，并大唱加息赞歌，使得市场对于欧洲央行可能提前进入加息周期产生预期。欧元对美元23日亚市强势上涨，早盘一度突破1.3700，最高触及1.3711，为三天来首次回升。但有分析称，中东的紧张局势会驱使市场追逐美元类资产，欧元后市难有坚?</t>
  </si>
  <si>
    <t>钱学森：科学精神最重要的是创新</t>
  </si>
  <si>
    <t>在伟大的人民科学家钱学森诞辰99周年之际，手捧着这本《钱学森》图书，心中涌起的是对这位科学巨星的无限崇敬，更为他的爱国情怀所感动。　　　　这是一本人物传记，生动地记述了科学家钱学森具有传奇色彩的人生历程。他从少年时代起，就热爱祖国，热爱科学。后到美国留学?</t>
  </si>
  <si>
    <t>WTO裁定橙汁贸易纠纷巴西胜诉</t>
  </si>
  <si>
    <t>针对巴西就反对美国对巴西橙汁采取的反倾销措施向世界贸易组织(WTO)提出的诉讼，世贸组织21日作出了巴西胜诉的裁决。对此，巴西外交部当日发表声明，表示非常满意。　　　　声明指出，世贸组织作出的这项裁决，是巴西所取得的一次重大胜利。声明同时还希望美国能够借此机会</t>
  </si>
  <si>
    <t>常胜将军的最后一败</t>
  </si>
  <si>
    <t>《最寒冷的冬天：美国人眼中的朝鲜战争》是美国著名军事题材记者、两度普利策新闻奖获得者大卫·哈伯斯塔姆的巅峰之作，是一本写作严肃、资料扎实、颇有戏剧性效果的历史著作。　　　　麦克阿瑟将军号称“军事天才”，二战期间因从日本手中夺取岛屿多而立下赫赫战功，封为?</t>
  </si>
  <si>
    <t>美对中印“阴阳脸”也是给中国筹码</t>
  </si>
  <si>
    <t>上月，美国宣布放宽对印度高科技出口的限制，原先被列入限制清单的9家印度航天和军工企业被解禁。美国商务部长宣称，美国此举是“加强美印战略伙伴关系以及推进出口管制改革的重要里程碑”，“出口管制改革将促进高科技贸易与合作”。　　　　这也再度让我们看到了美在对与</t>
  </si>
  <si>
    <t>欧元区PMI升至四年多最高</t>
  </si>
  <si>
    <t>欧洲著名金融信息服务公司Markit21日公布的初步数据显示，欧元区2月份采购经理指数(PMI)升至四年多来的最高水平，意味着欧元区经济复苏动力正在增强。　　　　数据显示，今年2月份，欧元区综合PMI由前月的57升至58.4，这是自2006年7月以来的最高值，也超过了分析人士的预期</t>
  </si>
  <si>
    <t>长袖善舞的美国电力市场</t>
  </si>
  <si>
    <t>美国拥有世界上规模最大的电力工业及比较完善的电力市场监管体系，其电价形成机制也比较成熟。为节约能源，美国联邦、州监管机构及电力公司推出阶梯电价、电费折扣等措施，并大力发展清洁能源，其中一些做法很值得我们借鉴。　　　　特点：发电、输电主体多元化　　　　?</t>
  </si>
  <si>
    <t>澳大利亚矿业暴利背后凸显三大隐忧</t>
  </si>
  <si>
    <t>一些行业尚待从金融危机影响中逐步恢复之际，国际矿业巨头超达、力拓和必和必拓近期相继发布骄人财报：2010年三家利润较前一年大增33%至86%。　　　　作为在澳大利亚拥有重要资产的企业，矿业巨头们给这个国家带来高增长的同时，也带来了一系列隐忧；如何处理矿业和宏观经?</t>
  </si>
  <si>
    <t>奥巴马迟来的水果蛋糕</t>
  </si>
  <si>
    <t>“我们搬进白宫的时候，要是早一点带水果蛋糕来看望你们这个邻居，大家起初关系就会更好。”这是奥巴马2月7日在离白宫仅一街之隔的美国商会演讲时出人意料又近乎情理的开场白。　　　　对照提前拿到的奥巴马讲话稿，笔者发现此语不是即兴发挥，而是这次酝酿了几个月之久的?</t>
  </si>
  <si>
    <t>每五个购房者就有一个“负翁”</t>
  </si>
  <si>
    <t>美国南部佛罗里达州劳德代尔堡市旅游业、房地产业比较发达，素有美国“威尼斯”之称。但记者不久前走访当地多家房地产中介公司发现：一是房地产中介生意清淡；二是房价和金融危机前相比跌幅过半，目前仍没有明显止跌回升迹象。劳德代尔堡市的情况实际上也反映了整个美国的情?</t>
  </si>
  <si>
    <t>海尔空调达美最高节能“新标”</t>
  </si>
  <si>
    <t>近日从海尔获悉，海尔一款EER12的无氟超高能效窗机在美国颇受欢迎，它是目前美国节能水平最高的一款产品，比即将推行的新能源之星标准还要高出7%。　　　　据了解，美国环保署(EPA)前不久将有关“能源之星”标准提高门槛的相关征求意见函下发，预计将于2012年3月推行。按其</t>
  </si>
  <si>
    <t>华为收购美公司被叫停  商务部表示遗憾</t>
  </si>
  <si>
    <t>日前，华为公司迫于美方压力，主动撤销了向美国外国投资委员会(CFIUS)提交的收购三叶公司(3Leaf)技术资产的申请。商务部对外投资和经济合作司负责人21日就此发表谈话表示，“我们注意到华为公司收购美国3Leaf公司技术资产被CFIUS建议撤销交易一事。此次购买美国三叶公司的技?</t>
  </si>
  <si>
    <t>“十二五”开好局需要关注的重大问题</t>
  </si>
  <si>
    <t>中国经济50人论坛19日举行2011年年会，众多国内知名经济学家为如何让“十二五”开好局起好步献言献策。会上，国务院发展研究中心研究员吴敬琏、北京大学副校长刘伟、中国社科院人口与劳动经济研究所所长蔡昉分别进行了主题演讲。十多位与会专家踊跃发言。会议围绕“十二五”?</t>
  </si>
  <si>
    <t>奇虎360、人人网、PPS被曝上半年赴美IPO</t>
  </si>
  <si>
    <t>人人网、PPStream、奇虎360三家公司上半年赴美IPO消息近日纷纷曝光。国外媒体报道，人人网将于上半年赴美IPO，计划融资5亿美元。目前，人人网已与多家金融机构洽谈上市事宜，其IPO承销商包括摩根士丹利、德意志银行和瑞士信贷；中国P2P网络电视服务商PPS(PPStream)计划上半年</t>
  </si>
  <si>
    <t>设立国家层级管理机构强化协调</t>
  </si>
  <si>
    <t>随着改革的不断深化和国内外形势的变化，尤其是加入世贸组织《政府采购协议》(以下称GPA)谈判工作的启动，我国政府采购制度改革又进入了一个关键时期，必须采取得力措施，加大政府采购制度改革的力度，才能保证我国政府采购事业沿着正确的轨道快速推进。　　　　(一)统一领</t>
  </si>
  <si>
    <t>紧缩方案分歧或令美政府瘫痪</t>
  </si>
  <si>
    <t>美国民主与共和两党正在为防止国家破产打一场紧缩支出的战役，但两党就相关具体措施难以达成一致：由共和党控制的众议院当地时间19日清晨投票通过削减政府开支610亿美元的议案，预料议案将被由民主党控制的参议院否决。两党政治上的对峙僵持令美国政府下月初面临瘫痪的风险。</t>
  </si>
  <si>
    <t>中国应逐步淡出“两房”债券</t>
  </si>
  <si>
    <t>国家外汇管理局负责人日前罕见对外澄清指出，中国持有的美国两大房贷巨头房利美和房地美(即外界所称的“两房”)债券还本付息正常，有关媒体称中国亏损可能高达4500亿美元“毫无事实根据”。　　　　外汇管理局的澄清，显然也有其无奈。因为国内不少人在中国外汇储备和“两?</t>
  </si>
  <si>
    <t>英国央行在加息问题上顾虑重重</t>
  </si>
  <si>
    <t>英国央行近期在其季度通胀报告中提高了对2011年通胀预期，但同时也强调了央行在高通胀和弱势经济增长之间的两难选择。英国央行货币政策委员会力主加息的强硬派成员森坦斯表示，英国央行对通货膨胀的预期或许过于温和，这可能导致今后被迫加大利率上调幅度。　　　　Mr. Kin</t>
  </si>
  <si>
    <t>美最大核电公司“看好中国核电市场”</t>
  </si>
  <si>
    <t>美国ExelonNuclearPartners(ENP)公司总裁兼首席执行官唐明辉(ThomasMundy)日前表示：“正在对核能领域进行大规模投资的中国，将成为Exelon公司全球战略的重要市场。”　　　　据了解，Exelon(爱克斯龙)是美国最大核电力公司，其旗下ENP公司此前与中核核电有限公司签署合作?</t>
  </si>
  <si>
    <t>芬兰老人很幸福</t>
  </si>
  <si>
    <t>在温馨的家中安度晚年　　　　芬兰是世界上的长寿国家之一，男女公民的平均寿命分别达到74岁和80岁。在许多芬兰老人看来，世界上最好的地方就是自己的家，只要生活能够自理，他们就愿意在温馨而又熟悉的环境里安享晚年。89岁的老人希尔马·兰塔宁就是其中的一个。　　　?</t>
  </si>
  <si>
    <t>苹果公司腹背受敌</t>
  </si>
  <si>
    <t>苹果公司15日推出此前盛传多时的订阅服务，立即引发各界争议。据外媒报道，这一政策有可能引发欧洲反垄断调查。与此同时，谷歌推出被各界认为更具竞争力的新政策，苹果公司可谓腹背受敌。　　　　苹果公司的订阅服务要求发行商在苹果应用程序内提供的订阅价格必须等于或低?</t>
  </si>
  <si>
    <t>最美食</t>
  </si>
  <si>
    <t>英国《美食月刊》日前揭晓了2010年英国餐饮业年度最佳评比结果，经由读者网络投票选定的年度人物、年度餐厅、年度新厨师和年度新事物，为英国餐饮业树立了新“标杆”。　　　　年度人物：　　　　“多面手”倡导健康饮食　　　　“太棒了，我再次荣获年度人物！”杰米?</t>
  </si>
  <si>
    <t>楚格的秘密</t>
  </si>
  <si>
    <t>楚格，一座人口约为2.5万的瑞士小城，坐落于楚格湖东北岸。站在城中可以远眺阿尔卑斯山脉楚格峰的千年积雪。    这个看似与世无争、宛如世外桃源般的小城，吸引全世界上万家企业来此入驻，其中不乏能源巨头和商业大亨。    楚格究竟有何魅力，让世界巨贾情有独钟？</t>
  </si>
  <si>
    <t>地缘政治因素推高伦敦市场油价</t>
  </si>
  <si>
    <t>日前，受埃及政治风波的影响，国际油价出现一波上涨行情，随后因为埃及政治局势的稳定，涨势有所缓和。然而，近期埃及政治风波进一步蔓延至中东地区，使得国际油价(特别是伦敦市场北海布伦特原油期货价格)再度被推高。　　　　由于以色列和伊朗关系趋紧以及中东地区紧张局?</t>
  </si>
  <si>
    <t>全球低利率环境可能在几年内结束</t>
  </si>
  <si>
    <t>美国10年期国债收益率是全球经济和金融市场的风向标，分析美国国债收益率，尤其是债券收益率曲线的趋势变化对预判美国利率走势有非常好的导向作用。近期10年期国债收益率飙升不仅折射美国经济温和复苏前景良好外，也暗含着市场对于一些不可预知的新风险的担忧：　　　　一?</t>
  </si>
  <si>
    <t>艾克森和他的新通用战略</t>
  </si>
  <si>
    <t>令中国读者感到陌生而又好奇的美国新通用汽车公司董事长兼CEO艾克森，15日来到中国北京，首次与部分媒体见面。这让我们有机会近距离认识这位受命于危难之时的CEO，并直接倾听他的新通用战略。　　　　同事眼中的艾克森　　　　艾克森加入通用汽车之前，曾担任全球投资公?</t>
  </si>
  <si>
    <t>日与印签署EPA  加紧实施经济“开国”</t>
  </si>
  <si>
    <t>日本和印度两国代表16日在东京正式签署经济合作协定(EPA)。根据协定，未来10年内，占两国贸易总额94%的产品关税将逐步降至零。分析人士认为，韩国、印度等亚洲国家为扩大出口广泛缔结自贸协议，加之日本国内面临的诸多问题，促使日本加紧经济“开国”步伐，据悉日本正同澳大?</t>
  </si>
  <si>
    <t>奥尼尔提出“增长型经济体”新概念</t>
  </si>
  <si>
    <t>增长型经济体具有如下一些特征：生产率上升；人口素质提高；经济增长速度超过全球平均水平；有足够的经济规模和深度，目前国内生产总值占到全球的1%或以上。目前有8个国家够格，即“金砖四国”和韩国、印尼、墨西哥、土耳其。　　　　世界报业辛迪加网站日前发表高盛资产管</t>
  </si>
  <si>
    <t>近80万元的错版奔驰：瑕疵车翻新车？</t>
  </si>
  <si>
    <t>出于对奔驰质量的信赖，周先生和家人在比较多家4S店后，在2008年底花了近80万元在奔驰浙江之信4S店购买了一辆德国原装进口奔驰CLK280，不想竟让他陷入无尽的烦恼中。　　　　提车当日，周先生女儿就发现一个大问题：该车尾部标识是CLK350，而不是他购买的CLK280。经过沟通?</t>
  </si>
  <si>
    <t>供需紧张推升全球橡胶价格</t>
  </si>
  <si>
    <t>日本东京商品交易所橡胶期货主力合约15日上涨0.2%，收至519.5日元/千克(合6217美元/吨)，连续第五个交易日上涨，该合约14日曾在盘后交易中触及522.5日元/千克的历史高点。世界橡胶主产地泰国15日的天然橡胶现货价格也延续涨势，创出195.80泰铢(6.38美元)/千克的历史新高。?</t>
  </si>
  <si>
    <t>德国任命新的央行行长</t>
  </si>
  <si>
    <t>德国总理默克尔16日任命其首席经济顾问延斯·魏德曼担任德国央行行长。现年42岁的魏德曼将于5月1日正式上任，成为德国央行53年历史上最年轻的行长。　　　　默克尔称，魏德曼的想法具有独立性，不会附和政府；他将代表德国央行的稳定性文化。此次默克尔也没有任命已是欧洲?</t>
  </si>
  <si>
    <t>外资啤酒瞄上我中低端品牌</t>
  </si>
  <si>
    <t>据日本媒体15日报道，日本麒麟啤酒控股公司14日表示，该公司计划将其所持有的所有25%中国大连大雪啤酒股份有限公司的股份出售给百威英博啤酒集团。百威英博啤酒集团日前也宣布，与大连大雪集团有限公司和麒麟(中国)投资有限公司达成协议，收购辽宁大连大雪啤酒股份有限公司10</t>
  </si>
  <si>
    <t>腾讯团购网站“高朋”或下周上线</t>
  </si>
  <si>
    <t>尽管腾讯对与美国团购网站巨头Groupon的合作三缄其口，但谷歌广告服务GoogleAdSense的广告链接却显示，腾讯和Groupon合作的团购网站“高朋”将于下周正式上线。　　　　记者根据网友提供的线索，在某网站的GoogleAdSense的广告中，找到了高朋网的链接，填写邮件地址后，该?</t>
  </si>
  <si>
    <t>警惕国际油价跌入“埃及陷阱”</t>
  </si>
  <si>
    <t>埃及局势主导了近期的国际油价走势，伦敦北海布伦特原油价格更突破每桶100美元的关口。埃及并非主要石油消耗国，也非主要石油输出国，埃及局势之所以能对国际油价产生巨大影响，主要是基于其中存在的三重“埃及陷阱”。　　　　第一重陷阱，无疑是埃及本身产量能否持续。中</t>
  </si>
  <si>
    <t>5000亿：欧元区永久性援助机制规模确定</t>
  </si>
  <si>
    <t>欧元区财长当地时间14日夜间召开每月例会，初步商定了未来永久性救助机制的规模，同意拿出5000亿欧元援助未来可能陷入债务危机的欧元区国家，但相关细节尚未公布。　　　　欧元集团主席容克在欧元区17国财长会和随后的欧盟27国财长会后举行的记者招待会上表示，目前4400亿?</t>
  </si>
  <si>
    <t>预算案中长期利好  美元反弹有望延续</t>
  </si>
  <si>
    <t>当地时间14日，美国总统奥巴马公布了2012财年3.73万亿美元的预算方案。根据这项方案，美国政府在接下来的10年将减少1.1万亿美元的财政赤字。尽管预算案公布后美元兑一些主要货币一度走低，但分析人士认为，奥巴马的预算方案表明美国政府已打算着手处理财政赤字问题，中长期来</t>
  </si>
  <si>
    <t>德国成中资企业布局欧洲“战略高地”</t>
  </si>
  <si>
    <t>经过几年“预热”，中国赴德投资在2010年驶入加速道。从危机中强劲复苏的德国市场，集人才、技术、区位等优势于一身，愈发成为中国企业布局欧洲的“战略高地”。    总部位于柏林的德国联邦外贸与投资署向记者提供了这样一组数字：去年，中国直接投资项目已是2009年的6倍。</t>
  </si>
  <si>
    <t>世贸将就美诉银联垄断案设专家组</t>
  </si>
  <si>
    <t>《经济参考报》记者14日从商务部条法司获悉，世界贸易组织(WTO)或于3月中旬就中国电子支付服务措施案、对来自美国的取向电工钢双反措施案两个案件正式设立专家组，进入WTO争端解决机制的实质性环节。　　　　商务部条法司相关人士对《经济参考报》记者表示，按照WTO争端解?</t>
  </si>
  <si>
    <t>国人何时不再热衷到海外买“中国制造”</t>
  </si>
  <si>
    <t>最近几年，每逢节假日促销，至少在美国的许多商场或名牌卖场，都可见熙熙攘攘、各种乡音的中国同胞，让人大跌眼镜的是，很多人购买的竟然还是“中国制造”。这种怪现象也得到中国官员的关注。商务部长陈德铭日前在接受媒体采访时说，中国游客的海外消费要引起注意，因为按照?</t>
  </si>
  <si>
    <t>奥巴马减赤方案被批不够“狠”</t>
  </si>
  <si>
    <t>美国总统奥巴马14日向国会提交了2012财政年度联邦政府预算案，提议在未来10年削减1.1万亿美元预算赤字。这份被民主党称为自奥巴马上任以来白宫出台的最为克制的经济和财政政策方案，却依然被各界视为不够“狠”。　　　　此前，有政府官员表示，拟削减的赤字中，三分之二将</t>
  </si>
  <si>
    <t>越南盾贬值给中国外贸“提了个醒”</t>
  </si>
  <si>
    <t>持续出现的贸易逆差和严重的通胀让越南政府坐不住了。2月11日，越南央行宣布将越南盾一次性贬值9.3%，外汇市场越南盾汇率中间价从1美元兑18932越南盾大跌至1美元兑20693越南盾。与此同时，越南央行还将越南盾的交易区间由中间价上下浮动3个百分点收窄至1个百分点。</t>
  </si>
  <si>
    <t>在美上市中国公司频遭集体诉讼</t>
  </si>
  <si>
    <t>当地时间2月11日，美国KahnSwick&amp;　Foti，LLC(以下简称KSF)律师事务所合伙人小查尔斯·福提以及KSF发出联合公告，提醒近期购买中国高速频道股票的投资者，有权加入对中国高速频道财务欺诈案件的集体诉讼，并可依相关法规提出索赔。此外，另有四家美国律师事务所也已对外发出?</t>
  </si>
  <si>
    <t>韦伯走了,默克尔怎么办？</t>
  </si>
  <si>
    <t>德国政府11日表示，德国央行行长韦伯将因个人原因于4月30日正式离职，而这也意味着他将退出欧洲央行下任行长一职的竞争。行长人选再现悬念，默克尔的欧洲策略是否落空又添变数。　　　　“These positions may not always have been conducive to my acceptance by some go</t>
  </si>
  <si>
    <t>投机资金“屯兵”炒作农产品</t>
  </si>
  <si>
    <t>全球大宗农产品价格近期屡创新高，资金炒作“魅影”再现，而且中国北方旱情也成为国内外小麦期货市场的炒作噱头。　　　　美国洲际交易所(ICE)棉花期价上周累计涨幅超过13%，创下150年来的新高；美国小麦期货上周五继续上涨，攀升至31个月来的高位；国内农产品期货市场，棉</t>
  </si>
  <si>
    <t>上海美国商会：关注中国政府采购市场容量</t>
  </si>
  <si>
    <t>上海美国商会日前发表申明，支持在第21次中美商贸联委会会议上公布的就改善在华知识产权保护工作、涉及中国自主创新政策等一系列重要举措。　　　　上海美国商会总裁傅丝德表示，中国作为世界上发展最快的市场和美国第三大的出口贸易伙伴，对美国企业而言中国市场准入日显?</t>
  </si>
  <si>
    <t>德国工商界拒绝女性？</t>
  </si>
  <si>
    <t>德国劳工部长年初的一个提议最近在德国引起广泛争论。这位女部长提议制定相关法规，强制规定女性高管在德国大企业里的比例不低于30%。包括德国家庭部长和绿党领袖等一些女政治家支持这一提议。而大企业众口一词地反对。　　　　自安吉拉·默克尔成为德国第一位女总理并成功</t>
  </si>
  <si>
    <t>二十一世纪的中国梦</t>
  </si>
  <si>
    <t>为什么要提出和讨论中国梦？　　　　300年前，当英格兰移民乘坐着五月花号横穿大西洋来到马里兰，寻找一块清教徒能居住的“净土”时，“美国梦”已开始悄然萌芽———美国给了全世界每一个人均等的机会，只要努力奋斗，都可以实现自己的梦想……所谓的美国梦，是一种相信只</t>
  </si>
  <si>
    <t>中国买家帮佳士得创历史佳绩  未来中国将是其投资重点</t>
  </si>
  <si>
    <t>拍卖巨头佳士得公司近日公布，2010年其全球艺术品总成交额高达50亿美元，同比上升了53%，其中亚洲地区全年总成交额超过7亿美元，同比上升111%。这是佳士得创立以来取得的最高年度成交总额。　　　　“激动、吃惊、甚至感觉吓人”，谈到佳士得2010年全球成交额超过50%的历史</t>
  </si>
  <si>
    <t>捕捉北欧时尚掠影</t>
  </si>
  <si>
    <t>2011年哥本哈根秋冬时装周近日在“哥本哈根国际时装博览会”童装秀(CIFFKIDS)中落下帷幕，来自北欧地区的35个时装品牌在为期五天的时装周上呈现了一场精彩纷呈的时尚盛宴，完美诠释了“低调的优雅”和“创新设计”这一流行趋势。　　　　时尚也讲可持续　　　　在后金融?</t>
  </si>
  <si>
    <t>科技让梦想飞进现实</t>
  </si>
  <si>
    <t>衣　　　　“隐形斗篷”遁形有方　　　　□记者黄堃伦敦报道　　　　许多魔幻题材故事中都有神奇的“隐形斗篷”。科研人员过去也曾制成能使极微小物体在特定条件下隐形的装置，而英国研究人员近日报告说，他们已实现使厘米级物体在特定条件下隐形。　　　　英国伯明?</t>
  </si>
  <si>
    <t>中国“两房”债券安危再成焦点</t>
  </si>
  <si>
    <t>有消息称，美国白宫最早将于当地时间11日提出一项方案，逐步削弱联邦国民抵押贷款协会(下称“房利美”)与联邦住房贷款抵押公司(下称“房地美”)的作用，并最终将这两家机构关闭。作为美国的“政府支持企业”，“两房”曾被认为不可能倒闭。然而分析指出，所谓的“政府支持企?</t>
  </si>
  <si>
    <t>移民律师的双面人生</t>
  </si>
  <si>
    <t>他，名为戴维·伯吉斯，是闻名英国的移民律师。工作之余，他又以索尼娅·伯吉斯出现，演绎“她”的一面。　　　　去年10月，伯吉斯的生命以颇具疑问的方式结束。不过，在他抑或是她的葬礼上，亲人、朋友、同事在对伯吉斯40年工作给予认可的同时，也表达了对后者双面乃至双?</t>
  </si>
  <si>
    <t>辉瑞“撤退”急坏英国政府</t>
  </si>
  <si>
    <t>最近，世界最大制药公司美国辉瑞决定关闭它在英国研发中心的消息，在英国闹得沸沸扬扬。尽管辉瑞一再申明这与英国的商业和投资环境无关，但英国朝野都对辉瑞的这一决定深感痛惜，商务大臣凯布尔则表示英国政府对辉瑞的这一决定“极度失望”。　　　　辉瑞公司在英国的研发?</t>
  </si>
  <si>
    <t>稀土资源：觊觎与挥霍的碰撞</t>
  </si>
  <si>
    <t>一段时间以来，有关稀土资源的话题十分尖锐、热闹。美国因何封存国内稀土资源丰富的大矿？日本大量进口稀土资源有什么战略意图？稀土材料到底有怎样重要用途？中国稀土资源急剧减少背景下，美日等发达国家对中国一再施压，迫使中国继续廉价出口稀土资源意欲何为？中国该如何?</t>
  </si>
  <si>
    <t>加息“接力棒”向英美传递</t>
  </si>
  <si>
    <t>2011年，加息“接力”将不再是新兴经济体的专利。分析人士认为，由于发达经济体增长前景有所改善、食品和能源价格上涨又开始向其他商品和服务领域蔓延，全球的加息预期都在普遍增强。　　　　新兴经济体料将进一步加息　　　　对于刚刚宣布加息决定的中国，汇丰银行亚洲?</t>
  </si>
  <si>
    <t>日本钢铁巨头为何“闪婚”</t>
  </si>
  <si>
    <t>近一周来，日本产业界一条重大的新闻炒得沸沸扬扬，日本两大钢企新日本制铁公司和住友金属工业公司3日宣布启动合并谈判，争取在明年10月完成合并，届时有望诞生粗钢生产能力世界第二的钢铁集团。根据安排，新日铁和住金将设立“合并研究委员会”，就合并方式、持股比例、公司</t>
  </si>
  <si>
    <t>印度呼应美国向人民币施压</t>
  </si>
  <si>
    <t>据外电报道，继美国财长盖特纳出访巴西呼吁美巴两国联手敦促人民币升值后，印度央行行长苏巴拉奥8日也表达了同样意愿。有分析指出，二十国集团财长和央行行长会议将于本月18日-19日在法国举行，汇率问题可能在上述国家的推动下再次成为焦点。　　　　据印度亚洲通讯社报道?</t>
  </si>
  <si>
    <t>经济文章评审的制度变坏了</t>
  </si>
  <si>
    <t>我不是反对学术文章评审，而是反对起自美国七十年代初期而至今天变本加厉的那种早就变为胡闹的制度。这是灾难性的发展。　　　　1890年，英国的皇家经济学会成立，1891年该学会创办《经济学报》(EconomicJournal)，由马歇尔主编。此后八十年经济学的学报数量增加，但主要还</t>
  </si>
  <si>
    <t>澳工会反倾销可能伤及“中国制造”</t>
  </si>
  <si>
    <t>澳大利亚最大工会组织“澳大利亚工人联合会”(AWU)日前发布公告说，该组织将于2月14日启动名为“别在澳大利亚倾销”的运动，以唤起民众关注，说服政府采取措施，限制相关商品进口，防止“贸易欺诈”。　　　　此举可能把澳大利亚政府置于进退维谷境地：如果不满足工会方面?</t>
  </si>
  <si>
    <t>天灾引发“粮忧”热钱“屯兵”农业</t>
  </si>
  <si>
    <t>联合国粮农组织最新发表的报告指出，全球食品价格指数连续7个月上涨，今年1月全球食品价格指数达231点，创历史新高。　　　　异常天气正在成为引发粮食担忧的一个主要因素。最近数月，全球多地频发暴风雪、洪涝、干旱等自然灾害，严重影响多个农业大国粮食生产。极端天气频</t>
  </si>
  <si>
    <t>美国对中国石油钻杆征收“双反”关税</t>
  </si>
  <si>
    <t>美国国际贸易委员会7日终裁决定对从中国出口到美国的石油钻杆和钻铤征收反倾销和反补贴(“双反”)关税。这是美国近期针对中国钢铁产品的又一起贸易救济案。　　　　国际贸易委员会当天发表声明称，从中国进口的这类产品给美国企业造成威胁和实质伤害。该委员会没有在声明中</t>
  </si>
  <si>
    <t>资金外逃凶猛 埃及镑兑美元跌至6年低点</t>
  </si>
  <si>
    <t>埃及部分银行当地时间6日重新开张，外汇交易再度开放。由于国际投资者对当前埃及局势仍存疑虑，加之还在继续的抗议活动对该国经济造成巨大冲击，埃及本币(埃及镑)重挫，7日甚至跌至5.951埃及镑兑1美元，为近6年来低点。　　　　为避免本币币值骤然下挫造成进口商品价格高企</t>
  </si>
  <si>
    <t>免费冰水配龙虾</t>
  </si>
  <si>
    <t>“我在这里干了快三年了，店里的酒水单始终没有涨过价。”纽约市曼哈顿繁华的时报广场旁一家知名连锁海鲜餐馆“红龙虾”(RedLobster)的服务生丹尼告诉笔者。尽管如此，但丹尼还是抱怨到，这几年，一些用餐者干脆不点葡萄酒，用冰水就着海鲜吃。在美国的餐厅吃饭，冰水往往是?</t>
  </si>
  <si>
    <t>中国商品走俏肯尼亚</t>
  </si>
  <si>
    <t>和大部分撒哈拉以南非洲国家一样，肯尼亚经济结构单一，工业基础薄弱，为发展经济和满足人民消费需求，需要大量进口工业产品和日常消费品。近几年来，随着中非贸易的深化，价廉物美的中国商品源源不断地进入肯尼亚市场，深受肯尼亚人民欢迎。同时，中国商品的产品结构不断升?</t>
  </si>
  <si>
    <t>“达沃斯”破解2011全球经济三悬疑</t>
  </si>
  <si>
    <t>一年一度的世界经济论坛年会1月30日在瑞士阿尔卑斯山区小城达沃斯落下帷幕。今年共有2500多名各界精英与会，其中半数以上来自经贸领域。纵观今年年会，经济复苏、欧元危机和多哈回合谈判等问题备受关注。　　　　主要威胁何在　　　　本次达沃斯论坛可以说是在略显乐观的</t>
  </si>
  <si>
    <t>欧洲央行议息工作“复杂化”</t>
  </si>
  <si>
    <t>1月31日，欧盟统计局公布欧元区1月份通胀率为2.4%，呈加速增长态势，并达到两年来的高点。标准普尔公司近日也提出，在未来的1年半时间内，欧洲经济将呈现“三速”复苏。分析认为，不均衡复苏模式和通胀压力增加将使欧洲央行今年的议息工作“复杂化”。尽管即将在2月3日召开的</t>
  </si>
  <si>
    <t>海尔与霍尼韦尔展开全球战略合作</t>
  </si>
  <si>
    <t>近日，海尔集团在美国与世界500强企业霍尼韦尔公司签署全球战略合作备忘录，双方将协作推动低排放、高能效解决方案的开发和推广。　　　　这一合作备忘录是在美中经贸合作论坛上签署的，也是目前被广泛关注的美中签署的多宗经贸合作协议之一。　　　　根据合作备忘录条款</t>
  </si>
  <si>
    <t>建议我国向IMF提出“净债务率”监管指标</t>
  </si>
  <si>
    <t>农历新年过后，又将迎来上半年的美国汇率报告和中美战略与经济对话对人民币汇率无休止的纠缠，并且美国财长盖特纳还将在G20会议和IMF会议上继续推销其“经常项目顺差占GDP的比重不高于4%”的所谓促进全球再平衡的可量化宏观监管指标。我们预计，这一指标最终可能被IMF所接纳?</t>
  </si>
  <si>
    <t>国家知识产权局披露5起重点督办案件</t>
  </si>
  <si>
    <t>国家知识产权局近日向《经济参考报》记者独家披露了国家知识产权局在打击侵犯知识产权专项行动中督办的5起重点案件详情。其中包括：　　　　“瑞士维氏案”中，上海亿钻五金工具有限公司生产、销售的4个工具类产品侵犯了瑞士维氏公司的3项发明专利权，并在未取得瑞士维氏许</t>
  </si>
  <si>
    <t>美国去年12月份个人消费小幅增长</t>
  </si>
  <si>
    <t>美国商务部1月31日公布的数据显示，2010年12月份美国个人消费开支比前一个月增长0.7%，个人收入微增0.4%，显示出美国经济缓慢复苏的态势。　　　　2010年12月份美国个人消费开支的增速略快于11月份经修正后0.3%的增幅。经济学家表示，12月份属于美国传统节日消费旺季，个人</t>
  </si>
  <si>
    <t>转变经济增长模式：俄罗斯的当务之急</t>
  </si>
  <si>
    <t>转变经济增长模式，这是近些年国人耳熟能详的说法。20世纪90年代，中国领导人就提出了“积极推进经济增长方式从粗放型向集约型的转变”。然而时至今日，中国的经济增长方式还没有得到真正的转变，中国经济要走上新兴工业化道路还有待时日。　　　　有意思的是，中国的近邻?</t>
  </si>
  <si>
    <t>亚行支持私企发展清洁能源</t>
  </si>
  <si>
    <t>亚洲开发银行(亚行)28日召宣布，亚行将为中国一家风力发电公司———中国风电集团有限公司(中国风电)提供总额达2.4亿美元的贷款，支持私营部门参与中国北方风电场项目开发。　　　　亚行私营部门业务局高级投资专家木村寿香表示，“这是亚行为风力发电提供的首个多项目融资</t>
  </si>
  <si>
    <t>学而思总裁离职引发股价大跌</t>
  </si>
  <si>
    <t>在美上市刚3个月的教育机构学而思27日召开新闻发布会，向外界澄清公司创始人兼总裁曹允东离职的相关事宜。曹允东表示，披露离职消息和时间点选择主要是按照美国证券交易委员会(SEC)的要求，但没有想到会引起市场波动。　　　　曹允东说：“对于投资者来说，不要以一天或者?</t>
  </si>
  <si>
    <t>异国他乡寻“年味”</t>
  </si>
  <si>
    <t>兔年春节临近，年味弥漫，而随着中国的日益崛起，中国春节文化早已香飘海外，正如一位法国朋友所言，“在世界的任何角落都能感受到浓郁的年味”。不过，在不同的国度里，年味也有着不同的含义。本报驻外记者将带您感受异国他乡里别样的年味。　　　　韩国　　　　年味就?</t>
  </si>
  <si>
    <t>美国年内加息没戏 美元继续承压</t>
  </si>
  <si>
    <t>美联储周三(当地时间)公布了2011年首次利率决议及政策声明，宣布维持利率不变并保持第二轮量化宽松计划不变。这一决议扑灭了美元年内加息的预期，美联储随后发布的例会声明也措辞温和，分析师认为，美联储温和的言论可能令美元继续承压。而且，由于当日美元指数已跌破去年11?</t>
  </si>
  <si>
    <t>欧盟债务危机缓和内部分歧难消</t>
  </si>
  <si>
    <t>近来，欧盟主权债务危机出现了种种缓和迹象，从本来形势吃紧的葡萄牙顺利发债，到欧元区为救助爱尔兰集资发行的债券大卖，欧盟领导人似乎终于可以松一口气。但是，危机的缓解并没有消除欧盟各国之间的分歧，在是否扩大“欧洲金融稳定工具”以及如何从长远角度应对危机等方面?</t>
  </si>
  <si>
    <t>最热门iPhone游戏出自少年</t>
  </si>
  <si>
    <t>“泡泡球”是眼下最热门的iPhone手机游戏，吸引200万人次免费下载。令人意外的是，这款游戏出自年仅14岁的美国少年罗伯特·内伊之手。　　　　打败专家　　　　“泡泡球”任务是克服重重障碍，利用工具和“能量”把一个小球送到目的地，共21关。游戏涉及物理原理，考验玩</t>
  </si>
  <si>
    <t>粮农组织呼吁各国勿限粮食出口</t>
  </si>
  <si>
    <t>联合国粮食及农业组织26日呼吁各国政府不要在粮价上涨时限制粮食出口，警告这一做法可能推高全球粮价。　　　　粮农组织当天更新针对受高粮价影响国家和地区的政策指南，建议各国政府面临粮价上涨时，谨慎考虑应对措施。粮农组织政策及计划制定支持部门负责人理查德·希纳?</t>
  </si>
  <si>
    <t>英男子为奶瓶“狂”</t>
  </si>
  <si>
    <t>英国男子保罗·卢克有一个特殊爱好———收集牛奶瓶。从1987年收集第一个牛奶瓶至今，他已经攒了上万个奶瓶。　　　　兴趣未减　　　　卢克现年33岁，与妻子、女儿居住在埃塞克斯郡斯坦福勒霍普，是当地一家乳制品企业的销售员。　　　　1987年，年仅9岁的卢克为送奶工</t>
  </si>
  <si>
    <t>日本去年贸易顺差激增</t>
  </si>
  <si>
    <t>日本财务省27日公布的初步统计数据显示，2010年日本贸易顺差总额达6.7702万亿日元，是上一年的2.5倍，贸易顺差连续第二年扩大。　　　　数据显示，2010年日本出口总额为67.4059万亿日元，比上一年增长24.4%，是3年来首次出现增长；进口总额为60.6357万亿日元，增长17.7%。?</t>
  </si>
  <si>
    <t>日本年金制度发生动摇</t>
  </si>
  <si>
    <t>据《日本经济新闻》25日报道，日本厚生劳动省近日调查结果表明，日本公共年金支付总额2009年度突破50万亿日元，为503000亿日元，比上一年增加2.3%，与10年前的1999年度相比增加30%以上，与名义国内生产总值(GDP)之比超过10%。领取年金者上升到3703万人，平均1.8个交纳年金者?</t>
  </si>
  <si>
    <t>奥巴马国情咨文“说法”多“办法”少</t>
  </si>
  <si>
    <t>美国总统奥巴马25日在国会发表国情咨文演讲，呼吁促进就业和美国的经济竞争力，鼓舞民众“赢得未来”，并制定了他称作“竞争力议程”的计划，该计划包括增加教育和基础设施支出，并在未来10年内将联邦财政赤字至少削减4000亿美元。然而，分析人士认为，最新的国情咨文没有更?</t>
  </si>
  <si>
    <t>摩托罗拉被禁止透露华为保密信息</t>
  </si>
  <si>
    <t>美国伊利诺伊州北区地方法院当地时间1月26日对外透露，已支持华为的诉讼请求，并于当地时间1月24日庭审后，命令摩托罗拉及其两个分别上市的子公司摩托罗拉解决方案和摩托罗拉移动“不得向被告诺基亚西门子网络(以下简称诺西)透露原告的任何保密信息”。　　　　对此结果，?</t>
  </si>
  <si>
    <t>美消费者信心指数升至8个月新高</t>
  </si>
  <si>
    <t>美国世界大型企业联合会25日发布的数据显示，1月份美国消费者信心指数大幅上升，显示出美国消费者对经济形势的看法趋向乐观。　　　　基于对美国5000户家庭的调查数据显示，1月份美国消费者信心指数上升至60.6，远高于去年12月修正后的53.3，为8个月以来的最高水平。同期，</t>
  </si>
  <si>
    <t>竞标美国高铁  中国企业胜算颇大</t>
  </si>
  <si>
    <t>近日，中国铁道部与美国通用电气公司(GE)在美国首都华盛顿签署高速铁路动车组技术转让备忘录，双方达成一致，支持中国南车与GE在美成立合资公司，将中国的高速铁路技术带到美国。还有消息称，中国铁建有意想参与包括加州高铁项目在内的多条美国高铁建设，并已派员赴美实地勘?</t>
  </si>
  <si>
    <t>去年四季度英国经济环比下降</t>
  </si>
  <si>
    <t>英国国家统计局25日公布的初步统计报告显示，去年第四季度英国经济比前一季度下降0.5%，与前年同期相比则增长1.7%。　　　　英国国家统计局的报告说，去年12月份的严寒和暴雪等恶劣天气也是导致该季度经济下降的重要因素之一。英国政府当天对去年第四季度的经济数据表示了?</t>
  </si>
  <si>
    <t>供给增加  国际油价连跌6日</t>
  </si>
  <si>
    <t>受美国原油库存预期连续第二周增加和欧佩克成员国增产表态的影响，国际油价跌势进入第6日。　　　　纽约商品交易所3月交货的轻质原油期货价格，25日在亚洲市场早盘下跌0.34美元，至87.53美元/桶。该合约24日曾触及87.27美元，距离1月7日创出的年内低点87.25美元仅咫尺之遥?</t>
  </si>
  <si>
    <t>IMF调高全球经济增长预期</t>
  </si>
  <si>
    <t>国际货币基金组织(IMF)25日发布关于最新全球经济展望，上调了全球经济增长预期。　　　　IMF在更新后的《全球经济展望报告》中称，今年全球经济可能增长4.4%，略高于其10月预估的增长4.2%。IMF称2012年全球经济预计增长4.5%。　　　　IMF上调2011年发达国家经济增长率预?</t>
  </si>
  <si>
    <t>如果AMD在中国起诉英特尔</t>
  </si>
  <si>
    <t>据国外媒体近期报道，欧盟委员会于1月6日在其网站上发表声明表示，针对全球最大的芯片制造商英特尔公司斥资76.8亿美元收购杀毒软件公司McAfee的收购提议，欧盟委员会将于1月26日公布反垄断审查结果。这宗号称英特尔史上最大的并购交易，从一开就受到了欧盟委员会的关注。</t>
  </si>
  <si>
    <t>对冲基金转向做多欧元走高</t>
  </si>
  <si>
    <t>欧元兑美元汇率24日升至2个月来新高，至1.3648。路透社报道，由于亚洲国家央行的支撑和欧债危机的减弱，使欧元在过去两周涨幅已达6%。同时，对冲基金押注欧元走向的转变也是欧元走高的一大直接原因。　　　　对冲基金转向做多　　　　经常被用作对冲基金活动衡量指标的芝</t>
  </si>
  <si>
    <t>谷歌上市曾遭华尔街暗算</t>
  </si>
  <si>
    <t>只说谷歌上市的插曲。继互联网股破灭之后，谷歌是美国上市的最大的互联网公司，全世界都注视着这一重大事件。2004年4月，谷歌雇用摩根士丹利和我所在的瑞士信贷作为主要承销商。到5月中旬，谷歌又向美国证券交易委员会(SEC)发出文件修正案，新增加29家金融机构作为它的分销商</t>
  </si>
  <si>
    <t>日本将改革社会保障制度</t>
  </si>
  <si>
    <t>日本首相菅直人24日在国会众议院全体会议上发表施政演说。他表示将致力于改革社会保障体制和税制，并重申了日美同盟关系的重要性。　　　　菅直人说，为了建设“将不幸减少到最小程度的社会”，日本需要充分提供社会保障；而为了让国民生活安心，在某种程度上增加国民负担?</t>
  </si>
  <si>
    <t>达沃斯论坛探求经济治理新体系</t>
  </si>
  <si>
    <t>即将于26日至30日在瑞士达沃斯召开的第41届世界经济论坛年会，将以“新形势下的共同准则”为主题。外媒指出，在欧债危机余波未消和世界发展重心向中印等新兴经济体倾斜的新形势下，这一有着“当年全球经济风向标”之称的经济界顶级盛会将探讨如何改变现行经济治理体系和决策?</t>
  </si>
  <si>
    <t>从底特律车展看中国“蛋糕”</t>
  </si>
  <si>
    <t>美国通用汽车公司副总裁斯蒂夫·卡莱尔用汉语“你好”和笔者打招呼；在新闻媒体工作中心，笔者听到前后左右都有各国记者在聊中国；在会展中心，来自五湖四海的人大多愿意驻足听笔者讲中国故事，眼中流露出惊叹和向往。　　　　这是笔者在2011年底特律北美国际汽车展上的切?</t>
  </si>
  <si>
    <t>澳大利亚PPI涨幅低于预期</t>
  </si>
  <si>
    <t>澳大利亚统计局24日说，澳大利亚去年第四季度生产者价格指数(PPI)环比增长0.1%，明显低于经济学家先前预期的0.7%。　　　　数据显示，澳大利亚去年第四季度生产者价格指数同比增长2.7%，增幅也小于经济学家预期的3.2%。　　　　一些经济学家认为，这可能预示着，去年第四</t>
  </si>
  <si>
    <t>澳大利亚天灾背后反思“人祸”</t>
  </si>
  <si>
    <t>澳大利亚东部的洪灾仍在肆虐，冲毁道路、桥梁、淹没社区、矿山，迫使大约20万民众疏散。一些经济学家估计灾后重建将耗资200亿澳元(1美元约合1.01澳元)。　　　　目前，重灾区昆士兰州当局正调查洪灾中的“人祸”因素，包括信件和往年水文报告等重要资料日前相继曝光。分析?</t>
  </si>
  <si>
    <t>投资与外交中国购债的双重意义</t>
  </si>
  <si>
    <t>在中国国务院副总理李克强不久前的访欧之行中，西方媒体一个关注的焦点，就是中国政府承诺，作为一个负责任的长期投资者，中国将继续增持西班牙国债。无独有偶，在2008年秋金融海啸席卷华尔街之时，中方也曾表示，不会抛售陷入困境的两房(即美国房贷巨头房利美和房地美)债券?</t>
  </si>
  <si>
    <t>李稻葵：用西方逻辑阐述中国道理</t>
  </si>
  <si>
    <t>作为学者，他用清晰说模糊，把信息普及给百姓听。作为央行货币政策委员会委员，他用学识谏国策，把问题与解决之道直言给政府听。作为经济学家，他用英语说中文，把被误读的中国正解给世界听。　　新年伊始，清华大学经济管理学院，李稻葵教授开始了2011年第一场讲座：世界?</t>
  </si>
  <si>
    <t>张传卫：“能动”的“追风者”</t>
  </si>
  <si>
    <t>他是一个‘追风’的长跑运动员，得技术而得天下，打响风电企业美国上市第一枪；他是一个新能源信仰的布道者，以海上陆上之风电三峡，挥斥着人类愿景。　　在中山市火炬高科技产业开发区内，张传卫手书的“地蕴天成能动无限”八个大字清晰地铭刻在公司门口的巨石上，昭示一?</t>
  </si>
  <si>
    <t>徐和谊：行者有其车</t>
  </si>
  <si>
    <t>9年前，他从野草中出发，组装一支‘多国品牌部队’，实现了一个企业的轿车梦；9年后，君子自强不息，他从外国汽车品牌丛林中驰骋出一条‘北京牌’的中国路，向世界500强进发。　　　在2010CCTV中国经济年度人物评选特别节目中，北汽集团董事长徐和谊带了一个移动硬盘：价值</t>
  </si>
  <si>
    <t>油价疯狂涨经济陷两难</t>
  </si>
  <si>
    <t>英国经济走出衰退低谷步入复苏之路的一年时间里，由于种种原因，特别是政府大幅度削减开支计划的影响，复苏步伐真可谓步履蹒跚，动力不足。而近来国际石油价格的持续飙升，对英国经济复苏虽还不能说是雪上加霜，但说它为经济前景蒙上新的阴影则一点也不过分。　　　　从国?</t>
  </si>
  <si>
    <t>运输企业成本三分之一是交“买路钱”</t>
  </si>
  <si>
    <t>国家发改委经济贸易司副司长耿书海在2011年中国物流发展报告会上指出，中国各种过路过桥费已高达运输企业成本的1/3，高速公路收费标准过高，应大幅降低。　　　　耿书海向《经济参考报》记者表示，我国的高速公路收费标准过高与建设体制有关。西方一些国家的高速公路都是由</t>
  </si>
  <si>
    <t>土地使用权和房屋产权应高度一致</t>
  </si>
  <si>
    <t>据《东方早报》报道，针对近期多幅上海地块出让须知中提及的“土地期满后的处理方法”引发的关注，上海市规划和国土资源局日前在其官方网站作出回应：规定仅针对土地出让期满，因公共利益需要续期申请未获批准的地块。　　　　所谓公共利益如何界定，申请是否获得批准依照?</t>
  </si>
  <si>
    <t>与谢野馨入阁难挽日本经济困局</t>
  </si>
  <si>
    <t>重新组阁是日本首相改变被动局面的杀手锏之一。菅直人日前改组内阁最引人注目、同时也最具争议的是，起用与谢野馨任经济财政大臣，并委以税制和社会保障制度改革的重任，原因是与谢野馨是党外人士，税制和社会保障制度改革本身也存在很多争议。　　　　与谢野馨本来是民主?</t>
  </si>
  <si>
    <t>东盟——中国经贸促进会成立</t>
  </si>
  <si>
    <t>东盟-中国经济贸易促进会18日在曼谷成立，由该协会发起的首届东盟-中国经贸合作论坛也于当天举行。　　　　东盟-中国经贸促进会会长杨芳舒在成立仪式上说，该协会由泰国、中国以及东盟国家社会与商界人士联合筹建并在泰国商务部登记注册，总部设在曼谷。协会旨在促进和加深</t>
  </si>
  <si>
    <t>联合国报告：人民币实际有效汇率未被低估</t>
  </si>
  <si>
    <t>联合国贸易和发展会议(贸发会议)18日在日内瓦公布最新研究报告指出，以单位劳动成本计，人民币实际有效汇率自1995年来累计升值近一倍，当前币值未被低估。　　　　这份名为《全球不平衡———关键是汇率计算方法选择》的报告认为，由于外资企业出口占中国整体出口份额的60%</t>
  </si>
  <si>
    <t>站在“全球第一”的新起点上</t>
  </si>
  <si>
    <t>2010年又是中国汽车产业无限风光的一年，产销双超1800万辆的成绩，不仅使其稳坐汽车产销第一大国的位子，还打破美国1700多万辆的最高产销纪录，成为汽车工业历史上名副其实的全球第一。　　　　未来几年，随着中国汽车发展逐渐步入平缓增长期，这一数字还会继续攀升。不出?</t>
  </si>
  <si>
    <t>比利时调查苹果滥用市场支配地位</t>
  </si>
  <si>
    <t>继微软公司、谷歌公司遭遇反垄断调查之后，苹果公司将因可能涉嫌滥用市场支配地位而在比利时遭到调查。据称，苹果公司将不再允许多家欧洲报刊的订阅者通过下载内容至iPad的方式阅读已付费的信息内容，而只能通过iTunesStore订阅。此前，这些媒体可以通过自己的服务器向其客户</t>
  </si>
  <si>
    <t>车模眼中的底特律和车展</t>
  </si>
  <si>
    <t>试驾和拍车模是很多人看车展时的必选题。但不要忘记，风采迷人的车模阅人无数，轻倚名车的她们身处城市和车展坐标的交集，自然也拥有观察车展和城市的别致角度。　　　　2011年北美国际汽车展上福特展台的车模塔娅是土生土长的底特律人，多年为福特等汽车公司做车模的她发?</t>
  </si>
  <si>
    <t>欧佩克上调世界原油需求</t>
  </si>
  <si>
    <t>石油输出国组织(欧佩克)17日在维也纳发表的月度报告认为，由于世界经济持续复苏，特别是新兴工业地区需求迅速增长，2011年世界原油需求平均每天将达8732万桶。这一预测比去年12月份的估计上调了21万桶。　　　　报告认为，2011年经济合作与发展组织国家的原油需求将占世界?</t>
  </si>
  <si>
    <t>我去年11月减持美债112亿</t>
  </si>
  <si>
    <t>美国财政部18日公布的T IC报告显示，2010年11月份我国净减持美国国债112亿美元，为五个月以来首次减持。截至去年11月末，我国持有美国国债余额为8956亿美元，仍列各大债主之首。　　　　值得注意的是，此前的四个月，中国一直在连续增持美国国债。其中，7月增持30亿美元，8</t>
  </si>
  <si>
    <t>欧元集团主席：欧元区探讨提高救助基金借贷能力</t>
  </si>
  <si>
    <t>欧元集团主席、卢森堡首相容克17日表示，欧元区正在研究提高临时救助基金借贷能力事宜，但具体方案有待进一步讨论。　　　　容克在参加欧元区财长会议后举行的记者会上表示，欧元区成员国去年5月设立了4400亿欧元的“欧洲金融稳定工具”，为陷入债务危机的国家提供援助，欧</t>
  </si>
  <si>
    <t>欧元区纾困基金增权易扩容难</t>
  </si>
  <si>
    <t>欧元区财长17日在布鲁塞尔召开会议，讨论是否提高7500亿欧元的纾困基金规模，并赋予该基金更大权限，使其得以在公开市场上购买各国公债，进而减轻公债价格下跌和融资成本升高的压力。然而，德国财长朔伊布勒当天对德国国营电台的一番讲话表明，此次会议很难就扩大紧急援助资?</t>
  </si>
  <si>
    <t>美国经济开门见喜坎坷在后</t>
  </si>
  <si>
    <t>美国银行家协会近日发表预测认为，美国经济今年将持续增长。这是业界对美国经济走势做出的又一乐观判断。新年伊始，美国多个经济指标均展现出新的气象，可谓开局良好。在此背景下，经济界近期也纷纷表示看好今年美国经济走势。　　　　然而，美好的开端是否真的意味着美国?</t>
  </si>
  <si>
    <t>日本就业结构变化的启示</t>
  </si>
  <si>
    <t>随着时间的推移，日本人口就业结构发生重大变化，从中可以看到某种必然性，也可发现日本存在的不足，成功的经验和失败教训对正在腾飞的中国都是有益的启迪。　　　　日本真正的战后复兴开始于1950年，当时就业人口为4000万人，从事第一产业的农林业和渔业的人口为1500万人?</t>
  </si>
  <si>
    <t>金融危机催生商场“父子兵”</t>
  </si>
  <si>
    <t>美国经济不景气让不少家长失业，也让很多子女难觅称心工作。两代人合作经商的情形越来越多。从亲子关系变为商业伙伴，建立在血缘基础上的理解与信任让他们如鱼得水，而家庭矛盾也让他们的合作面临新挑战。　　　　母女联手：亲情“加油站”　　　　特丽什·库珀在一家电?</t>
  </si>
  <si>
    <t>非典型名人的趣生活</t>
  </si>
  <si>
    <t>她是街拍红人，在时尚界可谓标新立异；他被誉为英国最成功的涂鸦大师，作品风靡全球，却不以真实姓名示人。    透过他们丰富而多彩的生活，我们不难感受到一种关乎时尚与艺术的新态度。    “时尚女魔头”变身街拍红人    □刘锴    日本版《时装》杂志特约编辑、网?</t>
  </si>
  <si>
    <t>丹麦“蚂蚁牧场”探秘</t>
  </si>
  <si>
    <t>尽管人们很早就知道小小蚂蚁具有害虫防控功能，但如何利用这种功能并创造可观的经济收入并非易事。日前，丹麦奥胡斯大学的“蚂蚁牧场”实验室在织叶蚁的研究上取得了重大进展，并且即将在非洲的坦桑尼亚和贝宁开展全新的科研应用项目。　　　　小蚂蚁防治虫害很给力　　?</t>
  </si>
  <si>
    <t>民建中央：家族企业多富不过三代</t>
  </si>
  <si>
    <t>一份民建中央公布的专题调研报告显示，我国中小企业目前平均寿命仅3.7年，其中八成以上是家族企业。　　　　这份名为《后危机时代中小企业转型与创新的调查与建议》的报告指出，与上述相比，目前欧洲和日本企业平均寿命为12.5年、美国企业8.2年、德国500家优秀中小企业有1/</t>
  </si>
  <si>
    <t>英国小学生“玩”出大论文</t>
  </si>
  <si>
    <t>英国一群小学生创造了一项科研“传奇”。他们对大黄蜂的觅食行为进行实验观察，并在英国皇家学会主办的《生物学通讯》上发表了研究论文。    “据我们所知，这是高质量学术刊物首次发表小学生的论文”，英国皇家学会的发言人告诉记者。皇家学会是具有数百年历史的久负盛名?</t>
  </si>
  <si>
    <t>国家文物局：文物网购网拍亟待监管</t>
  </si>
  <si>
    <t>国家文物局文物拍卖管理座谈会日前在南京举行，文物网购和网上文物拍卖成为关注焦点。与会专家认为，如今文物网购与网拍成为新现象，但对其监管却基本处于空白状态。　　　　2005年，57岁的苏瑞和妻子何叶在eBay网上注册，把淘到的古玩等拍照扫描后，上网向美国、加拿大等?</t>
  </si>
  <si>
    <t>复星国际联手保德信成立股权投资基金</t>
  </si>
  <si>
    <t>记者13日获悉，复星国际与美国保德信金融集团(下称“保德信”)在京联合宣布，将共同筹建一支6亿美元的股权投资基金。　　　　根据双方签署的备忘录，保德信将出资5亿美元担任此基金的有限合伙人，复星国际将出资1亿美元并担任负责投资决策的普通合伙人。如果具体的合作细节</t>
  </si>
  <si>
    <t>高盛未将客户利益放在首位</t>
  </si>
  <si>
    <t>英国《金融时报》11日援引知情人称，美国参议院调查委员会近日将在一份报告中指责华尔街投行高盛与客户的交易中可能存在利益冲突。金融危机后高盛屡遭美国监管部门调查，这份报告可能会再次将高盛推向风口浪尖。　　　　同日，高盛公布了一份报告，表示将对投资者披露更多?</t>
  </si>
  <si>
    <t>山海岛泉河  激活旅游业</t>
  </si>
  <si>
    <t>从2008年至今，牟平的城市规划等于前20年所有规划的总和。而规划并不是小打小闹，2009年，牟平区用于编制各类规划的投入达6000多万元。加拿大筑原设计事务所、中国规划设计院等国内外顶级团队相继牵手牟平，中国北方国家海岸、威尼斯水城等一批高端规划应运而生。在打造山东?</t>
  </si>
  <si>
    <t>2011年全球或将打响惨烈资源争夺战</t>
  </si>
  <si>
    <t>进入2011年，纽约市场油价再次逼近每桶90美元，金价也一度刷新历史最高纪录。这些表现或许正预示着一个新的大潮的来临：2011年，更惨烈的全球资源争夺战难以避免，中国企业海外拓展可能面临欧美政府和企业巨头的强有力的阻击。　　　　美国高盛公司最近的一份报告就认为，?</t>
  </si>
  <si>
    <t>美输油管道关闭引发国际油价大幅上涨</t>
  </si>
  <si>
    <t>受美国阿拉斯加输油管道因泄漏关闭引发供应担忧的影响，纽约和伦敦市场国际油价10日均大幅上涨。到收盘时，纽约商品交易所明年2月交货的轻质原油期货价格上涨1.22美元，收于每桶89.25美元。伦敦市场北海布伦特原油期货价格大涨2.43美元，收于每桶95.70美元。　　　　美国阿</t>
  </si>
  <si>
    <t>俄罗斯：以五大创新促经济转型</t>
  </si>
  <si>
    <t>全球经济危机使俄罗斯资源型经济模式的弊端暴露无遗，令俄领导层充分认识到转变经济模式的必要性和迫切性。2010年，俄政府在刺激经济复苏的同时，推动经济现代化、发展创新型经济的步伐明显加快。俄版“硅谷”问世，五大创新经济领域的诸多规划和项目出台或开始实施，经济外?</t>
  </si>
  <si>
    <t>CES尽显“中国创造”力量</t>
  </si>
  <si>
    <t>刚刚结束不久的第44届美国拉斯维加斯国际消费电子展(CES)共吸引了来自全球110多个国家及地区的全球消费电子企业参展，其中以海尔彩电为代表的中国企业成为不可或缺的重要力量，开始受到美国各界的广泛关注。　　　　CEA“中国力量”增色CES　　　　无线和宽带技术的广泛?</t>
  </si>
  <si>
    <t>牙医布莱顿的新年愿景</t>
  </si>
  <si>
    <t>在美国，关于牙医和律师的笑话最多。不过，这倒是从侧面折射出这两个群体高收入和高社会地位的成功现实，美国牙医的年均收入在13万美元以上，这一收入大约比商场销售员的平均收入高出4倍，比行政秘书的平均收入也要超出3倍有余。最近，笔者和纽约州首府奥尔巴尼附近的牙医布?</t>
  </si>
  <si>
    <t>罗清启：全球家电呈现“中升西降”格局</t>
  </si>
  <si>
    <t>持续4天的第44届国际消费电子展(CES)已于当地时间1月9日在美国拉斯维加斯落下帷幕。本届CES展现出了那些新特点？中国企业的表现如何？《经济参考报》记者就一些热门话题采访了产业问题专家、帕勒咨询资深董事罗清启先生。　　　　《经济参考报》：从刚刚结束的2011CES上可?</t>
  </si>
  <si>
    <t>加州新紧缩预算案或仅是“止痛剂”</t>
  </si>
  <si>
    <t>美国经济重镇之一的加利福尼亚州新州长杰里·布朗定于10日提交该州新财年的财政预算案。债券持有机构却怀疑该新方案能否根本解决财政亏空问题，摆脱破产压力。加上美联储方面日前表示不会援助深陷财政困境的地方政府，令地方政府面临空前危机。　　　　布朗定于10日提交加?</t>
  </si>
  <si>
    <t>美国对华出口的“反比较优势之谜”</t>
  </si>
  <si>
    <t>对于中美贸易失衡，国外政界和学术界都不约而同地将焦点聚集在人民币汇率上。而清华大学国际经济研究中心调查显示，对美出口占中国对世界出口总额的比重从1989年的6.6%增长到2008年的17.7%。但令人惊讶的是，尽管美对华出口总额在不断上升，但其占中国进口总额的比重却从1989</t>
  </si>
  <si>
    <t>日本财政状况持续恶化</t>
  </si>
  <si>
    <t>由于日本长期陷于经济低迷的困境，政府不得不采取刺激经济的政策；人口老龄化日趋严重，社会保障费用不得不逐年增加；金融危机之后，为促进经济增长，政府被迫加大财政支持力度。然而，钱从哪里来呢？答案是发行国债。　　　　在过去的20年，日本国债平均每年以40万亿日元?</t>
  </si>
  <si>
    <t>专家称今年中国经济首要任务是抑通胀</t>
  </si>
  <si>
    <t>由新华社《经济参考报》社和中国国际经济技术交流中心共同主办的“2010中国经济发展论坛”9日在北京人民大会堂举行。此次论坛得到联合国开发计划署的指导与支持，主题是“国际经济新格局下的中国发展方式转变”。　　　　国家发改委宏观经济研究院研究员常修泽在论坛上表示</t>
  </si>
  <si>
    <t>国际油价创27个月新高</t>
  </si>
  <si>
    <t>国际油价在新年首个交易日实现“开门红”，1月3日，纽约油价达到每桶91.55美元，创下27个月最高点。但之后国际油价就开始一轮震荡下跌行情，7日纽约市场油价收于每桶88.03美元，相较去年最后一个交易日收盘价下跌3.7%。分析人士称，美国经济数据低于市场预期、美元汇率上涨以</t>
  </si>
  <si>
    <t>“量化宽松”政策下的通胀率合理预期</t>
  </si>
  <si>
    <t>●美国“量化宽松”政策意味着全球金融市场将在相当长的时期内维持低利率。低利率政策只有在美国国内通胀率明显上升时才会改变。　　　　●新兴市场国家如果愿意让其货币升值则可以部分冲销其结构性通胀；如果新兴市场国家希望维持汇率稳定，就必须接受较高的结构性通胀。$</t>
  </si>
  <si>
    <t>“熊猫快餐”的成长秘诀</t>
  </si>
  <si>
    <t>熊猫餐饮集团是一家经营美式中餐的快餐连锁店，经过30多年扩张兼并，已成为美国颇具影响力的中餐品牌。它独特的企业文化和标准化经营理念，是飞速发展的动力之源。　　　　个人完善·企业成长　　　　熊猫餐饮集团在美国拥有1350家连锁店，眼下年营业额约14亿美元。创始?</t>
  </si>
  <si>
    <t>解读丹麦式时尚</t>
  </si>
  <si>
    <t>丹麦不仅是一个盛产童话的王国，同时也是全球时尚设计和创意产业的领先者，拥有众多世界知名时尚品牌和设计大师。如今，丹麦时尚行业正在经历前所未有的蓬勃发展，尤其是层出不穷的优秀设计师，为丹麦时装设计行业注入了源源不断的新鲜血液和发展动力。　　　　本报驻哥本?</t>
  </si>
  <si>
    <t>英影迷建成最大电影数据库</t>
  </si>
  <si>
    <t>将爱好变成事业可以说是一件幸福的事。英国人科林·尼达姆痴迷看电影，他一年最多看千余部，并顺手将相关信息做成“互联网电影数据库”(IMDb)。　　　　这个网站如今是世界最大的电影数据库，进入“全球最受欢迎网站”行列。　　　　“互联网电影数据库”现阶段拥有超过3</t>
  </si>
  <si>
    <t>深海石油钻探须防再次泄漏风险</t>
  </si>
  <si>
    <t>据外媒报道，负责调查墨西哥湾漏油事件的美国白宫相关委员会5日表示，已经作出关于墨西哥湾漏油事故的最终报告。报告认为，英国石油公司(BP)及其合作伙伴所采取的一系列削减时间和成本的措施最终导致了灾难的发生；如果不对相关产业进行重大改革，类似悲剧可能再次上演。有分</t>
  </si>
  <si>
    <t>私募如日中天  公募一败涂地</t>
  </si>
  <si>
    <t>2010基金业公、私之战已经落幕，私募大获全胜，公募则一败涂地。　　　　来自研究机构的最新数据显示，2010年，无论是业绩表现还是市场的规模扩张，公募基金在和私募的对决中均“完败”，私募“咄咄逼人”的态势正使得公募基金业的变革愈发迫切。　　　　好买基金研究显?</t>
  </si>
  <si>
    <t>“脸谱”创始人当选《时代》“年度人物”</t>
  </si>
  <si>
    <t>美国知名社交网站“脸谱”创始人兼首席执行官马克·扎克伯格去年底获评美国《时代》周刊2010“年度人物”。　　　　这家刊物给出的理由是，“脸谱”网站打破传统沟通方式，为公众生活方式带来变革。不过，扎克伯格当选招致不少质疑，当天引发抗议活动。　　　　《时代》?</t>
  </si>
  <si>
    <t>未来冰箱什么样</t>
  </si>
  <si>
    <t>能够根据库存食材推荐食谱，按需订购食品，帮助减少浪费，自动清洁……英国研究人员正在研发一款智能冰箱，为忙碌的现代人提供一些便利。　　　　减少浪费　　　　中兰开夏大学和网络超市Ocado研究人员正在联合研发智能冰箱。按照研究人员的设想，冰箱上下两个门具有超声</t>
  </si>
  <si>
    <t>梦醒时分：亚洲“人才回流”的中国机会</t>
  </si>
  <si>
    <t>历史经验表明，世界强国在崛起过程中，不仅高度重视本国的人才培养，也十分注重网罗世界范围内的优秀人才。当前，全球人才流动出现了一些新特征，曾经是人才主要输出地的亚洲地区已出现“人才回流”，而人才主要接受地的美国则出现历史上第一次“人才逆流”。专家建议，我国?</t>
  </si>
  <si>
    <t>共和党掌众院  奥巴马经济政策受阻</t>
  </si>
  <si>
    <t>美国新一届国会于当地时间5日正式开始工作。重新掌握众议院控制权的共和党提出，要把削减财政赤字、缩减政府规模和废除医疗改革法案等作为主要议程，并已将12日定为投票废除医改法案的日子。分析人士预计，新国会上任之后，华盛顿将上演新的政治经济博弈，奥巴马的跛脚鸭政府</t>
  </si>
  <si>
    <t>澳大利亚洪灾牵动经济神经</t>
  </si>
  <si>
    <t>数月来，澳大利亚东部遭受连续降雨和洪涝灾害，给当地农业、矿业和保险业等造成严重损失。气象部门预报，阴雨天气可能从夏季持续秋天，因此洪灾造成的危机可能远未结束。　　　　在洪水肆虐，澳大利亚政府投入巨资实施救灾之际，人们开始评估，这场半个世纪一遇的洪灾将给?</t>
  </si>
  <si>
    <t>美国石油协会：美能源业面临三大挑战</t>
  </si>
  <si>
    <t>美国石油协会1月4日在首都华盛顿发布的《美国能源状况》报告认为，美国能源业面临技术革新、能源多样化以及提高能源效率三大挑战。　　　　报告说，美国石油和天然气行业一直致力于为美国消费者和企业提供可靠的、可承受的能源供应。这些行业发展中所使用的先进技术已极大?</t>
  </si>
  <si>
    <t>美联储会议纪要：美国经济以温和步伐复苏</t>
  </si>
  <si>
    <t>与近期发布的一些经济数据调门一致，美国联邦储备委员会4日公布的最近一次利率决策会议纪要显示，美国经济复苏步伐加快，但复苏面临的下行风险依然令形势不容乐观。　　　　根据当天公布的美联储货币政策决策机构———联邦公开市场委员会2010年12月14日例会的会议纪要，美</t>
  </si>
  <si>
    <t>爱尔兰去年存款流失逾700亿欧元</t>
  </si>
  <si>
    <t>爱尔兰银行业过去一年“失血”严重，由于个人储户和公司大幅取出存款，大约700亿欧元的存款额从银行系统流出。　　　　爱尔兰中央银行日前公布的数据描绘出该国存款出逃的现状：从2010年年初至11月底的时间里，695亿欧元的存款从银行系统流出，加上2010年最后一个月的流出?</t>
  </si>
  <si>
    <t>美汽车业延续强劲复苏势头</t>
  </si>
  <si>
    <t>美国本土三大汽车公司通用、福特和克莱斯勒4日发布的报告显示，2010年12月份及全年三家公司在美国市场销量均实现大幅增长。分析认为，初步数据显示，去年12月份汽车销售年率回升至1300万辆以上，美国汽车销售2011年或将继续维持涨势。　　　　2010年美国轿车及卡车产量预计</t>
  </si>
  <si>
    <t>欧元区去年10月工业订单环比回升1.4%</t>
  </si>
  <si>
    <t>欧盟统计局5日公布的数据显示，欧元区工业订单继去年9月份环比大幅下滑后，10月份环比回升1.4%，同比增长14.8%。　　　　如果将波动性较大的船舶、铁路和航空设备订单排除在外，欧元区去年10月份工业订单环比增长0.9%。修正后的数据显示，去年9月份，欧元区工业订单环比下?</t>
  </si>
  <si>
    <t>从凯琳的圣诞礼物看“中国制造”</t>
  </si>
  <si>
    <t>圣诞清晨，在美国俄亥俄州一个白雪皑皑的农场，9岁的凯琳迫不及待地向笔者展示她刚收到的圣诞礼物：外婆送的新帽子——中国造；外公送的围巾——中国造；奶奶送的梳子和发卡——中国造；爸爸送的新棉拖鞋——中国造；妈妈送的牛仔裤——中国造。“难道还有什么不是中国造的吗</t>
  </si>
  <si>
    <t>机构预测今后5年印度GDP年均增长8.4%</t>
  </si>
  <si>
    <t>印度主要评级和研究机构印度信贷评定与投资服务公司4日发布研究报告说，强劲的内需将推动印度经济在今后5年实现年均增长8.4%。　　　　报告显示，中产阶级家庭可支配收入的提高将推动对汽车、家电、酒店、餐馆和旅游业的需求，个人理财、资产管理和保险等金融服务也将显著?</t>
  </si>
  <si>
    <t>美建筑开支增长0.4%</t>
  </si>
  <si>
    <t>美国商务部3日公布的数据显示，受到居民住房和政府建筑项目增长的推动，2010年11月美国建筑开支较前一个月增长0.4%。　　　　11月份美国建筑开支经季节调整按年率计算为8102亿美元，略高于10月份修正后的8067亿美元，但该数据同比仍下降6%。　　　　美国私人建筑开支11月</t>
  </si>
  <si>
    <t>低粮价战略需要调整</t>
  </si>
  <si>
    <t>展望2011年，全球与我国的粮食供给紧张依旧、压力更大，人类如何养活自己依然是一个热点话题。　　　　联合国粮农组织近期对2011年粮食价格的预测是继续高涨，并呼吁各国粮食安全危机有可能再次发生。　　　　全球去年粮食供给一直不平坦，先是因黑海地区大旱小麦减产，?</t>
  </si>
  <si>
    <t>美银将回购28亿美元“两房”贷款</t>
  </si>
  <si>
    <t>据国外媒体报道，美国银行3日同意向房利美和房地美(简称“两房”)这两家举步维艰的住房抵押贷款公司支付28亿美元，用于回购住房抵押贷款。根据和解协议，美银将向房地美支付12.8亿美元，并向房利美支付15.2亿美元。　　　　这是美国银行为应对住房市场出现危机采取的最新行</t>
  </si>
  <si>
    <t>外资零售巨头加速布局中国市场</t>
  </si>
  <si>
    <t>日本第二大便利店运营商罗森CEO刚史(TakeshiNiinami)近日在东京重申，罗森已大幅调高在中国的扩张目标，计划到2020年新开各类便利店10000家。目前，罗森在重庆和上海分别拥有3家和330家门店。　　　　除罗森外，TSECO、7-11、沃尔玛、家乐福等国外零售巨头也纷纷瞄准了中国</t>
  </si>
  <si>
    <t>欧股“开门红”欧债危机阴影未消</t>
  </si>
  <si>
    <t>新年伊始，欧洲股市出现“开门红”。但在开年喜景的背后，欧洲经济依然面临诸多风险。　　　　2011年首个交易日，欧洲股市攀升，泛欧绩优300指数(FTSEurofirst300)3日早盘一度涨逾1%，德国法兰克福DAX指数上涨近1%，法国巴黎CAC指数上涨1.59%。　　　　同日，数据编撰机?</t>
  </si>
  <si>
    <t>加拿大皇家银行：美国继续生病  中国跟着吃药</t>
  </si>
  <si>
    <t>美联储大印钞票就是把美国的祸水引向了中国，即美国经济生病却让中国吃药。其结果，害人不利己。　　回顾2010年的美国经济，因金融海啸带来的疾病几乎没有痊愈迹象。　　　　首先，全美房价还在跌。目前约有20%的房贷户的房产价值低于房贷，另有33%的房贷户其房产价值比?</t>
  </si>
  <si>
    <t>纽约证券交易所：2011全球市场将延续平稳态势</t>
  </si>
  <si>
    <t>道指2011年波动的中间线可能为11000点，而2011年的欧洲市场也不像美国这么乐观。　　　2011年全球资本市场预计将延续2010年的平稳态势，道指2010年基本上在9500点至11500点之间上下波动，2011年整体波动水平会比2010年高一些，波动的中间线可能为11000点。　　　　欧洲市</t>
  </si>
  <si>
    <t>爱沙尼亚拥抱“欧元新娘”</t>
  </si>
  <si>
    <t>2011年1月1日零点，新年钟声刚刚敲响，白雪皑皑的爱沙尼亚首都塔林市的上空神奇般地再次飘起雪花，仿佛为一个历史性的时刻拉开帷幕：爱沙尼亚总理安西普在市中心国家歌剧院广场数千民众的欢呼声中，从一台取款机上提取了该国历史上第一张欧元钞票，随即优雅地一转身，高举纸?</t>
  </si>
  <si>
    <t>全球萎靡中的中国亮点</t>
  </si>
  <si>
    <t>2013年仍将是世界经济增速黯淡的一年。根据IMF的最新预测，2013年全球经济增长率仅为3.6%，而美国、欧元区、日本这三大发达经济体的经济增速将分别达到2.1%、0.2%与1.2%，仍显著低于其潜在增长率水平。    2013年中国经济仍将实现8.2%的增长，笔者认为如果没有重大突发事件</t>
  </si>
  <si>
    <t>美国或出财政悬崖“补丁”方案</t>
  </si>
  <si>
    <t>整个周末，美国参议院民主、共和两党领导人在所谓的“财政悬崖”问题上磋商，力争在最后一刻达成妥协，这场不折不扣的政治秀已成为2012年令国际市场忐忑、让全球媒体围观的压轴大戏。最新消息称，两党将于当地时间30日联手推出一份“补丁”方案，托住美国至少在2013年初不会?</t>
  </si>
  <si>
    <t>“安倍”号能否驶出经济衰退泥沼</t>
  </si>
  <si>
    <t>自民党时隔三年多重返执政地位，安倍晋三26日再次组阁，“安倍”号重新启航。    “安倍”号这次面临的局面更加严峻，其首要任务是让日本经济驶出衰退泥沼。    通货紧缩和日元升值成当务之急。安倍近日在接受电视采访时表示，如果日本银行(央行)不把物价上涨率2%作为目?</t>
  </si>
  <si>
    <t>转型的希望</t>
  </si>
  <si>
    <t>2012年不是世界末日，但对许多欧洲人来说是灰暗的一年。迄今为止还没人能给出明确答案，如何及何时解决欧债危机？只看到越来越多的欧元区国家卷入危机之中，陆续成为救助对象、关注热点。即便在德国——这个在欧债危机中仍然保持经济活力并实际成为欧洲大陆领导者的国家，201</t>
  </si>
  <si>
    <t>“新型城镇化”为绿色建筑业提供发展机遇</t>
  </si>
  <si>
    <t>新型城镇化为我国建筑节能提出了新的要求。在近日中国建筑设计研究院和中国建筑节能减排产业联盟共同召开的“2012科技创新绿色人居会议”上，专家指出，新型城镇化应是绿色、低碳的城镇化，这就为我国绿色建筑产业提供了新一轮的发展机遇。但是，我国节能建筑强制性标准仍然?</t>
  </si>
  <si>
    <t>版号：A23</t>
  </si>
  <si>
    <t>版号：A11</t>
  </si>
  <si>
    <t>蒙蒂“超级马里奥”能否再掌乾坤</t>
  </si>
  <si>
    <t>版号：A10</t>
  </si>
  <si>
    <t>马里奥·蒙蒂21日晚正式辞去意大利总理职务。他因为紧缩和改革措施的“副作用”而在国内毁誉参半，但他的离去让意大利人思考他的价值。　　　　去年11月12日，意大利主权债务危机加剧，蒙蒂临危受命出任总理。在欧洲央行协助下，他实施了一系列改革和财政紧缩政策，一年来?</t>
  </si>
  <si>
    <t>“财政悬崖”迫近  美两党商权宜之计</t>
  </si>
  <si>
    <t>提前结束休假的美国总统奥巴马27日回到协调避免“财政悬崖”的谈判桌前。有分析称，由于时间紧迫，民主、共和两党达成局部协议的可能性较大。    当下，美国企业界普遍担忧谈判结果可能引发不良后果。一方面，政府大规模加税和削减支出在即，另一方面，债务上限问题迫近，?</t>
  </si>
  <si>
    <t>2012年全球重磅公司新闻“联播”</t>
  </si>
  <si>
    <t>1、伊士曼柯达申请破产保护　　　　全球影像业的迟暮巨人美国伊士曼柯达公司还是要走了。1月19日，柯达向纽约一家破产法庭申请破产保护，着手进行业务重组，标志着拥有131年历史的胶片之王在数码技术冲击下黯然退位。业绩数年不振的柯达原本希望转型为打印机厂商，并展开最</t>
  </si>
  <si>
    <t>日本政策外溢引全球货币战担忧</t>
  </si>
  <si>
    <t>日本自民党总裁安倍晋三在26日经国会指名选举，正式成为日本第96任首相，并于当日正式组建新内阁。　　　　安倍的当选短期内提振了投资者对日本经济的信心，但全球的外汇市场气氛也因此更加紧张，这源于其明确的超宽松货币政策和日元贬值政策。业内人士指出，日本的政策与?</t>
  </si>
  <si>
    <t>韩国：行政干预确保股市顺畅发展</t>
  </si>
  <si>
    <t>韩国股市自上世纪70年代形成之后，韩国政府不断调整对股市的管理方式，尤其是行政干预手段为保证股市顺利发展起到很大作用。　　　　韩国证券交易所是其国内唯一的股票集中交易场所，虽然它是独立法人，但其制定的公司上市规则、信托合同规则和内幕交易规则都需经过韩国企?</t>
  </si>
  <si>
    <t>不确定因素犹在  油价来年震荡依旧</t>
  </si>
  <si>
    <t>国际油价2012年震荡下跌，2013年将继续面临全球经济增长、世界石油供应关系和中东地区政治局势等多重“不确定因素”，震荡在所难免。　　　　国际能源机构首席经济学家法提赫·比罗尔说，2013年国际原油市场的关键词就是“不确定性”。美银美林公司也说，国际油价明年将面?</t>
  </si>
  <si>
    <t>北京奔驰与中欧学院战略合作启动</t>
  </si>
  <si>
    <t>以培养、发掘商业智慧，驱动中国成长为目标的北京奔驰与中欧国际工商学院新一轮战略合作日前在北京启动。　　　　中欧国际工商学院是一所立足于中国、专业从事国际化高等管理教育的学府，坚持为中国培养立足本土、面向世界、适应全球经济一体化趋势、具有参与国际合作与国?</t>
  </si>
  <si>
    <t>日本经济：衰退已至  危机四伏</t>
  </si>
  <si>
    <t>2012年日本经济在经过第一季度的短暂复苏后，第二、三季度连续出现负增长，重新陷入技术性衰退。从当前看，受制于政府财政状况，日本在财政政策方面可作为的空间有限，即将上台的日本新政府可能对日本央行施加更大压力，试图通过货币政策帮助日本经济摆脱困境，但这容易引发?</t>
  </si>
  <si>
    <t>韩国经济：新总统面对老问题</t>
  </si>
  <si>
    <t>韩国新国家党总统候选人朴槿惠在本月19日举行的总统选举中以微弱优势获胜，当选韩国下一任总统，成为韩国历史上首位女总统。一些韩国媒体说，从当选之日到明年2月25日就职，两个多月的过渡期可能决定朴槿惠政府今后五年的成败。目前，韩国经济增速明显放缓，且全球经济危机不</t>
  </si>
  <si>
    <t>中国可以对《鹿特丹规则》说“不”</t>
  </si>
  <si>
    <t>2012年10月，国际海事委员会(CMI)大会首次在中国召开。会议的重要议题之一，即是推动《鹿特丹规则》早日生效，并为国际社会所广泛采纳。会议期间，多国专家呼吁，作为全球举足轻重的航运大国和贸易大国，中国应尽快签署并批准《鹿特丹规则》。    　　　　然而，就中国的实</t>
  </si>
  <si>
    <t>新浪微博盈利能力差强人意</t>
  </si>
  <si>
    <t>美国当地时间12月21日，新浪股价跌幅明显，跌幅达1.37%。而在12月17日，传出阿里巴巴入股新浪的消息后，新浪股价则大涨7.81%，创下11月1日以来的最大单日涨幅。    　　　　11月下旬，有消息称，阿里巴巴正在与新浪接触，洽谈战略投资新浪微博事宜，据悉，阿里巴巴对新浪微</t>
  </si>
  <si>
    <t>巴西专家建议中国从四方面应对未来挑战</t>
  </si>
  <si>
    <t>巴西里约热内卢天主教大学金砖国家政策研究中心总协调人阿布德诺尔教授、巴西应用经济研究所所长助理特谢拉日前在接受记者专访时表示，实现经济结构转型、处理好社会矛盾，以及使外交更符合大国地位等将是中国未来发展必须认真思考的课题。    　　　　中国未来发展须直面?</t>
  </si>
  <si>
    <t>欧洲为什么欢迎张瑞敏的冲击？</t>
  </si>
  <si>
    <t>海尔首席执行官张瑞敏先生最近在欧洲两大著名商学院IESE和IMD关于“人单合一”模式的演讲引起了欧洲政商以及理论界的热切并且是严肃的关注。欧洲为什么会欢迎一位中国企业家去冲击他们？张带去的不是创业故事而是全球首个应对第三次工业革命的管理模型，所以说欧洲欢迎的不仅</t>
  </si>
  <si>
    <t>蒙蒂“回心转意”市场情绪略缓</t>
  </si>
  <si>
    <t>意大利看守政府总理蒙蒂圣诞节前释放出稳定债券市场不安情绪的利好消息。23日，这位技术型总理在年终新闻发布会上称，将不会代表任何党派直接参加于明年2月举行的大选，但若有获胜党派能够继续支持其一揽子应对危机、刺激经济的改革计划，并邀请其作为总理领导新政府，“会仔</t>
  </si>
  <si>
    <t>美国经济：在缓慢复苏轨道上前行</t>
  </si>
  <si>
    <t>2012年美国经济总体呈温和增长态势，出现了一些良性变化，尤其是房地产市场触底回升。未来的复苏之路将面临两大风险：从内部环境而言，国会民主、共和两党围绕财政政策的博弈短期内难有定论；从外部环境而言，欧债危机的负面效应仍将存在。    　　　　楼市呈现积极迹象</t>
  </si>
  <si>
    <t>英国“脱盟”何惧之有</t>
  </si>
  <si>
    <t>随着债务危机的趋缓，希腊退出欧盟的“闹剧”告一段落。就在此时，欧洲大陆另一端的岛国英国，却与欧盟闹起了“分家”。    　　　　英国与欧盟的“离心离德”由来已久。2011年以来，英国多次在欧盟应对欧债危机的努力中作梗，不论是2011年冬季峰会上的财政契约，还是今年1</t>
  </si>
  <si>
    <t>欧元区：双重考验“挥之难去”</t>
  </si>
  <si>
    <t>2012年，欧盟经过艰苦努力，采取了诸如启动银行业联盟，将欧洲稳定机制(ESM)投入运行，向西班牙银行业注资，为希腊债务减记等措施，使危机的势头得到扼制。但经济减速与债务危机并行，令欧洲领导者顾此失彼，预计来年欧元区还将面临双重考验。    　　　　值得欣慰的是，欧</t>
  </si>
  <si>
    <t>最后一刻才能“跨崖”？</t>
  </si>
  <si>
    <t>美国“财政悬崖”日益迫近，民主共和两党谈判时阴时晴，是否真会伤害美国乃至全球经济，目前还难下定论。从“黑色星期五”开启的假日购物季来看，尽情释放消费能力的美国居民倒是将这桩烦心事抛在了脑后。或许，这从一个侧面说明，“财政悬崖”尽管令人生畏，但也有可能沦为?</t>
  </si>
  <si>
    <t>构建新型地方政府信用评级标准</t>
  </si>
  <si>
    <t>版号：A21</t>
  </si>
  <si>
    <t>经过全球信用危机的检验，西方地方政府信用评级标准已完全不能揭示风险，难以承担社会和世界评级责任，时代呼唤构建一个充分体现地方政府信用风险形成因素内在联系的新型信用评级标准，大公忠实地履行了这一使命。    　　　　一、构建新型地方政府信用评级标准的意义</t>
  </si>
  <si>
    <t>拉美跌落“陷阱”源于全要素生产率下降</t>
  </si>
  <si>
    <t>从20世纪70年代后期到21世纪初，拉美地区各国在向高收入社会迈进过程中，经济增长出现了明显衰退，波动加剧，危机频发，国民收入水平与发达经济体和东亚等新兴经济体的差距不断拉大，成为落入“中等收入陷阱”的典型代表。    　　　　测算结果表明，“全要素生产率”(TFP)</t>
  </si>
  <si>
    <t>应警惕政府债务负担进一步恶化</t>
  </si>
  <si>
    <t>最近，德意志银行大中华区首席经济学家马骏推出新书《中国国家资产负债表研究》，书中参照英国、加拿大、澳大利亚等国家统计部门公布的国家资产负债表，结合中国统计体系、经济运行与金融管理具体情况，编制了2002-2010年中国国家资产负债表和部门资产负债表，并对国家和政府</t>
  </si>
  <si>
    <t>英国对欧盟说再见不容易</t>
  </si>
  <si>
    <t>去年圣诞前夕，英国首相卡梅伦在布鲁塞尔否决了欧盟试图开启“财政一体化”道路的修约提议。他身后的保守党人中，一部分要求从欧盟要回一些自主权，一小部分呼吁举行“全民公投”决定英国是否退出欧盟。    　　　　当时，“全民公投”还只是一个微弱的声音。谁也没想到，?</t>
  </si>
  <si>
    <t>政策效力渐弱  全球经济疲态难改</t>
  </si>
  <si>
    <t>编者按：从今日起，本报推出“回顾与展望·年终报道”栏目，盘点2012年全球财经重大事件，展望来年世界经济走势，敬请关注。    　　　　全球在2012年经历了大选年的洗礼，美、日、俄、法等经济大国新政府相继上台，多国携新政策将对全球经济产生重大影响，不确定性在2013?</t>
  </si>
  <si>
    <t>印度：以农民需求为导向建立科技服务体系</t>
  </si>
  <si>
    <t>印度农业技术服务工作的发展历史可以追溯到20世纪初，最初主要借鉴美国合作推广体系的经验，但在发展过程中结合印度国情，走出了一条独特的农业技术服务道路。印度与中国在农业发展上较为相似，因此了解印度主要农业技术服务主体及其在农业服务中发挥的作用，分析印度农业技?</t>
  </si>
  <si>
    <t>辽宁棚户区改造成功解决资金和土地难题</t>
  </si>
  <si>
    <t>近日，中国社科院和联合国人居署联袂完成的《城市化进程中低收入居民住区发展模式探索——辽宁棚户区改造经验》在京发布。该报告认为，辽宁棚户区改造成功解决了资金瓶颈和土地难题，接近97%的居民都拥有了完全产权住房。    　　　　报告指出，肇始于2005年的辽宁省棚户区</t>
  </si>
  <si>
    <t>美智库专家认为经济增长再平衡是中国重要议题</t>
  </si>
  <si>
    <t>就中国经济的“战略机遇期”问题，美国彼得森国际经济研究所高级研究员尼古拉斯·拉迪，卡内基国际和平基金会高级研究员迈克尔·佩蒂斯和黄育川等智库专家认为，中国目前的投资驱动型模式不可持续，需进行“增加消费比重、降低投资比重”的经济增长再平衡。中国在未来5到10年</t>
  </si>
  <si>
    <t>我国可以借鉴印度农技服务经验</t>
  </si>
  <si>
    <t>虽然，印度的农业技术服务体系还处于发展变革期，许多方面不够完善，整体水平落后于中国，但印度和中国在农业发展方面有较多相似之处，印度在发展农业服务体系中的所遇到的问题和积累的经验，对我国的农技服务体系建设具有重要的参考价值。    　　　　ATMA作为印度农技服?</t>
  </si>
  <si>
    <t>苹果回迁美国更多着眼于政治</t>
  </si>
  <si>
    <t>本月初，苹果公司首席执行官蒂姆·库克宣布，从2013年开始，苹果将投入1亿美元，把部分电脑生产迁回美国。若此，这将是10多年来苹果生产再度回归美国本土。而十多年前将电脑生产线由加州转移到中国，做出决定的也是时任苹果公司首席运营官的库克。    　　　　迁也库克，回</t>
  </si>
  <si>
    <t>丰田延迟召回隐患汽车被重罚1735万美元</t>
  </si>
  <si>
    <t>据美国媒体18日报道，丰田汽车公司因涉及延误召回存在安全隐患的汽车，已同意支付美国国家公路交通安全局开出的1735万美元罚单，并承诺今后在应对汽车安全隐患方面予以改进。    　　　　这笔罚单将是迄今为止美国国家公路交通安全局因汽车召回问题开出的单笔最大罚单，也?</t>
  </si>
  <si>
    <t>美国资本市场200年不衰的奥秘</t>
  </si>
  <si>
    <t>美国资本市场已走过200多年的历程。总体来看，美国股票市场构建了灵活包容的多层市场，可以满足不同规模和背景的企业的多样化融资需求。同时，美国通过立法要求充分披露信息，以保护投资者利益；通过推出“40lK”计划和引导养老金等资金入市，培育成熟的机构投资者，引导重视</t>
  </si>
  <si>
    <t>罗奇：城镇化是中国的重大机遇</t>
  </si>
  <si>
    <t>摩根士丹利前亚洲区总裁、耶鲁大学研究员斯蒂芬·罗奇在接受专访时表示，城镇化是中国未来经济发展的重大战略机遇。未来10-20年，世界经济总体上将维持疲软局面。在这一背景下，中国需要继续进行内部经济改革，通过发展服务业，健全社会保障体系，加快国企改革来推进经济转型</t>
  </si>
  <si>
    <t>上市公司必须首先考虑回报投资者</t>
  </si>
  <si>
    <t>在美国股票市场上，规范的上市标准和优胜劣汰的退市制度，使股价变化能够充分反映投资者的投资意向变化，进而促使上市公司重视提高业绩和公司价值以回报投资者。同时，通过完善立法和加强监管防范违规造假，营造了良好的市场环境。    　　　　退市制度选优汰劣    “大?</t>
  </si>
  <si>
    <t>明年消费有望成经济增长第一驱动力</t>
  </si>
  <si>
    <t>时钟指向11月11日零点，心仪已久的一款挎包五折出售，守候在电脑前的小杨麻利地提交、支付，仅用了7秒钟，已完成购买。此时当她再返回选购页面，这款包已经显示售罄。    　　　　191亿元，这是“双十一”一天之内天猫和淘宝经支付宝完成的交易额，这已经远远超过了美国电?</t>
  </si>
  <si>
    <t>美两党分歧减少“财政悬崖”现转机</t>
  </si>
  <si>
    <t>美国两党17日在“财政悬崖”的解决方案谈判中取得实质进展，美国总统奥巴马将提高税率人群范围改为年收入高于40万美元者，以此实现税收收入增加1.2万亿美元，并表示愿意接受减少社会保障支出1.22万亿美元，显示两党间关于增税减支的分歧正在减少。    　　　　据熟悉17日谈</t>
  </si>
  <si>
    <t>中石化94亿元首获北海油气资产</t>
  </si>
  <si>
    <t>中石化的海外版图再添新成员。12月18日，中国石油化工集团公司(以下简称“中石化”)以约15亿美元(约合人民币94亿元)交易价格收购加拿大塔利斯曼能源公司(以下简称“塔利斯曼”)英国子公司49%股份项目正式交割，这是中石化也是中国能源企业首次成功进入北海油气资源投资开发行</t>
  </si>
  <si>
    <t>AIG出售友邦保险筹资约64亿美元</t>
  </si>
  <si>
    <t>18日，友邦保险宣布，大股东美国国际集团完成股份减持，按每股30.3港元，配售手持的全部大约16.49亿股，套现499.62亿港元。配股价较停牌前31.65港元，折让4.3%，交易预计本周四完成。    　　　　美国国际集团在17日启动了出售其在友邦保险集团所持有的剩余股份，当时预计?</t>
  </si>
  <si>
    <t>欧盟将决定是否调查华为中兴</t>
  </si>
  <si>
    <t>欧盟贸易委员德·古赫特(Karel De Gucht)当地时间12月17日表示，欧盟将于未来数周或数月内作出是否对华为、中兴展开不公平贸易行为调查的决定。古赫特称，欧盟委员会正在为潜在的调查收集材料，并就这一问题知会了中国政府。    　　　　据介绍，欧盟或将依据相关调查结果?</t>
  </si>
  <si>
    <t>QE是魔力消失的仙女棒</t>
  </si>
  <si>
    <t>关于QE的边际效用递减，经济学家、分析人士和交易员早有共识。但美联储最新一次扩大QE规模的举动几乎没有在市场上激起波澜，却还是让人意外。    　　　　美联储在2012年最后一次货币政策会议上决定自明年1月起每个月增加购买450亿美元美国长期国债，并继续保持QE3开放性的</t>
  </si>
  <si>
    <t>瑞银因Libor操纵案面临超10亿美元罚款</t>
  </si>
  <si>
    <t>本周，瑞银将因Libor操纵案面临最少10亿美元的罚款，成为继巴克莱被罚后全球第二家因Libor操纵案而被罚款的银行。    　　　　瑞士媒体援引不知名人士的透露称，据估计，罚款最高可达到16亿美元(约15亿瑞士法郎)。对于瑞银的这一罚款额将是巴克莱所受处罚的两倍多。罚单会?</t>
  </si>
  <si>
    <t>美“财政悬崖”让富人忧心忡忡</t>
  </si>
  <si>
    <t>“面对‘财政悬崖’僵局，美国富人不会坐以待毙，一些聪明的投资人会选择当前卖出股票、未来再买入股票的方法来规避风险。”美国参议院财政委员会副主席奥林·哈奇近日与笔者谈起“财政悬崖”造成的年末美国投资人“突击队”现象。    　　　　虽然美国驴象两党围绕“财政?</t>
  </si>
  <si>
    <t>QE4作用究竟有多大？</t>
  </si>
  <si>
    <t>近日，美联储麾下联邦公开市场委员会(FOMC)决定推出新一轮量化宽松的货币政策(QE4)，以解决面临“财政悬崖”挑战的美国经济可能陷入长期低迷的问题。    美国经济面临的问题主要体现在：首先，金融危机后，美国企业和金融机构以及家庭的资产负债表不断趋于恶化，摆脱危机所</t>
  </si>
  <si>
    <t>新政权将促日本央行再宽松</t>
  </si>
  <si>
    <t>日本第46届国会众议院选举16日进行投票，据日本广播协会电视台报道，赢得众议院过半数议席的自民党取得完胜，民主党则成为在野党。    分析人士指出，受制于有限的应对方略和局促的政策空间，新一届日本政府在经济政策上仍将面对此前困扰民主党的老难题。从当前看，新政府?</t>
  </si>
  <si>
    <t>中石油139亿元参股加拿大油气项目</t>
  </si>
  <si>
    <t>继中海油并购加拿大尼克森石油公司之后，日前中石油又以近139亿元人民币收购加拿大最大天然气生产商EncanaCorporation(加拿大能源公司)在阿尔伯塔省中西部Duvernay区块的49.9%权益。    值得关注的是，这是加拿大公布关于外国国企重大能源投资新准则之后的首宗大型交易，不</t>
  </si>
  <si>
    <t>QE4提振金价作用有限</t>
  </si>
  <si>
    <t>尽管美国联邦储备委员会（美联储）于12日推出新一轮量化宽松政策（QE4），但大宗商品市场对此反应平淡，国际金价更是在当周再次跌破1700美元/盎司关口。    美联储当天在结束为期两天的货币政策例会后发表声明说，在卖出短期国债、买入中长期国债的“扭转操作”年底到期后?</t>
  </si>
  <si>
    <t>寻找全球困局的实业重构</t>
  </si>
  <si>
    <t>在世界经济艰难复苏的进程中，西方发达国家，以及在国际政治经济舞台不断扮演更为重要角色的新兴经济国家，都在寻找重振全球经济的新的增长动力。在我国，如何让虚拟经济和实体经济保持平衡，让企业家们不再成为“弃业家”，让企业家们回归实业？面对欧美债务危机，人们醒悟?</t>
  </si>
  <si>
    <t>明年A股难现持续上涨行情</t>
  </si>
  <si>
    <t>中国社会科学院经济学部近日发布《经济蓝皮书：2013年中国经济形势分析与预测》。书中刊载了国海富兰克林基金管理公司吴谦和上海社会科学院数量经济研究中心朱平芳共同撰写的《2012年上海证券市场回顾与2013年展望》。文章表示：“2012年前三季度，在欧债主权危机恶化、美国?</t>
  </si>
  <si>
    <t>欧洲央行获准监管银行业</t>
  </si>
  <si>
    <t>上周，有关欧洲银行业联盟的讨论搁浅。就在各方议论纷纷、尽情猜测之际，本周，欧盟财政部长经过长达14个小时的讨论，会议主席、塞浦路斯财长希亚尔利于13日凌晨4：40分的新闻发布会上宣布，欧盟已就建立欧元区统一银行业监管机构达成协议，进而为在年底最后期限前结成银行业</t>
  </si>
  <si>
    <t>欧佩克维持明年日产原油目标不变</t>
  </si>
  <si>
    <t>12日，石油输出国组织(欧佩克)在维也纳举行了第162届部长级会议，欧佩克12国的石油部长出席会议。会议认为2013年世界经济仍充满不确定性，欧佩克将继续努力保持石油市场的稳定，2013年将继续维持日产3000万桶原油的产量不变。     欧佩克在会后发布公报说：“在欧元区经济?</t>
  </si>
  <si>
    <t>金融市场涨跌不一“回应”美宽松新措</t>
  </si>
  <si>
    <t>美国联邦储备委员会12日结束今年最后一次货币政策会议，并宣布新一轮国债购买计划，意在继续为美国经济保驾护航，但金融市场却反应迟疑，最终涨跌不一。     美联储当天结束为期两天的货币政策会议后发表声明说，在“扭转操作”年底到期后，每月除了继续购买400亿美元抵押?</t>
  </si>
  <si>
    <t>中石油拟斥巨资收购澳天然气项目</t>
  </si>
  <si>
    <t>日益增加的天然气需求和渐行渐近的气价改革，让国内最大的天然气供应商中石油加速海外布局，再次直接进军澳大利亚天然气领域。    　　　　12月12日，矿业巨头必和必拓宣布，中石油将以16.3亿美元，约合102亿人民币现金的形式收购其旗下澳大利亚Browse液化天然气(LNG)项目?</t>
  </si>
  <si>
    <t>美两党交换“财政悬崖”新建议</t>
  </si>
  <si>
    <t>上周末，民主共和两党未就“财政悬崖”问题达成任何进展，奥巴马遭到指责。而从9日起，两党再次接触，至11日，谈判略有进展。    　　　　当地时间12月9日下午，美国总统奥巴马与国会众议院议长博纳在白宫就“财政悬崖”问题举行会谈，这是两党首次就该问题进行单独会谈。$</t>
  </si>
  <si>
    <t>债务货币化蕴含全球金融风险</t>
  </si>
  <si>
    <t>发达经济体消化政府债务、降低负债率是紧迫而又长期的问题。美国财政悬崖、欧洲主权债务危机以及日本逐步暴露的债务风险，一系列的债务问题正在困扰发达经济体，过度印钞和过度信贷不可避免地成为解决债务危机的政策工具。    　　　　12月13日凌晨，美联储召开本年度最后?</t>
  </si>
  <si>
    <t>美国为何转向“褐色革命”</t>
  </si>
  <si>
    <t>绿色还是褐色，或许是奥巴马前后四年能源政策的最大区别。在他第一任上，绿色曾是他的口头禅，为此，美国政府投入了大量的扶持资金，但让奥巴马大失所望的是，被扶持的“绿色企业”最终证明是扶不起的“阿斗”，奥巴马也为此在竞选期间备受攻击。在第二个任期，奥巴马的目光?</t>
  </si>
  <si>
    <t>工信部副部长苏波：  中速发展是保持较快增长的最佳途径</t>
  </si>
  <si>
    <t>近日，工业和信息化部副部长苏波在出席亚洲制造业协会主办的“第六届亚洲制造业论坛”时表示，我国已处于工业化的中后期阶段，生产要素成本上升，已难以支撑经济超高速发展，而平衡稳定健康的中速发展是保持较快增长的最佳途径。    　　　　苏波在做主旨发言时指出，综合?</t>
  </si>
  <si>
    <t>九成国内多晶硅企业停产</t>
  </si>
  <si>
    <t>从年初的230元/公斤，到12月初的110元/公斤，进入2012年来国内多晶硅价格暴跌的噩梦依旧在继续。而伴随着成本倒挂的加深，多晶硅行业的停产风暴更愈演愈烈。    “2012年多晶硅产业情况进一步恶化，产量出现负增长，停产企业数量达到近90%，目前仅有江苏中能、大全、亚洲硅</t>
  </si>
  <si>
    <t>纽约油价现五连跌  凸显市场谨慎</t>
  </si>
  <si>
    <t>受利好经济数据、美国“财政悬崖”等多重因素影响，国际油价10日出现震荡，纽约油价连续第五个交易日下跌。    　　　　当天早盘，国际油价一度上涨，主要推动力是来自中国和德国的利好经济数据。中国最新公布的经济数据显示，11月份中国工厂产出和零售额都大幅上涨，达到8</t>
  </si>
  <si>
    <t>格陵兰：正在解冻的投资“热土”</t>
  </si>
  <si>
    <t>2012年11月初，中国国际矿业大会在天津举行，由格陵兰岛工业和矿产资源部部长乌·卡尔·贝特尔森(Ove Karl Berthelsen)率领的格陵兰岛代表团吸引了不少外界的眼光。这是丹麦格陵兰岛自治政府连续两年派出代表团参加中国国际矿业大会，充分展示了格陵兰岛自治政府希望招商引资</t>
  </si>
  <si>
    <t>英美出台国际性银行破产处置方案</t>
  </si>
  <si>
    <t>据外媒报道，英美监管者12月10日公布有关国际性银行破产处置的首批跨境处理办法。这一办法所提出的各项建议，主要是为了强制大西洋两岸的股东和债权人承担银行破产的相关损失，并确保银行总部保有充足资本金，从而保护纳税人利益。    　　　　美国联邦存款保险公司主席马?</t>
  </si>
  <si>
    <t>美联储年终议息  青睐购债计划</t>
  </si>
  <si>
    <t>美国联邦储备委员会(美联储)将于本周举行年内最后一次议息会议。去年10月，美联储实施的“扭转操作”(OT)工具虽然已经在今年6月份实施，但该工具将于12月底到期。分析人士预计，本周的货币政策会议预计将不会改变当前的宽松政策立场，并且可能以一定规模的国债购买计划取代扭</t>
  </si>
  <si>
    <t>彭博欲购《金融时报》传言震动业界</t>
  </si>
  <si>
    <t>据外媒报道，彭博社老板布隆伯格正考虑收购英国《金融时报》集团，该集团旗下包括《金融时报》和所持有的《经济学人》杂志半数股权。该消息恰逢西方多家报纸业务关闭之时，在并购改革中传统媒体能否重新焕发活力成为业界关注焦点。    　　　　分析人士称，情况依然不明朗?</t>
  </si>
  <si>
    <t>欧佩克油价连续第二周下跌</t>
  </si>
  <si>
    <t>石油输出国组织(欧佩克)秘书处10日公布的数据显示，上周欧佩克市场监督原油一揽子平均价连续第二周下跌，至每桶106.74美元，跌幅为1.18美元。    　　　　分析人士认为，欧佩克油价连续下跌主要受到国际经济增长持续疲软影响。首先，欧元区经济持续低迷，失业率居高不下，?</t>
  </si>
  <si>
    <t>《京都议定书》最后一刻“得救”</t>
  </si>
  <si>
    <t>经历整整1天的“加时赛”之后，北京时间9日凌晨，《联合国气候变化框架公约》第18次缔约方会议暨《京都议定书》第8次缔约方会议(简称多哈会议)终于落幕。多哈会议通过了一揽子决议，宣布2013年开始实施《京都议定书》第二承诺期。    　　　　接受《经济参考报》记者采访的</t>
  </si>
  <si>
    <t>阿根廷“自由号”背后的债务博弈</t>
  </si>
  <si>
    <t>阿根廷政府终于可以松口气了。美国第二巡回上诉法庭11月28日决定，暂缓执行此前美国纽约联邦法官有关阿根廷必须在12月15日偿还13.3亿美元违约主权债务的判决，并赋予诉辩双方3个月的申诉期。    　　　　由“秃鹫基金”发起的针对阿根廷主权债务的“围剿战”到此告一段落，</t>
  </si>
  <si>
    <t>跨国巨头“避税”过头了</t>
  </si>
  <si>
    <t>合理避税是每家企业不变的主题之一，但像星巴克、亚马逊这些名头响亮的跨国企业巨头，在某个国家广泛开展业务但竟然不交税或交税极少，听起来总是不太合理。这样的事情就发生在了英国。    　　　　星巴克进入英国14年，纳税总额仅860万英镑，过去3年在英国没交一分钱的公?</t>
  </si>
  <si>
    <t>圣诞礼物与通货膨胀</t>
  </si>
  <si>
    <t>每年的圣诞节是孩子们最开心的时间，因为这是一个收礼物的节日。    　　　　在美国有一首古老的童谣，叫做“圣诞节的十二天”，整首童谣列了一个长长的圣诞礼物清单，从一棵梨树，到三只法国母鸡，到五个金戒指，再到八个挤奶女工，再到12个击鼓的鼓手，所有都是圣诞愿望?</t>
  </si>
  <si>
    <t>中概股再度面临集体做空风险</t>
  </si>
  <si>
    <t>在中概股做空暂告一段落之际，美国证券交易委员会(SEC)将德勤等五大会计师事务所的中国分支机构告上法庭，由此再度将中概股造假问题拉回市场关注点。    　　　　有分析人士担心，此事或将对刚刚出现回暖迹象的中资企业赴美IPO造成打击，并可能引发新一轮做空中概股大潮。$</t>
  </si>
  <si>
    <t>奥兰国际融资对抗“浑水”做空</t>
  </si>
  <si>
    <t>据外媒4日报道，遭遇美国做空机构“浑水”攻击的新加坡上市公司奥兰国际3日晚宣布通过捆绑配售债券和供股(增发)计划，筹集最高可达12.5亿美元的资金，以证明其筹资能力，稳定投资者信心。    　　　　捆绑销售计划包括发行7.5亿美元的债券和5亿美元的认股权证。据新加坡《?</t>
  </si>
  <si>
    <t>“中国市场”或成新的比较优势</t>
  </si>
  <si>
    <t>据美联社报道，“中国已经超过美国，成为世界大多数国家和地区的主要贸易伙伴。这一转变显示中国发展速度之快已经开始挑战美国扮演了百年的全球贸易主导者角色”。毋庸置疑，中国庞大的内需潜力正成长为全球经济复苏的重要引擎，未来“中国市场”或将成为中国经济新的比较优?</t>
  </si>
  <si>
    <t>澳洲矿企的“紧箍咒”</t>
  </si>
  <si>
    <t>就在最近，世界最大矿业企业力拓公司的首席执行官汤姆·阿尔巴内塞宣布，将在两年内削减50亿美元运行和支持费用；第二大矿企必和必拓公司首席执行官马里乌斯·克劳珀斯强调，控制成本是公司的紧迫任务。两人的讲话出现在同一天，这既是一个巧合，又明白无误地宣示，全球矿业?</t>
  </si>
  <si>
    <t>澳央行降息25个基点至3%</t>
  </si>
  <si>
    <t>澳大利亚央行4日宣布将基准利率降低25个基点至3%，这一利率水平为2009年4月以来最低。    　　　　在公布降息决定同时发布的一份声明中，澳大利亚央行行长格伦·史蒂文斯说，尽管央行此前的降息决定开始对经济产生一定影响，但央行觉得进一步放松货币政策是合适的。    ?</t>
  </si>
  <si>
    <t>美元走弱推升金价</t>
  </si>
  <si>
    <t>由于美元走弱，纽约金价12月3日微涨。    　　　　当天，纽约商品交易所黄金期货市场交投最活跃的2013年2月黄金期价收于每盎司1721.1美元，比前一交易日上涨8.4美元，涨幅为0.49%。    　　　　希腊政府3日启动价值100亿欧元的债券回购计划，以进一步降低该国负债水平。?</t>
  </si>
  <si>
    <t>发达国家酝酿打击跨国避税</t>
  </si>
  <si>
    <t>为缓解财政状况，多个发达经济体酝酿新政策以打击跨国公司避税。    　　　　经合组织(OECD)税务管理论坛4日在日本举行，来自22个国家的税务专家研讨制订打击跨国公司海外避税的对策。    　　　　为有效清查海外避税，论坛上的税务专家们建议推出主动披露避税企业可获不</t>
  </si>
  <si>
    <t>美两党互否减赤方案</t>
  </si>
  <si>
    <t>在否定民主党提出的财政赤字削减方案后，美国共和党3日提出的计划同样遭到对方否决。外媒援引分析人士的话说，尽管“财政悬崖”日益迫近，但驴象两党都摆出强硬姿态，短期内达成共识的希望渺茫。    　　　　美国国会众议院议长博纳等共和党议员当日致信总统奥巴马，提出解</t>
  </si>
  <si>
    <t>国民收入倍增助日本从“国富”走向“民富”</t>
  </si>
  <si>
    <t>在前不久结束的中国共产党第十八次全国代表大会上，许多新观点和新提法引起国内外广泛的关注，其中与老百姓最息息相关的是在十八大报告中提出，到2020年，实现国内生产总值和城乡居民人均收入比2010年翻一番。这是中共中央首次明确提出居民收入倍增目标。    　　　　受到?</t>
  </si>
  <si>
    <t>俄专家：俄罗斯须调整经济政策</t>
  </si>
  <si>
    <t>《俄罗斯报》近日刊登俄科学院世界经济与国际关系研究所国际资本市场处主任雅科夫·米尔金的一篇文章，题为《3.0版俄罗斯——什么妨碍了我们实现第三个“经济奇迹”》，该文指出：    　　　　18年后，俄罗斯人口将为1.4亿，是美国的五分之二、中国和印度的十分之一，经济?</t>
  </si>
  <si>
    <t>汇丰控股拟售美国有毒资产</t>
  </si>
  <si>
    <t>据英国媒体3日报道，汇丰控股有限公司正筹备启动自金融危机爆发以来的首批次级贷款出售工作。    　　　　报道称，汇丰控股计划明年分四批出售总计27亿美元的次级贷款。这将是自2008年9月雷曼兄弟倒闭引发金融危机以来，英国最大的银行汇丰控股首次出售公司账面上约442亿美</t>
  </si>
  <si>
    <t>美国“财政悬崖”有多悬</t>
  </si>
  <si>
    <t>距离2013年1月1日只有不到一个月时间，在解决即将到来的“财政悬崖”问题上，美国政府正在与时间赛跑。    　　　　当前，“财政悬崖”解决的症结在于美国两党在“减赤”还是“增税”上存在根本性分歧。那么，“增税”还是“减赤”，到底哪个才是解决美国“财政悬崖”的关?</t>
  </si>
  <si>
    <t>工业革命不能超越经济学原理</t>
  </si>
  <si>
    <t>在全球经济如何走出危机、实现复苏的争论中，新一轮的工业革命似乎已成为世界的曙光。美国著名趋势学家杰里米·里夫金(Jeremy Rifkin)在最新出版的《第三次工业革命》预言，一种建立在互联网和新能源相结合基础上的新经济即将到来，他认为“经济和社会变革总是来自新能源与新</t>
  </si>
  <si>
    <t>希腊悲剧“剧终”无望</t>
  </si>
  <si>
    <t>德国联邦议会上周末通过第三轮援助希腊计划，为此前欧元区和国际货币基金组织艰难达成的协议得以实施加上重要一票。按照新的协议，国际出资方将为希腊再提供近440亿欧元援助资金，其中344亿欧元将于今年年底前兑现，希腊因此不致破产。此外，希腊还会受益于一系列的扶持性政?</t>
  </si>
  <si>
    <t>11月人民币兑美元20交易日触“涨停”</t>
  </si>
  <si>
    <t>中国人民银行授权中国外汇交易中心公布，11月30日银行间外汇市场人民币汇率中间价为1美元兑6.2892元人民币，当日，人民币对美元即期汇价再度触及6.2263这一1%上限的“涨停”位。11月全月交易数据显示，在全部22个交易日中，人民币即期汇价只有在11月16日和11月21日没有触及“</t>
  </si>
  <si>
    <t>美税改谈判陷僵局  “财政悬崖”迫近</t>
  </si>
  <si>
    <t>美国面临的“财政悬崖”如何解决成为美国国内最大的问题和国际市场的关注焦点。距年底已不到一个月时间，民主共和两党仍未在税收谈判上达成协议。    　　　　当地时间11月28日，即白宫“财政悬崖”谈判首席代表、财政部长盖特纳赴国会山的前一天，奥巴马表示“我认为两党?</t>
  </si>
  <si>
    <t>美国为什么要重整制造业</t>
  </si>
  <si>
    <t>重整美国制造业，促成上世纪70年代以来几十年“外流”到东亚、东南亚一些国家和地区的制造业岗位“回流”。最早是由美国国内一些工会组织提出的，主要是为了扭转居高不下的失业率。这些主张一经提出，就遭到了美国经济学界、工商业界等方面的抨击。一些学者指出，虽然全球化?</t>
  </si>
  <si>
    <t>创意农业：引领传统农业转型</t>
  </si>
  <si>
    <t>上世纪90年代后期，“创意农业”作为一种新型的农业发展方式，在英国、德国、荷兰、日本等国家日渐兴起。以创造力、技术及才能等知识资源作为产业发展动力的“创意产业”兴起于上世纪90年代，20年间，创意产业不仅成为发达国家经济和社会发展的引擎，也逐渐成为发展中国家转?</t>
  </si>
  <si>
    <t>中国超400亿元碳资产存缩水风险</t>
  </si>
  <si>
    <t>当地时间11月26日，《联合国气候变化框架公约》第18次缔约方会议暨《京都议定书》第8次缔约方会议(简称多哈会议)开幕。多位受访的碳金融专家表示，即便本次多哈会议与会各方达成重要共识，仍然对提振目前跌至“白菜价”的碳市场价格作用有限。多位接受《经济参考报》采访的专</t>
  </si>
  <si>
    <t>巴西农业生产能力直逼美国</t>
  </si>
  <si>
    <t>美国《华盛顿邮报》网站日前发表记者霍华德·施奈德发自圣保罗的一篇文章预计，巴西明年将取代美国，成为世界第一大豆生产国，而这一地位可能成为永久性的。巴西的农作物产量已经对世界供应产生至关重要的影响。尽管美巴开展了密切合作，但仍存在不断提升的竞争感。　　　?</t>
  </si>
  <si>
    <t>巴西汽车新政被批治标不治本</t>
  </si>
  <si>
    <t>巴西目前是全球第四大汽车消费市场，业内预计未来有望超越日本跻身前三，仅次于美国和中国。另一方面，巴西在全球汽车生产国排名中仅位列第7，行业协会数据显示，目前年产量338万辆，只有中国的大约1/5。有庞大的市场却没有与之匹配的生产能力，让政府和业界很是着急。</t>
  </si>
  <si>
    <t>拯救股市需要央行与证监会联动</t>
  </si>
  <si>
    <t>美国次贷危机引发了全球金融危机，也造成了中国资本市场的动荡和下跌。五年时间过去了，美国股市已经恢复并接近前期高点，而中国股市还在屡创新低。目前中国等待审核和等待发行的企业多达798家，资本市场投融资功能基本丧失。中国股市已经到了需要连夜看急诊的时刻。</t>
  </si>
  <si>
    <t>多重因素打压国际油价</t>
  </si>
  <si>
    <t>受多重因素影响，国际油价27日下跌。　　　　经济合作与发展组织当天发布报告，将今明两年全球经济增速预期分别从上次预计的3.4%和4.2%下调至2.9%和3.4%。报告预测，今明两年欧元区将陷入衰退；美国经济虽增长但低于年初预期，且目前面临“财政悬崖”的挑战；而受欧洲经济?</t>
  </si>
  <si>
    <t>跨国车企将战略重点转向中国</t>
  </si>
  <si>
    <t>已经迈入第十个年头的“2012广州车展”11月23日在广州举行。跨国车企表示，未来10年内，全球汽车增长的70%将来自于亚洲，主要增长点是中国和印度，已经做好准备将战略重点往中国转移。业内人士认为，全球车企对广州车展的重视，也预示着中国汽车市场全球地位的攀升。</t>
  </si>
  <si>
    <t>美财政部人民币低估论调依旧</t>
  </si>
  <si>
    <t>一如预料，美国未给中国贴上汇率操纵国的标签。美国财政部11月27日公布了针对主要贸易对象的《国际经济和汇率政策报告》。报告认为，包括中国在内的美国主要贸易伙伴未操纵货币汇率以获取不公平贸易优势。不过，该报告认为，人民币仍然被显著低估。　　　　美国财政部在这?</t>
  </si>
  <si>
    <t>欧盟制定新规则应对评级机构</t>
  </si>
  <si>
    <t>11月27日，欧盟官员和法律制定者通过了针对评级机构的新规则，这一规则将使投资者在起诉因评级机构评级而遭受损失时更为容易，并试图使欧盟国家减少对于美国评级机构评级的过度依赖性，建立欧盟自己可信赖的制度。　　　　美国三大评级机构因下调处于危机敏感时期的国家的?</t>
  </si>
  <si>
    <t>中美网购有何差别</t>
  </si>
  <si>
    <t>感恩节过后的第一个星期一，即传统的“网络星期一”，是电商必争的销售良机。据行业预计，今年“网络星期一”，即11月26日的零售额将达到15亿美元，比去年增长20%，创下历史纪录。　　　　笔者根据行业调研公司Com Score的统计，原本不是传统网上购物日的感恩节当天，美国?</t>
  </si>
  <si>
    <t>美税改分歧难弥  财政悬崖警报未除</t>
  </si>
  <si>
    <t>美国参议院两党领袖26日发表讲话，双方对财政悬崖谈判表示失望，意味着奥巴马连任美国总统后召集国会领导人第一阶段约10天的谈判宣告无果。28日，奥巴马将继续与商业、政党领袖就税务改革进行第二阶段会谈，但达成协议的前景渺茫。目前来看，财政悬崖警报尚难解除，美国经济?</t>
  </si>
  <si>
    <t>微博火了，微信火了，下一个会是微网吗？</t>
  </si>
  <si>
    <t>微博、微信之后，互联网的下一个热点会是什么？答案，或许将在中国产生。近日，代表着互联网深度变革的全球首个大型云计算自主收藏分享搜索网站——微网，于北京正式上线。中国民营科技实业家协会常务副理事长陈庆振在发布会上表示，此举意味着在美国引领互联网创新发展多年?</t>
  </si>
  <si>
    <t>希腊僵局暂解  西班牙救助再引担忧</t>
  </si>
  <si>
    <t>国际货币基金组织(IMF)、欧盟委员会和欧洲中央银行(“三驾马车”)26日为向希腊最新一笔援助款举行第三次协商。据透露，此次会议将敲定发放援助金技术细节，希腊僵局料将暂时化解。但，西班牙被曝出将向欧盟申请对银行业的救助。　　　　据彭博社报道，欧洲财长们表示，26日</t>
  </si>
  <si>
    <t>不要让短视损害中非关系</t>
  </si>
  <si>
    <t>非洲被认为是世界经济的最后一块高边疆(Last Frontier)，它仍是最穷的大陆，但却是世界经济增长最快的大陆，IMF预测其今年经济增长率在5.4%；其丰富的能源资源，广阔的市场前景，成为包括中国在内的各大经济体不能忽视的对象。    但不可忽视的是，最近几年，在个别非洲国?</t>
  </si>
  <si>
    <t>全球海上风电业现群雄逐鹿之势</t>
  </si>
  <si>
    <t>第六届国际海上风电商务洽谈会11月中旬在丹麦西部港口城市埃斯比约召开，世界各国海上风电企业、专业人士在这里就海上风电产业设计、生产、销售、项目合作和发展前景展开讨论，洽商合作。自2007年以来，参加埃斯比约海上风电国际洽谈会的各国企业逐年增加，使得该洽谈会成为?</t>
  </si>
  <si>
    <t>奥康抗辩之路</t>
  </si>
  <si>
    <t>耗时6年，在5家上诉鞋企一审败诉、其中4家放弃之后，依然单枪匹马打赢官司。面对欧盟对华采取的不平等反倾销贸易举措，中国最大民营制鞋企业奥康，毅然拿起法律武器，坚决维护中国产业的合法权益，书写了中国鞋企抗辩欧盟反倾销成功第一案。商务部有关人士表示，该案件起到了</t>
  </si>
  <si>
    <t>中印举行次轮战略经济对话</t>
  </si>
  <si>
    <t>按双方约定，第二次中印战略经济对话今日(26日)将在印度新德里举行。《金融快报》等印度媒体称，本次对话是在西方世界深陷危机的背景下进行的，旨在讨论如何促进世界上两个经济增长最快的国家，在投资和商业领域中增进合作，特别是两国的资本与产业如何携手共进。　　　　?</t>
  </si>
  <si>
    <t>欧盟培育碳交易市场的苦心与无奈</t>
  </si>
  <si>
    <t>近日两条消息将各界的目光再次聚焦到欧盟的碳交易上，一则是欧盟委员此前建议在2013年秋季之前暂停征收航空碳税，二是2013年至2015年间欧盟境内可供交易的9亿吨二氧化碳排放配额予以冻结。这两条消息反映了欧盟在培养碳交易市场上的苦心与无奈。　　　　欧盟碳排放权交易机</t>
  </si>
  <si>
    <t>BDI连涨11日难改航运低迷态势</t>
  </si>
  <si>
    <t>年底将至，BDI(波罗的海干散货指数)走出一波上涨行情。截至23日，BDI报收1090点，连续11天上涨，累计上涨19%。业内人士表示，此番上涨主要受益于中国铁矿石进口和欧洲煤炭进口增加，但是干散货市场传统旺季可能逐步接近尾声，再加上运力过剩态势不改，预计航运将逐步步入下行</t>
  </si>
  <si>
    <t>美元走弱推高金价油价</t>
  </si>
  <si>
    <t>在中东局势紧张、美元汇价走低以及经济数据向好的刺激下，国际油价、金价当周双双触及一个月来的高点。此外，农产品价格也在多重因素下走高。　　　　巴以冲突一度推升油价大涨，但之后宣告停火抑制了涨幅。不过，市场仍担心，以色列和哈马斯已达成停火协议后加沙地带将难?</t>
  </si>
  <si>
    <t>广发系基金“贪杯”遭塑化剂事件重创</t>
  </si>
  <si>
    <t>受周一爆出的酒鬼酒“塑化剂门”的影响，主营业务为白酒制造的多家上市公司本周在二级市场上惨遭滑铁卢。截至11月22日收盘，申万白酒制造板块13只股票中，三天来有9只股票跌幅超过6%，最高区间跌幅达12.8%，包括水井坊、五粮液、泸州老窖在内的多家白酒业巨头纷纷受到影响。?</t>
  </si>
  <si>
    <t>“财政悬崖”进入倒计时  美元避险身份屡遭质疑</t>
  </si>
  <si>
    <t>距离美国“财政悬崖”还有不到两个月的时间。在奥巴马上周连任美国总统以后，美国政界及全球的关注焦点已经迅速转向“财政悬崖”。该事件也已经超过欧洲主权债务危机，成为全球投资者担忧的头号问题。就在上周，奥巴马就“财政悬崖”与国会领导人举行了首次会晤。这一由美联?</t>
  </si>
  <si>
    <t>普京新政瞄准中俄经济合作</t>
  </si>
  <si>
    <t>今年3月，60岁的普京以63.75%的得票率赢得总统选举。这是他继2000年首次当选总统、2004年成功连任后第三次当选总统。5月7日，普京宣誓就职。　　　　时隔四年，普京再次当选总统，而根据修改过的俄罗斯联邦宪法，这一任期将长达六年。　　　　在这六年中，普京不会是仅仅</t>
  </si>
  <si>
    <t>财政悬崖背后的政党博弈</t>
  </si>
  <si>
    <t>11月8日，奥巴马成功连任美国总统的第二天，美国股市暴跌，随后几天跌跌不休。这倒不是华尔街为奥巴马喝倒彩，而是“财政悬崖”最后期限越来越近，美国人越来越担心，美国政客的冒险将美国经济真的送入悬崖。　　　　将美国的债务危机比喻为“财政悬崖”，表现了美国人的幽</t>
  </si>
  <si>
    <t>加强俄中经济合作  维持更长战略机遇期</t>
  </si>
  <si>
    <t>俄罗斯是世界上领土面积最大的国家，与中国接壤，并且还与挪威、芬兰、爱沙尼亚、拉脱维亚、立陶宛、波兰、白俄罗斯、乌克兰、格鲁吉亚、阿塞拜疆、哈萨克斯坦、蒙古、朝鲜等接壤。地理位置和战略位置都很重要。　　　　抓住俄罗斯开发远东的机会　　　　一些学者和舆论?</t>
  </si>
  <si>
    <t>商品窄幅震荡行情将延续</t>
  </si>
  <si>
    <t>短期全球经济将维持现状，政策上出现明确利多利空因素指引的可能性较小，预计商品市场将延续窄幅震荡走势。操作上建议短线高抛低吸。　　　　从宏观面来看，美国方面，美劳工部21日公布的最新数据显示，经季调后截至11月17日当周，美国首次申请失业救济人数为41万，大幅减?</t>
  </si>
  <si>
    <t>美国财政悬崖引担忧  黄金或温和上扬</t>
  </si>
  <si>
    <t>美国总统大选尘埃落定，财政悬崖危机演变成为近期影响金价的驱动性事件。分析人士认为，综合来看，美国如何应对财政危机影响重大，避险需求将使黄金再受追捧；此外，机构持仓增加和实物需求回升也将助推金价温和上扬。　　　　财政危机如履薄冰 削弱美元　　　　近两月的</t>
  </si>
  <si>
    <t>加拿大滑铁卢大学的“速度之城”</t>
  </si>
  <si>
    <t>在加拿大大学中，位于安大略省西部的滑铁卢大学创业教育和文化可谓首屈一指。该校为学生建立了一系列创业机制和平台，其中最具特点的就是名为“速度之城”的学生创业孵化器计划。该计划开展近4年来，已孵化出数十家高技术创新企业，成为名副其实的下一代企业家摇篮。</t>
  </si>
  <si>
    <t>解振华：中国将参与国际碳市场规则制定</t>
  </si>
  <si>
    <t>国家发改委副主任解振华21日在国务院新闻办发布会上表示，澳大利亚、欧盟、美国都希望与中国展开合作，建立全球的碳市场。“我们还是希望先把我们自己的交易制度、交易市场进一步完善，取得经验之后，根据中国的经验来参与国际碳交易市场规则的制定，最后建立一个符合各方要?</t>
  </si>
  <si>
    <t>重新审视美元“滥发”下的全球再平衡</t>
  </si>
  <si>
    <t>美元“滥发”的政策是一场赌博，而国际社会最担心的是美联储向金融市场注入的资金不会进入美国的实体经济，而是流入海外市场，形成一些国家的资产泡沫。　　　　全球再平衡问题，是整个世界经济结构调整的问题，必须是发达国家和新兴市场国家等相关国家，一起肩负起各自的?</t>
  </si>
  <si>
    <t>经济政策左右日本大选</t>
  </si>
  <si>
    <t>日本首相野田佳彦16日宣布解散众议院举行大选，12月16日投票和开票，这意味着日本政坛即将再次洗牌。　　　　日本民主党执政三年，乏善可陈，最严重的问题是日本经济长期持续低迷。从2007年到2011年，日本国民收入平均每人减少35.2万日元；今年7至9月，日本经济在灾区重建?</t>
  </si>
  <si>
    <t>巴以停火可能性压低油价</t>
  </si>
  <si>
    <t>在国际社会积极介入巴以冲突、双方存在达成停火协议可能性的影响下，国际原油价格20日大幅下挫。　　　　到收盘时，纽约商品交易所明年1月份交货的轻质原油期货价格大跌2.53美元，收于每桶86.75美元，跌幅为2.83%。明年1月份交货的布伦特原油期货价格大跌1.87美元，收于每?</t>
  </si>
  <si>
    <t>伯南克：财政悬崖走向攸关经济大局</t>
  </si>
  <si>
    <t>“财政悬崖”成为美国近期焦点，一定程度上会决定该国经济长远走势。继上周美国总统奥巴马就“财政悬崖”与国会领导人会晤商讨对策，美国联邦储备委员会主席伯南克20日也表示，倘若国会制定出解决预算问题、同时不伤害到经济复苏的长期方案，那么明年对美国经济来说将会是非?</t>
  </si>
  <si>
    <t>中日韩自贸区谈判正式启动</t>
  </si>
  <si>
    <t>历时十年，中日韩自贸区谈判终于正式启动。中国商务部网站20日消息称，在柬埔寨金边召开的东亚领导人系列会议期间，中日韩三国经贸部长举行会晤，宣布启动中日韩自贸区谈判。　　　　作为东亚经贸框架安排的重要组成部分，中日韩自贸区的进展一直备受国内外媒体的关注。中?</t>
  </si>
  <si>
    <t>法国遭穆迪降级  再伤欧元区根基</t>
  </si>
  <si>
    <t>国际信用评级机构穆迪19日宣布，因法国经济增长受多重结构性问题影响，且该国对欧债危机的风险敞口增大，决定将其主权信用评级由最高级Aaa下调一档至Aa1，评级展望仍为负面。　　　　穆迪还表示，欧元区内仅存的三个顶级评级国家德、荷、奥的评级展望仍为负面。有分析指出?</t>
  </si>
  <si>
    <t>购物季与销售税</t>
  </si>
  <si>
    <t>随着感恩节临近，美国人又要做好准备在又一年的“购物季”大买特买。在这样的季节，几乎所有美国人都只关心一个问题：在哪里买东西最便宜？这样的时候，另一个话题也会老生常谈地如期而至：销售税。　　　　第一次到美国旅游的王女士难掩在“购物天堂”纽约的第五大道购物?</t>
  </si>
  <si>
    <t>英特尔CEO意外辞职  继任者未定</t>
  </si>
  <si>
    <t>美国当地时间19日，芯片制造商英特尔首席执行官(CEO)欧德宁意外宣布，将于明年5月辞去公司管理职务和董事职位。　　　　据英国《金融时报》报道，这家世界第一大芯片制造商在快速增长的智能手机和平板电脑市场竭力开辟新业务之际，首次陷入没有明确首席执行官继任者的局面?</t>
  </si>
  <si>
    <t>遭多国反对  欧盟预算案“难产”</t>
  </si>
  <si>
    <t>欧盟定于11月22日至23日举行峰会，讨论2014-2020年财政预算。外媒称，欧盟拟撇开英国着手制定约为1万亿欧元的预算方案，接近欧盟国内生产总值的1.1%。由于遭法国、西班牙等多个成员国反对，此预算方案的达成注定艰难。　　　　据英国《金融时报》报道，欧盟官员开始撇开英?</t>
  </si>
  <si>
    <t>国内风电企业挺进新市场</t>
  </si>
  <si>
    <t>随着“三北”(华北、西北、东北)地区弃风规模的扩大，曾经鲜有人问津的中国南方省份和亚非拉等海外市场正在成为中国风电企业新的投资聚集地。　　　　在刚刚闭幕的“2012北京国际风能大会暨展览会”上，“开拓新市场”成为所有论坛讨论围绕的核心。与此同时，美国、南非、?</t>
  </si>
  <si>
    <t>有形与无形之手需有机结合</t>
  </si>
  <si>
    <t>2007年开始的金融危机，让全球深陷低迷的经济泥潭。反观美国处理此次危机，可谓是一场从上至下、由内而外的自省、反思与完善的过程，于中国乃至于全球，都是不可多得的防范和应对未来金融或经济危机的参考教程。　　　　回看美国“疗危”全程，可谓一场从上至下、由内而外?</t>
  </si>
  <si>
    <t>我国亟须有序培育页岩气下游市场</t>
  </si>
  <si>
    <t>记者日前在陕西、新疆、重庆、北京等地采访发现，从今年初以来，我国为推动页岩气发展出台了一系列鼓励政策，但是对页岩气下游市场的开发、培育却关注不够。事实上，页岩气下游市场发展得如何，直接关系到页岩气的发展前景。纵观世界上发展页岩气最好的国家美国页岩气的迅速?</t>
  </si>
  <si>
    <t>以创新驱动战略建立真正现代经济</t>
  </si>
  <si>
    <t>关于中国经济体制改革的路径、目标和战略，十八大报告在总结中国30多年改革实践的基础上，提出了成体系的新的目标和命题，从而完整地勾勒出中国未来建立真正的现代经济的宏伟目标和路线图。　　　　经过30多年的改革与发展，中国已经成为全球仅次于美国的第二经济大国，人?</t>
  </si>
  <si>
    <t>对影子银行监管不能留死角</t>
  </si>
  <si>
    <t>央行行长周小川在十八大记者招待会上说，最近国际上有些媒体对中国的影子银行议论得比较多。中国也像其他许多国家一样，会有影子银行，但是我们影子银行的性质和规模实际上要比本次金融危机中在发达国家中所暴露出来的影子银行的业务，从规模到问题来讲都要小得多。　　　?</t>
  </si>
  <si>
    <t>法国为何成众矢之的</t>
  </si>
  <si>
    <t>法国政府最近有点烦。　　　　先是在柏林的一个欧洲问题研讨会上，德国的政治家明确表达了对法国会否成为新的希腊的担忧。接着，国际货币基金组织(IMF)在11月初发布报告称，法国的竞争力缺失已成为该国宏观经济稳定、增长和创造就业所面临的主要挑战。紧接着，欧盟委员会公</t>
  </si>
  <si>
    <t>东盟会议共商一体化及区域合作</t>
  </si>
  <si>
    <t>为期三天的东盟领导人系列会议本月18日至20日在柬埔寨首都金边举行。包括东盟10国领导人、中国总理温家宝、美国总统奥巴马、韩国总统李明博、日本首相野田佳彦、印度总理辛格、澳大利亚总理吉拉德、新西兰总理约翰·基，以及亚洲开发银行、国际货币基金组织、联合国贸易和发?</t>
  </si>
  <si>
    <t>欧盟高等法院终裁中国奥康胜诉</t>
  </si>
  <si>
    <t>18日，浙江奥康鞋业股份有限公司收到欧盟高等法院下达的判决书，最终裁定欧盟初级法院在审理奥康抗辩欧盟反倾销的案件上，个别法律条款使用不当，欠缺公正，终审判定中国奥康胜诉。这标志着中国奥康公司不仅在行政上，而且在法律上取得了抗辩欧盟皮鞋反倾销的双重胜利。　?</t>
  </si>
  <si>
    <t>美国唐人街面临转型</t>
  </si>
  <si>
    <t>从19世纪首批中国移民踏上美国大陆起，唐人街就成为无数华人“美国梦”的起点。然而，随着中国经济飞速发展，不少移民放弃“美国梦”选择当“海归”。同时，一些早期移民的后代搬离唐人街，不再依赖这个圈子的资源谋求发展。　　　　受此影响，一批新兴的华人社区在美国多?</t>
  </si>
  <si>
    <t>财政悬崖：盖特纳的最后一战？</t>
  </si>
  <si>
    <t>一年有余的美国选战喧嚣归于沉寂。乍看白宫依然是奥巴马主掌、参众两院依旧由民主及共和两党分治，似乎没有太大改变，经济也依旧是美国人最大关注点。　　　　对成功连任的美国总统奥巴马来说，“财政悬崖”将是其未来四年的第一战，但对可能投身华尔街的盖特纳而言，这可?</t>
  </si>
  <si>
    <t>人类信用评级史翻开新的一页</t>
  </si>
  <si>
    <t>10月底，中美俄三国评级机构共同发起成立一个新型国际评级组织——“世界信用评级集团”，得到了全世界的高度关注。近日，我们得到了世界信用评级集团发起者、中国大公国际资信评级有限公司董事长关建中先生在集团成立新闻发布会上的讲话及三个发起机构的共同宣言。为了让社?</t>
  </si>
  <si>
    <t>德国：监管严格保障有机食品安全</t>
  </si>
  <si>
    <t>德国政府在大力推动有机农业发展的同时，对有机食品的质量和安全严格把关。从农田到餐桌，德国已拥有一套完整的食品安全监管网络，包括食品和饲料生产商的“谨慎自查义务”、严密的食品追踪体系、监管人员严格检测以及依法严办的问责制度等。　　　　目前，德国是欧盟最大?</t>
  </si>
  <si>
    <t>美国：非有机农业也可以是绿色的</t>
  </si>
  <si>
    <t>作为世界主要农产品供给国，美国有机农业近10年来增长较快，但规模和潜力有限，美国政府也并未把有机农业定为重点发展领域。美国非有机农业依托先进的技术和高效的管理，精准控制农药和化肥使用，使美国农业在食品安全和环境保护方面享有世界声誉，预计非有机农业在较长时期?</t>
  </si>
  <si>
    <t>美将启预算谈判应对“财政悬崖”</t>
  </si>
  <si>
    <t>美国总统大选结束后，有关“财政悬崖”的谈判即将展开。美财政部13日发布报告称，美国联邦政府2013财年第一个月——10月份预算赤字有所增长，奥巴马政府很可能通过对最富人群的高额税收以及削减预算赤字来面对这一难题。　　　　财政部报告显示，由于联邦政府支出的增长速?</t>
  </si>
  <si>
    <t>为“世界信用评级集团”开扇窗</t>
  </si>
  <si>
    <t>日前，大公国际资信评估有限公司、伊根-琼斯评级公司和俄罗斯信用评级公司——来自中、美、俄罗斯的三家独立评级机构联合起来，发起成立了“世界信用评级集团”，致力于主导创建可比较的适用于全球的评级体系。此举被誉为“顺应历史发展需要、构建新型国际评级体系的一个伟大</t>
  </si>
  <si>
    <t>欧盟财长未能就2013年预算达成协议</t>
  </si>
  <si>
    <t>欧盟财长在13日举行的会议上未能在调解程序的最后期限前就2013年预算达成协议。　　　　据会议主持人、塞浦路斯总统欧洲事务副部长安德烈亚斯·马夫罗扬尼斯在会后的新闻发布会上说，在从10月23日开始的调解程序期内，欧盟经济与财政理事会(即欧盟财长会议)本要就2013年预?</t>
  </si>
  <si>
    <t>多家房企再推融资计划</t>
  </si>
  <si>
    <t>14日，四大龙头房企之一的金地集团发布公告称，其全资附属公司拟在境外定价发行3.5亿美元五年期固息债券。这笔债券年利率7.125%，并将于新加坡交易所上市。　　　　事实上，这是金地近期内的第二次海外发债。今年7月，金地曾成功发售人民币12亿元的首批离岸人民币债券。?</t>
  </si>
  <si>
    <t>丰田全球再召回277万辆问题汽车</t>
  </si>
  <si>
    <t>丰田汽车公司14日表示，将在全球召回277万辆汽车，因这些车辆连接方向盘与变速箱的轴以及混合系统的水泵存在隐患。这是两个月内该公司第二起百万辆规模的车辆召回事件。　　　　丰田汽车公司14日向日本国土交通省提交报告称，由于零部件强度不足导致方向盘存在失灵隐患，将</t>
  </si>
  <si>
    <t>国家可为我赴伊朗油轮提供主权担保</t>
  </si>
  <si>
    <t>欧美对伊朗的制裁措施，深刻地影响了国际航运市场。据悉，国内各大保险公司和中国船东互保协会拒绝承保从事进口伊朗原油运输的船舶，我国的远洋油轮纷纷放弃伊朗业务。我国的能源安全状况堪忧。     主权担保并非中国首创，同是伊朗石油进口大国的日本和印度已开展了此项业</t>
  </si>
  <si>
    <t>欧盟宣布暂停征收航空“碳税”</t>
  </si>
  <si>
    <t>在发起国际争端持续近一年之后，欧洲当地时间12日，欧盟委员会宣布，在2013年秋季之前，暂停对进出欧盟国家的民用航班实施欧盟单方面采取的征收“碳税”的措施，同时希望2013年召开的国际民航组织代表大会能够就解决这一问题达成一个多边协议。     外交部发言人洪磊13日表</t>
  </si>
  <si>
    <t>希腊紧缩预算暂未换回“救命钱”</t>
  </si>
  <si>
    <t>尽管希腊在最后时间通过了紧缩预算案，但是12日的欧元区财长会议上，希腊申请援助贷款一事未取得立即批准，被延迟至11月21日至22日召开的会议上再次进行讨论，国际债权人只是同意将希腊财政目标实现的时间拖后。     欧元区财长攥紧钱袋     希腊一再重申该国资金将于11?</t>
  </si>
  <si>
    <t>寄望外国机构救A股不现实</t>
  </si>
  <si>
    <t>美国QE3的推出及其发酵，使原本就不缺钱的市场，流动性更加泛滥，不仅给防范全球通货膨胀留下了许多隐患，也使国际热钱更加需要寻找新的出路、新的目标。     据有关媒体报道，近一段时间以来，已有上千亿热钱涌入香港市场，屯兵待发，并有可能大举进军中国市场。对此，在?</t>
  </si>
  <si>
    <t>美基金经理在想什么</t>
  </si>
  <si>
    <t>四年一次的美国总统选举结束了。6日选举当天，金融市场看似“莫名其妙”的大涨，7日奥巴马连任后的第一个交易日又大跌，很容易给人造成错觉：基金经理很在意总统选举。     原本，很多华尔街人士对罗姆尼当选仍抱有一线希望。如果罗姆尼当选，或许市场会有短期的上扬，毕竟</t>
  </si>
  <si>
    <t>日本经济萎缩  政策加码预期升温</t>
  </si>
  <si>
    <t>全球第三大经济体日本12日公布了今年第三季度国内生产总值初值。内阁府公布的数据称，该季度日本经济增长为-0.9%，合年率为-3.5%。这是日本经济自灾后出现的最大跌幅，日本有可能在下个季度陷入衰退。　　　　这一数据基本符合预期。经济的负增长一方面反映了全球经济增长?</t>
  </si>
  <si>
    <t>希腊再次走在崩溃边缘</t>
  </si>
  <si>
    <t>希腊议会8日凌晨在民众的抗议声中以微弱多数通过新一轮紧缩措施，即通过进一步削减工资和补贴及裁减公务员等，节省约135亿欧元的政府开支。如果不出意外，它将为欧盟和国际货币基金组织向希腊发放315亿欧元救助贷款铺平道路。　　　　细算下来，这恐怕是希腊第五次游走于危</t>
  </si>
  <si>
    <t>国际金价止跌回升</t>
  </si>
  <si>
    <t>当周国际大宗商品市场波动主要受美国大选尘埃落定等事件影响，油价小幅回升，金价止住了连续四周的跌势。　　　　原油价格的大起大落成为市场焦点。美国大选尘埃落定，但“财政悬崖”的不确定性以及欧元区债务问题依旧困扰市场，打压原油、有色等品种价格，造成美国大选结?</t>
  </si>
  <si>
    <t>“财政悬崖”迫近  美两党谈判前景堪忧</t>
  </si>
  <si>
    <t>奥巴马连任美国总统后，从大宗商品到股市都以下跌做出反应，因为市场预计美国难以避免“财政悬崖”，全球面临溢出效应风险。本周奥巴马为此将召集参众两院领袖人物商讨协调方案，在增税标准上两院虽有协调空间，但双方最终达成协议的前景仍不明朗。　　　　接到奥巴马邀请?</t>
  </si>
  <si>
    <t>版号：A15</t>
  </si>
  <si>
    <t>美欧惩罚性关税无端瞄准我光伏产品</t>
  </si>
  <si>
    <t>中国与美国、欧盟的光伏贸易战正在升级。继当地时间11月7日美国决定对华光伏产品征收反倾销和反补贴关税之后，8日欧盟宣布对自中国进口的光伏电池产品发起反补贴调查，而这将是欧盟委员会迄今为止接到的最大一起反补贴申诉。　　　　中国光伏产品遭遇惩罚性关税　　　　9</t>
  </si>
  <si>
    <t>政经大事催生A股四大投资主题</t>
  </si>
  <si>
    <t>近日许多机构的研究报告认为，美国总统选举落幕等事件短期将提振A股。但市场也不能忽视经济基本面、政策预期、市场供给风险。机构在接受记者采访时表示，目前的配置方向可以有四大主题：一是周期性板块，二是轻工制造，三是新兴行业，四是低价国企重组股。　　　　政治大事</t>
  </si>
  <si>
    <t>亚洲青年：繁荣背后烦恼不少</t>
  </si>
  <si>
    <t>经济持续繁荣、受教育水平提高、收入增加，新一代亚洲青年的生活比父辈少了很多艰辛。但繁重学业、昂贵生活成本、激烈职场竞争和对高品质生活的期待，构成另一种“苦闷”，令他们倍感压力。　　　　幸运新一代　　　　一个周末夜晚，新加坡又一家夜店开张，25岁的管理顾?</t>
  </si>
  <si>
    <t>版号：A20</t>
  </si>
  <si>
    <t>欧盟报告：今年欧洲经济衰退超预期</t>
  </si>
  <si>
    <t>欧盟委员会7日发表了秋季经济展望报告。报告预计，2012年欧洲经济衰退程度将比预期更加严重，到2013年才会走上非常缓慢且不平坦的复苏之路，而且失业率也要到明年才会见顶。　　　　欧盟委员会在报告中下调了春季报告中对欧洲经济所作的部分预期，认为欧盟和欧元区经济在20</t>
  </si>
  <si>
    <t>奥巴马连任  美宽松政策有望延续</t>
  </si>
  <si>
    <t>花费数十亿美元的美国大选7日凌晨终于尘埃落定，奥巴马成功连任美国总统。除了奥巴马继续入主白宫外，民主党与共和党两党都守住了自己在国会参众两院的多数党地位，选举后的华盛顿政治格局与选前相比几乎没有变化。意味着“财政悬崖”和超宽松货币政策等状况仍将维持。接受《</t>
  </si>
  <si>
    <t>鄂尔多斯唱响政务“吉祥三保”</t>
  </si>
  <si>
    <t>一座亚洲最大的音乐喷泉，悄然出现在鄂尔多斯市康巴什新区的乌兰木伦河畔。在微微泛凉的秋风中，时而摇曳多姿时而冲霄而上的水柱在音乐声中闪烁着霓虹般的光芒。这样的美景，许多落户新城的农牧民几乎天天都能看到。　　　　鄂尔多斯的不少农牧民已经从马背上下来，住进五?</t>
  </si>
  <si>
    <t>欧洲多国期待中国企业“垂青”</t>
  </si>
  <si>
    <t>欧债危机迟迟难退，欧洲多国渴求外来资金合作。特别在“第三次工业革命”引发全球新的竞争背景下，寻求“走出去”的中国企业现在或许是从欧洲获取高新技术的最佳时期。记者近日调研发现，拥有高新技术优势的欧洲正放下身段，在以数字技术应用与新能源、新生产模式结合的新工?</t>
  </si>
  <si>
    <t>“世界一流大学都把育人放在第一位”</t>
  </si>
  <si>
    <t>英国诺丁汉大学校监、复旦大学前校长杨福家近日接受记者采访时，谈及中外大学间的比较，他认为“把育人放在第一位”是许多国外名校享有盛誉的法宝，建议国内高校引进国际先进教育理念，进一步加强教学工作，同时通过试点的方式，推动国内高等教育的改革。　　　　杨福家在1</t>
  </si>
  <si>
    <t>争抢洋品牌镀金非上策</t>
  </si>
  <si>
    <t>据报道，在刚刚闭幕的第112届广交会上，向中国企业“出售或者出租意大利老品牌”的意大利商人罗曼·杰罗诺克获得了巨大成功：在15天里，他一共接待了近800位中国商人，达成各类购买或租赁品牌意向超过100个“从家具到服装、皮包，什么品牌都有人想要”。　　　　网民认为，</t>
  </si>
  <si>
    <t>尽快出台统一的金融消费者保护法</t>
  </si>
  <si>
    <t>由于受分业监管的金融体制影响，目前我国金融消费者保护机构的设置也相应地采取了分业监管模式。“一行三会”各自分设金融消费者保护部门，面临如何相互协调、职能分工等有待进一步明确的问题。　　　　本轮全球金融危机发生之后，许多国家和地区都加强金融消费者权益保护?</t>
  </si>
  <si>
    <t>华尔街究竟在等谁？</t>
  </si>
  <si>
    <t>从清淡的股市来看，华尔街正在观望。和历史每一次总统选举前期一样，基金经理和投资银行们都在按兵不动，他们在静候新一届总统的诞生。　　　　11月6日晚或者7日凌晨，美国总统选举将尘埃落定。从各种民调来看，奥巴马和罗姆尼支持率不相上下。而对这两位候选人，华尔街同?</t>
  </si>
  <si>
    <t>法力推200亿欧元经济刺激措施</t>
  </si>
  <si>
    <t>一场从边缘国家萌芽的危机正向德、法等国蔓延。法国7日宣布将实施规模为200亿欧元的经济措施，试图通过对企业的税收减免来换取更多的就业，加强该国的出口竞争力，改善经济。　　　　5日，法国投资委员加卢瓦向总理提交了《振兴法国工业竞争力》的报告，提出了22项提高竞争</t>
  </si>
  <si>
    <t>我将欧盟光伏补贴措施诉至WTO</t>
  </si>
  <si>
    <t>面对来自欧美贸易保护主义的层层围堵，中国正式打响光伏反击战《经济参考报》记者获悉，在不久前对欧盟多晶硅发起“双反”调查之后，中国商务部5日正式将欧盟光伏补贴歧视性措施诉至WTO。与双反调查不同，多边争端解决机制下的诉讼将直指欧盟政策核心，给其有力一击。　　?</t>
  </si>
  <si>
    <t>中国货币政策调控难度加大</t>
  </si>
  <si>
    <t>“助推”各国货币对美元汇率持续上涨、“助推”香港、新加坡等地的楼市持续升温、“助推”更多投机资金流入各国股市……最近一个月内，发达经济体新一轮宽松货币政策的外溢效应正在逐步显现，新兴经济体集体面临资产价格上涨的压力。　　　　流动性的再泛滥直接冲击新兴经?</t>
  </si>
  <si>
    <t>“桑迪”甫过  美国又在反思</t>
  </si>
  <si>
    <t>美国东部时间2012年10月29日晚8时许，飓风“桑迪”在美国新泽西州海岸登陆。此后，这个五级飓风成为媒体每日高度关注的话题。　　　　由于邻近太平洋与大西洋，美国经常遭到飓风的打击，尤其是佛罗里达-纽约沿线。飓风的杀伤力很大，如何应对这样的灾害性天气也是各国都很?</t>
  </si>
  <si>
    <t>日本家电业逼近“沉没”</t>
  </si>
  <si>
    <t>电影“日本沉没”曾将日本人的危机意识表现得淋漓尽致，而这一幕正在日本家电业真实上演，像当年承认纺织、钢铁辉煌不再时一样，“日本家电”这块金字招牌正不可遏止地滑向“死亡”。　　　　“旗舰”企业正在衰退　　　　尽管早有心理准备而之前也进行了努力调整，但巨?</t>
  </si>
  <si>
    <t>中国页岩气开发面临难题</t>
  </si>
  <si>
    <t>美国“页岩气革命”爆发后，世界很多国家纷纷想复制美国奇迹，我国也是如此，然而简单的“复制”并不容易。除了关键技术的突破和应用外，美国“页岩气革命”的成功还有以下几方面的原因：一是充分竞争的市场环境。美国拥有最完善的市场经济体制，大量的中小企业都被允许自由?</t>
  </si>
  <si>
    <t>国产智能手机需要全方位创新</t>
  </si>
  <si>
    <t>目前，中国已超越美国成为全球最大的智能手机市场，然而不容忽视的是，三星、苹果两家公司的市场份额达到46.1%，同时赚取了绝大部分利润。面对三星、苹果的大行其道，本土智能手机如何才能在与巨头的同台博弈中后来居上，实现超越？　　　　业内人士认为，国产智能手机产业</t>
  </si>
  <si>
    <t>最多金的美国大选到底惠及谁</t>
  </si>
  <si>
    <t>11月6日，美国终于迎来大选投票日。美国总统奥巴马和共和党候选人罗姆尼在此之前比着筹款、比着烧钱，已联手创造了一个新的纪录，让本届大选成为“最多金的大选”。　　　　据两大竞选阵营10月25日晚向联邦选举委员会提供的最新数据，截至今年10月17日，现任民主党总统奥巴</t>
  </si>
  <si>
    <t>三大央行议息  澳大利亚降息预期最强</t>
  </si>
  <si>
    <t>本周从6日起，澳大利亚、英国、欧洲三大央行相继召开议息会议，市场预计澳大利亚可能降息，而另外两家央行都谨慎维持利率不变。市场另一大关注点是欧洲央行对购债计划(OMT)的表态，等待新的“救市火箭筒”启动。　　　　澳大利亚央行将于6日公布最新利率决议。全球最大债基</t>
  </si>
  <si>
    <t>灾后重建将抵消灾害损失</t>
  </si>
  <si>
    <t>超出预期的飓风造成的经济损失仍十分巨大。　　　　10月31日，美国媒体评论称，“纽约经历了一场日本福岛式的灾害——尽管没有核辐射。”　　　　基础设施受损为了防止电力故障，负责纽约电力供应的联合爱迪生电力公司在10月29日前加派了工作人员，提前关闭了曼哈顿和城?</t>
  </si>
  <si>
    <t>光明付讫国内食品业海外收购“最大单”</t>
  </si>
  <si>
    <t>中国食品行业最大的海外并购项目正式完成。记者近日从光明食品(集团)有限公司获悉，光明食品对英国维多麦(Weetabix)食品公司的收购正式完成交割，该项目交易对价近7亿英镑(约合70亿元人民币)，包括购买60%的股权和承担部分债务。　　　　光明食品是中国最大的食品产业集团?</t>
  </si>
  <si>
    <t>低息美元套利追逐新兴经济体</t>
  </si>
  <si>
    <t>资本正在加速流入新兴市场国家。根据美国新兴市场投资基金研究公司(EPFR)最新一期报告，中国经济反弹预期引领新兴市场受到资金青睐。新兴市场股票基金和债券基金分别延续了8周和21周的吸金态势。　　　　热钱涌入新兴市场国家的原因，正是利差和汇差的双重收益诱导。而长期</t>
  </si>
  <si>
    <t>G20财金会议锁定欧美债务风险</t>
  </si>
  <si>
    <t>二十国集团(G20)财长和央行行长会议4日至5日在墨西哥城举行，本次会议将继续发酵的欧洲主权债务危机列为主要议题，同时将注意力逐渐集中到美国未来两个月可能面对的“财政悬崖”问题。因欧洲央行行长德拉吉、美国财长盖特纳等重量级人物缺席，本次会议达成实质性成果的几率大</t>
  </si>
  <si>
    <t>认清汇率战背后的真实逻辑</t>
  </si>
  <si>
    <t>美国启动第三轮量化宽松之后，全球外汇市场陷入新一轮动荡：一方面人民币汇率连续数日触及“涨停”，香港金管局在短短两周之内十次干预外汇市场，展开热钱阻击战。另一方面印度央行、日本央行继续开闸放水，抑制本币过快升值，汇率战的风险正在累积。面对如此乱局、迷局，这?</t>
  </si>
  <si>
    <t>揭秘国外大学教育基金“魅影”</t>
  </si>
  <si>
    <t>随着上市公司三季报日前陆续披露，合格境外机构投资者(QFII)的动向再次成为市场的焦点。　　　　今年以来，机构获批QFII资格的速度明显加快。证监会公布的最新QFII名录显示，9月共有7家机构获得资格。这7家机构中，在美国社会和高等教育系统中具有极其重要地位的杜克大学赫</t>
  </si>
  <si>
    <t>海外置业趋热专家呼吁理性考量</t>
  </si>
  <si>
    <t>近日，一条“66万元人民币购房移民德国”的微博，在网上被广泛转发和跟帖热议，后经证实购房即能获得德国绿卡根本不靠谱，但时下确实有一股海外置业热潮在涌动。　　　　近期北京、上海等城市举行的秋季房展会上，海外参展商都多达100多家，来自北美、欧洲、东南亚和大洋洲</t>
  </si>
  <si>
    <t>中国对欧盟多晶硅双反立案</t>
  </si>
  <si>
    <t>商务部11月1日发布公告称，决定即日起对原产于欧盟的进口太阳能级多晶硅进行反补贴调查、反倾销调查，并将与此前已发起的对美、韩多晶硅产品的“双反”调查进行合并调查。    数据显示，今年前三季度中国多晶硅累计进口量达到6.45万吨，以26.5美元/千克的平均价格来算，总?</t>
  </si>
  <si>
    <t>英美电信运营商宣布仍用华为设备</t>
  </si>
  <si>
    <t>尽管欧美部分国家政府以“安全性”为名，对华为、中兴等中国电信设备制造商发起调查，但来自运营商的支持却正在帮助中国厂商突破这些阻碍。　　　　英国当地时间10月31日，英国最大的电信运营商EE(Everything Everywhere，T-Mobile与Orange合资)正式在英国开通4G商用服务，</t>
  </si>
  <si>
    <t>缺乏炒作题材粮价弱势震荡</t>
  </si>
  <si>
    <t>前期市场对于美国天气的热炒随着天气转冷迅速降温，接受《经济参考报》记者采访的专家分析认为，目前豆类、玉米、小麦等粮食期货市场关注焦点已更多地转向需求、政策等国内因素，市场暂时缺乏强有力的炒作题材，粮价整体将呈现震荡偏弱的运行格局。　　　　豆类多空因素交?</t>
  </si>
  <si>
    <t>日非法“购岛”重挫中日经贸关系</t>
  </si>
  <si>
    <t>良好的政治环境和国与国关系，是两个国家发展经贸关系的基石。日本非法“购岛”闹剧已经对中日经贸关系造成负面影响。日本驻华大使丹羽宇一郎10月20日在母校名古屋大学发表演讲表示，自己非常担忧，在最坏情况下，日中邦交正常化40年来的成果将毁于一旦。　　　　1972年中?</t>
  </si>
  <si>
    <t>世界经济将进入5到10年的紧缩期</t>
  </si>
  <si>
    <t>日前，北京智能经济研究院、北京工商大学世界经济研究中心在北京发布的《2012年世界经济风险指数与主权国家评级》报告预测，未来世界经济紧缩将是中长期的，包括美国、欧元区、日本在内的世界经济将进入5-10年甚至更长的紧缩时期，而受此影响2013年中国经济增长率基线为6%，?</t>
  </si>
  <si>
    <t>和美国选民的三场对话</t>
  </si>
  <si>
    <t>站在临近终点的地方回头再望这个大选年，感觉更像看了一场由营销、传媒大家们策划执行的“政治秀”。媒体聚光下，为数众多的美国选民似乎都是总统候选人们苦口婆心争取到底的“关键一票”。各类民调上，他们又是各具噱头、各种解读却仍让人雾里看花的民意数据。真实生活中，?</t>
  </si>
  <si>
    <t>量化宽松难遏日本经济下滑</t>
  </si>
  <si>
    <t>日本银行(央行)10月30日举行货币政策会议，决定把购买国债等的资产收购基金额度再增加11万亿日元。继9月后继续实施量化宽松，这种做法实属罕见。日本再次表明促使国内经济复苏并走出通缩的态度。　　　　日本央行连续两个月量化宽松自然有欧美相继推出“无限量版”量化宽松</t>
  </si>
  <si>
    <t>迪士尼40.5亿美元统领“星战”</t>
  </si>
  <si>
    <t>华特·迪士尼公司同意以40.5亿美元股票加现金方式收购“卢卡斯影业”。这意味着电影《星球大战》系列的特许经营权将成为华特·迪士尼的资产。　　　　迪士尼将向“卢卡斯影业”发行约4000万股公司股票，另一半收购代价将以现金方式支付。该公司称，此次交易把两个高度兼容?</t>
  </si>
  <si>
    <t>希腊新紧缩措施等待表决</t>
  </si>
  <si>
    <t>希腊总理萨马拉斯10月30日宣布，希腊政府已经与国际救助方完成关于新紧缩和2013年预算的谈判，这为希腊争取到欧盟和国际货币基金组织尽早发放下一笔救助贷款打通了一个关节。　　　　萨马拉斯在一份书面声明中表示，希腊完成了关于紧缩措施和2013年预算的谈判，终于获得了?</t>
  </si>
  <si>
    <t>日系车企销量下滑态势仍将持续</t>
  </si>
  <si>
    <t>“购岛”闹剧让中日合资汽车企业付出惨痛代价。统计表明，在传统的金九银十，丰田、本田、日产等日系车在华销量普遍出现了四成以上的下滑。业内人士认为，这样的下滑态势还将持续相当一段时间。　　　　针对部分4S店和车辆被砸的情况，广汽丰田、东风日产等合资企业为了消?</t>
  </si>
  <si>
    <t>多家Libor涉案行或与司法机构和解</t>
  </si>
  <si>
    <t>随着对Libor(伦敦银行间隔夜拆借利率)操纵案调查进一步扩大，又有九家银行被美国纽约州和康涅狄格州总检察长传唤，要求其配合调查，从而使卷入在美涉嫌操纵Libor的银行总数增至16家。据外媒报道，这些银行中的大部分有望或迟或早与司法机构达成和解。　　　　新增加的接受?</t>
  </si>
  <si>
    <t>美国街头民调缘何要问中国？</t>
  </si>
  <si>
    <t>邻近社区近日举办一年一度的文化节，一个非政府组织的民调机构展台前人气兴旺。出于好奇，笔者也动手填写问卷，对大选前美国民调机构到底在搜集何种信息一探究竟。　　　　在“你最关心的经济议题”六个分选项中，竟有中国的经济威胁这一项，让人多少感到有些意外。但既然?</t>
  </si>
  <si>
    <t>小县城涌现出产业巨头</t>
  </si>
  <si>
    <t>提起做酒的“秦池”，在全国可谓无人不晓。很多年前，这家地方小酒厂曾以3.2亿元夺得央视广告标王，一时轰动全国。　　　　然而，秦池集团很快便因“勾兑门”事件而兵败滑铁卢。时至今日，当地人仍在为这起事件而对媒体耿耿于怀，甚至大喊冤枉。他们认为，勾兑是酿酒行业的</t>
  </si>
  <si>
    <t>德国给希腊二次债务减记泼冷水</t>
  </si>
  <si>
    <t>在加大紧缩力度及经济深度衰退的重压下，希腊债务问题依然严峻。对希腊进行审计的“三驾马车”日前建议对希腊债务进行新一轮减记，但马上遇到德国反对。　　　　希腊减债目标难达　　　　希腊已经接受国际救援并进行大规模的债务减记，但由于其经济连续衰退，失业率创出?</t>
  </si>
  <si>
    <t>华为如何取信澳洲民众？</t>
  </si>
  <si>
    <t>告读者：新华社驻悉尼记者傅云威任期已满“看澳洲”专栏今后由新华社驻堪培拉记者徐海静主持，同样精彩，敬请关注。    对于澳大利亚民众和媒体来说，华为是个既熟悉又陌生的名字。它成就斐然，却似乎一直笼罩在迷雾之中。所以，当今年年初，澳大利亚政府宣布禁止华为澳大?</t>
  </si>
  <si>
    <t>左手钞票,右手选票</t>
  </si>
  <si>
    <t>在美国总统竞选这场旷日持久、备受关注的政治活动中，对那些为数众多、其实不太关心政治的美国老百姓来说，吸引眼球的恐怕还是来自候选人身后星光耀眼的“名人亲友团”。总统候选人将各路明星奉为座上宾、掌中宝，看中的莫不是他们对钞票和选票的号召力。　　　　不过，当?</t>
  </si>
  <si>
    <t>内外政策势差主导本轮人民币升值</t>
  </si>
  <si>
    <t>近一时期，亚洲乃至全球外汇市场最引人瞩目的，恐怕要数香港金融管理局四度干预汇市以及人民币汇率持续飙升，由于香港实行联系汇率制度，港元的相对贬值反映了人民币兑美元汇率的相对强势，而“一升一贬”背后，内外货币政策的势差则是本轮人民币大幅升值的根本原因。　　?</t>
  </si>
  <si>
    <t>从“银发困扰”到“银发产业”</t>
  </si>
  <si>
    <t>刚刚过去的重阳节，又将如何应对人口老龄化的问题摆在了世人面前。这不仅是中国面临的棘手问题，也是全球的共同难题。如何将“银发困扰”变为“银发商机”，继而打造“银发产业”，也是各国正在探寻之路。前不久，本报驻外记者实地采访了美国、瑞典、新加坡的有关部门和养老?</t>
  </si>
  <si>
    <t>经济不稳  日刺激经济措施不断加码</t>
  </si>
  <si>
    <t>日本政府26日正式批准了一项规模为4226亿日元(约50亿美元)的紧急经济对策，以应对日本经济进一步下行的风险。但是，有分析认为，此项刺激措施规模不足。日本财政大臣表示，日央行可能于本次例会再推宽松政策。　　　　大选经济促推额外刺激计划　　　　野田政府支持率不?</t>
  </si>
  <si>
    <t>QE3发酵亚洲重演水漫金山？</t>
  </si>
  <si>
    <t>新一轮资金流正在追逐亚洲的风险资产。根据全球资金追踪机构新兴市场投资基金研究公司(EPFR)北京时间27日发布的数据，在截至10月24日的一周内，全球新兴市场股票基金连续第七周吸金，其中，除日本外的亚洲市场股票基金吸金超过10亿美元，并且资金流入规模达到了过去15个月中?</t>
  </si>
  <si>
    <t>集中报废  上亿节能灯藏污染隐患</t>
  </si>
  <si>
    <t>随着经济的快速发展，近年我国电子废弃物产生的速度十分惊人。据2010联合国环境规划署发布的报告，我国已成为世界第二大电子垃圾生产国，每年生产超过230万吨电子垃圾，仅次于美国的300万吨；到2020年，我国的废旧电脑将比2007年翻一番到两番，废弃手机将增长7倍。电子废弃物</t>
  </si>
  <si>
    <t>中东经济“冰火两重天”</t>
  </si>
  <si>
    <t>近两年来，具有世界油库之称的中东地区国家经济呈现“冰火两重天”状况。一方面，油价飙升使中东石油出口国获利丰厚进而推动经济快速发展；另一方面，高油价加上政局动荡使中东石油进口国深受其害，导致经济严重受损。　　　　国际货币基金组织(IMF)10月份发表的最新《世界</t>
  </si>
  <si>
    <t>美经济增长2%难阻市场悲观预期</t>
  </si>
  <si>
    <t>美国经济第三季度增长2%，高于市场预期，得益于几个月的消费者和联邦政府开支增加以及住房市场的改善，总统大选前的最后一份成绩单呈现出亮点。但对外贸易和企业非住房固定投资等指标则发出了警示信号。市场人士对于消费增长持续力和美国政府避免“财政悬崖”的疑虑并未消除?</t>
  </si>
  <si>
    <t>应对欧债危机绕不开修约门槛</t>
  </si>
  <si>
    <t>大家知道，欧盟是一个由27个主权国家组成的联盟。在这样一个成分复杂的联盟里，各成员国之间存在意见分歧是常有的事。而欧盟的性质又要求各成员国在许多重大问题，包括内政、外交方面保持一个声音。特别是随着欧债危机的爆发，欧盟应对危机与加快推进一体化这两个战略已经形?</t>
  </si>
  <si>
    <t>得“摇摆州”者得天下</t>
  </si>
  <si>
    <t>穿插在后两场美国总统候选人辩论之间，10月18日阿尔弗雷德·史密斯纪念基金会慈善晚宴可谓纽约城中盛事。依照竞选惯例，两党候选人奥巴马与罗姆尼必须分别在演讲中抖包袱、拼幽默，玩着“笑里飞刀”。“我们到纽约干嘛来了？”这是奥巴马的包袱之一，在座纽约客们会意大笑。?</t>
  </si>
  <si>
    <t>花旗易帅,科伯特如何指引未来？</t>
  </si>
  <si>
    <t>美国第三大银行花旗集团16日意外宣布，首席执行官维克拉姆·潘迪特(又译潘迪特)辞职，其与董事会之间的种种矛盾随即浮出水面。　　　　潘迪特的继任者、花旗“老兵”迈克尔·科伯特虽然在接受任命后做出承诺，将遵循潘迪特的既定策略，继续推动银行变革，但有分析人士指出?</t>
  </si>
  <si>
    <t>治理垃圾短信应先罚运营商</t>
  </si>
  <si>
    <t>执法严苛的新加坡欲以重罚铲除推销电话和垃圾短信。旁观于千里之外的中国网民，表现出置身其中的兴奋。很多信奉“棍棒之下出规矩”的博友提议中国可以效仿，也有不少参与“经济参考微话题”讨论的博友心存画虎类犬之忧。在后者看来，“罚谁”比“该不该重罚”更值得思考。从?</t>
  </si>
  <si>
    <t>固定汇率下希腊不会退出欧元区</t>
  </si>
  <si>
    <t>在固定汇率下，当一国出现国际收支顺差时，该国货币面临升值压力，中央银行必须通过买入外汇卖出本币来干预外汇市场，以维持汇率的稳定。在买入外汇卖出本币的同时，本国货币供应量相应增加，带来支出水平的上升，最终自动矫正国际收支顺差，从源头上消除货币升值压力。　?</t>
  </si>
  <si>
    <t>苹果专利战  荷兰判三星不侵权</t>
  </si>
  <si>
    <t>荷兰一家法院24日裁决，美国苹果公司针对韩国三星电子有限公司的一项专利侵权指控不成立。三星电子在“专利战”欧洲战场再胜一局。　　　　海牙地区法院法官彼得·布洛克认定，三星电子“银河”系列产品采用不同技术，没有侵犯苹果公司的多点触控专利。法院要求苹果公司承?</t>
  </si>
  <si>
    <t>美欧央行释义刺激新政  市场忧通胀</t>
  </si>
  <si>
    <t>美联储和欧洲央行24日分别发出声音，向公众解释其新近出台的刺激政策。在强调政策合理性的同时，都对市场担忧的通胀威胁加以解释。不过，以“股神”巴菲特为代表的市场人士对政策效力的判断并不乐观。    阐述政策必要性    美联储24日公布的政策声明称，依旧认为美国经?</t>
  </si>
  <si>
    <t>财政货币政策要兼顾保稳定和调结构</t>
  </si>
  <si>
    <t>2012年三季度，主要发达国家的货币政策变得更加积极，纷纷采用更加宽松的货币政策来应对经济增长乏力和避免政治选举带来的经济运行不稳定。其中，欧央行推出OMT(直接货币交易计划)，即为欧洲版QE，美国推出QE3，日本央行再次扩大资产购买计划10万亿日元。新兴市场方面，通胀?</t>
  </si>
  <si>
    <t>欧元区十国拟率先征收金融交易税</t>
  </si>
  <si>
    <t>欧盟委员会主席巴罗佐23日宣布，批准德国、法国、意大利、西班牙等10个欧元区国家提出的征收金融交易税的提议，但是这些国家启动征收计划还需其他欧盟国家和欧洲议会的批准。欧盟委员会计划在11月拿出立法草案，年底前得到所有参与国以及欧洲议会的批准。　　　　巴罗佐当?</t>
  </si>
  <si>
    <t>发展中国家可参照“汽车指数”</t>
  </si>
  <si>
    <t>“收入水平”是得到全球广泛应用的“中产阶级”衡量标准。然而，随着发展中国家的中产阶级不断崛起，这一标准表现出较大不足。为此，美国卡内基国际和平基金会学者乌里·达杜什和辛姆埃尔瑟·阿里在今年7月份发布的一份报告中提出，利用汽车消费的相关数据对发展中国家的中产</t>
  </si>
  <si>
    <t>中国超美国成最大引资国</t>
  </si>
  <si>
    <t>全球外商投资流向正在发生显著变化。联合国贸易和发展会议(以下简称“贸发会议”)24日发布的2012上半年全球投资监测报告披露了这一重要转向：今年上半年，流入发展中经济体的外商投资首次超过流入发达经济体的外商投资；中国吸收外资超过美国，成为全球最大外商投资目的地。$</t>
  </si>
  <si>
    <t>英共总书记眼中的真实中国</t>
  </si>
  <si>
    <t>在英国伦敦市中心克拉肯韦尔格林大街上，有一幢古朴的二层小楼。该楼外表看似寻常，实则内有乾坤，是英国共运人士于1933年为专门收藏马克思著作、传播马克思主义而建立的马克思纪念图书馆。　　　　中共十八大将于11月8日召开的消息发布后，英国共产党总书记罗伯特·格里菲</t>
  </si>
  <si>
    <t>中国和欧洲的战略合作非常重要</t>
  </si>
  <si>
    <t>从日前举行的欧盟峰会结果看，欧债危机解决仍然长路漫漫，但在欧洲金融业的一些从业人士看来，事情转机的曙光正在显现。意大利联合圣保罗银行的首席执行官卡西阿尼(Enrico Tommaso Cucchiani)近日对《经济参考报》记者表示，正有越来越多人认识到解决欧债的途径不是解体，而?</t>
  </si>
  <si>
    <t>10月汇丰PMI初值创3个月新高</t>
  </si>
  <si>
    <t>24日发布的10月汇丰制造业采购经理人指数(PMI)初值录得49.1，为3个月高点。汇丰PMI被认为更多反映了中小企业景气状况。与该数据相对应的是，《经济参考报》记者近日采访发现，东部沿海地区的企业家信心正明显增强。　　　　“10月汇丰制造业采购经理指数初值创下3个月高点?</t>
  </si>
  <si>
    <t>中海油在美遭集体诉讼</t>
  </si>
  <si>
    <t>在距离收购加拿大尼克森(NEXEN)公司倒数21天之际，中国海洋石油(00883.HK，下称“中海油”)又因渤海漏油事故而陷入风波：有投资者向美国纽约南区法院提起集体诉讼，指控中海油在渤海漏油事故中涉嫌发布重大虚假和误导性声明。对此，中海油称指控无法律依据，将竭力辩护。</t>
  </si>
  <si>
    <t>丰田全球产量难达千万辆目标</t>
  </si>
  <si>
    <t>由于在华销售不景气，日本丰田汽车公司下调产量预测，预计2012年全球产量(包括大发工业和日野汽车)980万至990万辆，低于1005万辆的原定目标。　　　　根据10月22日丰田向部分部件供应商发出的通知来看，除去子公司大发和日野，丰田把本年度(2012年4月至2013年3月)的产量下?</t>
  </si>
  <si>
    <t>地方告急  西班牙申请救助压力增</t>
  </si>
  <si>
    <t>评级机构穆迪22日宣布，因西班牙安达卢西亚等5个地区财政状况恶化、债务违约风险上升，下调上述地区信用评级。在此之前，已有8个地区先后向自身难保的西班牙中央政府求援。分析人士指出，来自地方政府的求援压力，可能迫使西班牙政府改变目前的拖延态度，尽早正式向欧盟提出?</t>
  </si>
  <si>
    <t>美国大选：拼经济还是拼阶级？</t>
  </si>
  <si>
    <t>“笨蛋，(问题)是经济！”这是1992年美国总统竞选中出自民主党候选人比尔·克林顿最出名的口号，并犹如魔咒般击败了以海湾战争树立美国硬汉形象的时任共和党总统老布什。很难说，老布什究竟是输给了对手，还是输给了自己疏于经济的战略。　　　　这一次，竞选双方都认同经?</t>
  </si>
  <si>
    <t>利好政策密集出台  国内光伏市场升温</t>
  </si>
  <si>
    <t>面对美国“双反”、欧洲反倾销下的欧美市场萎缩，中国光伏企业开始将更多的目光转向国内市场，而近期国家发改委、国家能源局、工信部等部委扶持政策的增多则使得这股开发热情进一步升温。对此，专家指出政策的进一步细化和落实对国内市场的开启更为重要。　　　　《经济参?</t>
  </si>
  <si>
    <t>美联储引领议息周  料“按兵不动”</t>
  </si>
  <si>
    <t>在世界银行和国际货币基金组织(IMF)最新调低全球经济增长预期后，全球主要央行是否会再度齐推宽松政策再次受到关注。本周美国、加拿大、新西兰等央行将举行议息会议，预计都会“按兵不动”。　　　　最为市场关注的是美联储将于23日召开为期两天货币政策会议，会后公布议息</t>
  </si>
  <si>
    <t>俄石油公司收购TNK—BP全部股份</t>
  </si>
  <si>
    <t>俄罗斯石油公司Rosneft22日宣布，该公司分别与英国石油公司和俄罗斯私人财团AAR达成协议，购买它们各自持有的秋明-英国石油公司(TNK-BP)50%的股份。　　　　根据俄石油公司在其官网上发表的声明，俄石油公司将用171亿美元现金和本公司12.84%股份收购英国石油公司持有的秋明</t>
  </si>
  <si>
    <t>一位美国学者讲述“中国人在非洲”</t>
  </si>
  <si>
    <t>“对中国和非洲关注了近三十年，我想自己在这一领域比较有发言权，”美国知名中非问题学者黛博拉·布罗蒂加姆说。　　　　结束了今夏在中国和非洲的访问，布罗蒂加姆正式出任位于华盛顿的约翰斯·霍普金斯大学国际问题高级研究学院国际发展项目主任。随着中国经济力量和国?</t>
  </si>
  <si>
    <t>英国重申支持华为在英开展业务</t>
  </si>
  <si>
    <t>据英国媒体22日报道，英国首相府日前表态支持华为在英国开展业务。此前，美国国会发布报告称，华为可能对美国电信安全构成危险；而上周传出消息称，英国议会的下属委员会也对华为与英国电信之间的合作展开调查。　　　　对此，英国首相府再度重申，欢迎华为在英国开展业务?</t>
  </si>
  <si>
    <t>油气专家：中国页岩气勘探开发面临四大瓶颈</t>
  </si>
  <si>
    <t>在18日举行的“第二届亚洲页岩气峰会(上海)2012”上，中国华电集团油气公司总工程师杨堃表示，中国页岩气资源量丰富，但勘探开发仍面临四大瓶颈，应及时解决以进一步促进中国页岩气勘探开发的健康发展。　　　　杨堃介绍，首先，中国页岩气资源落实存在难点。国内主要页岩?</t>
  </si>
  <si>
    <t>电动汽车：从梦想到现实有多远</t>
  </si>
  <si>
    <t>4年前，德国汽车制造商宣布电动汽车时代终于来临了。“电动汽车来了！对此迟疑不决的汽车制造企业，日子要难过了。”宝马总裁雷诺夫当时断言。大众、宝马、奔驰相继宣布各自的发展规划，争相推出各自品牌的电动汽车。　　　　3年前，德国政府启动了雄心勃勃的“国家电动汽?</t>
  </si>
  <si>
    <t>欧洲银行业联盟开走“第一步”</t>
  </si>
  <si>
    <t>欧盟首脑会议19日在布鲁塞尔闭幕。欧洲理事会主席范龙佩宣布，欧盟各国首脑同意在2013年1月1日建立银行业单一监管机制的法律框架并开始逐步实施。银行业单一监管机制是建立欧洲银行业联盟“三步走”的第一步。　　　　建立银行业单一监管机制　　　　尽管此前各方分歧较?</t>
  </si>
  <si>
    <t>韩国强力扶持中小微企业</t>
  </si>
  <si>
    <t>长期以来，韩国十分注重对中小企业和小微企业的扶持和培养。目前，韩国中小企业数量超过300多万个，占全国企业总数的99.9%，创造价值占GDP的50%。为了保证中小微企业的生存空间，韩国政府努力为中小微企业营造公平竞争环境，防止大企业垄断经营。　　　　韩国成立了直属总?</t>
  </si>
  <si>
    <t>日本减轻中小企税负措施得力</t>
  </si>
  <si>
    <t>日本历来非常重视培育、扶植和支持中小企业。在日本，包括小微企业在内的中小企业大约有419万家，占日本企业总数的99.7%。　　　　在立法方面，日本制定有《中小企业基本法》《中小企业支援法》《中小企业融资畅通法》《中小企业信用保险法》《中小企业金融公库法》《中小?</t>
  </si>
  <si>
    <t>罗姆尼：想靠“模糊牌”赢大选？</t>
  </si>
  <si>
    <t>在16日晚的次轮美国总统辩论中，共和党候选人罗姆尼继续向谋求连任的总统奥巴马发动凌厉攻势，没有负担的他，将未来美好的承诺和对奥巴马政府的抨击调制成诱惑美国民众的一杯鸡尾酒。从近期民调来看，针对奥巴马这四年来的经济策略，罗姆尼阵营打出的“模糊牌”已经收到了预?</t>
  </si>
  <si>
    <t>日本经济刺激新政蓄势待发</t>
  </si>
  <si>
    <t>日本首相野田佳彦10月17日在内阁特别会议上，要求各部长制定详细方案，在下月末启动新一轮经济刺激措施。　　　　据日本媒体报道，新一轮刺激措施可能包括遏制通缩、缓解日元升值压力、扩大震后重建工作，以及放松对于企业的监管等方面。刺激措施的规模约为1万亿日元。</t>
  </si>
  <si>
    <t>向文波：起诉奥巴马实属无奈</t>
  </si>
  <si>
    <t>18日，针对前不久将美国总统奥巴马和美国国外投资审查委员会(CFIUS)告上法庭一事，三一集团在京召开媒体沟通会详述原委。《经济参考报》记者在媒体沟通会上了解到，本案将于11月底之前作出初步裁定。　　　　三一集团副总经理、罗尔斯(Ralls)公司首席执行官吴佳梁在沟通会?</t>
  </si>
  <si>
    <t>音乐产业的剧变</t>
  </si>
  <si>
    <t>还记得伦敦奥运会闭幕式上的“夜店”情景吗？整个闭幕式场馆在DJ的操作下，劲吹英伦风，英国新老歌星悉数登场，通过奥运的窗口，向世人展示了其傲人的音乐产业。　　　　你也许还记得在奥运闭幕式舞台上大放异彩的裸色装女星JESSIEJ，她的《WHOYOUARE》成为今年来网络下载?</t>
  </si>
  <si>
    <t>美页岩气开发驱动全球能源革命</t>
  </si>
  <si>
    <t>页岩气是一种特殊的非常规天然气，教科书将其定义为赋存于暗色泥页岩、粉砂质泥岩地层中的天然气，是清洁、高效的能源资源和化工原料。早在1921年，美国就钻探了世界上笫一口工业性页岩气井，美国的页岩气勘探生产和开发研究被称为“静悄悄的革命”。据统计，2000年全美页岩?</t>
  </si>
  <si>
    <t>新能源车驰骋巴黎车展</t>
  </si>
  <si>
    <t>作为全球最大车展，巴黎车展向来引人注目。今年的巴黎车展处在欧债危机的大背景下，这场以新能源、新动力以及高端新车型为主色调的车展，似乎更多地在向人们传递对未来的信心和祈盼。　　　　在欧洲汽车市场整体低迷的情况下，各厂商推出引人注目的新车并不是很多，节能环?</t>
  </si>
  <si>
    <t>季节性因素带动煤炭弱势回暖</t>
  </si>
  <si>
    <t>17日，环渤海动力煤价格指数连续七周出现上涨，且涨幅有所扩大。与此同时，有煤炭市场晴雨表之称的秦皇岛港煤炭库存也降至600万吨以下。业内人士认为，近期环渤海地区煤炭场存下降、价格上涨主要是由于“冬储煤”季节性需求的回升，但国内经济形势仍未明显回暖，煤炭需求疲软</t>
  </si>
  <si>
    <t>经济转型不可轻视传统产业</t>
  </si>
  <si>
    <t>据国内媒体报道，法国南特人民银行近日的一份报告预测，中国的劳动力成本将在4年内赶上美国、5年内追平欧元区、7年内与日本持平。近年来外媒热议，工资水平快速增长正威胁“中国制造”的竞争力，动摇着中国作为“世界工厂”的地位；国内不少学者则疾呼：“中国制造”必须加快</t>
  </si>
  <si>
    <t>软银的通信航母梦</t>
  </si>
  <si>
    <t>日本软银15日与美国第三大移动通信公司Sprint Nextel达成了协议，软银将以总额201亿美元(约15709亿日元)收购Sprint Nextel。201亿美元的收购金额中，80亿将从Sprint Nextel买入股票，其余从市场收购。完成收购后，软银将持有Sprint Nextel70%的股份，掌握经营权，手机签约数?</t>
  </si>
  <si>
    <t>求援预期升温西班牙危机显转机</t>
  </si>
  <si>
    <t>犹豫数月之后，终于有越来越多的迹象表明，西班牙政府更加接近决定是否申请全面救助。这也使投资者对西班牙国债的信心有所改善。西班牙财政部16日发行48.6亿欧元国债，收益率较此前略有下降，融资金额也超过预期。　　　　西班牙财政部16日发行12个月期国债34亿欧元，认购?</t>
  </si>
  <si>
    <t>华为应让更多人“听懂自己”</t>
  </si>
  <si>
    <t>还记得一年多前，华为在那封著名的公开信里所引述的奥巴马就职演说中的那句话吗？——“我们宣布要为无谓的摩擦、不实的承诺和指责画上句号。”　　　　事实是，要画上句号真的好难。　　　　在去年初华为被迫放弃收购3Leaf的交易后，它以华为美国公司董事长胡厚崑的名义</t>
  </si>
  <si>
    <t>诺奖启示“机制设计”比“修复价格”更重要</t>
  </si>
  <si>
    <t>最近两年的诺奖(无论是去年的“搜寻理论”还是今年“双边匹配理论”)都释放了一个重要信息：经济学家的价值观在摆脱危机的过程中开始发生重要的变化。尽管精致的经济学理论还有很多，包括今年大家热门推测的几位杰出的经济学家，他们的一个共同特点都是在现有价格理论体系中?</t>
  </si>
  <si>
    <t>频现水土不服  中概股退市潮涌</t>
  </si>
  <si>
    <t>中概股退市潮仍在继续。美国当地时间10月15日，三家中概股公司不约而同地宣布了私有化退市方案，使得投资者对中概股的信心再度降到冰点。而就在此时，证监会却突然披露，证监会、财政部与美国公众公司会计监察委员会(PCAOB)日前达成初步协议，同意PCAOB派员工以观察员身份，?</t>
  </si>
  <si>
    <t>花旗首席执行官潘迪特辞职</t>
  </si>
  <si>
    <t>花旗集团16日宣布，首席执行官潘迪特辞职。此前一天，花旗刚刚公布了喜忧参半的三季度财报。花旗集团是美国按资产额统计的第三大银行，排名在摩根大通和美国银行之后。　　　　花旗董事长迈尔克·奥尼尔在一份声明中说，此前负责欧洲、中东及北非业务的迈克尔·康拜特将接?</t>
  </si>
  <si>
    <t>欧元区改革将成欧盟峰会焦点</t>
  </si>
  <si>
    <t>据欧盟官员透露，在18日至19日召开的欧盟峰会上欧洲领导人将重点讨论欧元区改革问题，探讨诸如设立欧元区统一预算以及就成员国经济改革建立约束机制等方案，但预计难以签署有效力文件。希腊最新改革措施在峰会前虽仍未令救助方满意，不过其退出欧元区可能性降低令市场得以喘?</t>
  </si>
  <si>
    <t>发展中国家首次在WTO单独起诉中国</t>
  </si>
  <si>
    <t>根据WTO网站消息，墨西哥于当地时间15日就中国纺织品和服装补贴政策提起世贸组织争端解决机制下的磋商请求。此项诉讼主要涉及所得税、增值税和地方税的减免，贴息贷款、土地权及电价，对棉花产业的支持，以及政府机关的现金支付等。商务部条约法律司负责人16日表示，中方已收</t>
  </si>
  <si>
    <t>美国银行业盈利能力堪忧</t>
  </si>
  <si>
    <t>美国银行又进入新一轮的财报季。摩根大通和富国银行成绩抢眼，单季利润均创下历史新纪录，花旗银行略逊一筹，利润同比下降，但依然好于华尔街预期。　　　　在各大银行的财报里，几乎都提到一个创收的重要因素，那就是抵押贷款业务强劲增长。但是，这些靓丽季报公布后，银?</t>
  </si>
  <si>
    <t>华为中兴和中国政府可准备两项法律反击</t>
  </si>
  <si>
    <t>根据WTO协定“安全例外”条款的法律规定，姑且不论美国国会调查得出中国两家企业“与中国政府关系密切”这一结论是否准确(事实上，中国两家企业均否认这一结论并提供了充分证据证明自身的独立性)，“与政府关系密切”这一理由本身就不在GATT1994第21条“安全例外”规定的法定</t>
  </si>
  <si>
    <t>“中国光伏产品不存在倾销”</t>
  </si>
  <si>
    <t>近日，德国太阳能市场研究中心主任沃尔夫冈·胡梅尔在接受《经济参考报》记者专访时表示，中国光伏产品具有成本优势，与倾销无关。如果说中国光伏企业获得本国政府补贴的话，那么，德国的光伏企业同样获得了本国政府的大力资助。　　　　“德国光伏企业低估了中国同行的发?</t>
  </si>
  <si>
    <t>沙普利引领罗思共获诺贝尔经济学奖</t>
  </si>
  <si>
    <t>瑞典皇家科学院15日给出的答案是，将2012年诺贝尔经济学奖授予美国经济学家阿尔文·罗思(Alvin E.Roth)和劳埃德·沙普利(Lloyd S.Shapley，又译夏普利)，以表彰他们在匹配稳定领域所作的研究。    杰出的经济工程案例    瑞典皇家科学院常任秘书诺尔马克当天中午13时(北?</t>
  </si>
  <si>
    <t>经济动荡期家电业亟需创新经营模式</t>
  </si>
  <si>
    <t>全球家电业正面临着空前的战略危机：受欧美债务危机影响，全球家电需求持续衰退，大多数家电企业纷纷陷入业绩衰退甚至亏损的困境，而随着美国新一轮的量化宽松政策发布，全球性通胀将进一步加剧全球家电企业的经营困境。　　　　这种形势下，全球家电市场未来的预期性衰退?</t>
  </si>
  <si>
    <t>美国总统大选为何爱打“中国牌”？</t>
  </si>
  <si>
    <t>美国东部时间10月16日晚9时，美国现任总统奥巴马和其共和党挑战者罗姆尼将在第二场电视辩论中交锋。若不出意外，和两周前首场辩论一样，“中国”一词难免会在90分钟辩论中从候选人口中冒出来，甚至会略显突兀而有“躺着中枪”之嫌——当然，大抵都不是亲华立场。　　　　和</t>
  </si>
  <si>
    <t>美企诉国内三大光伏企业  索赔15亿美元</t>
  </si>
  <si>
    <t>继美国商务部对中国光伏产品落下“双反”终裁大棒之后，美国一家已经申请破产的光伏企业Solyndra再对尚德、英利和天合等中国三大光伏企业提起反垄断诉讼，索赔15亿美元。　　　　对此，上述三家公司表示指控毫无事实依据，将积极应诉。业内人士担心，此举恐引发美国和欧盟?</t>
  </si>
  <si>
    <t>奥巴马这一年说了些什么</t>
  </si>
  <si>
    <t>自富兰克林·罗斯福总统开始，炉边谈话式的总统周末讲话就成为美国民众了解国家大事小情的窗口。　　　　2011年的10月15日至2012年的10月13日这一年中，除了在国外访问由拜登代为发表了一次周末讲话之外，奥巴马坚持不懈地完成了其他51次讲话。据笔者统计，在这52次周末讲?</t>
  </si>
  <si>
    <t>欧盟“单一市场”将迈进新纪元</t>
  </si>
  <si>
    <t>就在欧盟即将迎来单一市场设立20周年之际，近日欧盟委员会通过了名为《单一市场法案二期》的议案供立法机构审批。经过20年的艰苦努力，欧盟单一市场建设已经取得长足的进步，并给欧洲人带来越来越多的便捷与实惠。　　　　欧盟单一市场的设想最早可追溯到19世纪的德国。当?</t>
  </si>
  <si>
    <t>全球经济步入化解危机关键期</t>
  </si>
  <si>
    <t>国际货币基金组织(IMF)和世界银行年会14日在日本东京落下帷幕。在全球经济增速明显放缓、下行风险不断加大、主要经济体面对各自严峻挑战的背景下，政策制定者在各种国内国际问题面前如何取舍、正确应对成为本次会议的焦点所在。IMF副总裁夏弗克在年会中指出，无论是欧美、还?</t>
  </si>
  <si>
    <t>欧美印围堵  中国光伏遭遇生死劫</t>
  </si>
  <si>
    <t>美国商务部10日终裁对中国输美太阳能电池征收最高达249.96%的高额“双反”关税。对此，中国政府、协会、企业均在第一时间表达了强烈不满。业内指出，美国商务部在调查过程中，替代国选取、公共机构认定、强制应诉企业选择、反补贴调查程序等多方面存在显失公正的错误做法，严</t>
  </si>
  <si>
    <t>HTC得了什么病？</t>
  </si>
  <si>
    <t>从连续四个季度糟糕的财报来看，HTC病得不轻，但更让人担忧的是，HTC似乎仍然没有找到自己的病因。　　　　症状：最差季度财报　　　　这家中国台湾的手机厂商在本周刚刚公布了三季度财报——数字依旧差强人意：三季度公司实现净利润1.33亿美元，较上一季度锐减46%，同比</t>
  </si>
  <si>
    <t>美国会为何对华为痛下杀手？</t>
  </si>
  <si>
    <t>这两天美国国会的一个调查报告成为热议话题，那就是华为、中兴被贴上威胁美国国家安全的标签。为什么美国国会对华为、中兴痛下杀手？　　　　其一是老大对正在崛起老二的恐怖心理。金融危机使美国觉得自己老大地位不稳，而中国是其最危险的替代者。而在经济战中，美国认为?</t>
  </si>
  <si>
    <t>日本：从争夺资源到扩张海疆</t>
  </si>
  <si>
    <t>2012年9月10日是又一个中国人民不能忘记的日子，野田政府不顾中方一再严正交涉，宣布“购买”中国领土钓鱼岛及其附属的南小岛和北小岛，实施所谓“国有化”，挑起一场“购岛”闹剧。日本，弹丸之地，且国内资源贫乏，历史上曾多次把脏手伸向其他国家。钓鱼岛周围海域不仅海底</t>
  </si>
  <si>
    <t>IMF称全球金融风险加大</t>
  </si>
  <si>
    <t>国际货币基金组织(IMF)10日在东京发布《全球金融稳定报告》，催促欧洲政策制定者加快速度采取措施应对债务问题，稳定金融市场，从而重振全球金融体系低迷的信心。　　　　IMF每半年发布一次的《全球金融稳定报告》称，过去六个月中，全球金融风险仍在上升，市场信心依旧非?</t>
  </si>
  <si>
    <t>利盟：整合技术赢取国内市场份额</t>
  </si>
  <si>
    <t>来自美国的全球知名品牌——利盟，坚持以自身独有的核心技术优势为客户量身打造解决方案，从而得到了大量客户的认可，实现了中国市场的快速增长。    专业的打印及影像解决方案    以硬件技术起家的利盟多年前就开始了向“硬件+解决方案”的转型，而2010年以来的一系列收</t>
  </si>
  <si>
    <t>百度遭市场机构降级  股价大跌近7%</t>
  </si>
  <si>
    <t>北京时间10月10日，瑞士信贷发布研究报告，将百度的股票评级从“中性”(Neutral)下调至“弱于大盘”(Underperform)，目标股价也从每股118美元下调至每股83美元。这是百度评级在几个星期以来第二次遭市场机构降级，杰富瑞集团(Jefferies)已在10月1日将百度的股票评级从“买入?</t>
  </si>
  <si>
    <t>新西兰限“代购”奶粉价格或走强</t>
  </si>
  <si>
    <t>作为中国最大的奶粉进口国，新西兰限制“代购”的政策引发对进口奶粉价格上涨的担忧。新西兰恒天然集团大中华区和印度区总裁KelvinWickham10日在中国乳制品贸易与产业发展论坛上告诉《经济参考报》记者，这项政策将会导致新西兰出口的配方奶粉有所减少，其他国家的产品可能会</t>
  </si>
  <si>
    <t>救助希腊未获实质进展</t>
  </si>
  <si>
    <t>8日深夜举行的欧元区财长会上，财长们讨论了希腊、西班牙、葡萄牙、塞浦路斯等国的经济形势。其中，针对希腊的下一步行动是讨论的重点之一，但由于对希腊赤字削减计划等问题仍然存在分歧，希腊援助问题未有实质进展。　　　　欧元区财长和国际货币基金组织(IMF)8日就希腊问</t>
  </si>
  <si>
    <t>欧洲稳定机制仅是一剂镇痛药</t>
  </si>
  <si>
    <t>欧元区永久性救助基金——欧洲稳定机制(ESM)8日正式生效。未来，欧洲稳定机制将与此前欧洲央行宣布执行的“直接货币交易计划”(OMT)相互配合，共担为欧元区各重债国纾困之任。正如欧元集团主席容克所言，欧洲稳定机制生效，是推进欧洲货币一体化的“里程碑”事件，是欧元区永</t>
  </si>
  <si>
    <t>欧盟批准将葡萄牙减赤期限延长一年</t>
  </si>
  <si>
    <t>欧盟财长会议9日做出决定，同意给予葡萄牙减赤期限延长一年的宽限，即同意葡萄牙在2014年年底前将财政赤字占国内生产总值的比例降至3%以下。　　　　欧盟轮值主席国塞浦路斯财长瓦索斯·希亚尔利在会后的新闻发布会上表示，经修改后，葡萄牙2012年、2013年与2014年的赤字占</t>
  </si>
  <si>
    <t>国际茶路沉寂百年悄然复兴</t>
  </si>
  <si>
    <t>与历史悠长、尽人皆知的丝绸之路相比，茶叶之路几乎是一条鲜为人知的古商道。在丝绸之路衰落后兴起的这一条国际商道，由中国东南地区向北延伸，穿越茫茫戈壁草原，横跨西伯利亚，最终抵达俄罗斯波罗的海沿岸。但是，在繁荣热闹了两个多世纪后，渐渐淡出人们的记忆。如今，在?</t>
  </si>
  <si>
    <t>防止“高龄桥”成“夺命桥”</t>
  </si>
  <si>
    <t>据有关媒体不完全统计，近5年来，我国共有37座桥梁垮塌，其中13座在建桥梁发生事故，共致182人丧生，177人受伤。平均每年有7.4座“夺命桥”，即平均不到两个月就会有一起事故发生。　　　　实际上，桥梁安全问题是国际性课题，近日，《经济参考报》记者采访了解到，美国、?</t>
  </si>
  <si>
    <t>英航系统与欧航集团合并前景难料</t>
  </si>
  <si>
    <t>据外媒报道，欧洲宇航防务集团(欧航集团，EADS)与英国航空航天系统公司(英航系统，BAESYSTEMS)的合并谈判正试图打破僵局，有望延长截至本月10日的谈判期限，为成功达成合并争取更多时间。但有分析认为，该合并案由于不同的政府背景及涉及敏感的国防军品领域遭遇多方阻力，前?</t>
  </si>
  <si>
    <t>IMF和世行年会寻求经济复苏良方</t>
  </si>
  <si>
    <t>国际货币基金组织和世界银行于9日到14日在日本东京举行2012年年度会议，七大工业国届时也将在会议间隙召开会议。全球财经首脑将再次聚会，商讨全球经济走势、巨额债务问题、全球金融货币政策以及地区经贸金融合作等问题，寻找促进全球经济复苏的良方。　　　　会议召开前夕</t>
  </si>
  <si>
    <t>巴西停电此起彼伏：巧合背后的必然</t>
  </si>
  <si>
    <t>10月3日晚上，数以百万计的巴西民众围坐在电视前等候一场精彩足球赛事上演：巴西队当晚在本年度“南美超级德比杯”第二回合比赛中作客阿根廷内陆小城雷西斯滕西亚，再次与老冤家阿根廷一较高下——然而结果等来的却是，这场焦点战居然因为球场灯光故障而被迫临时取消了！</t>
  </si>
  <si>
    <t>重大事故意味着企业破产</t>
  </si>
  <si>
    <t>法国在交通安全管理方面，有政府明确立法、行业规范管理以及驾驶员自律三个层面，特别是通过硬性规定连续驾驶时间、安装行车记录器等措施防范安全隐患，以及强化驾驶员的安全意识和自律意识等。　　　　加强日常管理 预防疲劳驾驶　　　　马赛N A P汽车租赁公司总裁让·?</t>
  </si>
  <si>
    <t>最差财季将至  美股涨势恐乏力</t>
  </si>
  <si>
    <t>全球经济增长放缓、美国经济复苏乏力，预计将催生2009年末以来美国最差的一个财报季。　　　　据英国《金融时报》报道，分析师预计，在截至9月底的这个季度里，美国企业的利润会有所下滑。此前，该指标已连续上升11个季度。能源和原料行业很可能会是利润下滑最厉害的两个行</t>
  </si>
  <si>
    <t>美众议院认定华为中兴威胁美安全</t>
  </si>
  <si>
    <t>美国众议院情报委员会10月8日发布针对中国通信企业华为和中兴“可能对美国带来安全威胁”的调查结果，报告认定华为和中兴可能威胁美国国家安全。　　　　该委员会在报告中表示，华为和中兴未能配合长达一年的调查，也未能解释他们在美国的商业利益以及与中国政府的关系。报</t>
  </si>
  <si>
    <t>煤层气开发受多重制约待突破</t>
  </si>
  <si>
    <t>日前在“煤城”太原召开的第四届中国(太原)国际能源产业博览会上，煤层气开发成为专家学者以及能源界人士热议的话题。　　　　有专家认为，中国煤层气开发利用仍然处于初级阶段。中国埋深2000米以浅煤层气地质储量约36.81万亿立方米，资源总量仅次于俄罗斯和加拿大，居世界</t>
  </si>
  <si>
    <t>ESM今日启动  欧债危机迎“转折点”</t>
  </si>
  <si>
    <t>欧元区财长8日将启动借贷能力约5000亿欧元的欧洲永久性救助机制——欧洲稳定机制(ESM)，以应对希腊债务危机带来的经济下行压力，并预备救助处于银行业危机的西班牙。　　　　据数位知情人士表示，欧元区各国的财长将组成ESM的理事会，他们将在8日举行一个ESM的启动会议。ES</t>
  </si>
  <si>
    <t>美国政府之手的边界何在</t>
  </si>
  <si>
    <t>在如火如荼的美国大选选战中，共和党总统候选人罗姆尼频频拿奥巴马的政府开支做文章，称美国当前联邦政府开支占国内生产总值(GDP)24%左右的比重太高，如果他当选美国总统，要把这一比例控制在20%以下。这到底是政治烟雾弹，还是言之凿凿的治国理念？　　　　罗姆尼的观点其</t>
  </si>
  <si>
    <t>摆脱“门票经济”应做实旅游产业链</t>
  </si>
  <si>
    <t>据媒体报道，长假期间国内景区可谓冰火两重天：热门景区纷纷“爆棚”，部分景区游客日访问量超过最佳接待量数倍甚至十倍；而冷门景区即便降价也门庭冷落。　　　　另有报道称，节前有关部门曾陆续公布多家景区门票价格下降名单，但现实情况是，热门景区不但降价不给力，反?</t>
  </si>
  <si>
    <t>法国富人“弃”家“逃”税</t>
  </si>
  <si>
    <t>房地产和银行业者说，许多法国富人出售房产，移居国外，躲避明年开始实施的高税率政策。　　　　法国社会党政府上月发布2013财政年度预算案，增加富裕阶层和大企业税负，其中年收入超过100万欧元(约合130万美元)的群体最高税率达75%。　　　　高端房产中介商丹尼尔·费奥</t>
  </si>
  <si>
    <t>美“利好”经济数据被疑“注水”</t>
  </si>
  <si>
    <t>美国劳工部5日公布9月份就业数据，显示非农业部门失业率突然降至2009年1月以来最低值，好于市场预期。　　　　距离美国总统选举投票日只有一个月，这一消息对首场总统候选人电视辩论中表现欠佳的现任总统贝拉克·奥巴马带来相当提振，种种巧合却引发一些人士质疑。</t>
  </si>
  <si>
    <t>顾雏军：未完结的谢幕</t>
  </si>
  <si>
    <t>从收购科龙，收购美菱，收购亚星、全资收购两家欧洲汽车公司，形成家电产业链和汽车产业链组成的联合体，建立了庞大的格林柯尔系，并登上第二届“胡润资本控制50强”的榜首，到因虚假注册、挪用资金等罪获刑十年，格林科尔系也在一夜之间崩塌，顾雏军在资本市场上崛起如此耀?</t>
  </si>
  <si>
    <t>丹麦药企称——同一产品进入中国比欧美迟六至八年</t>
  </si>
  <si>
    <t>据中国医药保健品进出口商会副会长许铭介绍，丹麦是我国在北欧最大和在欧盟第十二大医药贸易伙伴。2012年1-7月，中丹医药贸易继续呈增长态势。从产品上看，对丹出口以西药原料、医院诊断与治疗设备和生化药为主，自丹进口集中在西成药、生化药及医院诊断与治疗设备等产品上，</t>
  </si>
  <si>
    <t>中国对澳农牧业投资亟待“脱敏”</t>
  </si>
  <si>
    <t>澳大利亚主流媒体近日连续报道，中国投资有限公司有意收购澳最大乳业企业范迪门斯地公司的部分股权。此事再度引发关于中资进军农牧业是否损害澳国家利益和安全的争论。     因涉及土地产权转移、环保等敏感话题，中资入主农牧业在澳国内一直极为敏感，常常成为政客和媒体炒</t>
  </si>
  <si>
    <t>“购岛闹剧”损害了中日经济关系</t>
  </si>
  <si>
    <t>钓鱼岛，是钓鱼岛列岛的主岛，位于台湾东北外海，中琉界沟西侧，距基隆190公里，距日本冲绳420公里。钓鱼岛列岛总面积约6.344平方公里，在地质上为台湾岛的附属岛屿。附近海域不仅蕴藏着大量石油资源，还是捕鱼避风的好地方。　　　　历史上，中国人最早进入和利用了钓鱼岛</t>
  </si>
  <si>
    <t>贸易保护升温  中国制造“腹背受敌”</t>
  </si>
  <si>
    <t>多家外媒26日报道称，由欧洲25家太阳能面板企业组成的EUProSun组织周二向欧委会提起申诉，指控中国同业从非法补贴中获得不公平优势。这意味着，继刚于本月立案的反倾销之后，欧盟或将再对华光伏挥起反补贴的大棒。　　　　近期中国面临的外部贸易环境异常严峻。一方面，欧?</t>
  </si>
  <si>
    <t>QE3标志着美国正式“日本化”？</t>
  </si>
  <si>
    <t>9月13日，美联储宣布，将开启新一轮的量化宽松行动，即推出QE3。　　　　美国早已对货币宽松产生了抗药性，QE1只是救了华尔街，而推出QE2对美国经济就已经没有多少实质性的帮助了，反倒“祸水东流”，这是引发这两年中国通胀的主要原因之一，产生了“美国生病，中国吃药”?</t>
  </si>
  <si>
    <t>欧盟指责波音仍享受美政府补贴</t>
  </si>
  <si>
    <t>欧盟25日称，虽然美国政府宣称已停止向波音公司发放补贴，但实际上该公司仍在获得这种补贴，这违反了世界贸易组织(WTO)规则。此事件显示欧美漫长的航空业补贴争端仍未平息。　　　　世界贸易组织25日发表公报说，欧盟就美国波音公司补贴案执行情况向美国提出磋商请求，认为</t>
  </si>
  <si>
    <t>警惕欧美再宽松政策外溢</t>
  </si>
  <si>
    <t>如果说为了稳定金融市场的欧洲购债计划有其一定合理性，那么，在市场基本稳定、经济缓慢复苏的背景下，作为主要锚货币的美元无节制的量化宽松就有些以邻为壑的味道了。　　　　欧美再度宽松产生的政策外溢对中国的潜在冲击值得警惕。首先，QE3使中国持有的美国资产再次贬值</t>
  </si>
  <si>
    <t>中国手游登陆纳斯达克首日零成交</t>
  </si>
  <si>
    <t>中国手游娱乐集团有限公司25日通过“介绍上市”的方式登陆美国纳斯达克证券交易所，从而成为以这一方式在美上市的第一家中国企业。　　　　当天，中国手游以“ＣＭＧＥ”为股票代码在纳斯达克挂牌交易。但截至收盘，并无交易完成，也没有形成交易价格。根据交易系统的显示?</t>
  </si>
  <si>
    <t>世界粮食危机促进中国和东盟强化合作</t>
  </si>
  <si>
    <t>作为拥有19亿人口区域，从早期的收获计划，到中国-东盟自贸区建成以来，农业一直是中国和东盟之间重要的合作领域。随着近期国际粮食市场供应趋紧，粮食安全再次成为国际热点。在21日至25日举办的第九届中国-东盟博览会上，粮食危机成为不少参会嘉宾、企业关注的话题。有关人?</t>
  </si>
  <si>
    <t>中国银行业助力中国经济稳步发展</t>
  </si>
  <si>
    <t>《经济参考报》：十六大召开与中国加入世界贸易组织在时间上有重合的地方。在中国加入世界贸易组织之前，各界普遍担心，之前坏账累累当时又未完成股改上市工作的中国银行业能否抵挡外资银行的冲击。同时，西方国家也开始唱衰中国银行业，那么我国银行业都进行了哪些改革彻底?</t>
  </si>
  <si>
    <t>中国—东盟经贸发展需高效金融平台</t>
  </si>
  <si>
    <t>随着中国与东盟国家经贸往来逐年增强，经济一体化发展趋势愈发明显。在此推动下，双方通过货币互换、互设金融机构和监管合作等诸多举措，不断推动金融领域合作。但与快速发展的经贸关系相比，区域内金融支持力度仍显不足，一些阻碍自贸区金融合作纵深发展的困难与问题仍然存?</t>
  </si>
  <si>
    <t>“东盟制造”挑战“中国制造”？</t>
  </si>
  <si>
    <t>“物美价廉”曾经是人们对“中国制造”的普遍印象。但在9月21日至25日在广西南宁举行的第九届中国-东盟博览会上，人们注意到“东盟制造”同样物美价廉甚至更为便宜：泰国服装、马来西亚咖啡、越南拖鞋……　　　　东盟制造业崛起似乎已经成为不争事实，制造业资本由中国向?</t>
  </si>
  <si>
    <t>西班牙救援之路阻力重重</t>
  </si>
  <si>
    <t>西班牙将在27日陆续公布2013年预算草案以及经济改革方案，这是其获得救助的一大条件，也被市场广泛认为是欧债危机能否暂时转危为安的重大事件。但之前欧洲央行承诺的最有力救助措施——不限额购债方案合法性正受到核心国德国的质疑，西班牙获得援助之路将不会平坦。　　　?</t>
  </si>
  <si>
    <t>QE3未必就是洪水猛兽</t>
  </si>
  <si>
    <t>对于美联储QE3的启动，国内对它的反应主要在两个方面。一方面就是反对声一片。如什么QE3损人不利己、QE3是一场骗局、美国开启印钞机是盯住了中国外汇储备、货币战争卷土重来等；另一方面的言论就是美国开启印钞机将让大量钱流入中国，中国楼市与股市价格将快速上涨，大家赶快</t>
  </si>
  <si>
    <t>陆上通道建设助推中国—东盟物流一体化</t>
  </si>
  <si>
    <t>在第九届中国-东盟商务与投资峰会暨2012中国-东盟自贸区论坛开幕式上，国家副主席习近平提出中国与东盟合作的“四点建议”，其中要求“更大力度推进互联互通建设”、“加强同东盟国家的陆上通道建设”，为推进中国-东盟物流合作发展指明了方向。　　　　中国-东盟自由贸易?</t>
  </si>
  <si>
    <t>能不能去WTO告欧盟航空碳关税</t>
  </si>
  <si>
    <t>●对欧盟航空碳关税有三个核心的法律问题需要讨论，一是欧盟是否有权力对欧盟以外产生的碳排放进行收费，国际公法如何规定的？二是欧盟的这个行为是否与欧盟在多个双边、多边协定下的内容相一致？三是是否与欧盟在WTO体系中的权利相符合。　　　　●欧盟航空碳关税措施违反</t>
  </si>
  <si>
    <t>“钓鱼岛事件”加速日系家电在华衰退</t>
  </si>
  <si>
    <t>一直以来，日系品牌在中国的家电市场上占有很大的份额。不过，近年来，日系品牌家电的销售额在逐年下滑，而前段时间日本方面演出的“国有化”钓鱼岛闹剧，更是令日本家电企业雪上加霜。　　　　9月15日是夏普的百年纪念日，夏普中国投资公司原计划9月8日在上海举行“夏普创</t>
  </si>
  <si>
    <t>着力提升中国国际分工地位</t>
  </si>
  <si>
    <t>《经济参考报》：十六大以来的十年，是经济全球化深入发展的十年，也是我国经济快速融入世界经济的十年。2001年中国加入世贸组织，也为中国经济发展注入了新的活力。您认为，在这十年中我国在对外经济方面都取得了哪些成绩？　　　　隆国强：我国在2001年底加入世界贸易组?</t>
  </si>
  <si>
    <t>新一轮全球货币宽松潮渐成漫堤之势</t>
  </si>
  <si>
    <t>9月份很热闹。新一轮全球货币宽松又来了，欧洲宽松了，美国也宽松了，日本紧接着继续宽松。最近，全球几大主要央行纷纷启动新一轮宽松货币措施，在全球范围好似一阵多米诺效应的爆发。　　　　欧洲央行9月6日宣布，准备购买需央行协助抑制举债成本的欧元区国家3年以下短期?</t>
  </si>
  <si>
    <t>缩股、减产、裁员光伏巨头断臂求生</t>
  </si>
  <si>
    <t>作为第一家在美国纽约证券交易所上市的中国民企，尚德电力因为股价连续30个交易日低于1美元，日前遭到退市警告，而这只是光伏中概股深陷退市生死劫的一个缩影。　　　　今年以来，光伏行业产能过剩、产品价格持续低迷，再加之美国、欧洲等先后对华光伏产品发起反倾销，多只</t>
  </si>
  <si>
    <t>楼市又成美国经济复苏定盘星</t>
  </si>
  <si>
    <t>房地产市场逐渐回暖，是近期美国经济领域为数不多的好事之一。在日前全球瞩目的货币政策会议中，美联储将新一轮量化宽松政策(QE3)的主攻方向确定在抵押贷款支持证券(MBS)而不是美国国债之上，也表明了美国货币政策制定者将以楼市为支点来撬动整个经济的决心。　　　　从近?</t>
  </si>
  <si>
    <t>欧洲稳定机制扩容阻力仍存</t>
  </si>
  <si>
    <t>据外媒报道，为了应对西班牙和意大利等大型经济体申请援助，欧元区成员国有意利用杠杆化将欧洲稳定机制(ESM)扩容至2万亿欧元，但是目前杠杆方案尚面临来自芬兰的阻力。事实上，随着西班牙等重债国求援压力的加大，德法两大欧元区主要国家也在众多关键问题上显示出日益加深的?</t>
  </si>
  <si>
    <t>罗姆尼失语显露“渗透”信念</t>
  </si>
  <si>
    <t>忙于追赶民意支持率的罗姆尼近来多次忙中出错，最新一次失语将美国近一半选民都给得罪了。　　　　“不管我们干些什么，有47%的美国人都会把票投给奥巴马，这些人靠政府养活，不交联邦个人收入所得税，理所当然地认为自己可享受医保、食品、住房等各种福利……”不过，这段</t>
  </si>
  <si>
    <t>中国东盟金融合作凸显三大主线</t>
  </si>
  <si>
    <t>在日前召开的中国—东盟金融合作与发展领袖论坛上，与会的中国和东盟官员以及专家学者提出，要把中国—东盟金融合作提高到一个新的层面。　　　　他们表示，立足于中国和东盟的经济合作需要，在新的世界经济和金融形势下，中国和东盟需要进一步扩大双边贸易本币结算、建立?</t>
  </si>
  <si>
    <t>钓鱼岛事态升级冲击亚洲供应链</t>
  </si>
  <si>
    <t>因日本钓鱼岛“国有化”闹剧引发的连锁反应，不仅使中日经贸进入寒冬期，伤及两国经济，也将对亚洲供应链乃至全球经济产生冲击。　　　　中日两国分居世界第二、三大经济体，两国经济总量堪比美国，两国拥有的外汇储备加起来超过4万亿美元，占全球外汇储备资产四成以上。两</t>
  </si>
  <si>
    <t>吴晓灵：基金修法将加强持有人保护</t>
  </si>
  <si>
    <t>随着内地基金市场不断发展，持有人利益保护日益成为热点议题。　　　　全国人大常委会委员、财经委副主任委员、中欧陆家嘴国际金融研究院院长吴晓灵23日在上海表示，正在修订中的《证券投资基金法》，将加大对基金持有人的保护力度。吴晓灵是在当日举行的“2012中欧-华安锐</t>
  </si>
  <si>
    <t>中国贫困地区低碳发展研究项目启动</t>
  </si>
  <si>
    <t>消除贫困的同时，能否实现生态环境良性发展的双赢？一场反贫困和促进低碳发展的项目实验正在开展。在国家发改委应对气候变化司、国务院扶贫办和美国环保协会的支持下，贫困地区低碳发展研究项目日前正式在京启动。　　　　国家发改委气候司战略规划处处长田成川在项目启动?</t>
  </si>
  <si>
    <t>俄干旱推升粮价  干预市场预期升温</t>
  </si>
  <si>
    <t>据外媒报道，干旱使俄罗斯今年的谷物收成下降约25%，俄罗斯国内谷物价格上涨，使市场增加了对俄政府可能会考虑限制谷物出口以平抑过高价格的担忧。　　　　俄罗斯经济部长安东·西卢安诺夫表示，考虑到目前形势，如果国内粮食价格继续上涨，今年秋季俄罗斯完全可能会抑制粮</t>
  </si>
  <si>
    <t>“德国制造”基因优秀  百年传承底蕴深厚</t>
  </si>
  <si>
    <t>去年汉诺威工业展上，记者偶遇一位来自国内印刷公司的老总。闲谈间，他告诉记者，德国人不仅汽车做得好，印刷机也是称霸全球。虽然日本也能做到一流，但从铸造精度、稳定性和耐用性上，德国机械都胜过一筹。　　　　“一台德国海德堡或曼罗兰印刷机，用20年没有问题，而日?</t>
  </si>
  <si>
    <t>澳大利亚矿企抛出投资“橄榄枝”</t>
  </si>
  <si>
    <t>近日，“中国——澳大利亚上市企业高级投资论坛”在湖北武汉举行。会上，包括Larus能源有限公司、CondorBlanco矿业公司在内的多家澳大利亚矿产资源类企业均表示，希望中国各类企业和资本投资澳大利亚企业；而多家中方企业则表示，看好澳方矿产资源类企业，并希望通过股权投资</t>
  </si>
  <si>
    <t>谁来接替默文·金</t>
  </si>
  <si>
    <t>最新一期英国《经济学家》刊登了英国财政部的一则招聘广告，职位很是诱人——英国央行(英格兰银行)行长。在纸媒上登广告招募央行行长，这在英国还真是破天荒头一回。由于本土热门人选近来均与丑闻有染，潜在的非英籍人选相继浮出水面……　　　　虚位以待　　　　英国财?</t>
  </si>
  <si>
    <t>达沃斯论坛：为未来经济探路</t>
  </si>
  <si>
    <t>在2012天津夏季达沃斯论坛上，与会人士围绕“未来经济”的话题展开热烈的探讨。当前世界经济低迷，亚洲经济如何独善其身？中国未来金融之路如何走？科技创新如何驱动新的产业发展？这些问题都成为最受关注的热点。　　　　指路亚洲经济：巩固制造业优势扩大内需　　　　?</t>
  </si>
  <si>
    <t>学生贷款：美国下一个可能破裂的资产泡沫</t>
  </si>
  <si>
    <t>如今，美国学生贷款债务已突破万亿大关，超过信用卡欠款跃居美国人首位债务，除了给学生及其家庭带来不可言喻的沉重负担，也让经过国际金融危机冲撞的市场万分警惕。比次级贷款更甚，学生贷款问题可能引发的是人们对美国高等教育整体品牌投资回报的质疑，乃至对美国年青一代?</t>
  </si>
  <si>
    <t>欧元区经济前景难言乐观</t>
  </si>
  <si>
    <t>欧洲央行宣布开闸放水已近半月，市场的激情逐渐平息，代之以对经济数据和重债国表现的关注。从目前的一系列数据来看，部分数据有改善迹象，但同时仍反映了经济的疲弱现况，欧元区经济目前尚难给出乐观的结论。分析认为，欧洲央行目前在进一步削减利率方面和美日相比还是相对?</t>
  </si>
  <si>
    <t>黄金股集体狂欢  华夏南方易方达布局</t>
  </si>
  <si>
    <t>周三(9月19日)，沪深两市全天呈现震荡上扬走势，截至收盘，上证综指上涨8.29点，涨幅为0.4%，收盘报2067.83点；深证成指上涨41.59点，涨幅为0.13%，收盘报8431.74点。　　　　19日，日本央行宣布扩大资产购买规模10万亿日元，并维持0至0.1%的超低利率不变。同时下调经济增?</t>
  </si>
  <si>
    <t>联邦快递下调盈利预期  预警中国经济前景</t>
  </si>
  <si>
    <t>全球第二大快递企业美国联邦快递集团(FedExCorp.)18日下调了全年盈利预期，并警告称全球经济疲弱已经导致全球贸易量下滑，并且消费者开始选择更廉价的运输方式，这种状况到明年会更加严峻。　　　　联邦快递将截至明年5月底结束的财政年度的利润预期下调，将盈利预期从每股</t>
  </si>
  <si>
    <t>百年红河的绿色畅想</t>
  </si>
  <si>
    <t>十九世纪末二十世纪初，红河航道上“大船三百，小船千艘，来往如蚁，盛况空前”。在过去近百年间，红河州一直是中国西南地区最重要的工业基地之一。　　　　从云南省会昆明出发，沿着百年历史的滇越铁路一直向南，便来到了中越之间最大的陆路口岸——河口。在联通中越两国?</t>
  </si>
  <si>
    <t>联合博姿欲建中国最大药品零售集团</t>
  </si>
  <si>
    <t>继英国连锁药店联合博姿与南京医药签署《战略合作协议》和《股份认购协议》后，消息人士透露，双方未来可能将组建一个销售额近50亿元的药品零售集团。据悉，这可能将成为全国最大的药品零售集团。　　　　16日，联合博姿称，将投资约5600万英镑(合5.6亿元人民币)认购南京医</t>
  </si>
  <si>
    <t>中美互诉WTO  “补贴”争端升级</t>
  </si>
  <si>
    <t>北京时间18日凌晨，美国将我对汽车及汽车零部件产品补贴政策正式诉至世界贸易组织(WTO)。就在17日，中方也向WTO提交了一项对美国关税法案的诉讼，发起对美国的制度挑战。　　　　两起诉讼的核心均是对中国补贴问题的认定。专家提示，美国已经开始用“双轨制反补贴”的战略?</t>
  </si>
  <si>
    <t>澳矿山向上海宝钢兜售股权</t>
  </si>
  <si>
    <t>铁矿石巨头开始“低头”。铁矿石暴跌令铁矿石巨头盈利大幅下滑，世界第四大矿山FMG公司已经出现资金周转困难，并且开始向中国钢厂“兜售”部分股权“解困”。　　　　据《悉尼先驱晨报》18日报道，澳大利亚第三大矿商FortescueMetalsGroup(FMG)计划向其最大客户中国上海宝?</t>
  </si>
  <si>
    <t>百年滇越铁路书写悲壮传奇</t>
  </si>
  <si>
    <t>1910年3月31日，连接中越两国的滇越铁路通车的日子。一辆法国蒸汽机车拖着一列火车驶进昆明，慕名而来的市民把火车站挤得水泄不通。　　　　滇越铁路是云南省的第一条铁路，也是目前全国仅有的几条“米轨”之一。滇越铁路全长854公里，北起云南昆明，连接越南海防，其中越?</t>
  </si>
  <si>
    <t>西班牙国债收益率再破6%危险线</t>
  </si>
  <si>
    <t>由于西班牙迟迟不肯申请全面救援，从而使欧洲央行的购债计划难以启动，该购债计划对市场的安抚作用有所消退。西班牙十年期国债收益率17日大幅上涨22个基点，再次突破6%的危险水平。　　　　欧洲央行宣布无限量购债计划后的数十天，德国宪法法院也批准了欧洲稳定机制(ESM)，</t>
  </si>
  <si>
    <t>QE3帮了谁？</t>
  </si>
  <si>
    <t>对美联储在9月13日推出的旨在改善就业的新一轮量化宽松货币政策，即所谓的QE3，美国民众似乎并不领情。　　　　就在QE3推出的第二天，旧金山联邦储备银行在自己的脸谱主页上发起一个非正式调查，题目就是“你认为QE3会对美国经济有什么影响？”　　　　经过三天时间的投?</t>
  </si>
  <si>
    <t>中国的钓鱼岛主权有充分法律依据</t>
  </si>
  <si>
    <t>钓鱼岛及其附属岛屿(以下简称钓鱼岛)自古以来是中国的领土，中国对钓鱼岛拥有无可争议的领土主权，这一点有充分的历史事实和法律依据。日本对钓鱼岛的主张是无理的。然而，由于历史原因，钓鱼岛长期处于日本的非法控制之下。日本不断在钓鱼岛问题上制造各种事端。中国政府一?</t>
  </si>
  <si>
    <t>中资银行新一轮海外圈地序幕开启</t>
  </si>
  <si>
    <t>欧元区银行系统性风险依旧如高悬的达克摩利斯之剑，在面临存贷进一步萎缩等窘境下，穆迪、标准普尔、惠誉等国际信用评级机构已下调了多家欧洲银行评级，正因如此，欧元区不少银行纷纷开始挂牌转让。9月17日，有消息称建行正酝酿斥资150亿美元整体收购欧洲一家银行，或者参股?</t>
  </si>
  <si>
    <t>全球金融重镇竞推人民币产品</t>
  </si>
  <si>
    <t>9月17日，香港交易所推出全球首只美元兑人民币可交收货币期货合约，据统计，截至收市，包括所有月份的合约成交张数共约415张。无独有偶，芝加哥商品交易所(CME)集团近日也表示，将推出离岸人民币期货业务，与港交所展开竞争。而另一致力于与香港争夺人民币离岸中心的新加坡也</t>
  </si>
  <si>
    <t>iPhone5订单不济苹果帝国如何镇守</t>
  </si>
  <si>
    <t>美国苹果公司日前发布了iPhone5，尽管是全球最轻薄的一款智能手机，但因缺乏革命性的突破而令大众略感失望。　　　　记者周末走访了多家数码产品店获悉，目前iPhone5的询问度并不高，加上超过一万元的市场预期订购价，也令不少“果粉”望而却步。业内人士认为，智能手机是?</t>
  </si>
  <si>
    <t>日本央行宽松货币预期升温</t>
  </si>
  <si>
    <t>本月，多家央行议息都维持利率不变。不过，欧洲央行和美联储虽然也都保持利率水平不变，但相继推出了新一轮资产购买计划，以稳定市场、刺激经济增长。在这种情况下，经济状况看来并不如人意的日本推出新的货币宽松政策的预期也开始升温。　　　　本周日本央行将举行议息会?</t>
  </si>
  <si>
    <t>俄远东开发进程中的“中国潜力”</t>
  </si>
  <si>
    <t>近期，远东开发成为俄罗斯各界热议的话题之一。《经济参考报》记者就此采访了俄官员和相关专家学者及商界人士。他们大都认为，远东是俄与亚太地区各经济体实现一体化的关键区域，俄加速发展远东的时机已经成熟。　　　　目前俄政府正加速制定远东发展的战略规划，以使远东?</t>
  </si>
  <si>
    <t>电视发展方向争议再起</t>
  </si>
  <si>
    <t>近来，从索尼、东芝到松下，几家最具代表性的日本公司正在纷纷投入力量，开发4K分辨率的电视机产品。　　　　8月30日，索尼公司新款84英寸超高清液晶电视KD-84X9000在上海亮相，宣告其首款4K电视诞生。紧随其后，在今年的IFA展(德国柏林国际电子消费品展览会)上，东芝和松?</t>
  </si>
  <si>
    <t>民营企业的社会资本属性逐步得到确认</t>
  </si>
  <si>
    <t>《经济参考报》：中央一直高度重视民营企业发展，先后推出了鼓励民营经济的两个“36条”。2010年，中国成为仅次于美国的世界第二大经济体，十年来，中国民营经济利用入世红利带来的机会得到了快速的发展，请您谈谈我国政府为促进民营经济发展都采取了哪些措施？民营经济为中?</t>
  </si>
  <si>
    <t>中概股退市步伐短期恐难放缓</t>
  </si>
  <si>
    <t>“今年到目前为止，只有唯品会一家公司在美国上市，我期待上市窗口到2013年第二季度能够再次打开。”美国纽约泛欧证券交易所执行副总裁斯考特·卡特勒近日在接受记者采访时表示。　　　　斯考特·卡特勒做上述表态的相关背景是，在过去两年多的时间里，关于中概股在海外资?</t>
  </si>
  <si>
    <t>影响欧债危机三大事件解读</t>
  </si>
  <si>
    <t>进入9月份以来，影响欧债危机的大事件接连发生，让身处债务危机中心的欧元区迎来“多事之秋”，全球金融市场也面临重重考验。　　　　9月6日结束的欧洲央行议息会议上，欧洲央行行长德拉吉宣布启动OMT。在新的购债框架下，欧洲央行将给欧元区各成员国政府提供继续推行改革?</t>
  </si>
  <si>
    <t>华为中兴国会山反驳无端“指控”</t>
  </si>
  <si>
    <t>美国众议院13日就中国通信企业华为公司和中兴公司所谓的“威胁美国国家安全”的调查举行听证会。两家中国公司的代表到场接受质询，并回应了美方诸多无端“指控”。　　　　当天的听证会由美国众议院情报特别委员会组织，历时长达三个小时，出席听证会的十多个委员接连发问?</t>
  </si>
  <si>
    <t>欧元区或为西班牙预制救助方案</t>
  </si>
  <si>
    <t>欧元区财长会上周末在塞浦路斯首都尼科西亚举行，17个成员国财长主要磋商应对欧洲债务危机之策。尽管本次会议没有做出任何实质性决定，但从与会者透露的信息来看，欧元区有可能为西班牙正式申请救助预设一张时间表和相应的解决方案。欧盟负责经济和货币事务的委员奥利·雷恩?</t>
  </si>
  <si>
    <t>欧盟欲建立统一银行业监管机制</t>
  </si>
  <si>
    <t>欧盟委员会当地时间12日公布建立欧洲银行业联盟的一系列提案。欧盟委员会主席巴罗佐呼吁建立一个由欧洲央行发挥核心作用的统一银行业监管机制，认为这将是解决欧债问题的关键基石。他还呼吁欧盟建立“国家联邦”，通过分享主权应对各成员国面临的共同问题。　　　　分步建?</t>
  </si>
  <si>
    <t>中国科技界：积极创新迎接新工业革命</t>
  </si>
  <si>
    <t>近日，在第十四届中国科协年会上，科技界人士在接受本报记者采访时表示，全球正在迎来第三次工业革命，中国应抓住新科技革命的战略机遇，着力提高自主创新能力，在新一轮工业革命中占得先机。　　　　中国工程院院长周济表示，新一轮的工业革命正在深化，西方发达国家振兴?</t>
  </si>
  <si>
    <t>航空碳税解决方案众“国”难调</t>
  </si>
  <si>
    <t>德国、法国、英国和西班牙四国经济部门的官员11日表示，他们一致反对欧盟单独征收航空“碳税”。　　　　四国官员当天在柏林航展上表示，应尽力避免欧盟与第三国展开贸易战，解决欧盟“碳税”问题需通过国际民航组织达成一项全球性解决方案，以避免欧洲企业遭到报复性措施?</t>
  </si>
  <si>
    <t>警惕美联储QE3可能带来的冲击</t>
  </si>
  <si>
    <t>美联储8月22日公布的最近一次货币政策例会纪要发出强烈宽松信号，称除非美国经济复苏明显持续改善，否则美联储需要很快推出新的宽松货币政策。紧接着，伯南克在24日公开的一封信件中说，目前美联储的货币政策“仍有空间”，可以用来改善美国金融市场状况并加快经济复苏。然后</t>
  </si>
  <si>
    <t>巴西石油“拣了芝麻丢了西瓜”</t>
  </si>
  <si>
    <t>过去几周，南美头号企业巴西石油公司的日子颇不好过。8月底，巴油公司在一份声明中承认，公司在今年第2季度出现了过去13年来的首次季度亏损，亏损额度超过6.5亿美元，而去年同期公司净收入为64亿美元。今年1至7月，巴油公司在全球每日平均石油开采量为215.5万桶，略低于去年?</t>
  </si>
  <si>
    <t>宽松预期推动油价5连涨</t>
  </si>
  <si>
    <t>继续受货币刺激政策预期推动，纽约油价11日连续第五个交易日上涨。不过，有分析认为，欧洲危机恶化的可能性仍可能拖低原油价格。　　　　美联储将从12日起开始为期两天的货币政策会议。美联储主席伯南克在上月底发表讲话时说，美联储随时准备采取行动以刺激经济增长。　?</t>
  </si>
  <si>
    <t>奢侈品需求减弱  巴宝莉盈利预警</t>
  </si>
  <si>
    <t>英国奢侈品生产商巴宝莉集团(Burberry)11日警告称，该公司销售出现下滑趋势，全年盈利状况可能处于市场预期的底部。分析称，由于中国经济放缓以及欧元区债务危机久拖不决，奢侈品行业已持续三年的强劲需求可能已走到尽头。　　　　巴宝莉是英国具有156年历史的老品牌，金融</t>
  </si>
  <si>
    <t>中国竞争力排名领先金砖国家</t>
  </si>
  <si>
    <t>11日，第六届夏季达沃斯论坛发布《全球竞争力报告》。报告显示，在亚洲新兴经济体中，只有马来西亚的竞争力排名(第25位)高出中国(第29位)，越南下降10位而位居第75位。　　　　根据报告，中国的竞争力排名虽然下降3个位次至第29位，但在金砖国家之中仍然保持领先地位。</t>
  </si>
  <si>
    <t>欧洲央行购债计划恐难如意</t>
  </si>
  <si>
    <t>德国宪法法院定于12日公布对欧元区永久救助机制(ESM)和财政契约是否合法的裁决。有分析认为，德国宪法法院裁决两者合法的可能性很大，但可能会对德国向欧元区提供任何进一步的资金支持作出限制，欧洲央行上周宣布的无上限购债计划可能也会因此受到严重影响。　　　　规模50</t>
  </si>
  <si>
    <t>iPhone5推出在即  或提振美国经济</t>
  </si>
  <si>
    <t>据国外媒体报道，美国当地时间12日，苹果公司很可能会在新闻发布会上推出新的智能手机iPhone5。预计新款手机将有许多改进功能，包括更大尺寸显示屏、4G连接、NFC和指纹识别系统。摩根大通表示，这将为美国本年度最后一个季度的经济增长率贡献0.25至0.5个百分点。　　　　苹</t>
  </si>
  <si>
    <t>“抱团”发展  东北亚区域“一体化”提速</t>
  </si>
  <si>
    <t>欧债危机持续蔓延，美国等发达国家经济复苏缓慢，欧盟、北美两大经济体增长乏力……在11日闭幕的第八届中国吉林·东北亚博览会上，韩国知识经济部室长文在焘说，世界经济中心正在向东北亚转移，东北亚区域正“抱团”发展，成为世界经济增长的新动力。　　　　区域增长动力?</t>
  </si>
  <si>
    <t>大宗商品多头仓位升至16个月高点</t>
  </si>
  <si>
    <t>由于美国、中国和欧洲近期被市场预计将采取措施刺激全球经济复苏，大宗商品10日大多走高，铜、黄金和原油价格都上涨。避险基金持有的大宗商品净多头部位升至16个月高点。　　　　伦敦金属交易所(LME)3个月铜期货10日一度上涨0.6%至每吨8019美元，创5月14日来最高水平；受中</t>
  </si>
  <si>
    <t>欧债危机议题左右荷兰大选</t>
  </si>
  <si>
    <t>在今年4月因未能就财政赤字削减方案达成一致而导致内阁垮台之后，荷兰即将在9月12日迎来提前举行的大选。持续发酵的欧债危机成为本次大选中最受关注的议题，其选举结果将对欧债危机走向产生何种程度影响备受瞩目。　　　　欧盟的紧缩政策可谓是导致上一届荷兰内阁垮台的直?</t>
  </si>
  <si>
    <t>德拉吉的新政  默克尔的心结</t>
  </si>
  <si>
    <t>当德国人对欧洲央行行长德拉吉表示不满时，经常会用“那个意大利人”来称呼他。去年德拉吉上任时，德国的《图片报》就刻薄地评论说，通胀跟意大利人的关系，就像番茄酱与意大利面那样密不可分。此话意指德拉吉会改变长期以来欧洲央行稳物价、控通胀的宗旨，让相对趋紧的货币?</t>
  </si>
  <si>
    <t>法国首富“出逃”折射税改争议</t>
  </si>
  <si>
    <t>法国奢侈品巨头路易威登集团首席执行官贝尔纳·阿尔诺申请比利时国籍的消息近日遭披露，在法国引起轩然大波，并引发有关法国对富人征税措施的争议。　　　　《自由比利时报》8日报道称，阿尔诺上周向比利时有关机构递交了入籍申请。法国媒体称，在法国热议向富人征收高额所</t>
  </si>
  <si>
    <t>高层激辩矿业盛宴还能吃多久</t>
  </si>
  <si>
    <t>澳大利亚矿业和旅游部长马丁·弗格森日前告诉媒体，矿业繁荣已经结束。这一言论立即引发包括总理吉拉德在内的多名高官反驳，后者坚称矿业繁荣远未终结，仍将支撑澳大利亚经济持续增长。　　　　围绕矿业前景的零星言论正演化为多空观点的激烈碰撞，折射出澳大利亚矿业的复?</t>
  </si>
  <si>
    <t>超市小票或成“隐性杀手”</t>
  </si>
  <si>
    <t>网络上一条有关含有“双酚A”的超市购物小票会致癌的消息引起了众多网友关注：超市购物小票中含有双酚A，可通过皮肤渗入人体内，影响人的生殖系统并致癌。　　　　动物实验显示：双酚A可能对生殖发育产生影响　　　　据了解，在2010年11月25日，欧盟食品链和动物健康委员</t>
  </si>
  <si>
    <t>8月国际粮价高位徘徊危机隐忧未退</t>
  </si>
  <si>
    <t>联合国粮农组织6日发布的8月份食品价格平均指数为213点，虽与7月持平，但仍在经历暴涨后的高点徘徊，粮食危机隐忧仍未消退，全球各组织仍在加紧呼吁采取共同行动。　　　　值得注意的是，此轮粮价暴涨，再次反映美国等发达国家扮演着主导的角色，而我国作为全球最大的农产?</t>
  </si>
  <si>
    <t>匈牙利：烫手的奖学金要还是不要</t>
  </si>
  <si>
    <t>9月初，匈牙利各大学陆续开学。与往年不同的是，今年新生们在入学前必须先完成一项前所未见的选择：要么全额自费上大学，要么签一份合同，享受政府提供的全额或半额奖学金，但毕业后数年内不能出国工作。　　　　反对者认为，这份合同一定程度上剥夺了学生接受免费高等教育</t>
  </si>
  <si>
    <t>稳外贸增长新政呼之欲出</t>
  </si>
  <si>
    <t>外需持续疲软使得当前的进出口压力倍增《经济参考报》记者日前从权威渠道获悉，在对沿海地区摸底调研之后，国家相关部门正在酝酿新一轮维稳外贸增长的政策，新政将涵盖质检、通关、信贷、保险等多个方面，个别行业的出口退税率或将调高，新政最快有望在本月出台。　　　　?</t>
  </si>
  <si>
    <t>屡屡以贪婪之手陷人于危机的是谁</t>
  </si>
  <si>
    <t>高盛公司的创始人马库斯·戈德曼是德裔移民，来到美国后经营服装业。1869年进入金融业，成立了高盛公司。1884年，有一位道格拉斯先生向高盛公司购买了一只债券，金额为1100美元。事后发现，这只债券是一场骗局。债券的签发人卷款逃走，不知所终。于是，道格拉斯先生就把高盛?</t>
  </si>
  <si>
    <t>欧元区九月“逃生”需过三重门</t>
  </si>
  <si>
    <t>欧债危机爆发近三年来，欧元区可谓命运多舛，多次命悬一线又化险为夷。9月，欧元区将再次面临生死考验。记者走访多位权威专家获悉，欧洲央行将宣布推出折中“模糊”的购债方案框架，德国从法律层面也很可能同意欧洲稳定机制的实施，从而力阻希腊退出欧元区以及后续连锁效应导</t>
  </si>
  <si>
    <t>中企收购澳最大棉商触动谁的神经</t>
  </si>
  <si>
    <t>澳大利亚副总理兼国库部长韦恩·斯旺上周批准，中国山东如意集团控股的财团可参与收购澳最大棉花生产商丘比公司的竞争。几天来，澳不断有报道表达对此收购的担心，甚至有政客批评政府批准中国公司参与竞标是“耻辱”，危言耸听地说交易威胁到澳国家利益。　　　　澳关心丘?</t>
  </si>
  <si>
    <t>夏普断臂求生能否渡过危机</t>
  </si>
  <si>
    <t>近来，海鸿集团和夏普深度合作出现波折，在日本引人注目，原因是海鸿是否向夏普伸出橄榄枝，成了夏普命运攸关的大问题。　　　　夏普遇到了空前的危机，2011财年亏损3760亿日元，2012财年第一季度又出师不利，亏损1348亿日元，销售额较去年同期减少28%，仅有4586亿日元，公</t>
  </si>
  <si>
    <t>“黑名单”敲响我海外投资新警钟</t>
  </si>
  <si>
    <t>《经济参考报》记者日前获悉，奥地利最高商会组织——奥地利联邦商会近期首次公布了一份涉及近30家中国企业的“黑名单”，称这些企业是“虚拟企业”，警告本国企业防止被诈骗。据了解，联邦商会拥有会员40多万个，该商会作为“准官方机构”，可以影响政府经济决策。此事已经?</t>
  </si>
  <si>
    <t>中国内地全球竞争力排名降至第29位</t>
  </si>
  <si>
    <t>“在过去两年中，亚洲发展中经济体近年来强劲的竞争力增长势头在趋于放缓。”世界经济论坛9月5日发布的《2012-2013年全球竞争力报告》排名显示，中国的排名在经过5年的稳定上升后，今年下降了三个位次，在全球144个经济体中排行第29位，但仍然居于“金砖四国”(中国、印度、?</t>
  </si>
  <si>
    <t>美债破16万亿 奥巴马连任恐受拖累</t>
  </si>
  <si>
    <t>美国公共债务9月4日突破16万亿美元大关，所连带的“债务上限”等问题再成焦点，加上制造业数据降至2009年7月以来的最低值，正值参加民主党全国代表大会并谋求连任美国总统的奥巴马被指带领美国经济复苏不力。　　　　美国财政部9月4日公布的数据显示，美国公共债务已经突破</t>
  </si>
  <si>
    <t>绥芬河：百年口岸的新视界</t>
  </si>
  <si>
    <t>盛夏时节，在绥芬河却可以感受到其他地方无与伦比的清新与凉爽。这里清风拂面，烈日照耀下却不缺少清凉，因为这里绿树成荫，四面青山环抱……    这是一座令人瞩目的口岸城市，在振兴之路上，绥芬河伴随着沉沉一线的中俄大铁路，见证了那段峥嵘的岁月。那岁月如歌，那岁月?</t>
  </si>
  <si>
    <t>欧美“争食”通用航空市场我亟须制定应对战略</t>
  </si>
  <si>
    <t>面对我国新兴的通用航空市场，以美国“股神”巴菲特为代表的欧美投资者和企业目前正在加快进入。不过，《经济参考报》记者近日调查发现，国内的通用航空企业各自为阵、自谋发展，缺少应对发达国家的统一谋划。以西安阎良国家航空基地为核心的关中航空带为了使我国能从通用航?</t>
  </si>
  <si>
    <t>欧洲央行购债计划有望提速</t>
  </si>
  <si>
    <t>国际评级机构穆迪投资者服务公司9月3日将欧盟长期信用评级前景展望由“稳定”调至“负面”，警告未来可能调降欧盟当前的Aaa评级。欧洲央行将于9月6日举行货币政策例会，商讨应对债务危机的最新举措。有分析认为，穆迪此举可能将推动欧洲央行加快推进购买成员国国债计划。</t>
  </si>
  <si>
    <t>纽约调查私募基金业非法避税</t>
  </si>
  <si>
    <t>据媒体报道，美国10余家最大型私募基金公司涉嫌逃税数以亿计美元。知情的业界高管透露，纽约州总检察官埃里克-施奈德曼正进行相关调查。　　　　《纽约时报》引述消息人士话报道，纽约州检察官施奈德曼7月时发出传票调阅多家公司内部文件，调查私募基金的避税手法。业者把?</t>
  </si>
  <si>
    <t>大区域·大通道·大平台</t>
  </si>
  <si>
    <t>近日，中共绥芬河市委书记赵连钧在接受记者采访时，以宏观战略思维，就绥芬河在中俄战略合作中的地位和作用，在俄远东大开发中的机遇和作用，从经济地理的角度提出了大绥芬河区域战略构想。　　　　赵连钧指出，绥芬河在中俄合作中的战略地位和作用十分突出，在俄罗斯远东?</t>
  </si>
  <si>
    <t>大限将至  光伏全行业紧急应对</t>
  </si>
  <si>
    <t>距离欧盟公开对华光伏企业反倾销立案决定最后期限(9月6日)仅剩不到两天的时间，虽然商务部称尚未收到正式立案通知，但欧盟照会商务部决定立案的消息已使得全行业风声鹤唳，企业、行业协会、政府部门紧急商议对策做最后的努力，企业甚至开始谋划产业外迁。　　　　9月4日晚?</t>
  </si>
  <si>
    <t>巴克莱寄望“温和”新总裁</t>
  </si>
  <si>
    <t>处于丑闻漩涡中心的巴克莱银行在8月30日任命詹金斯为新总裁，即刻生效。　　　　作为受命于危难之际的新掌门，詹金斯与他的前任戴蒙德似乎没有任何相似之处。戴蒙德是个行事激进、傲慢自大的美国佬，而詹金斯却是一个态度温和、不太善言谈的谦谦英国绅士。戴蒙德重视投资银</t>
  </si>
  <si>
    <t>苹果三星专利战警示中国IT业</t>
  </si>
  <si>
    <t>美国地方法院日前裁定韩国三星电子公司侵犯了美国苹果公司六项专利，要求向后者赔偿10.5亿美元损失，标志着苹果在这场“专利世纪大战”取得主场的重大胜利。　　　　业内人士认为，该判决并不意味着专利对决的终结，苹果后续的禁售要求和三星的上诉仍会让这场战争布满硝烟?</t>
  </si>
  <si>
    <t>中国企业“走出去”的新考量</t>
  </si>
  <si>
    <t>近年来，在助推中国企业“走出去”的战略中，“三一重工”等大型企业通过并购、投资等方式，在欧洲站稳了脚跟，树立了中国品牌形象，为其他企业起到了“领头羊”作用。尤其是在刚闭幕的英国伦敦奥运会上，一批中国文化企业也积极参与其中，成为此次奥运会的赞助商，得到奥组?</t>
  </si>
  <si>
    <t>IFA“中国创造”展现未来生活</t>
  </si>
  <si>
    <t>北京时间2012年8月31日，2012德国柏林国际消费类电子展(IFA)正式拉开帷幕。作为与美国拉斯韦加斯国际消费电子展(CES)齐名的全球视听及消费类电子产品展览会，此次IFA展吸引了众多知名厂商的参与。其中，以海尔为代表的500多家中国参展商展示了中国在消费电子和家用电器领域的</t>
  </si>
  <si>
    <t>法国政府将救援第二大抵押贷款机构</t>
  </si>
  <si>
    <t>据外媒报道，法国政府已经决定将对该国第二大抵押贷款机构法国不动产信贷银行(Credit Immobilierde France)进行救助担保。这是继德克夏银行(Dexia)之后第二家向法国政府申请财政担保的金融机构。法国总理9月2日就此强调法国金融体系仍然“整体稳固”。　　　　法国不动产信</t>
  </si>
  <si>
    <t>APEC关注绿色成长  担忧粮食安全</t>
  </si>
  <si>
    <t>2012年亚太经合组织(APEC)领导人非正式会议俄罗斯远东城市符拉迪沃斯托克正式拉开帷幕，将促进21个成员间如何进行更紧密的经济合作方案。并延续去年年会共识、提倡具环保意识的“绿色成长”。　　　　本次APEC会议的主题是“整合推动成长、创新促进繁荣”。围绕这一主题，?</t>
  </si>
  <si>
    <t>伯南克在货币政策上“两头受堵”</t>
  </si>
  <si>
    <t>美联储主席伯南克8月31日在美联储年度经济座谈会上讲话时暗示新货币宽松政策将要出炉，这不仅引发了股市、金价、油价的强烈反应，也在华府掀起了轩然大波，美国民主、共和两党高层对此的表态截然不同，显示伯南克当前在制定货币政策上两头受堵。　　　　在奥巴马政府任内，</t>
  </si>
  <si>
    <t>伯南克讲话增强QE3推出预期</t>
  </si>
  <si>
    <t>8月31日，全球央行行长会议在怀俄明州杰克逊霍尔举行。美联储主席伯南克在年度经济论坛上向央行官员及经济学家发表演说时表示，美国的就业市场是让人深感担忧的问题。他表示，经过慎思，非传统政策的代价可控制，这意味一旦经济景况确有必要，不应排除进一步采取量化宽松政策</t>
  </si>
  <si>
    <t>欧洲央行“冲锋陷阵”充当最后贷款人</t>
  </si>
  <si>
    <t>近日有关欧洲央行出手重新启动购买国债计划的消息甚嚣尘上，包括德国《明镜》杂志与美国《华尔街日报》等财经媒体均报道了这一计划的相关内容。受此消息的鼓舞，欧元对美元的汇率一改持续几个月的颓势，一路上涨至1.25附近。而一些重要国家如西班牙、意大利的国债收益率也出?</t>
  </si>
  <si>
    <t>瑞士自由港：神秘的艺术品藏宝库</t>
  </si>
  <si>
    <t>距离瑞士日内瓦市中心约3公里有一处仓库式建筑群，外表不太起眼，其中却另有乾坤：这里存放着价值连城的艺术品，可以媲美世界上最好的博物馆，只是这里的宝贝不对外展览。　　　　这就是“日内瓦自由港”，是艺术界的秘密宝库。随着艺术品投资市场升温，自由港成为收藏家和</t>
  </si>
  <si>
    <t>中国须警惕资本流动逆转</t>
  </si>
  <si>
    <t>在过去的一年里，新兴市场国家尤其是金砖国家，资本流动出现较大的反复，资本流入放缓甚至逆转。　　　　本轮金砖国家跨境资本流动逆转有内因，也有外因，但主要是外因，即美元汇率反弹。去年8月初美债评级被下调，把欧洲债务问题推到风口浪尖。作为美元潜在竞争者的欧元受</t>
  </si>
  <si>
    <t>美国经济回暖难阻QE3渐近猜想</t>
  </si>
  <si>
    <t>美国联邦储备委员会29日发布的全国经济形势调查报告说，今年7月到8月初，美国大部分地区和行业经济活动继续逐步扩张。但外部需求持续疲软、就业难以改善，在一定程度上会迫使美联储推出市场普遍预期的新一轮量化宽松(QE3)。　　　　美联储当天发布的报告根据其下属12家地区</t>
  </si>
  <si>
    <t>美加英德名校注重创业教育</t>
  </si>
  <si>
    <t>在即将到来的新学年，《经济参考报》驻外记者分别走访了美国麻省理工学院、英国剑桥大学、德国慕尼黑工业大学、加拿大滑铁卢大学，得到一个重要启示，即大学阶段，学生需要掌握的不仅仅是课本知识，更重要的是职业视野和创业方向感，以及发现和解决实际问题的能力。在这些名?</t>
  </si>
  <si>
    <t>西班牙经济衰退加深  推升求助预期</t>
  </si>
  <si>
    <t>西班牙国家统计局28日公布的最新数据显示，受欧债危机拖累，国际需求和国内消费都大幅缩减，今年第二季度西班牙经济环比收缩0.4%，同比下滑1.3%。数据表明，西班牙的经济衰退程度正在加深。有分析称，西班牙可能会申请更多的外部救援。    西班牙国家统计局同日将西班牙第?</t>
  </si>
  <si>
    <t>需求预期推动煤价4个月来首涨</t>
  </si>
  <si>
    <t>29日，《经济参考报》记者从秦皇岛煤炭网获悉，最新一期环渤海动力煤价格报收627元/吨，较前一期小幅上涨1元/吨，也是该指数在经历了连续十三周的下降、连续三周的持平之后，首次出现上涨。　　　　“环渤海地区煤价的小涨有着技术性的因素，为了让市场对煤炭需求有信心，?</t>
  </si>
  <si>
    <t>中国重卡GTL将首次亮相汉诺威车展</t>
  </si>
  <si>
    <t>8月28日，北汽福田欧曼第55万GTL重卡徐徐下线，并将代表中国重卡首次出征德国汉诺威车展。作为欧曼第55万辆下线的欧曼GTL无不透露出“欧洲标准”的科技内涵，除搭载奔驰OM457发动机外，其车身已贴上“Producedby福田戴姆勒汽车”字样，这表明欧曼GTL正式以福田戴姆勒汽车的产</t>
  </si>
  <si>
    <t>把利用日资与中国结构调整结合起来</t>
  </si>
  <si>
    <t>近年来，日本对华投资出现了新的高潮，这与中国经济的良好表现有着密不可分的关系。而这对于转型期的中国来说，却是一个需要认真思考的问题，应该考虑怎样把日本投资与中国经济结构调整结合起来，使两者协调与平衡，通过产业政策的引导，推进中国产业结构朝着高位化方向发展?</t>
  </si>
  <si>
    <t>澳大利亚、欧盟将对接碳排放交易体系</t>
  </si>
  <si>
    <t>澳大利亚气候变化和能源效率部长格雷格·康贝特28日表示，澳大利亚已与欧盟达成协议，同意对接双方的碳排放交易体系。　　　　按照该协议，双方的碳排放交易体系将于2015年7月1日开始对接，澳大利亚的碳排放价格将与欧盟一致；2018年7月1日前彻底完成对接，即双方互认碳排?</t>
  </si>
  <si>
    <t>苹果开启“库克”时代</t>
  </si>
  <si>
    <t>如今的华尔街，所有人都在享受苹果公司引领的科技股盛宴。这家消费科技领域的领头羊，股价屡创新高，已经成为美国历史上市值最高的公司。　　　　8月27日，苹果股价再次上涨，最终收于每股675.68美元，市值达到6334亿美元，远远超过微软在1999年创下的历史纪录，傲视群雄，</t>
  </si>
  <si>
    <t>苹果在美追剿三星  拟封杀八项产品</t>
  </si>
  <si>
    <t>苹果公司在美国诉讼三星侵犯其六项专利权在上周胜诉后，本周继续对三星公司的八项电子产品提出禁止其进入美国市场的请求。　　　　苹果想要禁止三星在美国销售的产品主要有GalaxyS4G、GalaxyS2AT&amp;T，GalaxyS2，GalaxyS2T-Mobile，GalaxyS2Epic4G，GalaxySShowcase，DroidCh</t>
  </si>
  <si>
    <t>全球宽松预期炒热避险资产</t>
  </si>
  <si>
    <t>日本政府在28日发布了最新一期月度经济报告，10个月来首次下调对国内经济的评估。近期多个机构的经济分析报告显示，受内需外需不振影响，除了全球第三大经济体日本，前两大经济体美国和中国也面临经济减速困扰。主要经济体增长遇阻，令市场对全球大范围推出刺激措施的预期大?</t>
  </si>
  <si>
    <t>极端气候常态化  人类将如何应对</t>
  </si>
  <si>
    <t>近年来全球遭遇极端天气愈加频繁，呈现常态化趋势，今年夏季的极端高温气候更令多国爆发了森林火灾、生产事故、农业歉收，造成人员和财产损失巨大。与此同时，以欧洲为代表的多地区不断完善应急预案，其中提前预警和减损的做法可供我国参考借鉴。　　　　圣婴来袭高温灼烧?</t>
  </si>
  <si>
    <t>中国短期难改苹果产业链末端位置</t>
  </si>
  <si>
    <t>新品发布晚、售后服务差、代工企业被指“血汗作坊”……近年来，苹果公司在中国受到的种种指责既反映出这家全球IT业巨头的傲慢，也折射出中国在苹果产业链中地位低端、缺乏话语权的现状。　　　　IDG(美国国际数据集团)资本创始合伙人熊晓鸽指出，中国为苹果公司带来了巨大</t>
  </si>
  <si>
    <t>澳大利亚资源繁荣是否见顶</t>
  </si>
  <si>
    <t>澳大利亚资源行业近来阴云密布：世界最大矿业企业必和必拓公司决定无限期搁置价值287亿澳元(300亿美元)的扩建奥林匹克坝矿场计划；伍德赛斯石油公司推迟价值400亿澳元的布劳斯盆地天然气项目；壳牌公司推迟其170亿美元在澳投资计划中的部分项目……　　　　澳大利亚矿产资?</t>
  </si>
  <si>
    <t>瑞安医改惊波澜</t>
  </si>
  <si>
    <t>对于民众投票率远低于一个世纪前的美国大选，“出勤率”相对较高的老年人是民主、共和两党力争的香饽饽，佛罗里达等关乎选情的摇摆州恰好也是老年人比例较高的地区，这也是为什么近日罗姆尼的竞选搭档保罗·瑞安把老母亲都搬了出来，为他在佛罗里达的演讲助阵，给老年人派发?</t>
  </si>
  <si>
    <t>美联储年会或进一步释放QE3信号</t>
  </si>
  <si>
    <t>8月的最后一天，市场目光将聚焦美国度假胜地怀俄明州杰克逊霍尔小镇(JacksonHole)。美联储将在这里举行年会，美联储主席伯南克在会议上有望释放出有关第三轮量化宽松措施(QE3)的进一步线索。　　　　宽松预期再升温　　　　美联储31日将举行年会，伯南克将在会议上发表演</t>
  </si>
  <si>
    <t>让希腊再喘口气难在何处</t>
  </si>
  <si>
    <t>要不要同意希腊延后两年完成紧缩计划的提议，成为欧洲领导人们结束休假后的头道选择题。在与希腊总理萨马拉斯会谈后，德国总理默克尔、法国总统奥朗德默契地表示，要等国际货币基金组织(IMF)、欧洲央行(ECB)、欧盟这“三驾马车”针对希腊执行紧缩计划的报告完成后再说。奥地?</t>
  </si>
  <si>
    <t>希腊延期减赤提议未获德法支持</t>
  </si>
  <si>
    <t>希腊总理萨马拉斯24日、25日先后前往德法两国，与德国总理默克尔、法国总统奥朗德举行会谈。尽管德法两国领导人均表示，希腊应继续留在欧元区内，但对此前希腊方面提出的有关给予更多喘息时间和空间的请求，默克尔和奥朗德未置可否，而是口径一致地表示要等“三驾马车”的评?</t>
  </si>
  <si>
    <t>苹果三星专利大战本周移师日本</t>
  </si>
  <si>
    <t>继上周韩国、美国相关法院对苹果、三星两家公司专利侵权案作出裁决后，本周东京地方法院将就苹果针对三星公司日本法人的指控作出中间判决。　　　　所谓民事中间判决，是指民事诉讼审理在还未进入宣判阶段前，受理法院为准备作出终局判决，而事先解决当事人之间有关本案或?</t>
  </si>
  <si>
    <t>中国上市公司让德国投资者幻想破灭</t>
  </si>
  <si>
    <t>到德国上市，是近些年中国企业特别是中小企业颇为热衷的目标。分享中国快速增长的成果，也是近些年德国投资者特别是小投资者憧憬的美好前景。不过，现在中国企业到德国上市热潮未退，德国投资者却开始对中国在德上市公司失去热情。　　　　德国《商报》近日盘点中国在德国?</t>
  </si>
  <si>
    <t>“全球稀土中国供应”格局料生变</t>
  </si>
  <si>
    <t>就在欧美日通过WTO诉讼对中国稀土政策施压同时，一些产稀土国家稀土开采重启计划也进入了实质阶段。《经济参考报》记者日前采访业内人士表示，包括马来西亚、澳大利亚等国家在内的稀土矿山开发和冶炼等多个项目运行非常顺利，预计下半年将会陆续投产，主要集中在轻稀土方面，</t>
  </si>
  <si>
    <t>上市公司分红怎能如此内外悬殊</t>
  </si>
  <si>
    <t>据报道，中石油在美国上市仅融资29亿美元，但给境外投资者的分红累计却高达119亿美元，约800亿元人民币，分红超过融资额度的4倍。其中，2005年，中石油就向美国投资者分红600多亿元人民币。　　　　相反，对国内投资者，分红就没有那么大方了。虽然分红的绝对量似乎并不少?</t>
  </si>
  <si>
    <t>首航节能陷“商业欺诈”风波</t>
  </si>
  <si>
    <t>近日，北京首航节能技术股份有限公司(以下简称首航节能)深陷“商业欺诈”风波。首航节能涉嫌在过去数年内隐瞒多家发电企业，违反招标协议，使用假冒德国维开德威斯特法伦钢铁有限公司(以下简称维开德公司)的材料，被维开德公司在媒体通告。　　　　值得监管部门和投资者注?</t>
  </si>
  <si>
    <t>专访阎焱：投资人是弱势群体</t>
  </si>
  <si>
    <t>高管离职、股价跳水、股东内讧、员工罢工。雷士照明——这个曾稳坐中国照明行业头把交椅的香港上市公司，近来一直在媒体上演绎着企业创始人和PE大佬公开对决的场景。继8月10日本报发表《PE与创始人“战争”中的雷士照明》，8月17日本报发表专访吴长江的文章《续——H股复牌股</t>
  </si>
  <si>
    <t>美联储紧盯经济面  “宽松”动力增强</t>
  </si>
  <si>
    <t>美联储当地时间22日公布的月初议息会议纪要显示，由于美国经济复苏出现减速迹象，美联储推出新的宽松货币政策的动力增强。　　　　会议纪要称，由于货币当局决策者对当前的经济前景很不满意，美联储很多货币政策制定者认为，除非短期内美国缓慢的经济复苏出现大幅提振，否?</t>
  </si>
  <si>
    <t>美对多国企业发起“337调查”</t>
  </si>
  <si>
    <t>美国国际贸易委员会21日宣布，将对来自中国等多个国家和地区的多家企业生产的无线电子设备发起大规模的“337调查”，以确定这些企业是否侵犯美国企业的专利。　　　　美国国际贸易委员会当天发表声明说，涉案产品主要是具有无线功能的消费电子设备及组件，如平板电脑、智能</t>
  </si>
  <si>
    <t>俄加入WTO全球贸易添新动力</t>
  </si>
  <si>
    <t>俄罗斯22日正式加入世界贸易组织(WTO)，成为WTO第156个成员。有分析认为，作为全球第9大经济体，俄罗斯“入世”将为全球贸易带来新的增长动力；而作为俄罗斯最大贸易伙伴，中国对俄经贸合作也将面临新的机遇和挑战。　　　　俄经济迎来突破口　　　　俄罗斯1993年申请加?</t>
  </si>
  <si>
    <t>瑞安的经济主张能否助选罗姆尼</t>
  </si>
  <si>
    <t>美国大选的焦点从来都是总统候选人，但在上周末，共和党总统竞选人罗姆尼宣布众议员保罗·瑞安为其竞选搭档后，起码在本周，大选主角变成了选举双方的副手：瑞安和副总统拜登。　　　　尽管副手之争为显得有些疲惫的选战注入活力，但从历史上看，双方副手如果吸引过多注意?</t>
  </si>
  <si>
    <t>东北地区打造东部经济增长带</t>
  </si>
  <si>
    <t>日前，第四届东北东部(12+2)区域合作圆桌会议在黑龙江省鹤岗市举行，而2012年东北四省区合作行政首长联席会议也在中俄边境黑瞎子岛召开。《经济参考报》记者从这两次会议上获悉，今年和未来一段时间内，东北地区区域发展的重点将集中在东北经济带、无障碍旅游区、物流建设、?</t>
  </si>
  <si>
    <t>欧洲央行对市场投机泼冷水</t>
  </si>
  <si>
    <t>欧洲央行20日在月报中表示，并不鼓励市场猜测欧洲央行将采取更为激进的措施，进而进行投机。    此前，欧洲市场一致期待欧洲央行落实之前发出的购买成员国国债的承诺，分析师对于欧洲央行将采取的具体措施也说法不一。德国《明镜周刊》19日对此做出分析，认为欧洲央行可能?</t>
  </si>
  <si>
    <t>苹果在美诉三星侵权案或本周裁定</t>
  </si>
  <si>
    <t>备受关注的苹果在美国诉三星电子专利侵权案有望于本周作出判决。分析认为，无论哪家公司取得胜利，结果均将对整个智能手机和平板电脑领域产生深远影响。　　　　据外媒报道，苹果与三星首席执行官近日进行了协商，但未能就两公司之间专利纠纷达成和解。经过近一个月的聆讯?</t>
  </si>
  <si>
    <t>优酷土豆正式合并</t>
  </si>
  <si>
    <t>优酷网和土豆网8月20日在香港召开双方股东大会，以高票通过两家公司的合并方案。合并方案通过后，优酷土豆集团(以下简称“优土集团”)公司正式成立。据优土集团介绍，此次合并通过100%换股方式完成，中间不涉及任何现金。据悉，2012年7月17日，优酷网向美国证券交易委员会(SE</t>
  </si>
  <si>
    <t>希腊迎来谈判周  紧缩或加码</t>
  </si>
  <si>
    <t>希腊总理安东尼斯·萨马拉斯本周将密集会见欧元区主要领导人。有媒体报道称，萨马拉斯打算将实施财政紧缩计划的期限延长两年，甚至申请第三轮援助资金。分析认为，目前德国要求希腊遵守减赤承诺的立场仍然十分坚定，计划延期恐难如愿；但希腊和欧盟在希腊留在欧元区的表态上?</t>
  </si>
  <si>
    <t>欠薪案判决为何是“一张废纸”</t>
  </si>
  <si>
    <t>日前，13名孩子来到云南大理南国城大理东盟玉石城门口替父母讨要工资，孩子们手中都拿着一张要学费的标语。他们的父母6年前曾在南国城项目打工，开发商拖欠1000多名农民工工资达2000多万元。　　　　据南国城包工头张先生透露，去年10月，施工方将拖欠工程款的南国城开发商</t>
  </si>
  <si>
    <t>“夹心层”居不易</t>
  </si>
  <si>
    <t>谈到在澳大利亚供房贷的经历，一位家住悉尼CBD、供职于全球500强公司的华人朋友朱莉亚告诉笔者，她年薪大约7万澳元(1澳元约合1.04美元)，税后4万多澳元，每月支付住房按揭贷款2000多澳元，剩下不足2000澳元为可支配收入，扣去吃、穿、水电、交通和通讯等用度，每月所剩无几。</t>
  </si>
  <si>
    <t>国际资本借机疯炒粮价酿风险</t>
  </si>
  <si>
    <t>由美国大旱引发的全球性粮食危机担忧仍在持续，主要农产品期货价格则在资本炒作下不断上涨，20国集团为此积极筹备召开紧急会议，着手应对。　　　　接受《经济参考报》记者采访的专家认为，虽然资本炒作凶猛，但近期触发粮食危机的条件暂不具备，粮价上涨对我国的冲击有限?</t>
  </si>
  <si>
    <t>西班牙呼吁欧洲央行购债不设限</t>
  </si>
  <si>
    <t>西班牙埃菲社18日援引该国经济大臣路易斯·德金多斯的话说，欧洲央行必须采取强力措施，在未来进行的购买主权债务行动中不设限制，以帮助西班牙降低融资成本，清除针对欧元区未来的所有顾虑。　　　　德金多斯向埃菲社表示，欧洲央行在二级市场购买重债国国债时，不应在资?</t>
  </si>
  <si>
    <t>欧元区险象环生  默克尔暂不出手</t>
  </si>
  <si>
    <t>刚刚过去的夏休时节，险象环生的欧元区稍稍有所平息，处于欧元救助风口浪尖的德国总理默克尔也保持缄默，不参与任何有关希腊前途、欧元区命运的讨论。　　　　德国《世界报》网站19日载文说，世界从没有像今天那样将目光投向默克尔。但默克尔现在还不会做出决定，而是选择?</t>
  </si>
  <si>
    <t>罗姆尼为大选“山水图”上色</t>
  </si>
  <si>
    <t>稳获美国共和党总统候选人提名的罗姆尼今年听到最多的批评就是他的演讲只有骨架，没有血肉，这就好比在画中国山水图时，只有一个轮廓而没有上色，保罗·瑞安获提名成为其大选搭档不啻给这幅山水图上色。《华尔街日报》的评论文章称，罗姆尼公布的不仅是一个竞选搭档，更是一?</t>
  </si>
  <si>
    <t>国产片“肉搏”进口片缘何再次落败</t>
  </si>
  <si>
    <t>不久前，詹姆斯·卡梅隆的传奇巨作《泰坦尼克号》3D版重装上映，一举创下中国票房的一大神话；日前，美国梦工厂更是果敢进入中国，将进口电影的阵地前移。进口片的中国市场重现多年前的火爆局面。然而，来自官方的数据和国产片方“抱团取暖”的举动却透露出国产片的尴尬。这?</t>
  </si>
  <si>
    <t>伦敦奥运余音未了</t>
  </si>
  <si>
    <t>文化奥运不落幕西非艺术展曼城　　　　记者  骆珺姜  鲁榕  曼彻斯特报道　　　　在本届奥运会足球赛事举办地——英国老牌工业城市曼彻斯特，一场文化奥运盛会仍在如火如荼进行。来自西非国家的30多名现代艺术家在遍布曼城的美术馆、博物馆、音乐厅和喷泉广场联合举办各?</t>
  </si>
  <si>
    <t>美大旱加剧全球粮食危机风险</t>
  </si>
  <si>
    <t>美国农业部15日发表声明说，受严重干旱灾害的持续影响，又有15个州的172个县被认定为干旱受灾区，与此同时多个权威机构警告，全球性粮食危机短期内有可能爆发。为此20国集团(G20)与联合国将召开紧急会议，拟采取行动来协调各国对粮价飙升的应对。分析人士质疑该会议对改变全?</t>
  </si>
  <si>
    <t>Libor——浮出水面的金融冰山</t>
  </si>
  <si>
    <t>茫茫大海中，水手寻找的是灯塔，当灯塔转瞬成为冰山，带给水手们的是什么？　　　　Libor：伦敦银行间同业拆借利率，Euribor：欧洲银行间欧元同业拆借利率。这些在行外人士感到陌生的概念，在业内是数百万亿美元交易的风向标。然而，在金融地雷四处开花之际，关于Libor操纵</t>
  </si>
  <si>
    <t>新加坡调整政府部门采购程序</t>
  </si>
  <si>
    <t>新加坡副总理兼财政部长尚达曼近日在国会答复议员口头询问时宣布，鉴于近期频发的政府采购失当、多名官员涉及贪污指控的现状，政府将调整相关采购程序。　　　　新加坡政府部门及下辖政府机构的采购项目，只要不超过7万新币(约合5.6万美元)，将统一在政府电子采购平台网站?</t>
  </si>
  <si>
    <t>欧元区衰退难除  财政紧缩不靠谱</t>
  </si>
  <si>
    <t>欧盟统计局14日发布的数据显示，今年第二季度，欧元区经济环比整体萎缩0.2%。分析人士指出，虽然两大经济体德国和法国的表现好于预期，但是分析人士指出，欧元区下半年很可能再次陷入衰退，而持续的经济疲弱将加大重债国削减赤字的压力，财政紧缩难坚持，危机恶化的风险正在?</t>
  </si>
  <si>
    <t>金融稳定倚重金融改革</t>
  </si>
  <si>
    <t>7月31日中共中央政治局召开会议指出，下半年要以加快转变经济发展方式为主线，坚持稳中求进的工作总基调，把稳增长放在更加重要的位置。笔者认为，稳增长环境下更要维护金融稳定。不过，有效的金融稳定应通过加强金融改革来实现。　　　　2011年在金融改革中求稳定</t>
  </si>
  <si>
    <t>中小股东不认可分众私有化价格</t>
  </si>
  <si>
    <t>分众传媒收到私有化邀约后，立即引起中小股东的强烈反应。8月14日，有分众传媒中小股东在美国部分专业投资者网站撰文表示，分众传媒收到的私有化邀约价格低于投资者预期，如果分众传媒董事会接受这一价格，将对多数中小投资者利益造成损害。　　　　美国当地时间8月13日，?</t>
  </si>
  <si>
    <t>日本提高消费税面临诸多难题</t>
  </si>
  <si>
    <t>以提高消费税为核心的社会保障税一体改革相关法案10日晚在参议院通过。只要经济形势不恶化，现行的5%消费税，到2014年4月提高到8%，2015年提高到10%已成定局，民主党为此付出分裂的代价，野田首相向自民党公明党妥协，承诺近期解散众议院举行大选换取法案通过，虽然赢得了一?</t>
  </si>
  <si>
    <t>摩根大通曝出巨亏后首次发行债券</t>
  </si>
  <si>
    <t>摩根大通(JPMorgan)13日重返债券市场，出售25亿美元债券，为今年5月曝出巨额亏损之后首次发行债券。　　　　据英国《金融时报》报道，摩根大通13日出售的5年期债券的息票收益率为2%。根据数据公司Dealogic的数据，这一息票收益率为摩根大通所发行的类似期限债券的最低水平?</t>
  </si>
  <si>
    <t>德国经济阴霾笼罩欧元区</t>
  </si>
  <si>
    <t>德国14日公布了第二季度国内生产总值(GDP)初值，较前一季度增长0.3%，较上年同期增长1.0%，好于此前经济学家预期。但分析人士称，德国经济增长动力日渐不足，第三季度经济可能出现下滑，其带领欧元区走出危机并参与救援的希望正在减少。　　　　出口萎缩恐拉低GDP增长　?</t>
  </si>
  <si>
    <t>东京：排水系统重规划、重细节、重投入</t>
  </si>
  <si>
    <t>日本首都东京每年都会遭遇台风带来的强降雨。《经济参考报》记者在东京工作多年了解到，东京在下水道系统维护、防洪涝设施建设、防灾应急机制制定等方面形成了一套较为成熟的做法。目前，东京中心城区通常不会出现明显内涝，核心的行政区、商业区等基本不会出现大片积水，确?</t>
  </si>
  <si>
    <t>探秘国外城市先进的储排水系统</t>
  </si>
  <si>
    <t>七八月份以来，暴雨、洪峰、台风，一个接着一个地在京津、渤海湾及东部沿海地区肆孽逞凶，毫不留情地摧毁着城市的基础设施，出现了城市“观海”、村庄“孤岛”等景象。这场灾害造成的损失触目惊心，使我们不得不正视各个城市的规划建设是否合理、交通沟渠的排水系统是否到位?</t>
  </si>
  <si>
    <t>日本第二季度GDP增速大幅回落</t>
  </si>
  <si>
    <t>由于欧债危机以及全球经济放缓导致需求不断下滑，且国内消费增长放缓，日本第二季度国内生产总值(GDP)增幅大幅回落。　　　　日本内阁府13日公布的速报数据显示，日本第二季度实际GDP环比增长0.3%，折算年率增长1.4%，连续4个季度增长，但与今年第一季度5.5%的年率增幅相比</t>
  </si>
  <si>
    <t>张裕陷风波葡萄酒农残限量标准不应缺失</t>
  </si>
  <si>
    <t>据报道，有媒体将三家国内葡萄酒上市公司的十款葡萄酒产品送经国家食品质量监督检验中心检测后，各款葡萄酒均检出多菌灵或甲霜灵农药残留。其中，张裕葡萄酒残留值超过另外两家。多菌灵为美国禁用的农药，具有导致肝癌的风险。上述消息在市场上引起了极大震动，根据深市数据?</t>
  </si>
  <si>
    <t>美欧对华“风光”发难：受伤的不止中国</t>
  </si>
  <si>
    <t>据消息人士透露，针对欧盟对华光伏企业“反倾销”诉讼，商务部日前紧急召见了英利、尚德、天合以及阿特斯等中国光伏企业四大巨头入京，共商对策。四巨头提交《关于欧盟对华光伏产品实施反倾销调查将重创我国产业的紧急报告》，该《报告》呼吁，在欧盟反倾销立案调查进入45天?</t>
  </si>
  <si>
    <t>美农业部下调全球农作物供应预测</t>
  </si>
  <si>
    <t>由于极端天气因素的影响，8月10日，美国农业部(USDA)在其月度的《世界农业供需评估报告》中，将2012/2013年度除棉花以外的主要农作物小麦、粗粮、稻米、含油种子、糖的供应预期均作了下调。有报告称，农产品大幅减产增加了美国人的食品支出，美国食品价格有可能在未来10到12?</t>
  </si>
  <si>
    <t>老邱建房记</t>
  </si>
  <si>
    <t>在悉尼西南部的帕纳尼亚社区，澳籍华人老邱正在自家一栋二层小楼里设宴待客，庆祝乔迁新禧“我真没想到呀，自己能在澳洲把房子盖起来，”觥筹交错之间，老邱满面红光，不无得意地告诉包括记者在内的诸位来客。应大家要求，老邱讲起了建房经。　　　　移民澳大利亚后，老邱?</t>
  </si>
  <si>
    <t>矗立在中原大地的精神“富矿”</t>
  </si>
  <si>
    <t>英模事迹报告会在新乡城乡广泛举行，先进模范谱写的精神画卷，激励人们学先进、树立正确的人生理想追求。2009级大学生卢明近距离接触先进代表张荣锁后说，“复杂的社会，总有太多的因素让我们彷徨，但今天，我们在身边找到了精神榜样！我们要做一个对人民有益的大学生。”?</t>
  </si>
  <si>
    <t>“两房”盈利  强化美国楼市复苏预期</t>
  </si>
  <si>
    <t>美国两大住房抵押贷款巨头房利美(FannieMae)、房地美(FreddieMac)7日公布的财报显示，今年第二季度，“两房”双双实现盈利，均不用美国联邦政府“输血”救援。　　　　房利美公布的财报显示，其二季度实现利润达51亿美元，环比增长88%，这是房利美连续第二个季度不需要美国</t>
  </si>
  <si>
    <t>蓝筹股为何成为烂臭股</t>
  </si>
  <si>
    <t>7月份最后一个交易日，沪指跌到2103点。2132点的所谓“钻石点”，轻易攻破，且有越钻越低之势“只有更低，没有最低”成为中国股市的真实写照。2100点穿破几无悬念，2000点能否保住，谁也不敢断言。　　　　这就是中国股市。当我们看到，经济处于“水深火热”的美国、欧洲—</t>
  </si>
  <si>
    <t>智能奔流：日本第三次工业革命的足音</t>
  </si>
  <si>
    <t>杰里米·里夫金认为，发生工业革命的标志是“能源使用的方式发生变化和可以管理这些能源系统的新信息手段的出现”。日本向第三次工业革命迈进，主要体现在高度信息技术和新能源管理的结合上，可再生能源用高度信息技术控制，使能源利用效率达到最大化……第三次工业革命的足?</t>
  </si>
  <si>
    <t>埃及：新政府  老难题</t>
  </si>
  <si>
    <t>去年2月穆巴拉克政府倒台后的首个埃及新政府8月2日宣誓就职，这意味着去年年初发生的埃及严重政局动荡基本上尘埃落定。虽然明确看清埃及新政府的经济政策脉络目前尚为时过早，但从新政府的组建和组建后的“最新动作”已可以看到其经济政策的一些趋向。　　　　持续一年半多</t>
  </si>
  <si>
    <t>意大利减赤字和促增长难两全</t>
  </si>
  <si>
    <t>7日数据显示，意大利今年二季度国内生产总值(GDP)已连续第四个季度萎缩，这加大了意大利在减赤字和促增长之间寻求平衡的压力，也令外界更加质疑意大利是否有能力使该国不再徘徊于全面求援的边缘。　　　　意大利是欧元区第三大经济体，第一季度GDP环比收缩0.8%，第二季度表</t>
  </si>
  <si>
    <t>全球货币宽松遭遇休止符</t>
  </si>
  <si>
    <t>澳大利亚央行7日宣布，维持当前3.5%的基准利率不变。此前一周，美联储波澜不兴，让第三轮量化宽松措施(QE3)继续埋在市场预期里。欧洲央行同样“不作为”，尽管行长德拉吉“全力保护欧元区”的誓言犹在耳畔，但最终议息会议既没下调主导利率，也未明确未来非常规货币政策的任?</t>
  </si>
  <si>
    <t>辉瑞6000万美元“破财消灾”</t>
  </si>
  <si>
    <t>美国证券交易委员会7日发表声明，指控美国辉瑞制药有限公司海外子公司为拓展业务而行贿，违反了《反海外腐败法》。　　　　根据美国证交会的指控，辉瑞制药在保加利亚、中国、克罗地亚、捷克、意大利、哈萨克斯坦、俄罗斯和塞尔维亚的子公司雇员和代理对当地官员和医生行贿</t>
  </si>
  <si>
    <t>十大光伏巨头负债1110亿元</t>
  </si>
  <si>
    <t>一边是高额债务压顶，一边是整体市场低迷。笼罩光伏行业的寒意正在进一步加剧。　　　　美国投资机构MaximGroup最新统计数据显示，中国最大的10家光伏企业的债务累计已高达175亿美元，约合1110亿元人民币，国内整个光伏产业已接近破产边缘，其中江西赛维和尚德电力破产的可</t>
  </si>
  <si>
    <t>美联储定夺QE3或在九月</t>
  </si>
  <si>
    <t>6日，美联储主席伯南克在预先录制的电视演讲中表示，目前用于测量经济的多项指标均指向复苏，但很多美国居民和企业仍在面对“艰难时光”。由于之前美联储的货币政策会议刚刚结束，伯南克因此在讲话中并未论及货币政策。　　　　美联储内部的鹰派人物、达拉斯联储主席理查德</t>
  </si>
  <si>
    <t>千年敦煌：感悟“大”与“盛”的交融</t>
  </si>
  <si>
    <t>在中国古代史上，只要事涉中原王朝与西域和中亚诸国的交往，注定离不开敦煌。在彼此的恩恩怨怨中，敦煌是桥头堡，中国历史的不少交汇点都落笔在这里。敦煌，就像历史的一枚药引子，王朝的兴衰成败，民族的更替消亡，在这片戈壁大漠上，上演了分久必合、合久必分的历史大剧。$</t>
  </si>
  <si>
    <t>尚德在美遭集体诉讼</t>
  </si>
  <si>
    <t>继卷入反担保骗局之后，尚德电力(下称“尚德”)在美国又遭到两起集体诉讼，被指发布虚假和误导投资者的财务和经营状况信息，使公司股票下降，损害了投资者权益。《经济参考报》记者就此向尚德高层人士求证，回答是不予置评。　　　　遭集体诉讼的消息使尚德股价再遭重挫，?</t>
  </si>
  <si>
    <t>执行难  希腊减赤计划“前途未卜”</t>
  </si>
  <si>
    <t>欧盟和国际货币基金组织(IMF)官员5日完成对希腊改革进程的审查，少有地带着赞扬声离开。但希腊财长扬尼斯·斯图纳拉斯5日仍警告称，希腊未来几周将迎来避免违约的关键时期。有分析指出，希腊减赤的决心毋庸置疑，但是如何执行仍然是一大难题，加之希腊经济改革一直推进缓慢，</t>
  </si>
  <si>
    <t>大停电掣肘印度“大国梦”</t>
  </si>
  <si>
    <t>或许这将是居住在印度国土上的人们记忆最深刻的一个夏天了。7月30日和31日，殃及6700万人、共计16小时的大停电，成为印度11年来最严重、最大面积的停电事故。这场突如其来的断电导致印度公共交通瘫痪和供水危机，人们的正常生活遭受严重影响。　　　　电力是一国经济的生命</t>
  </si>
  <si>
    <t>4亿美元注资到位  骑士资本“重装上阵”</t>
  </si>
  <si>
    <t>据外媒报道，日前因交易软件失灵而遭受4.4亿美元损失的美国做市商骑士资本公司将获得4亿美元的紧急注资，以确保周一纽约股市开市后得以重新开业。消息灵通人士称，骑士资本拟于当地时间6日早间发表官方声明。　　　　上周三(1日)美股开盘后的一小时内，148只股票价格突然出</t>
  </si>
  <si>
    <t>百思买重返中国加剧市场竞争</t>
  </si>
  <si>
    <t>前段时间，美国家电零售巨头百思买称，将在中国市场引入“BestBuyMobile(百思买移动)”品牌，并将于年内在五星电器南京地区门店中开出首批14家“店中店”。此次战略布会普遍被业界认为是百思买借五星电器重回中国市场的正式信号。　　　　业内专家表示，外资家电连锁涌入中</t>
  </si>
  <si>
    <t>步履匆忙的拉加德</t>
  </si>
  <si>
    <t>若拯救当前欧债危机主要靠两个“超级马里奥”(欧洲央行行长马里奥·德拉吉、意大利总理马里奥·蒙蒂)和两个“超级女人”(德国总理默克尔、国际货币基金组织总裁拉加德)，那么拉加德不啻为全球肩头担子最重的人之一。　　　　从2011年7月5日正式接任因丑闻辞职的卡恩开始，?</t>
  </si>
  <si>
    <t>有增有减的结构性调整是最优选择</t>
  </si>
  <si>
    <t>2012年二季度，世界经济再度放缓，尤其是后危机时期实现强劲增长的新兴和发展中国家也普遍步入经济下行区间，给世界经济增添了更难驱散的厚重阴霾。当前，美国经济表现为消费疲弱下的无就业增长；欧洲经济表现为主权债务危机升级和制度性风险循环下的衰退；日本经济表现为灾?</t>
  </si>
  <si>
    <t>农行“林权贷款”破解福建三农难题</t>
  </si>
  <si>
    <t>“我们的茶园是承包来的，没有土地证，是农业银行大胆突破，率先出台茶树贷款抵押办法，给我们解决了融资担保的难题，为做大做强创业园提供了实质性的帮助。”在福建龙岩漳平台湾农民创业园，回来创业的台湾农民李志鸿对《经济参考报》记者说。　　　　7年前，李志鸿回到祖</t>
  </si>
  <si>
    <t>欧盟一体化步入“深水区”</t>
  </si>
  <si>
    <t>长久以来，欧盟的一体化进程一直没有停止脚步，特别是欧债危机爆发以来，这种步伐越来越明显。从“欧洲学期”、“稳定与增长公约”，到后来的“六个立法建议”，其实都是在加强欧盟层面的掌控能力，并将成员国的财政及相关事务置于欧盟的监督与指导之下。　　　　2011年12?</t>
  </si>
  <si>
    <t>标普再度对意大利“扣动扳机”</t>
  </si>
  <si>
    <t>国际评级机构再次对准意大利“扣动扳机”。　　　　标准普尔8月3日表示，意大利经济衰退程度之深、时间之长已超乎该机构预期。标普担心，这将使金融机构的亏损加剧，因此一举调降了意大利15家银行的信用评级。　　　　有分析认为，标普的此次降级有可能对此后意大利的国?</t>
  </si>
  <si>
    <t>险企抢滩艺术品保险市场</t>
  </si>
  <si>
    <t>一场暴雨致使北京宋庄等多个艺术园区受灾，不少艺术品受损，针对水患等风险的艺术品保险再次引发关注。正是看到其中的市场机会，国内外不少保险公司开始“抢滩”艺术品保险市场。    近期，人保财险与安盛集团旗下的亚洲子公司安盛/上海丰泰签订艺术品保险战略合作协议，双</t>
  </si>
  <si>
    <t>科幻？真实!</t>
  </si>
  <si>
    <t>身体作乐：皮肤肌肉皆成曲　　　　黄敏　　　　不少人知道，锅碗瓢盆皆可当乐器，那有没有听过以身体为乐器演奏的旋律？数名实验音乐家在德国首都柏林挖掘身体的音乐潜能，把皮肤汗湿程度、肌肉运动、脑电波等转化成曲调，奏出特别旋律。　　　　这场特殊的音乐会在柏?</t>
  </si>
  <si>
    <t>美欧央行按兵不动符预期</t>
  </si>
  <si>
    <t>美国当地时间8月1日，美联储在议息会议后发表声明称，美国经济活动有所减速，但是美联储将仍然维持利率在0.25%的低水平到2014年，也没有宣布新一轮货币刺激计划，这一结果基本符合之前的预期。　　　　之前公布的一些数据显示，美国今年上半年的经济增长速度并不理想，并出</t>
  </si>
  <si>
    <t>丹麦大力推进新工业革命</t>
  </si>
  <si>
    <t>丹麦既非制造业大国，在传统能源领域也鲜有优势。但这个北欧小国在新能源及信息化产业发展上却另辟蹊径，走出了一条独具特色的“丹麦模式”发展之路。在众多国家仍在探讨第三次工业革命的确切定义、寻求如何从第二次工业革命过渡到新一轮革命中来的时候，丹麦早已率先积极发?</t>
  </si>
  <si>
    <t>法国率先征收金融交易税</t>
  </si>
  <si>
    <t>法国8月1日在全球金融市场开启先河，开征金融交易税。法国境内的金融机构无不怨声载道，分析称，由于金融税影响难以估量，目前欧盟内部尚无对该税种的征收达成一致意见，全球范围内更争议不断，避税的衍生品或手段将会接踵而来，处于经营困难的银行业可能面临挑战。　　　?</t>
  </si>
  <si>
    <t>印尼“限矿令”持续发酵中方投资隐现被驱逐风险</t>
  </si>
  <si>
    <t>印尼矿企正经历剧痛期，该国5月份以来执行限制矿产出口新规——提高了65种矿石原材料的出口标准，新规实施三个月来，不仅造成大量企业业绩大幅受损、失业人群增多，也招致了国内外投资者的不满和恐慌，主要进口商之一日本更是向世界贸易组织提起诉讼。　　　　同时，由于印</t>
  </si>
  <si>
    <t>欧洲两大银行利润大跳水</t>
  </si>
  <si>
    <t>丑闻频发和经济疲弱对欧洲银行业造成了双重打击。欧洲两家主要大型银行德意志银行(DeutscheBank)和瑞银集团(UBS)今年第二季度额外支出大幅增加，而利润均大幅下滑约一半。由于金融市场不断波动，交易活动减少，两家银行预计未来业绩仍将持续受到影响。　　　　7月31日德意?</t>
  </si>
  <si>
    <t>大停电折射印度经济“短板”</t>
  </si>
  <si>
    <t>印度7月30日和31日连续两天发生大面积停电，东部和北部地区约20个邦相继出现电力瘫痪，全国6亿多人口陷入黑暗之中。过去一直自诩为“大放光芒”的印度，在基础设施严重掣肘的情况下，光环顿失。没有水，没有电，商店也关门了。因为停电，火车站没有信号灯，火车被迫停在半路?</t>
  </si>
  <si>
    <t>流动性加码力度左右金价走势</t>
  </si>
  <si>
    <t>因投资者担心本周美联储和欧洲央行会议不会出台新的经济刺激计划，7月31日纽约金价受打压而小幅下跌，为近5个交易日以来首次下跌。当天，纽约商品交易所黄金期货市场交投最活跃的12月合约收于每盎司1614.6美元，比前一交易日下跌9.4美元，跌幅为0.6%。　　　　回顾上半年，</t>
  </si>
  <si>
    <t>欧洲央行硬扛“铁人三项”</t>
  </si>
  <si>
    <t>欧洲央行本周议息。此前欧洲央行行长德拉吉说了一句“已准备好采取一切措施捍卫欧元”，早已吊起市场胃口。此时此刻，能力有限的欧洲央行已感分身乏术，不知能否扛得住“稳物价”、“促增长”和“抑危机”这一“铁人三项”。　　　　欧洲央行货币政策的主要目标是将欧元区?</t>
  </si>
  <si>
    <t>美国政客的实用主义</t>
  </si>
  <si>
    <t>近来，中国海洋石油公司试图收购加拿大尼克森石油公司一案，除了沸沸扬扬的涉嫌内幕交易的官司，还再次招致美国一些政客的“讨伐”。　　　　向来“不甚友好”的美国民主党参议员舒默说，将敦促美国财长盖特纳阻止此项收购案，直到中国对想要投资中国的美国企业提供“公平?</t>
  </si>
  <si>
    <t>美欧英本周议息  “拿捏”再刺激时点</t>
  </si>
  <si>
    <t>美联储、欧洲央行和英国央行本周举行货币政策例会，市场对三个重量级央行有所动作的预期升温。但也有分析指出，美欧货币政策制定者并未掩饰其观望态度，可能继续保存“弹药”，推出激进宽松措施仍需时日。　　　　美联储当地时间7月31日至8月1日举行货币政策例会。目前，美</t>
  </si>
  <si>
    <t>苹果三星专利战搅动业界格局</t>
  </si>
  <si>
    <t>美国苹果公司和韩国三星电子公司的“世纪专利审判”7月30日正式开启。业界称这不只是全球两大智能手机制造商的官司战，也是硅谷两大巨头苹果和谷歌在操作系统的争霸战。　　　　这是苹果和三星在美国的首场陪审团庭审，两家公司围绕智能手机和平板电脑的专利纠纷此前已在全</t>
  </si>
  <si>
    <t>蒙牛“换血”“中粮基因”进一步植入</t>
  </si>
  <si>
    <t>蒙牛乳业7月31日在港交所网站发布公告称，杨文俊辞去公司执行董事和副主席职务，方风雷辞去非执行董事职务，委任公司执行董事兼总裁孙伊萍为战略及发展委员会成员，委任欧洲乳业巨头ArlaFoods(爱氏晨曦)的两位高管为公司非执行董事。　　　　在一些分析人士看来，蒙牛董事?</t>
  </si>
  <si>
    <t>美国各方共同担责共筑养老体系</t>
  </si>
  <si>
    <t>随着人口老龄化，很多国家都面临着养老金管理和保值增值方面的巨大压力，延迟退休正成为许多国家应对挑战的主要举措之一。目前，我国在退休年限及养老金管理上也面临着新的形势和新的挑战。为此，让我们看看美国是如何构建养老金体系的？政府、雇主及个人又是如何共同承担责?</t>
  </si>
  <si>
    <t>全球制造业回流欧美仅是一种猜想</t>
  </si>
  <si>
    <t>近来有媒体报道，大批外资企业正在从包括珠三角在内的中国悄然撤退，越来越多的“中国制造”正摇身变为“美国制造”、“欧洲制造”。一时间，业内关于制造业回流欧美的舆论成为行业关注的焦点。　　　　从全球性生产要素分配角度看，仅以部分制造企业转移部分产能就断言全?</t>
  </si>
  <si>
    <t>iPad已是苹果的怎么还可以冻结？</t>
  </si>
  <si>
    <t>深圳唯冠与美国苹果之间的iPad商标案，本来已经和解。然而平地一声雷，本来代理唯冠公司利益的北京国浩律师事务所，与委托人反目成仇，申请法院查封iPad商标，看似又断了苹果新iPad上市的财路。通过查封商标，来讨还风险代理费用，律师出手果然非比寻常。　　　　什么是商?</t>
  </si>
  <si>
    <t>穆迪“组合拳”打得市场晕头转向</t>
  </si>
  <si>
    <t>评级机构穆迪12日将意大利的主权信用评级下调了两个等级，由A3下调两个等级至Baa2，评级展望维持在负面；16日下调了意大利银行业的信用评级；23日又将德国、荷兰、卢森堡等3A国家的信用展望定为负面。消息一出，金融市场立即掀起波浪，西班牙、意大利等国的国债收益率直线上?</t>
  </si>
  <si>
    <t>三驾马车施压希腊“过关”紧缩方案</t>
  </si>
  <si>
    <t>希腊总理萨马拉斯提出的减支115亿欧元紧缩方案在30日重启协商，为促成该紧缩方案通过达到援助条件，欧洲央行、欧盟及国际货币基金组织(IMF)这“三驾马车”的代表团已延迟离开希腊并展开协调工作。　　　　希腊总理萨马拉斯领导的政府上周提出达成减支目标的紧缩措施议案，?</t>
  </si>
  <si>
    <t>海尔空调成“绿色节能先锋”</t>
  </si>
  <si>
    <t>日前，在由环境保护部环境保护对外合作中心、联合国开发计划署驻华代表处(UNDP)、中国标准化研究院联合举办的“节能空调国际研讨会暨绿色节能先锋启动仪式”上，海尔空调荣膺“绿色节能先锋”企业称号。　　　　不仅如此，“全球环境基金节能房间空调器推进项目”(以下称“</t>
  </si>
  <si>
    <t>光伏四巨头：欧企反倾销诉讼难立足</t>
  </si>
  <si>
    <t>在美国商务部“光伏双反”风波尚未平息，欧洲针对中国光伏企业的贸易战硝烟又起。还是上次那家在美国发起诉讼的德国企业Solarworld，近日又向欧盟委员会提交申诉，要求对中国光伏产品进行反倾销调查。欧盟委员会可能于近期决定是否立案调查。　　　　7月26日上午，中国光伏</t>
  </si>
  <si>
    <t>德拉吉誓言保卫欧元  德法响应</t>
  </si>
  <si>
    <t>26日，欧洲中央银行行长马里奥·德拉吉表示，欧洲央行已经准备好“采取一切措施”保护欧元，避免欧洲单一货币联盟解体。分析人士认为，德拉吉的强硬表态试图给市场传递一个强烈的积极信号。　　　　西班牙险成市场“弃儿”　　　　德拉吉在表示尽一切可能避免欧元区瓦解?</t>
  </si>
  <si>
    <t>涉嫌用中海油并购信息获利账户遭冻结</t>
  </si>
  <si>
    <t>美国证券交易委员会27日发表一份声明，指控香港WellAdvantage公司和其他一些新加坡账户利用中海油海外并购的内部信息在纽约股市非法获利超过1300万美元，现已紧急冻结这些账户的资产。　　　　中海油在7月23日纽约股票交易市场开盘前宣布，以约151亿美元收购加拿大能源企业</t>
  </si>
  <si>
    <t>刘振亚：树立以电力为中心“大能源观”</t>
  </si>
  <si>
    <t>“经过130年有电历史，我国已成为名副其实的世界电力大国。”中电联理事长、国家电网公司总经理刘振亚在京呼吁，面对新形势、新挑战，我国须树立以电力为中心的“大能源观”，共同推动电力行业科学发展、安全发展、创新发展。　　　　刘振亚是在7月26日中电联举办的“中国?</t>
  </si>
  <si>
    <t>国际油价下半年颓势难改</t>
  </si>
  <si>
    <t>今年上半年，国际油价不断上演过山车行情，目前已比年初大幅下跌。尽管近期国际油价出现一定反弹行情，但大多数市场分析均认为，在各种不确定因素影响下，下半年或将延续下行趋势。　　　　上半年国际油价大幅波动　　　　上半年，国际油价不断大幅波动。年初，伊朗核问?</t>
  </si>
  <si>
    <t>经济不振  美联储官员暗示QE3将至</t>
  </si>
  <si>
    <t>美国联邦储备委员会多位官员近日表态，将在下周的货币政策会议上讨论是否启动新一轮大规模债券购买计划(QE3)。《华尔街日报》、《纽约时报》等外媒24日均以“美联储将要采取行动”为标题，分析了下周货币政策会议上可能会提及新刺激方案，并在9月采取相关行动。　　　　马?</t>
  </si>
  <si>
    <t>IMF：人民币低估程度已经减轻</t>
  </si>
  <si>
    <t>国际货币基金组织(IMF)25日公布了针对中国的《2012年第四条款(ArticleIV)磋商工作人员报告》(以下简称《报告》)。《报告》称，尽管全球不利影响在增加，但中国经济看来正在实现软着陆。预计今年中国经济增长将放慢到8%左右，通货膨胀率将下降到3.5%。另外，中国经常账户顺差?</t>
  </si>
  <si>
    <t>农业数据博弈中国不应失语</t>
  </si>
  <si>
    <t>近期国际粮价暴涨，吸引资金蜂拥而至，导火索是美国遭遇50年一遇的大旱，大豆和玉米产量前景堪忧。在这天气炒作的背后，可以看到一场有关数据和话语权的较量。　　　　7月初，美国农业部发布新一期农产品供需报告，大幅调低了大豆和玉米单产，下调幅度超出市场此前的预期。</t>
  </si>
  <si>
    <t>日本推迟退休年龄孰喜孰忧</t>
  </si>
  <si>
    <t>在一次日本经团联举行的酒会上，笔者见到了老朋友伊藤先生，本以为打个招呼就行了，没想到伊藤先生非要换名片，原来他已从日本国际贸易促进协会退休，现在被安排到瑞穗银行工作。伊藤先生说，这是他第二人生的开始。　　　　在日本，到处可以看到60多岁老人辛勤工作的身影?</t>
  </si>
  <si>
    <t>苹果在美诉三星侵权  索赔25亿美元</t>
  </si>
  <si>
    <t>据外媒报道，法庭文件显示，美国苹果公司在美控告韩国三星电子侵犯专利权案件中，索赔金额为25亿美元。　　　　一份法庭文件显示，苹果认为三星电子侵犯了其智能手机和平板电脑方面的专利技术，通过非法抄袭苹果的产品获取竞争优势，对苹果造成了持续的经济损失，损失额达2</t>
  </si>
  <si>
    <t>22个关键词还原一个真实的非洲</t>
  </si>
  <si>
    <t>“又穷又乱”“又脏又热”“蚊虫肆虐”“武装政变频发”“政府腐败、政客贪婪、人民愚钝”……越是没有到过非洲的人，越能向你绘声绘色地描述那里的境况，但这些只是他们想象中的非洲，是在种种传说、新闻报道、臆想和偏见共同构筑下产生的非洲。那非洲到底是什么样的？　?</t>
  </si>
  <si>
    <t>新兴经济体独善其身大不易</t>
  </si>
  <si>
    <t>上半年，受全球发达经济体经济增长无力影响，主要新兴经济体经济也难以独善其身，出现了增幅下降局面。IMF近日发布的《世界经济展望报告》中认为，由于外部环境趋坏，加上由于产能限制和紧缩政策导致内需增长减速，主要新兴经济体国家，尤其是巴西、中国和印度都出现了增长放</t>
  </si>
  <si>
    <t>欧债危机再升级  欧美市场遭重挫</t>
  </si>
  <si>
    <t>由于西班牙地方政府偿债能力恶化，且第二季度西班牙经济萎缩幅度增大，投资者担心该国可能被迫寻求全面援助，加之希腊救援计划受挫的消息传出，23日西班牙国债收益率飙升至历史高点，欧美股市及欧元大幅下挫。当日晚间国际评级机构穆迪投资者服务公司也因欧债危机的不确定性?</t>
  </si>
  <si>
    <t>驻澳中资的“品牌元年”战略</t>
  </si>
  <si>
    <t>沿着“中国文化年”的主线，今年中澳两国文化交流活动精彩不断。以此为契机，以南航、华为等为代表的驻澳中资企业和机构，多渠道推进品牌战略，在品牌本土化投入、公关运作方式和宣传效果方面均有新突破。一些分析人士提出，2012年堪称驻澳中资的“品牌元年”。　　　　作?</t>
  </si>
  <si>
    <t>加拿大启动中海油收购案审批程序</t>
  </si>
  <si>
    <t>中国海洋石油有限公司(中海油)以151亿美元对加拿大尼克森公司的收购进入加政府审批阶段。外媒称，加政府层面通过可能性很大，中国迄今为止最大一笔海外收购正朝成功方向迈进。　　　　加拿大工业部长克里斯琴·帕拉迪斯23日发表声明称，加将根据《加拿大投资法》对中国海洋</t>
  </si>
  <si>
    <t>团购网站“清场”引发投诉潮</t>
  </si>
  <si>
    <t>国内团购网站的鼻祖Groupon最近表现十分不如意。在IPO之初遭遇破发之后，Groupon股价一路下跌，美国时间7月19日，Groupon股价仅为7.4美元，可谓跌至冰点。　　　　目前，伴随着团购网站倒闭潮引发的投诉也越来越多“济南拉手网”、济南“沃客网”等在内的一批中小团购网站?</t>
  </si>
  <si>
    <t>假如亚马逊开征在线销售税</t>
  </si>
  <si>
    <t>在实体店看好货色，试穿妥帖，试用顺手，在店里的休息区端坐下来，悠然自得地用手机上网，登陆亚马逊账户在线下单，省去5%至8%不等的销售税，有些物品甚至还能享受“包邮”服务，何乐不为？这是一些美国在线买家的惯用“攻略”。但如果亚马逊等在线购物网站也要收取销售税，?</t>
  </si>
  <si>
    <t>“三驾马车”救助希腊态度存变数</t>
  </si>
  <si>
    <t>有“三驾马车”之称的欧洲中央银行、欧盟委员会和国际货币基金组织(IMF)24日将对希腊新政府的经济改革政策进行深度审查。预计在秋季公布的审查结果不容乐观，IMF已向欧盟暗示，将不再分担对希腊提供更多援助，意味着希腊最快9月就会出现资金用罄。欧盟救援主力出资方德国的冷</t>
  </si>
  <si>
    <t>美科技类企业财报业绩面临考验</t>
  </si>
  <si>
    <t>本周美国上市公司第二季度财报披露仍将是投资者关注的焦点。虽然前期不少美股上市公司财报业绩显示出好于预期趋势，但营收和盈利表现仍然不佳。有分析指出，本周投资者将密切关注苹果和脸谱等科技类企业的财报，在其业绩中寻找有关海外需求是否疲弱的线索，财报优于预期的趋?</t>
  </si>
  <si>
    <t>中国家电企业应利用经济动荡</t>
  </si>
  <si>
    <t>在经济动荡期，全球家电企业出现了两种截然不同的应对举动：部分企业通过业务板块收缩、裁员等方式试图降低衰退带来的影响，而有的企业则选择在此时加快拓展全球市场，海尔并购日本三洋电机白电业务、华意压缩收购西班牙压缩机企业便是其中的典型代表。　　　　在欧美债务?</t>
  </si>
  <si>
    <t>印尼央行投资人民币债券起步</t>
  </si>
  <si>
    <t>中国人民银行官方网站23日公布称，印度尼西亚央行已经开始在中国银行间债券市场进行债券投资，而中国人民银行对此表示欢迎。业内人士表示，印尼央行开始投资中国银行间债市是对人民币国际化进程的肯定，意味着作为储备货币，人民币的吸引力进一步提高。　　　　印尼央行23?</t>
  </si>
  <si>
    <t>政治短视恐致美国错过第三次工业革命</t>
  </si>
  <si>
    <t>在2012年7月12日美国智库布鲁金斯学会举办的一场研讨会中，上演了经典的华府一幕。在这个探讨美国未来制造业发展趋势的论坛上，台上就座的两位共和党与民主党议员因为美国政府是否要给企业培训提供资金争执了起来。民主党众议员戴维·西西里恩(DavidCicilline)强调为了促进美</t>
  </si>
  <si>
    <t>我稀土管控升级迎战欧美日缠讼</t>
  </si>
  <si>
    <t>《经济参考报》记者从权威渠道获悉，继两周前中方在世贸组织争端解决机制专家组会议上拒绝了欧美日提出的“设立专家组、调查中国稀土等原材料出口限制措施”请求后，根据相关规则，预计今日召开的世贸组织争端解决机构会议上，将正式设立专家组，作为被诉方的中国将不能再次?</t>
  </si>
  <si>
    <t>丹麦大力发展智能电网助推新产业革命</t>
  </si>
  <si>
    <t>美国未来趋势学家杰里米·里夫金(JeremyRifkin)在其新著《第三次工业革命》中说，世界正迎来可再生能源和互联网信息技术协同发展的第三次工业革命。作为世界可再生能源开发利用的领军者，丹麦积极运用现代信息技术整合能源网络，全力打造一个可以实现可再生能源生产、储存、?</t>
  </si>
  <si>
    <t>中石油：阿布扎比原油管线投产</t>
  </si>
  <si>
    <t>来自中石油集团公司消息，中石油最大的海外总承包建设项目——阿布扎比原油管线项目近日宣告投产。这条陆海一体、年输油能力达7500万吨的原油管线的建成投产，为中石油拓展中东地区高端市场奠定坚实基础。　　　　作为阿拉伯联合酋长国重要战略性工程，阿布扎比原油管线项?</t>
  </si>
  <si>
    <t>希腊改革不该“开铡”百姓</t>
  </si>
  <si>
    <t>危机中的希腊，似乎成了欧洲的孤儿“姥姥不疼舅舅不爱”。但希腊的遭遇，是否就是普通希腊人的过错，他们是否必须承担相关责任？这或许应该厘清。　　　　诺贝尔经济学奖得主、美国普林斯顿大学教授克鲁格曼认为，希腊人其实并不懒惰，“相反，他们的工作时间几乎比任何其?</t>
  </si>
  <si>
    <t>“东兴模式”助力偏远山区金融服务</t>
  </si>
  <si>
    <t>在与越南隔海相望的广西东兴市东兴镇竹山村，村头一家挂着“中国农业银行金穗惠农通——银行卡助农取款服务点”标识的日用商店里，店主黄春玲正在通过一台转账电话忙着为几个村民办理小额现金取款业务。　　　　“农行把我们村作为惠农卡整村推进示范点，装上了转账电话，?</t>
  </si>
  <si>
    <t>原油获利回吐  农产品价格一路上扬</t>
  </si>
  <si>
    <t>当周大部分交易日原油价格连续上涨。不过，周末由于市场对欧洲主权债务危机担心再起，原油价格投资者获利回吐，原油价格连涨七天后出现下跌。20日，纽约市场原油期货价格收于每桶91.44美元，比前一交易日跌1.22美元。　　　　根据西班牙政府的预测，西班牙经济的衰退将延续</t>
  </si>
  <si>
    <t>盖特纳到底干了什么？</t>
  </si>
  <si>
    <t>戴蒙德离开了巴克莱银行，但Libor操纵案并未划上句号。新主角现在从英国转向美国，美国财长蒂莫西·盖特纳被卷入，今后两周将到参议院银行业委员会和众议院金融服务委员会进行听证。　　　　将美国财长拖进此案的是，盖特纳在2008年给英国央行行长金恩的一封电子邮件。</t>
  </si>
  <si>
    <t>根治地沟油顽疾须理顺利益机制</t>
  </si>
  <si>
    <t>一则“荷兰航空在中国购买地沟油”的新闻，让人们看到地沟油的另一妙用——生产航空燃油。合理的处置方式，能否阻止地沟油回流餐桌的脚步？“经济参考微话题”提出上述疑问引起博友深思。博友认为，技术进步不过是阻止地沟油“上桌”的基础，解决这一沉疴宿疾，尚需建立合理?</t>
  </si>
  <si>
    <t>汇丰承认反洗钱监管不力</t>
  </si>
  <si>
    <t>英国最大银行汇丰银行控股公司首席合规官(CCO)戴维·巴格利17日接受美国国会参议院问询时承认，汇丰银行未能遵守反洗钱等法律法规的规定，成为一些贩毒团伙和恐怖组织洗钱的工具，并宣布将引咎辞职。　　　　巴格利在接受问询时表示，汇丰目前正在改革自身的合规职能。他表</t>
  </si>
  <si>
    <t>亚行将人民币纳入其贸易融资计划</t>
  </si>
  <si>
    <t>亚洲开发银行董事会于马尼拉当地时间17日批准将人民币和印度卢比纳入其贸易融资计划(TFP)。自2009年至今，亚行的贸易融资计划已支持了超过106亿美元亚洲区域内的贸易，但仅涵盖以美元、日元和欧元进行的交易。人民币和印度卢比的纳入，意味着亚行将开始支持贸易融资计划中以?</t>
  </si>
  <si>
    <t>经济减速  美联储有说法没办法</t>
  </si>
  <si>
    <t>美国联邦储备委员会主席伯南克17日老调重弹现存经济风险，却没有对外界关注的进一步量化宽松货币政策(QE3)有所暗示。但分析人士没有打消期待，指出QE3推出只是时间问题。　　　　内外风险施压经济减速　　　　伯南克当天在参议院银行委员会就上半年货币政策听证时说，今?</t>
  </si>
  <si>
    <t>买菜也“电子化”了</t>
  </si>
  <si>
    <t>“你Out(落伍)了，快把超市会员卡升级为电子版吧，升级马上就有一打鸡蛋赠送，还有很多低价商品任你挑。”笔者在住所附近的美国塞夫韦连锁超市(Safeway)门口遭遇手捧iPad的收银员围追堵截。“升级”之后的顾客就迈入了“电子化”买菜时代，无需再手执一叠打印版的优惠券前往?</t>
  </si>
  <si>
    <t>VIE调整致新东方大跌34.32%</t>
  </si>
  <si>
    <t>美国当地时间7月17日(周二)，受美国证券交易委员会(SEC)调查其VIE(可变利益实体)结构调整的影响，新东方当日股价暴跌34.32%，收报每股14.62美元，创下52周新低。当日，新东方成交量也达到罕见的3064万股，而近期新东方的日交易量仅有120万股左右。　　　　由于中国互联网和</t>
  </si>
  <si>
    <t>东亚区域经济合作路在何方？</t>
  </si>
  <si>
    <t>东亚区域经济合作面临多方面挑战，路在何方？在南宁参加第七届泛北部湾经济合作论坛的代表就此进行闭门讨论。部分代表接受《经济参考报》记者独家采访时表示，泛北部湾经济合作与东亚关系密切，因此今年很多代表并未将话题仅仅局限于泛北部湾本身，而是放在了范围更广的东亚?</t>
  </si>
  <si>
    <t>新东方VIE调整遭SEC调查</t>
  </si>
  <si>
    <t>北京时间7月17日晚间，中概股新东方宣布收到美国证券交易委员会(SEC)关于VIE(可变利益实体)结构调整调查函件。受此影响，新东方股价暴跌，截至发稿，新东方盘前大跌25.05%，报每股16.69美元。　　　　据介绍，SEC调查函件主要关注公司VIE北京新东方教育技术公司(以下简称“</t>
  </si>
  <si>
    <t>默克尔是赢家还是输家</t>
  </si>
  <si>
    <t>对于最近一次欧盟峰会结果，不少欧洲媒体的第一反应，就是法西意三国的胜利，唯一的输家，自然就是德国的“摇头总理”默克尔了。比如，法国《解放报》的大字标题就写着：“今夜，南欧让默克尔投降。”　　　　默克尔真投降了吗？　　　　从表面看，德国确实作出了重大让?</t>
  </si>
  <si>
    <t>日本经济仍处爬坡期</t>
  </si>
  <si>
    <t>与2011年相比，日本经济在2012年上半年展现出更大活力，正增长已成定局，但不确定因素依然存在。从数据上看，日本经济几乎克服了“3·11”大地震带来的阵痛，但内外因素叠加导致增速缓慢，特别是欧债危机因希腊、西班牙等国而继续恶化，对依靠出口提振经济的日本来说，无疑是</t>
  </si>
  <si>
    <t>中缅边关见闻：昔日山野罂粟开  而今满街运蔗忙</t>
  </si>
  <si>
    <t>这里是云南省临沧市镇康县南伞镇西端，傍晚5点多，一群放了学的缅甸孩子正嘻嘻哈哈穿过口岸回到他们的国家——就在对面，高高的牌楼上悬挂着的“热烈祝贺缅甸联邦共和国掸邦果敢自治区成立一周年！”汉字横幅鲜红耀眼。　　　　这是我国西南边陲南伞口岸极其普通而宁静的一</t>
  </si>
  <si>
    <t>银行协议难消西班牙全面申援忧虑</t>
  </si>
  <si>
    <t>西班牙银行业救助协议按计划将于20日正式签订。但目前，投资者对于西班牙全面申请援助以及意大利危机升级的担忧仍然有增无减，资金仍在继续撤离两国股市和债市。　　　　全面申援忧虑难消散　　　　西班牙经济部长路易斯·德金多斯16日表示，西班牙希望20日与欧元区领导?</t>
  </si>
  <si>
    <t>德银获准成为Libor案“污点证人”</t>
  </si>
  <si>
    <t>据外媒报道，美国司法部打算对数家卷入操纵利率(Libor)丑闻的金融机构和其员工提起刑事诉讼，消息人士说，司法部今年稍后将会控告至少1家银行。变为刑事诉讼，意味着10余家涉案银行将面临高达上百亿美元的罚金，远高于之前巴克莱银行与监管当局4.5亿美元的和解金。</t>
  </si>
  <si>
    <t>喜忧参半的中医注册</t>
  </si>
  <si>
    <t>对于澳大利亚中医而言，这个7月非同寻常。因为，从本月起，中医按照此前确立的中医法在澳获得正式注册，成为官方承认的专业行业。此举使澳大利亚成为第一个以国家立法方式承认中医合法地位的西方国家。　　　　对此殊荣，澳大利亚中医学会会长韦国庆却高兴不起来。他说：“</t>
  </si>
  <si>
    <t>诺基亚旗舰智能手机降至半价</t>
  </si>
  <si>
    <t>据外媒报道，在苹果和三星不断攫取智能市场份额的形势下，诺基亚为减少市场份额流失，决定将其仅仅上市三个月的旗舰款智能手机在美国进行半价销售。这显示出诺基亚努力扭转手机业务亏损的努力正在遭遇挫败。　　　　“如果与运营商签订两年合约，购买诺基亚Lumia900微软手?</t>
  </si>
  <si>
    <t>中国公司出手拯救美国豪客比奇</t>
  </si>
  <si>
    <t>继成功收购美国一家航空发动机公司之后，山东民营企业家成身棕又将目光锁定生产公务机的美国豪客比奇公司(Hawker Beechcraft，Inc.)。北京卓越航空工业有限公司董事长成身棕表示，这次收购交易申请已获得国家发改委正式批文，且不存在融资上的难题。收购完成后，将继续保留豪</t>
  </si>
  <si>
    <t>重塑“美国制造”别拿中国说事儿</t>
  </si>
  <si>
    <t>“中国制造”日前又在美国无端受过，用当下流行网络词汇“躺着也中枪”加以形容，真是一点儿也不为过。在近来明枪暗箭屡屡指向“中国制造”的背后，既可看到美国政策制定者力图重塑“美国制造”、改善就业市场、提振美国经济的种种“努力”，也暴露出其急功近利的思路、慌不?</t>
  </si>
  <si>
    <t>中美股市的差距</t>
  </si>
  <si>
    <t>美国是世界第一大经济体，中国是世界第二大经济体。从GDP来看，按照国际货币基金组织的计算口径，2011年美国GDP为15.09万亿美元，中国GDP为7.30万亿美元，大致相当于美国的1/2。　　　　美国是世界第一大股市，中国是世界第二大股市。从国内市场股票总市值来看，2012年5月?</t>
  </si>
  <si>
    <t>中概股跌至年内新低</t>
  </si>
  <si>
    <t>上周(7月9日至7月15日)受西班牙国债收益率再次突破7%警戒线等利空影响，美国股市普跌。与此同时，中国概念股也再度下挫。由i美股编制的中概30指数(ICS30)一度创下591.73点的年内新低。截至7月13日收盘时，ICS30收报612.63点，仍处于年内低位。　　　　数据显示，在2011年7?</t>
  </si>
  <si>
    <t>从历史中走来的“红旗”礼宾车</t>
  </si>
  <si>
    <t>一家世界知名调查公司曾做过一项调查，世界上有两个国家的汽车品牌能够代表国家精神，一个是美国的“凯迪拉克”，另一个就是中国的“红旗”。在“红旗”品牌中，礼宾车又最受关注。50多年来，“红旗”礼宾车身上发生过一个个动人的故事，也见证了中国汽车工业从无到有的进程?</t>
  </si>
  <si>
    <t>两大难题羁绊美国经济复苏</t>
  </si>
  <si>
    <t>美国经济缓慢的复苏无疑进入了更慢的进程中，2012年上半年年化经济增长率将低于2%，8%以上的失业率长期难以解决，加之“财政悬崖”的风险渐近，一段时期内美国经济真正复元难以到来。　　　　今年以来，美国的经济增长前景预测不断被调低，该国一季度国内生产总值(GDP)环比</t>
  </si>
  <si>
    <t>穆迪再降意评级  欧元颓势难改</t>
  </si>
  <si>
    <t>上周，欧元兑美元汇率屡屡触碰两年低点，欧元汇率前景颇为引人关注。　　　　ESM推迟出台欧元汇率直指1.2　　　　10日，德国法院当天宣布推迟就欧洲稳定机制(ESM)的合法性做出裁定，并表示需要花上好几个月的时间来进行研究，这盆冷水浇冷了投资者的信心，欧元兑美元汇率</t>
  </si>
  <si>
    <t>高利润让医药领域成“倒票”重灾区</t>
  </si>
  <si>
    <t>因虚开近两亿元增值税发票、偷税2000余万元，北京五洲亚泰国际药业有限公司、北京恒宇华康药业有限公司、北京华峰惠康医药有限公司的法人代表、副总以及财务人员等19人，近日被北京市第一中级人民法院判处无期徒刑至有期徒刑三年不等的刑罚，三家公司也被处以200万元至500万?</t>
  </si>
  <si>
    <t>戴蒙德：不甘失败的巴克莱“罪人”</t>
  </si>
  <si>
    <t>“要么你和他们同流合污，要么玩忽职守，要么严重失职！”对面的议员突然发难。在所有目光的注视下，他自然地停顿了一下，然后反问：“这也算是一个问题？”　　　　在日前由英国议会财政特别委员会举行的一场听证会上，刚刚辞去巴克莱银行首席执行官的鲍勃·戴蒙德(又译博</t>
  </si>
  <si>
    <t>欧债危机恶化  促增长成欧洲第一要务</t>
  </si>
  <si>
    <t>2012年以来，欧债危机的恶化速度超出外界预期。西班牙和意大利等国融资成本数次冲击危险水平，徘徊于申请援助的边缘；希腊大选带来的政治风险，使流动十年的欧元面临生死考验；银行业危机不断升级，西班牙银行业和塞浦路斯先后求援。这均导致投资者信心不稳，金融市场不断动?</t>
  </si>
  <si>
    <t>惊魂一周  豆类还能“疯”多久？</t>
  </si>
  <si>
    <t>豆类期货本周的“过山车”行情，对投资者来说可以用“惊心动魄”来形容。美国农业部大幅下调大豆单产的利好消息也没能“力挽狂澜”，大连豆类期货继周三冲高跳水后，周四再度大跌。　　　　这是短暂的回调，还是就此涨势结束、急转直下？分析师们看法不一。有分析认为，短?</t>
  </si>
  <si>
    <t>宽松预期升温  美联储分歧明显</t>
  </si>
  <si>
    <t>美国联邦储备委员会11日公布的最新一次货币政策例会纪要显示，美联储高层对于美国近期经济增长动能放缓和欧债危机蔓延心存担忧，但在是否应采取进一步行动刺激经济增长上仍然分歧明显。但近期美国就业市场持续疲弱，外界宽松预期升温，纪要表态令市场失望。　　　　美经济?</t>
  </si>
  <si>
    <t>美国就业市场涌现“男粉领”</t>
  </si>
  <si>
    <t>“男人能干的，女人也能干”，这曾是女性在劳动力市场上追求两性平等待遇的口号。如今，这句口号被一些男性求职者改为：“女人能干的，男人也能干。”　　　　在美国，由于经济持续低迷，就业市场竞争激烈，一些被女性长期占领的“粉领”工作领域，如护士、教师和接待员等?</t>
  </si>
  <si>
    <t>“大数据”：信息时代新挑战</t>
  </si>
  <si>
    <t>近期，美国政府发布《大数据研究和发展倡议》，拟投资两亿美元，增强从大量复杂数据集合中萃取信息的能力。“大数据”概念受到广泛关注。麦肯锡公司研究表明，人们对于海量数据的运用，预示着新一波生产率增长和消费者盈余浪潮的到来。　　　　我国一些专家认为，“大数据?</t>
  </si>
  <si>
    <t>新加坡试推原油期货市场缘何受挫</t>
  </si>
  <si>
    <t>新加坡交易所2002年推出以迪拜酸性石油为标的的原油期货市场，试运行两年后搁浅。记者日前走访了中国航油(新加坡)股份有限公司首席运营官张娜娜、新加坡一名从事石油产品分析的资深交易员以及其他一些业内人士。他们在分析新加坡原油期货市场运行失败的原因时认为，新加坡高?</t>
  </si>
  <si>
    <t>日本石油期货市场起步晚发展快</t>
  </si>
  <si>
    <t>日本2001年推出的中东石油期货，凭借透明的交易环境、严格的监管体系，已发展成为亚洲比较成熟的市场。与美国等国家不同，日本石油期货市场中个人投资者占多教，这使市场具有较高流动性。由于不用美元结算，外国投资者难以操作，这虽减少了汇率结算方面的麻烦，但对市场的国?</t>
  </si>
  <si>
    <t>可持续发展需要世界各国协调步调</t>
  </si>
  <si>
    <t>上个月召开的联合国可持续发展大会(“里约+20”峰会)包括100余位国家元首和政府首脑在内、193个国家的代表在闭幕式上通过了会议最终成果文件——《我们憧憬的未来》。大会通过的文件为实现全球可持续发展奠定了坚实基础。不过，笔者认为，文件通过容易执行难，因此，可持续发</t>
  </si>
  <si>
    <t>意大利拟申请救助资金购买国债</t>
  </si>
  <si>
    <t>由于对国债收益率居高不下感到担忧，意大利总理马里奥·蒙蒂10日在布鲁塞尔表示，可能要求动用欧盟救助资金帮助意大利降低国债融资成本。这表明，尽管欧元区正努力使市场相信其控制危机的能力，欧债危机仍可能蔓延至意大利。　　　　危机或蔓延至意大利　　　　在西班牙?</t>
  </si>
  <si>
    <t>百利金融集团被诉欺诈并破产清算</t>
  </si>
  <si>
    <t>据外媒报道，美国爱荷华州的经纪商百利金融集团(Peregrine Financial GroupInc.)因欺诈而遭美国金融监管部门的起诉。根据美国破产条例第七章，百利金融集团在10日晚已经被破产清算。    美国当地时间10日，商品期货交易委员会(CFTC)向法院指控百利金融集团及其总裁沃森道夫</t>
  </si>
  <si>
    <t>改革国际评级体系  推动世界经济复苏</t>
  </si>
  <si>
    <t>2011年11月8日，改革国际评级体系的首倡者和推动者、大公国际资信评估有限公司董事长兼总裁关建中先生赴葡萄牙里斯本，应邀请在“评级：金融市场的透明度和公信力”论坛发表“改革国际评级体系推动世界经济复苏”主题演讲，他指出：现行国际评级体系破坏了世界经济赖以存在和</t>
  </si>
  <si>
    <t>中概股一年内跌幅超四成</t>
  </si>
  <si>
    <t>美国当地时间7月9日(周一)，受西班牙国债收益率再次突破7%警戒线影响，美三大股指普跌，中概股多数公司也应声下跌。i美股编制的中概30(ICS30)指数收报632.83点，下跌15.0点，跌幅达2.32%。　　　　美国三大交易所最新统计数据显示，在2011年7月9日到2012年7月10日为期一年?</t>
  </si>
  <si>
    <t>大银行的贪婪</t>
  </si>
  <si>
    <t>高盛集团欺诈和摩根大通银行巨亏事件的余波尚在，大银行又再次曝出巨大丑闻：巴克莱银行涉嫌操纵伦敦银行同业拆借利率(LIBOR)，被英国和美国监管当局开出天价罚单4.5亿美元。　　　　如果说摩根大通巨亏还只是大银行内部的风险管理疏松，似乎尚未涉及道德问题，那高盛2010?</t>
  </si>
  <si>
    <t>英特尔向ASML注资41亿美元</t>
  </si>
  <si>
    <t>据外媒报道，全球最大的芯片厂商英特尔9日宣布，将对荷兰芯片设备制造商ASML公司最多注资41亿美元，购买其15%的股份，并资助其进行下一代芯片制造技术的研发。英特尔不惜花费巨资资助新生产技术研发，显示出芯片行业未来十年努力维持微型化发展脚步的过程中，竞争将异常激烈?</t>
  </si>
  <si>
    <t>以制度建设营造创新环境</t>
  </si>
  <si>
    <t>建设创新型国家，要有好的科技体制，同时不能忽视的是，也要有好的社会文化与制度环境。创新型国家，实际上是一种社会文化与制度的产物，我们不可能撇开社会文化与制度的培育来实现创新型国家的理想。　　　　上世纪70年代，一个美国年轻人来到中国，他有一个困惑，为什么?</t>
  </si>
  <si>
    <t>伦敦基本金属期价普涨</t>
  </si>
  <si>
    <t>伦敦金属交易所(LME)基本金属期货价格9日除了镍的价格下降以外，其他商品的价格普涨，其中又以铝的价格涨幅最明显。　　　　最新数据显示，6月份中国通胀数据继续走低，帮助抵消了对美国就业数据的悲观情绪，伦敦金属交易所的金属价格9日止跌微幅上涨。　　　　中国国家?</t>
  </si>
  <si>
    <t>欧洲救助西班牙方案启动在即</t>
  </si>
  <si>
    <t>欧洲援助西班牙的进程即将启动。欧元集团主席让-克劳德·容克10日表示，欧元集团就西班牙银行业救助细节问题已达成协议，第一笔300亿欧元资金有望在月底前拨付，欧盟委员会还将该国削减赤字的期限延长一年至2014年。另外欧洲央行也做出了在必要时购买西班牙债券的承诺。　?</t>
  </si>
  <si>
    <t>智能、节能“绽放”2012电博会</t>
  </si>
  <si>
    <t>2012中国国际消费电子博览会(SINOCES，简称电博会)已于7月8日在青岛圆满落幕。　　　　据统计，此次电博会在40000平方米参展展厅里共汇集了465家境内外参展企业、700余家采购商，吸引近8万人次观众参观，有500余款新品集中亮相。　　　　作为亚洲地区规模最大、专业化程?</t>
  </si>
  <si>
    <t>从农业小镇到创新中心</t>
  </si>
  <si>
    <t>丹麦日德兰半岛东部的霍森斯市在2012年上半年成了世人关注的焦点，原本安宁的滨海小城敞开大门，热情迎接来自世界各地的宾客：4月至6月，霍森斯作为丹麦担任欧盟轮值主席国的会议主办城市，举行了一系列重要的欧盟部长级会议和国际会议；各种国际论坛、展览和文化活动连续登?</t>
  </si>
  <si>
    <t>欧元区财长会将敲定援助细节</t>
  </si>
  <si>
    <t>本月9日和20日，欧元区财长将在布鲁塞尔举行两次会议。预计9日的财长会议将讨论希腊财政状况，研究塞浦路斯援助问题，并有可能就西班牙银行业救助计划达成政治协议。而20日的财长会议更有可能就建立一个单一的欧元区银行业监管机构确定更多的细节。　　　　希腊要求重新谈?</t>
  </si>
  <si>
    <t>商会预警：欧盟对我光伏双反在即</t>
  </si>
  <si>
    <t>刚刚遭遇美国“双反”，紧随而来的是欧盟也将发起同样调查，这对我国光伏企业来说可谓致命的一击。　　　　《经济参考报》记者9日从中国机电产品进出口商会获悉，欧盟产业方正在紧锣密鼓地筹备对中国企业的相关申诉，欧盟或将正式立案调查。中国机电产品进出口商会和中国资</t>
  </si>
  <si>
    <t>监管层介入巴克莱丑闻  拟出更严新规</t>
  </si>
  <si>
    <t>欧洲监管当局方面正介入巴克莱银行利率操纵丑闻，提议在整个欧盟范围内将操纵市场指数的尝试列为非法，并对伦敦银行间同业拆借利率(Libor)的设定方式展开根本性的审议。　　　　欧盟金融服务专员米歇尔·巴尼尔将修订欧盟市场舞弊规则的改革方案，以填补潜在的“漏洞”，并</t>
  </si>
  <si>
    <t>港口城市埃斯比约的蜕变之旅</t>
  </si>
  <si>
    <t>位于北欧日德兰半岛西南部的埃斯比约是丹麦最大的港口城市。150年来，它经历了从渔村、渔港到石油重镇，再到风能之都的革命性转变。埃斯比约人紧紧把握住全球经济发展脉搏，抓住产业转型契机，成功实现了能源革新和经济持续稳定增长的双重目标。　　　　近日，埃斯比约市商</t>
  </si>
  <si>
    <t>创新成为丹麦企业的动力之源</t>
  </si>
  <si>
    <t>“强调节能环保，并非强迫人们去降低自己的生活质量”，丹麦格兰富集团创新部门负责人汉斯·布林克·汉森肯定地说，“应该在可持续发展这一理念之下推进环保事业，而创新就是解决之道”。　　　　在位于丹麦小镇边昂布的格兰富总部，专业背景是绿色建筑的汉森向《经济参考?</t>
  </si>
  <si>
    <t>油价涨跌还看中东产能</t>
  </si>
  <si>
    <t>有的石油市场分析人士将中东称之为世界的“油库”。无论这一称谓是否广为人们认可，但中东地区的丰富的石油资源以及它能够对世界市场起到的“调控”作用，其重要性似乎怎么评价都不会过分。　　　　关于世界石油资源，受技术限制和统计数据方面的原因以及其他因素的影响，?</t>
  </si>
  <si>
    <t>全球接力货币宽松  巴西韩国或降息</t>
  </si>
  <si>
    <t>继上周欧洲央行、中国央行、丹麦央行相继降息，英国央行实施量化宽松政策后，本周全球货币政策将依旧高唱“宽松”颂歌。　　　　市场预计，韩国、巴西等多家央行将在货币政策决策会议后宣布降息，而日本央行将放弃观望姿态，推出新的债券购买计划，并可能向市场发出干预汇?</t>
  </si>
  <si>
    <t>欧盟酝酿对华贸易制裁新手段</t>
  </si>
  <si>
    <t>除利用贸易手段对中国企业频频发难外，面对中国企业的主动上诉回应，一向以遵守“规则”著称的欧盟却玩起“拖延”战术。值得注意的是，在这一表象背后，是欧盟正在酝酿对华贸易制裁新手段，矛头直指中国国有企业。　　　　日前，湖北新冶钢有限公司国贸公司总经理刘文学再?</t>
  </si>
  <si>
    <t>世行行长的“高尔夫球包”</t>
  </si>
  <si>
    <t>韩裔美籍医学专家金墉7月1日正式接掌世界银行，成为世行自1945年正式成立以来的第一位非华尔街银行家或华盛顿政客转型的行长。美国总统奥巴马3月23日在白宫玫瑰园提名金墉为世行行长候选人时，有个让人记忆深刻的片段：奥巴马称赞金墉的高尔夫球打得实在是好，让他都感到嫉妒</t>
  </si>
  <si>
    <t>以科技创新引领发展方式转变</t>
  </si>
  <si>
    <t>在全球经济深陷金融债务危机泥潭之际，在我国发展方式转变举步维艰的关键时期，一场即将深刻改变人类生活生产方式、改变现有世界经济格局的科技和产业革命——美国趋势学家里夫金称之为“第三次工业革命”，正在全球范围内酝酿、生成。　　　　人类进入工业文明时代以来，?</t>
  </si>
  <si>
    <t>中国FDI面临流入流出双向挑战</t>
  </si>
  <si>
    <t>日内瓦时间7月5日，联合国贸易和发展组织(UNTAD)发布《2012年世界投资报告》(以下简称《报告》)指出，今年以来全球FDI流入量有所下降，预计全年FDI增长速度将放缓。贸发组织最新的世界投资前景年度调查报告显示，中国仍然是对FDI最具吸引力的经济体。　　　　但报告同时指?</t>
  </si>
  <si>
    <t>中国养老产业蕴含巨大商机</t>
  </si>
  <si>
    <t>市场低迷的时刻，反而是私募股权投资基金出手的大好时机。作为欧洲四大产业基金之一的泰丰资本，近来在欧洲市场频频出手。与此同时，自去年下半年正式进军中国市场以来，其在中国的动作也愈发频繁。日前，泰丰资本中国区总裁石博就其在欧洲的投资以及在中国的战略接受了《经?</t>
  </si>
  <si>
    <t>“禁墅令”出台  高端项目借机热销</t>
  </si>
  <si>
    <t>日前，国土资源部联合国家发展改革委下发通知，首次明确“住宅项目容积率不得低于1.0”。业界分析认为，这是从操作层面上进一步将别墅类房地产开发项目挡在“闸门”之外。但《经济参考报》记者发现，通知下发后，各地高档住宅项目反而借机热销，部分项目甚至出现微涨之势。</t>
  </si>
  <si>
    <t>“关键一票”暂平奥巴马医改风波</t>
  </si>
  <si>
    <t>美国东部时间6月28日上午10时08分，位于美国首都华盛顿的最高法院门前，几名美国电视记者手持文件，争先恐后跑下长长台阶。旋即，美国两大电视台CNN和福克斯以不满10秒之差，先后报道高法已裁定奥巴马政府医疗保险改革违宪，对正在白宫内观看电视直播的奥巴马俨然一记重拳。$</t>
  </si>
  <si>
    <t>法式奢华品牌DS在华双箭齐发</t>
  </si>
  <si>
    <t>来自法国的新世代豪华汽车品牌——DS，日前在北京798艺术区将旗下两款尽显法式奢华气质的车型DS5、DS4首次推到了中国消费者面前。其官方指导价分别为：DS5：29.88万元-34.88万元；DS4：24.28万元-27.28万元。　　　　DS的名称源自1955年出产的一款著名的CITROEN轿车，体现?</t>
  </si>
  <si>
    <t>QE3“无力回天”</t>
  </si>
  <si>
    <t>美国供应管理协会日前公布的报告显示，6月份美国制造业采购经理人指数(PMI)下降至49.7，为2009年7月份以来出现的首次萎缩。美国经济复苏乏力已成不争事实。　　　　正因如此，目前市场有关美联储将在今年晚些时候推出第三轮量化宽松政策(QE3)的传闻甚嚣尘上。　　　　不?</t>
  </si>
  <si>
    <t>欧美经济齐减速“金砖”机遇获青睐</t>
  </si>
  <si>
    <t>由于欧债危机风险外溢和国内财政压力剧增，全球最大经济体美国和法国的经济增长预期纷纷下调，欧洲经济“火车头”德国也被指面临下行风险。　　　　发达经济体增长放缓已极大地影响到新兴市场国家，但机构预计，三季度以金砖国家为代表的新兴市场有望迎来底部反弹。　　?</t>
  </si>
  <si>
    <t>国际油价大幅反弹  “三桶油”借机推价</t>
  </si>
  <si>
    <t>继6月29日暴涨之后，7月3日国际油价再次大幅上涨。由于伊朗紧张局势升级引发石油供应短缺的担忧，伦敦布伦特原油价格三周以来首次突破100美元大关。随着国际原油价格的再次反弹，国内部分地区中石油、中石化借机推价。　　　　“原油上涨对国内需求的影响不是很大，但部分?</t>
  </si>
  <si>
    <t>辽宁棚改的样本具有国际意义</t>
  </si>
  <si>
    <t>城市化是不可阻挡的历史潮流。但城市在给社会创造财富和机遇的同时，也带来了“贫民窟”现象，那里的居民被绝望、犯罪、污染和贫困包围。在一些发展中国家，50%以上的城市人口居住在贫民区中，住房条件极度匮乏。作为联合国协调人类住区问题的机构，联合国人居署对这种现象了</t>
  </si>
  <si>
    <t>PMI走弱  全球制造业受累欧债危机</t>
  </si>
  <si>
    <t>最新数据显示，全球各主要经济体6月制造业采购经理人指数(PMI)纷纷走弱。　　　　6月份美国制造业PMI出现三年以来的首次萎缩；欧元区制造业PMI与5月份持平，为三年以来的最低值；中国和日本等亚洲国家PMI也因为出口订单减少而下降。这均释放出在欧债危机阴影下世界经济正在</t>
  </si>
  <si>
    <t>全球经济萎缩导致系统性失灵</t>
  </si>
  <si>
    <t>美国没有推出QE3实属无奈之举，尽管美联储主席伯南克在联储会议上一再强调，他仍然有“弹药”，可以阻止美国经济衰退，但事实上，与其他国家央行一样，货币刺激的空间和效力越来越小，全球央行货币决策难度越来越大。　　　　当前的经济决策何以如此之难，是因为资产负债表</t>
  </si>
  <si>
    <t>葛兰素史克因欺诈被重罚30亿美元</t>
  </si>
  <si>
    <t>英国制药公司葛兰素史克2日表示，同意支付创纪录的30亿美元罚款，和美国政府、州政府及哥伦比亚特区达成和解协议，了结美国药品监管机构指控其不择手段进行欺诈营销的指控。这将是制药商支付的有史以来金额最高的一笔罚款。　　　　美国药品监管机构称，葛兰素史克在推销一</t>
  </si>
  <si>
    <t>冷看欧盟峰会成果</t>
  </si>
  <si>
    <t>上周五欧盟首脑峰会的结果，着实让市场狂欢了一把：全球股市大涨，油价更是飙升近10%。但是，市场的欢愉也只有片刻时光，仅一天后，便再次陷入无尽的烦恼和担忧。　　　　这种场景其实并不陌生。欧盟的历次峰会，不管是正式还是非正式，只要决定有利于解决欧洲债务危机，市</t>
  </si>
  <si>
    <t>低收入居民住区发展模式探索</t>
  </si>
  <si>
    <t>辽宁省于2005年初在中国率先开始探索大规模改造城市及国有工矿棚户区的途径及方式，用了4年的时间改造完成1万平方米及以上集中连片棚户区2910万平方米，新建成套住宅建筑面积4400多万平方米，改善了70.6万户、211万人的住房问题，几乎相当于联合国对贫民窟改造提出的千年发展</t>
  </si>
  <si>
    <t>巴克莱董事长因LIBOR丑闻辞职</t>
  </si>
  <si>
    <t>英国巴克莱银行近日曝出操纵伦敦及欧洲银行间同业拆借利率丑闻。据外媒报道，巴克莱董事长马库斯·阿吉厄斯2日宣布辞职，成为因该丑闻下台的首名高层。此外，随着调查的深入，该丑闻还可能牵涉到其他银行，英国央行相关官员也可能牵涉其中。该丑闻引发外界关于伦敦银行同业拆</t>
  </si>
  <si>
    <t>议息周欧洲或再开宽松阀门</t>
  </si>
  <si>
    <t>欧盟峰会达成总额约1200亿欧元的一揽子措施后，市场本周焦点将转向欧洲、英国、澳大利亚及瑞典等地央行的动态。投资者普遍预期，欧洲央行有望降息，英国央行则可能扩大宽松货币政策。　　　　近期，以“金砖”国家为代表的新兴经济体也相继公布刺激方案，全球都在为防止经?</t>
  </si>
  <si>
    <t>欧盟峰会：良方还是画饼？</t>
  </si>
  <si>
    <t>欧盟首脑峰会近日结束，公允地说，此次峰会突破不少，增长与就业契约、欧洲稳定机制(ESM)直接注资银行与购买重债国的国债。正如欧盟委员会主席巴罗佐所言，这些成果都是“几个月前根本无法想象的”。难怪峰会还没结束，上周五全球股市、汇市、大宗商品市场便涨声此起彼伏。</t>
  </si>
  <si>
    <t>iPad商标案和解苹果支付唯冠6000万美元</t>
  </si>
  <si>
    <t>7月2日，广东省高级人民法院(以下简称“广东高院”)对外公布，美国苹果公司(以下简称“苹果”)已与深圳唯冠，就iPad商标案达成和解，为此苹果公司需向深圳唯冠公司(以下简称“深圳唯冠”)支付6000万美元(约合3.8亿元)。据广东高院介绍，苹果需向广东高院制定的账户汇入6000万</t>
  </si>
  <si>
    <t>奥巴马医改“生死劫”</t>
  </si>
  <si>
    <t>6月28日，美国最高法院在夏季休庭前的最后一个工作日。自称向来不爱看电视新闻的美国总统奥巴马在白宫和总法律顾问凯瑟琳·鲁姆勒紧盯电视，当得知高法法官以5票对4票的“擦边球”投票结果裁定奥巴马医改大多数条款合乎宪法时，奥巴马激动地拥抱鲁姆勒。毕竟，奥巴马躲过了让</t>
  </si>
  <si>
    <t>智能电网：各国抢建新能源基础设施</t>
  </si>
  <si>
    <t>日前，德意志银行全球市场清洁能源首席分析师高登在北京接受记者采访时表示，“全球清洁能源利用的瓶颈，并不是清洁能源本身的开发，而是存储和输送清洁能源的基础设施——智能电网的技术提升和建设。”　　　　记者在美国、欧洲等采访了解到，随着智能电网时代的到来，世?</t>
  </si>
  <si>
    <t>欧债危机进入塞浦路斯时间</t>
  </si>
  <si>
    <t>欧盟峰会上演峰回路转，这给欧债危机的解决赢得了宝贵时间。已经火烧眉毛的西班牙和意大利暂时看到了希望。随之而来的是，发出国际求援信号的塞浦路斯将在本周与“三驾马车”进行协商。　　　　峰会突破情理之中　　　　在经历了悲观、疑惑、不安、焦虑、愤懑和夹杂少许?</t>
  </si>
  <si>
    <t>谁将为碳税买单？</t>
  </si>
  <si>
    <t>澳大利亚政府所谓“碳税不会威胁家庭生计”的结论似乎有了明证。供职于澳大利亚默多克大学的经济学家亚当·麦克休日前通过精确测算得出结论，碳税政策对一块市价25澳元(1澳元约合1.02美元)蛋糕产生的提价作用不会超过10分钱。　　　　就7月1日正式实行的碳税政策，工党政府</t>
  </si>
  <si>
    <t>跨国电信诈骗大案暴露监管漏洞</t>
  </si>
  <si>
    <t>近日，中国大陆和台湾两岸警方联手泰国、马来西亚等东南亚6国警方，成功摧毁一个特大跨国跨境电信诈骗犯罪集团，破获案件数百起，抓获犯罪嫌疑人400多名，打击了电信诈骗犯罪的嚣张气焰。　　　　跨国电信诈骗大案频发，受害人屡屡上当，被骗金额屡创新高——诈骗犯罪分子?</t>
  </si>
  <si>
    <t>欧盟峰会协议提振油价金价</t>
  </si>
  <si>
    <t>6月29日，欧盟领导人峰会传出消息，欧元区领导人同意采取措施支持欧元区的银行业并保护欧元，意大利和西班牙的借贷成本有望降低。这一消息提振了石油价格。但这种提振能否维持有待观察。　　　　伦敦ICE欧洲期货交易所8月份交割的北海布伦特原油期货价格上涨6.44美元，报收</t>
  </si>
  <si>
    <t>庆幸欧盟峰会释放正能量</t>
  </si>
  <si>
    <t>原本是一次阴霾沉重的峰会，却交出了雨过天晴般的答卷，这就是6月28、29两天欧盟峰会上演的峰回路转、柳暗花明一幕。尽管在可预期的未来中，欧洲经济的治理与协调仍存诸多变数，但峰会上取得的三大成果——欧洲稳定机制(ESM)可直接向银行注资、稳定机制可购买重债国国债以及?</t>
  </si>
  <si>
    <t>“稀土战”意在破我战略资源防护墙</t>
  </si>
  <si>
    <t>磋商未果，国内外围绕稀土出口政策战火再次蔓延。《经济参考报》记者28日获悉，美国、欧盟和日本27日提请世界贸易组织争端解决机构成立专家组，调查中国稀土等原材料出口限制措施案。    世贸组织网站消息称，美欧日要求争端解决机构在7月10日举行特别会议，讨论有关成立专</t>
  </si>
  <si>
    <t>欧盟峰会进入“尖峰时刻”</t>
  </si>
  <si>
    <t>28日、29日两天，欧盟夏季峰会在比利时布鲁塞尔举行。峰会前，各国因立场不同而火药味十足，令外界对此次会议的预期大为降低。但各国领导人在最后时刻紧急协调，表达出达成妥协的意愿，预计将在促进经济增长方面取得一些突破。　　　　新面孔带来新制衡　　　　2009年10?</t>
  </si>
  <si>
    <t>避险需求主导下半年汇市</t>
  </si>
  <si>
    <t>欧洲债务危机的进展，成为悬在全球金融市场头上的一颗炸弹。本周，西班牙和塞浦路斯步希腊、爱尔兰、葡萄牙后尘请求金融救助，西班牙短期国债收益率再度飙升至11个月新高，这些无不凸显出欧债局势的再度恶化以及市场担忧的加剧。　　　　仁鼎基金分析师李刚认为，由于欧元?</t>
  </si>
  <si>
    <t>谷歌或与华硕合推廉价平板电脑</t>
  </si>
  <si>
    <t>数码市场更新换代之快总是令人眼花缭乱，平板电脑市场也不例外。有消息显示，网络公司谷歌也跃跃欲试，希望杀入平板电脑市场，分得一杯羹。这款可能与中国台湾华硕电脑联合品牌的平板电脑产品的售价仅为199美元，在价格方面十分具有竞争力。　　　　而消息人士描绘的Nexus?</t>
  </si>
  <si>
    <t>报告施压德国欧盟峰会紧张气氛升级</t>
  </si>
  <si>
    <t>在备受关注的欧盟峰会将于28日至29日召开之前，欧洲各方仍在密集协调立场，不断施压德国采取更大胆措施保卫欧元。欧盟26日发表一份报告，准备提交峰会讨论。报告建议通过阶段性措施逐步实现欧洲银行业中央监管，建立共同的储蓄担保以及更广泛的债务分担制度，显示出欧盟孤立?</t>
  </si>
  <si>
    <t>中联重科“收购凯斯”报道不实</t>
  </si>
  <si>
    <t>6月25日，有媒体以《中联重科连环局》为题，称中联重科欲收购美国凯斯公司，并对中联出售环卫资产、财报披露、现金趋紧、银行授信等问题提出了质疑。28日，中联重科为此在长沙举办新闻发布会，中联重科副总裁孙昌军表示：“中联重科收购凯斯的报道纯属虚假新闻。中联重科的改</t>
  </si>
  <si>
    <t>债券市场有泡沫吗</t>
  </si>
  <si>
    <t>近期，债券市场不断升温，关于债券市场泡沫化的讨论再次兴起。　　　　随着欧债危机持续发酵，世界经济也出现放缓迹象，市场恐慌情绪大增，资金大量涌向债券市场。美国、德国、英国和日本等国家的国债再次成为炙手可热的追捧对象，价格一再飙升，收益率屡刷历史新低。　?</t>
  </si>
  <si>
    <t>成品油定价新机制当出则出</t>
  </si>
  <si>
    <t>进入二季度以来，国际油价频现暴跌。受欧美利空因素影响，国际油价比年内高点下滑近30%。当前，国际原油市场供应充裕，需求疲弱，即将于7月初正式实施的“伊朗石油禁运令”虽让原油市场面临新考验，但预计难以改变油价颓势，高油价风险暂缓。　　　　国际油价大跌，国内成?</t>
  </si>
  <si>
    <t>社科院：全球城市竞争力差距缩小</t>
  </si>
  <si>
    <t>由中国社会科学院主办的“中国社科论坛(经济学2012)：第十届城市竞争力国际论坛”27日召开，并发布了《全球城市竞争力报告(2011-2012)》。报告显示，受金融危机和欧债危机的影响，2011-2012年度全球城市竞争力总体上比2009-2010年度有所下降，其中欧美城市竞争力指数降幅远远</t>
  </si>
  <si>
    <t>中德生态园：造一个精品示范给世界</t>
  </si>
  <si>
    <t>青岛城百年繁华，排除不掉德国文化元素。尽管这种元素最初的植入是国人并不情愿的，但历史就是这样。　　　　有意思的是，今日西海岸的崛起，德国人又来了。但与百年前不同，这一次是亚欧两个最大经济体平等友好地合作。　　　　2010年7月，德国总理默克尔访华期间，国家</t>
  </si>
  <si>
    <t>微软与欧盟陈年纠纷即将裁决</t>
  </si>
  <si>
    <t>微软和欧盟长达近10年，价值16.8亿欧元(合21亿美元)罚款的反垄断调查近日将进入最后阶段，27日，欧洲法院将作出裁决。　　　　由于微软未能遵守2004年反垄断要求，给竞争者提供数据来帮助他们使用微软的视窗操作系统软件，欧盟曾经对此开出了8.99亿欧元的罚单，微软曾提出?</t>
  </si>
  <si>
    <t>中国新兴产业出口遭多国围堵</t>
  </si>
  <si>
    <t>近期，全球贸易保护呈现泛滥的势头，在这场贸易保护主义浪潮中，多个国家纷纷把矛头对准中国。专家提示，涉及我国的贸易摩擦呈现出向高端产品及新兴产业延伸、发起国向发展中国家蔓延的特点，经济与政治双重因素下，欧美市场贸易保护的浪潮可能会再次汹涌，再加上新兴经济体?</t>
  </si>
  <si>
    <t>沙特维持高产  国际油市难见利好</t>
  </si>
  <si>
    <t>欧盟25日重申“对伊石油禁运令”，显示出欧盟拒绝伊朗石油的态度依然坚决。但由于全球最大石油生产国沙特阿拉伯继续维持高产以及欧美经济数据疲弱等因素持续打压油价，该消息并未对油市构成利好。国际油价25日涨跌不一，纽约油价微跌，伦敦布伦特油价微涨。　　　　到25日?</t>
  </si>
  <si>
    <t>救援压力剧增  欧盟欲先整顿银行业</t>
  </si>
  <si>
    <t>根据28日至29日欧盟峰会前披露的文件显示，欧洲领导们将在会中讨论成立跨国境银行联盟和加强财政整合的具体措施以及债务豁免的可能性，欧盟甚至将获更改违反债务和赤字规则的欧元区国家预算的权力。　　　　由于越来越多的债务危机“炸弹”在欧元区引爆，留给欧洲领导人们?</t>
  </si>
  <si>
    <t>威普咨询：巴西基建领域有商机</t>
  </si>
  <si>
    <t>威普咨询公司(ValuePartners)全球合伙人单小虎日前在接受《经济参考报》记者采访时表示，作为，作为拉丁美洲最大的国家，巴西已经成为拉丁美洲增长最快的经济体。目前，巴西的基础设施建设、农业生产开发和可再生能源领域蕴含着丰富的商机，中国企业在巴西投资在这些领域面临</t>
  </si>
  <si>
    <t>警惕贸易保护主义新趋势</t>
  </si>
  <si>
    <t>在沉寂了一段时间之后，近期贸易保护主义大有“死灰复燃”之势。多个机构已经接连发布预警。一向乐观的WTO前不久发布的最新报告提示了贸易保护主义可能抬头的风险。WTO总干事拉米说，报告发出这样的预警，还是2008年危机爆发以来的头一次。同期，欧盟也发布了一份类似的报告?</t>
  </si>
  <si>
    <t>谁来拯救西班牙</t>
  </si>
  <si>
    <t>欧元区主权债务危机持续发酵，近期最引人关注的消息，除了希腊一度是否会因为选举而走向退出欧元区这条不归路之外，有关西班牙政府债务危机及其银行业危机的讨论，也同样吸引了众多人的目光。　　　　西班牙是欧元区第四大经济体，2011年，经济总量估计在1.537万亿美元。从</t>
  </si>
  <si>
    <t>巴西“经济奇迹”的前世今生</t>
  </si>
  <si>
    <t>巴西最近很忙：2012年联合国可持续发展大会在这里召开；2014年和2016还将先后主办世界杯和奥运会两大最具国际影响的体育赛事……巴西能获得这些重大活动的主办权，得益于该国经济的快速增长——2011年巴西取代英国成为全球第六大经济体。　　　　20多年前，巴西通货膨胀率?</t>
  </si>
  <si>
    <t>中日韩自贸谈判三角牌局</t>
  </si>
  <si>
    <t>未来的国际经济竞争，既是国与国的较量，更是经济集团的比拼。在目前几大经济体中，美加背靠北美自贸区，德法则有欧盟这个大集团，只有在东亚，中日韩虽贸易密切，但却整合乏力。有鉴于此，不久前中日韩三国北京峰会达成协议，年内将启动自贸区(FTA)谈判。　　　　如东亚能</t>
  </si>
  <si>
    <t>民企收购澳大利亚资源公司获批</t>
  </si>
  <si>
    <t>总部位于成都的四川汉龙集团25日宣布，其下属汉龙(非洲)矿业有限公司以每股0.57澳元收购澳大利亚桑德斯资源有限公司日前通过了澳大利亚外国投资监管委员会(FIRB)的审批。这标志着中国企业入主位于喀麦隆的一个世界级未开发铁矿区又迈出了实质性一步。　　　　汉龙集团介绍?</t>
  </si>
  <si>
    <t>百事等饮料巨头内外受困</t>
  </si>
  <si>
    <t>欧债危机与全球景气疲软冲击大企业的获利表现，近来许多大企业纷纷以欧洲增长减弱为由发布第二季度获利预警，为10多年来首次出现。百事公司等饮料巨头更承受欧美食品健康监管压力，新兴经济体消费增长减速等更多不利因素，开展新的营销活动效果颇好，却被指责产品危害大众健?</t>
  </si>
  <si>
    <t>金砖国家本币贬值带来负效应</t>
  </si>
  <si>
    <t>据外电报道，由于投资者资金陆续撤离全球最大的新兴市场国家，金砖五国货币巴西雷亚尔、印度卢比、俄罗斯卢布、中国人民币元和南非兰特出现持续走弱。　　　　仅在上周，俄罗斯卢布就下跌了2.4%，印度卢比下跌2.9%至记录低点，巴西雷亚尔则贬值了0.8%。而同为上周，处于欧?</t>
  </si>
  <si>
    <t>希腊政府要员因病缺席欧盟峰会</t>
  </si>
  <si>
    <t>希腊新联合政府官员说，总理安东尼斯·萨马拉斯和财政部长瓦西利斯·拉帕诺斯将因病错过本月底的欧洲联盟峰会。　　　　一些分析师说，萨马拉斯和拉帕诺斯错失了一次与出资方商谈修订援助协议苛刻条款的机会，不利于欧盟明确希腊立场。　　　　萨马拉斯和拉帕诺斯预计分?</t>
  </si>
  <si>
    <t>强势美元重现意味着什么</t>
  </si>
  <si>
    <t>2011年岁末，美元指数冲上80关口。进入今年第二季度，美元指数突破82关口。这是一个非常值得关注的动向。　　　　美元的强势出乎大多数人的预期。2001年以来，美国一直实行弱势美元战略，试图通过美元不断贬值的方式来刺激国内经济；次贷危机之后，美联储加大货币政策刺激?</t>
  </si>
  <si>
    <t>俄罗斯财长说无须对卢布贬值大力干预</t>
  </si>
  <si>
    <t>俄罗斯财政部长西卢安诺夫23日在圣彼得堡说，虽然近期卢布对主要外国货币汇率大跌，但仍处于中央银行规定的浮动区间内，因此无须进行大力干预。　　　　西卢安诺夫说，卢布对外币汇率变动主要与油价下跌有关，目前俄央行采取了抛售外币举措，但干预程度有限。他强调，目前?</t>
  </si>
  <si>
    <t>欧洲四国将推促增长计划</t>
  </si>
  <si>
    <t>德国、法国、意大利和西班牙四国首脑22日在意大利首都罗马举行会议，为预定28日至29日举行的欧盟峰会协调立场。四国领导人同意在峰会上推动签署一项约1300亿欧元的促增长计划，帮助陷入困境的国家恢复经济增长，但德国仍未就发行欧元区共同债券和扩大欧洲救援基金角色等问题?</t>
  </si>
  <si>
    <t>卡塔尔热盼QFII资格</t>
  </si>
  <si>
    <t>尽管A股近期走势低迷，但却获得越来越多外资机构的青睐。卡塔尔官员近日表示，卡塔尔正在申请合格境外机构投资者(QFII)资格，远远超过当前规定的10亿美元上限。    卡塔尔能源与工业大臣穆罕默德·本·萨利赫·萨达近日在北京接受新华社记者采访时说，卡塔尔看好中国经济长</t>
  </si>
  <si>
    <t>伯南克“变脸”</t>
  </si>
  <si>
    <t>6月份的全球经济波诡云谲。希腊组阁危机峰回路转，但是恰恰暴露出希腊等南欧国家经济竞争力低下等结构性问题短期内难解；法国等欧元区国家支持的经济增长策略取得微弱突破，使得凯恩斯主义政府“作为派”的话语权有所提高；多项民调显示，经济是美国选民最关切的问题，但新近</t>
  </si>
  <si>
    <t>西班牙融资成本攀升  形势堪忧</t>
  </si>
  <si>
    <t>希腊大选尘埃落定后，西班牙成为市场关注的焦点，其融资成本不断攀升。压力之下，欧盟领导人正加快推出措施以提振投资者信心。有报道称，欧洲金融稳定工具(EFSF)有望直接涉足金融市场，购买欧元区重债国国债。　　　　审计银行牵动市场神经　　　　随着希腊大选尘埃落定?</t>
  </si>
  <si>
    <t>扩大汽车产品与服务消费成当务之急</t>
  </si>
  <si>
    <t>一份来自联合国日前发布的“年中世界经济形势报告”显示，欧洲经济已完全停滞，2012年将零增长，欧债危机的外溢效应正不断显现，美国经济复苏也显疲软，预计全年全球经济增长2.5%，低于去年2.7%的增速。因此，在这样一种大环境下，我国经济要实现稳增长必须更加倚重内需，而?</t>
  </si>
  <si>
    <t>小心IMF“纠错”“认错”再犯错</t>
  </si>
  <si>
    <t>近几年，美国一些政客总是攻击人民币汇率问题，而国际货币基金组织(IMF)也在帮衬着美国，其所谓人民币“显著低估”的报告多次被美国引为最具可信力的证据。但IMF立场最近似有新变化，开始公开承认人民币仅为“适度低估”。后语“纠错”前言，形同向中国“认错”。　　　　?</t>
  </si>
  <si>
    <t>如果美国跌落“财政悬崖”</t>
  </si>
  <si>
    <t>前段时间曾有人说，当前的市场参与者就像溺水者，扑腾挣扎着，等待的就是政客们能扮演救援直升机的角色，将他们从水中一把捞起。投资者对美联储的货币政策期待是这个逻辑，对美国国会新一轮债务谈判的猜测和担忧同样出于这个原因。　　　　只是近来，关于美国“财政悬崖”?</t>
  </si>
  <si>
    <t>各国厉兵秣马角逐新工业革命</t>
  </si>
  <si>
    <t>●新能源技术将持续突破，可再生能源发电成本的下降速度极可能大大超出预测。以智能电网、大规模储能电池为代表的配套技术的良好预期，将进一步拉动新能源，提高其在能源结构中的份额。　　　　●奥巴马发起的“能源新政”及其“绿色产业革命”，对于美国维持其全球霸主地?</t>
  </si>
  <si>
    <t>丹麦书写全新“绿色童话”</t>
  </si>
  <si>
    <t>这里是“小美人鱼”的家乡，也是世界上最环保的城市。穿梭街头的自行车是这座城市的“绿色符号”，壮观的海上风电场是这个城市的“绿色动力”，蔚蓝的港湾是人们畅游扬帆的乐园。这些现代元素自然融合在历史文化遗迹中，成为这座古城新的时代风尚。　　　　童话王国丹麦首?</t>
  </si>
  <si>
    <t>证监会还需做什么</t>
  </si>
  <si>
    <t>郭树清上任证监会主席以来，推行了一系列的政策，一直在治理中国内地股市。日前，更有多名证监会官员频频吹风制度改革，令市场充满想象空间。但是仅仅这些还远远不够。　　　　在美国，纳斯达克和纽约证券交易所是相互竞争的。我们没有理由只许深交所做创业板。上交所天天?</t>
  </si>
  <si>
    <t>欧盟收紧贸易政策中国首当其冲</t>
  </si>
  <si>
    <t>《经济参考报》记者日前从商务部驻外经商处获悉，欧洲议会已于6月13日投票通过了2014年欧盟对发展中国家的贸易优惠安排。新安排将享受普惠制(普遍优惠制)国家数量从176个减少到75个左右；享受优惠的进口总值从2009年的600亿欧元减少到约377亿欧元。　　　　普惠制收缩加剧?</t>
  </si>
  <si>
    <t>电商价格战掀起淘汰赛</t>
  </si>
  <si>
    <t>眼下，国内电子商务市场正呈现“冰火两重天”：一边是“暑促特惠”、“全网最低”等砍价招牌充斥网络，一些电商企业宣称要将价格战打到明年；一边是电子商务网站“乐酷天”、“淘日本”等纷纷停业，半年多已有十余家B2C(企业对消费者)网站倒闭。    从资本圈地到亏损运营，</t>
  </si>
  <si>
    <t>钻税收漏洞的美国“仓鼠”</t>
  </si>
  <si>
    <t>近期，美国前总统竞选人约翰·爱德华兹负面曝光率极高，不仅有非法收取政治献金案，还有以他的名字命名的税收漏洞。开私人律所的他，以及美国前国会众议长金里奇，都把公司注册成S型企业(S-Corp)，而不是普通的C型企业(C-Corp)，这里面大有文章。　　　　S型企业是根据美国</t>
  </si>
  <si>
    <t>巧用红利税引导价值投资</t>
  </si>
  <si>
    <t>开征红利税，是世界各国通行的税则。美国的红利税是世界上最有代表性的，也是最值得中国借鉴和学习的。美国的红利税税率按个人或家庭收入高低不同，而设置了高低不同的税率档次，以确保穷人的税率低于富人的税率，以此为穷人减税。　　　　下面我们再浏览一下其他国家的红?</t>
  </si>
  <si>
    <t>美联储可能决定延续“扭曲操作”</t>
  </si>
  <si>
    <t>美联储将于19日至20日召开议息会议。受欧债危机影响，全球央行齐步推出宽松措施预期再起，市场人士预计美联储将维持利率不变，并很可能决定延长扭曲操作。    各国央行在欧债阴影下可能推出稳定市场措施的传闻，刺激美国股市3大股指在上周最后一个交易日悉数收涨。市场猜测</t>
  </si>
  <si>
    <t>奥朗德提1200亿欧元刺激计划</t>
  </si>
  <si>
    <t>法国《星期日报》17日披露，法国总统弗朗索瓦·奥朗德本周向欧盟理事会提交了一份总额达1200亿欧元(约合1517亿美元)的经济刺激计划。这一方案预计将提交本月底举行的欧盟峰会讨论。　　　　据报道，奥朗德14日已向欧洲多国领导人提交了这份名为《欧洲增长契约》的文件，希?</t>
  </si>
  <si>
    <t>默克尔该出手时当出手</t>
  </si>
  <si>
    <t>近期欧元区因欧债危机及经济疲软引发的社会动荡与政府的变更可以看成是公众对只紧缩不增长的抗议。虽然欧盟相关方面在不同场合也表达了促增长的意向，但碍于各种原因，在实际操作上显得“投鼠忌器”。我们知道，无论是在救助“欧猪五国”，还是在加大刺激经济力度上，德国都?</t>
  </si>
  <si>
    <t>希腊二轮大选结果难阻资本外逃</t>
  </si>
  <si>
    <t>希腊第二轮大选投票17日宣告结束。至本报截稿，根据希腊媒体所作“出口调查”，新民主党可能获得约30%的支持率，仅以微弱优势领先左派政党联盟。分析人士称，两派均不可能获得多数议席。    此次希腊第二轮大选是在5月6日第一轮议会选举未组建新政府的情况下举行的，当时没</t>
  </si>
  <si>
    <t>“小鸟”王国的品牌之路</t>
  </si>
  <si>
    <t>全球热门游戏《愤怒的小鸟》之父魏皮特(PeterVesterbacka)的标准行头是一件红色的T恤，外面再套一件红色的帽衫，上面还印着一只巨大的“愤怒的小鸟”。在他的中文版名片上，醒目地注明自己是“神鹰先生”——神鹰是该游戏中有很大威力的鸟。　　　　身为该游戏的芬兰开发商</t>
  </si>
  <si>
    <t>一个你所不知的迪拜</t>
  </si>
  <si>
    <t>“奢华都市”“购物天堂”“海湾明珠”……迪拜拥有许多令人羡慕的头衔和称号。这个面积相当于4个香港大的酋长国，凭借七星级帆船酒店、世界最高塔、最大人工岛、最大购物中心等不断给世界带来惊奇，也吸引了来自世界各地的游客，去年到这里来的中国游客就超过了20万人次。</t>
  </si>
  <si>
    <t>G20峰会聚焦欧债  发达国家将互掐</t>
  </si>
  <si>
    <t>二十国集团(G20)领导人第七次峰会将于6月18日至19日在墨西哥洛斯卡沃斯召开，本次峰会的主要议题繁多，包括加强国际金融体系安全、可持续发展问题、贸易和就业问题等，最受关注的是如何应对欧元区债务危机带来的全球风险，为此以美国为代表的国家将会敦促欧洲采取进一步行动?</t>
  </si>
  <si>
    <t>让中国早日走上生态修复之路</t>
  </si>
  <si>
    <t>记得几年前去意大利都灵市参加中欧论坛，当地举办方特意邀请我们参观了一处特殊的建筑：当年是一座钢铁厂，后因环境污染被关闭。经过数年的土壤修复，目前已成为一处环境优美鸟语花香的生态友好型建筑。如果不是亲眼看到那些陈列的治理过程照片，很难把眼前这座美丽的建筑与?</t>
  </si>
  <si>
    <t>后碳税时代澳光伏产业前景广阔</t>
  </si>
  <si>
    <t>澳大利亚政府即将于7月推行饱受争议的碳税，对全国500家企业征收，每吨23澳元(约合22.6美元)的碳排放价格将使澳大利亚成为全球碳排放代价最高的国家。鉴于澳大利亚光伏技术国际领先且太阳能资源丰富，光伏产业预计将成为碳税等相关政策的重要受益者。　　　　以碳税落实为?</t>
  </si>
  <si>
    <t>期待韩中日FTA尽快出现成果</t>
  </si>
  <si>
    <t>《经济参考报》记者13日上午与韩国《每日经济新闻》等5家媒体在韩国总统府青瓦台联合采访了韩国总统李明博。李明博指出，中韩建交短短20年，两国关系发展速度之快、合作之强前所未有。韩国政府愿积极推动韩中日自由贸易协定（FTA），希望在世界经济面临困难时，对主要国家经?</t>
  </si>
  <si>
    <t>欧债危机“愁煞”中国外贸</t>
  </si>
  <si>
    <t>从当今世界经济来看，最大的困扰就是欧债危机。面对着愈演愈烈的欧债危机，欧洲国家也想尽办法克服，但最终效果有限。债多了，对于欧洲国家而言，或许可以有不发愁的选项，但这却给中国的对外贸易带来了无法回避的忧愁。　　　　欧债危机对中国外贸所产生的影响正在日益加?</t>
  </si>
  <si>
    <t>保时捷中国资助贫困地区儿童</t>
  </si>
  <si>
    <t>“保时捷溢彩心”企业社会责任项目实施三年之际，保时捷中国与联合国儿童基金会日前又签署了一项全新的公益合作——儿童早期综合发展项目(IECD)。在未来三年，保时捷将为该项目提供四辆Cayenne车以及超过2300万元人民币的善款，以资助四川、贵州两地开展儿童早期发展项目。</t>
  </si>
  <si>
    <t>一手稳增长  一手防泡沫</t>
  </si>
  <si>
    <t>降息之后是否还需要其他的政策组合？如果有这种政策组合，是否会引起新一轮泡沫？这应该是当前决策层所纠结的焦点。　　　　现在看来，如果希腊不退出欧元区，外需逐渐好转似乎前景可期，至少不会出现急剧下滑的局面。在投资领域，基础设施建设，尤其是中西部的基建，已经?</t>
  </si>
  <si>
    <t>美国重振制造业对中国的启示</t>
  </si>
  <si>
    <t>当中国某些人认为，传统产业没希望，需要结构调整的时候，传统制造业却悄悄开始在美国南部聚集。　　　　有报道称，格林维尔市的市长正像中国地方政府官员一样，拼命地吸引投资。目前，它已吸引米其林、宝马等来自26个国家的250家外资企业落户该市。而这仅仅是一个拥有5.85</t>
  </si>
  <si>
    <t>中国对外开放战略需作新调整</t>
  </si>
  <si>
    <t>自2001年12月11日中国正式成为WTO第143位成员以来，与世界经济一体化的进程加快。加入WTO为中国社会的开放观念和规则意识带来了新的教材，为国内的改革和发展提供了新的激励。但是面对国际国内形势变化，今后中国的路该如何走成为人们普遍关心的问题。　　　　近日，中国发</t>
  </si>
  <si>
    <t>欧佩克会议分歧依旧  油价跌势难变</t>
  </si>
  <si>
    <t>石油输出国家组织(欧佩克)14日将在维也纳开会，由于成员国之间分歧明显，预计将难以达成产量配额协议。同时，欧元区债务危机丝毫没有减轻迹象，世界经济前景不乐观，油价在短期内仍难扭转颓势。　　　　欧佩克咨询委员会11日对经济前景恶化以及石油库存高企发出警告。并表?</t>
  </si>
  <si>
    <t>欧债危机的下一步</t>
  </si>
  <si>
    <t>世界经济目前面临的不确定因素和下行风险主要来自发达国家，特别是欧洲。希腊是否会离开欧元区似乎是目前影响全球金融市场的最大风险因素。　　　　有分析人士认为希腊应该必须离开欧元区，这对希腊和欧元区的其他成员国都有好处。我个人认为未必如此。　　　　首先，希?</t>
  </si>
  <si>
    <t>世行敦促发展中国家回归中性货币政策</t>
  </si>
  <si>
    <t>世界银行12日发布的《全球经济展望》2012年6月期认为，发展中国家应该做好准备面对旷日持久的全球经济波动，再次强调中期发展战略，同时准备迎接更艰难的时期。报告主要作者安德鲁·伯恩斯说：“在可能的情况下，发展中国家需要行动起来减少脆弱性，通过降低短期债务水平、削</t>
  </si>
  <si>
    <t>中航协：航空碳税最好延至2020年实施</t>
  </si>
  <si>
    <t>中国航空运输协会(简称中国航协)秘书长魏振中12日接受《经济参考报》记者采访时表示：一旦欧盟对中国航空企业采取处罚措施，相信中国政府会迅速推出反制政策。中国航协副秘书长柴海波12日接受记者电话采访时则透露，中国航协希望，欧盟航空碳税最好能推迟到2020年之后。</t>
  </si>
  <si>
    <t>第三次工业革命开启洲际市场大门</t>
  </si>
  <si>
    <t>《第三次工业革命》作者、美国经济学家杰里米·里夫金日前在接受《经济参考报》越洋电话专访时指出，随着第三次工业革命的演进，洲际经济和政治联盟将加速形成，作为样本的欧盟不会因为当前的债务危机和紧缩困局放慢脚步，亚洲地区则有可能成为第三次工业革命的潜在引领者。$</t>
  </si>
  <si>
    <t>希腊大选继续考验欧元区</t>
  </si>
  <si>
    <t>受欧元集团援助西班牙银行业消息影响，11日全球股市普遍受到提振，大宗商品价格回升，欧元走强。该消息是缓解投资者对欧债危机蔓延担忧的关键一步，但不少分析认为，目前欧元区希腊大选，以及意大利或将求援的压力有增无减，西班牙银行业获援助的提振作用可能只是昙花一现，?</t>
  </si>
  <si>
    <t>“大限”将至  中国航企拒交欧盟碳税</t>
  </si>
  <si>
    <t>欧盟要求中国航企为碳排放交易体系(ETS，俗称“碳税”)提交碳排放数据的6月中旬“大限”将至，但中方并未妥协。　　　　曾任中国民航局副局长的中国国航董事长王昌顺11日表示，根据中国民用航空局的指令，未经政府有关部门批准，禁止中国境内各运输航空公司参与欧盟排放交?</t>
  </si>
  <si>
    <t>变咸的经济大西洋</t>
  </si>
  <si>
    <t>将回归金本位挂在嘴边的不仅只有美国共和党总统候选人罗恩·保罗。近期欲问鼎联邦参议员宝座的美国明尼苏达州众议员库尔特·比尔斯也自称是奥地利经济学派代表人物哈耶克的门徒，力主从美金制回归黄金制，这位中学经济学讲师不仅要在学校讲台上宣扬小政府、大市场的主张，也?</t>
  </si>
  <si>
    <t>中缅管道建设攻坚战打响</t>
  </si>
  <si>
    <t>来自缅甸曼德勒消息，随着中缅油气管道(缅甸段)第一标段B标段主体工程顺利完工，作为管道建设的主力军，中石油管道局建设队伍开始转向施工更加艰难的若开山区和耶罔春海沟标段。中缅管道建设攻坚战悄然打响。　　　　中石油管道局承建的中缅油气管道(缅甸段)第一标段B标段?</t>
  </si>
  <si>
    <t>欧债危机倒逼欧洲政治改革</t>
  </si>
  <si>
    <t>希腊会否退出欧元区悬而未决，西班牙银行危机又现。欧债危机不断升级，已经成为影响全球经济增长的最大威胁。美国总统奥巴马和英国首相卡梅伦共同要求欧洲采取紧急措施尽快解决危机，恢复市场信心。同时还希望欧洲有一个长期的战略，保证货币联盟的安全。作为欧债危机处理的?</t>
  </si>
  <si>
    <t>第三次工业革命是摆脱危机之路</t>
  </si>
  <si>
    <t>在世界经济复苏仍然面临许多不确定因素背景下，美国未来趋势学家杰里米·里夫金的专著《第三次工业革命》引起全球广泛关注。里夫金认为，世界正迎来以新能源和新信息技术为特征的第三次工业革命，这将为全球经济的复苏和增长提供重要动力。　　　　在《第三次工业革命》中?</t>
  </si>
  <si>
    <t>西班牙寻求欧盟救助银行</t>
  </si>
  <si>
    <t>9日，西班牙经济大臣路易斯·德金多斯(LuisdeGuindos)在出席了约3个小时的欧元集团经济和财政部长电视电话紧急会议之后，于马德里举行的新闻发布会上宣布，西班牙政府将要求欧盟对其银行进行救助，以更好地进行银行业重组。　　　　欧元集团当日宣布，将在西班牙政府提出正</t>
  </si>
  <si>
    <t>国际原油价格持续疲弱</t>
  </si>
  <si>
    <t>上周，国际大宗市场原油价格继续维持疲弱。　　　　欧债危机目前焦点在西班牙和希腊，希腊第二次大选即将来临，而结果并不明朗；西班牙银行危机愈演愈烈，国际评级机构上周又将西班牙信用评级降至BBB，严重影响市场信心。　　　　欧洲经济前景不明，而美国非农就业数据也</t>
  </si>
  <si>
    <t>从理论到实践：欧盟发展路线图</t>
  </si>
  <si>
    <t>●“第三次工业革命”已成欧盟各国首脑的政治高频词　　　　●新能源替代旧能源遭遇基础设施缺乏和利益集团抵制的障碍　　　　●教育的基本框架原则与教育理念需要重新修订才能适应第三次工业革命的需要　　　　过去16年，我在沃顿商学院担任资深讲师，所讲内容涉及科?</t>
  </si>
  <si>
    <t>美国职业教育让学生毕业不失业</t>
  </si>
  <si>
    <t>毕业即失业，是很多大学生面临的困境。实际上，许多工种需要的并非大学文凭，而是熟练技术和动手能力。美国职业教育由此应运而生，却因政策倾斜和社会偏见逐渐边缘化。职校成了“差生”、“非主流生”的收容所。　　　　近年，职业教育在美国一些州重新得到重视。部分有心?</t>
  </si>
  <si>
    <t>银发族玩什么？</t>
  </si>
  <si>
    <t>“老奶奶”组合唱响欧洲　　　　刘锴　　　　俄罗斯一支平均年龄超过70岁的“老奶奶组合”获得2012年度欧洲电视歌唱大赛总决赛亚军，成为俄罗斯众人追捧的“新星”。连总统弗拉基米尔·普京都称赞老奶奶们的表演有助推广俄罗斯多元民族文化，打算近期去“她们村看看”。$</t>
  </si>
  <si>
    <t>“点心债”收益率易上难下</t>
  </si>
  <si>
    <t>随着人民币升值预期的不断趋弱，当前，离岸人民币债市的表现难言乐观，收益率中枢不断上移。　　　　有分析指出，受希腊退出欧元区可能性增加、人民币升值预期减弱以及中国经济增速放缓的影响，短期内离岸人民币债市缺乏趋势性机会。但长远而言，在人民币国际化逐步推进、?</t>
  </si>
  <si>
    <t>美联储官员暗示将推新刺激措施</t>
  </si>
  <si>
    <t>一旦美国经济情况恶化，美联储将推出新的经济刺激措施。美联储多名官员6日均作出这样的表示，其中包括美联储第二高官副主席珍妮特·艾伦(JanetYellen)。有分析指出，美国近两周发布的数据均显示出经济增势不佳，且欧债危机对美国经济造成的下行风险加大，外界关于美联储推出?</t>
  </si>
  <si>
    <t>科技进步将为社会带来新特征</t>
  </si>
  <si>
    <t>日本是以技术立国的典范，以技术为基础和导向的经济建设与发展成就令世人瞩目。20世纪70年代以后，日本政府从引进、消化和吸收型科技战略转变为自主研发创新型科技立国战略，从1970年开始每隔五年进行一次全国性大规模技术预测活动，迄今已进行了九次，技术预测成为日本发展?</t>
  </si>
  <si>
    <t>欧盟商讨银行业联盟</t>
  </si>
  <si>
    <t>欧盟委员会6日递交一份跨境银行救助草案，赋予各国金融监管机构“积极干预权”，以便接管受困银行、分拆银行，并强迫高级银行债券持有人承担损失。此举是迈向欧盟“银行业联盟”的一步。　　　　银行业已成危机起爆点　　　　欧债危机不断发酵，金融系统危象显现，银行业</t>
  </si>
  <si>
    <t>欧债危机殃及日本经济</t>
  </si>
  <si>
    <t>欧洲主权债务危机愈演愈烈，继希腊之后，西班牙又成了欧元区的新病，与此同时，意大利主权债务危机也在酝酿，给正在缓慢复苏的日本经济当头泼了一瓢冷水。欧洲债务危机对日本经济的影响主要表现在三个方面：　　　　首先，欧洲债务危机不仅使欧元区经济出现负增长，对美国?</t>
  </si>
  <si>
    <t>市场忧虑略缓  美股震荡收高</t>
  </si>
  <si>
    <t>北京时间6月6日凌晨，美国供应管理协会(ISM)公布最新非制造业调查报告显示，协会服务业综合指数5月值为53.7点，比4月份的53.5点有小幅提升，同时也略好于此前市场和学者普遍预期的53.6点。　　　　受此影响，美股低开高走，三大股指震荡收高。截至6月5日(美国当地时间)收盘</t>
  </si>
  <si>
    <t>俄罗斯成哈弗SUV最大海外市场</t>
  </si>
  <si>
    <t>由“世界无国界组织”主办、长城汽车进行车辆赞助的2012年“北京—莫斯科”自驾游活动6月5日在北京拉开序幕。12辆长城哈弗SUV汽车，将通过15000公里的长途跋涉，最终抵达其海外最大市场俄罗斯首都莫斯科。　　　　长城汽车坚持“走出去”的发展方向，目前已出口至100多个国</t>
  </si>
  <si>
    <t>南海九段线：中国的岛屿归属线</t>
  </si>
  <si>
    <t>编者按：南海断续线，又称“九段线”、U形线，是确定我国南海岛屿主权和海洋权益线。但随着《联合国海洋法公约》的问世，南海周边各国根据自己对公约的理解或曲解“跑马圈地”，漠视我国“九段线”。最近有些专家提出，当前形势下，我国宜就“九段线”作出正式官方解释，向国</t>
  </si>
  <si>
    <t>中俄投资基金全面启动</t>
  </si>
  <si>
    <t>中投公司董事长兼首席执行官楼继伟与俄罗斯直接投资基金首席执行官德米特里耶夫5日签署了“中俄投资基金管理公司正式成立及其基本原则的备忘录”，标志着双方合作基金的全面启动。    中投公司5日表示，中俄投资基金以有限合伙制形式设立，进行商业化运作，目标募集规模为2</t>
  </si>
  <si>
    <t>G7紧急会谈  或施压德国刺激经济</t>
  </si>
  <si>
    <t>北京时间周二晚间，G7财长与欧洲央行行长召开电话会议。会后日本财务大臣安住淳表示，参会各方在电话会议上达成一致，将共同协作来解决西班牙与希腊的问题，但会上各方并未讨论希腊退出欧元区的可能性。　　　　这显示出全球主要经济体对欧元区危机已高度警觉，并将继续施?</t>
  </si>
  <si>
    <t>谁能分享欧锦赛的经济红利</t>
  </si>
  <si>
    <t>2012年欧洲足球锦标赛(欧锦赛)即将在本周末拉开战幕。从以往看，重大的国际性体育赛事通常对相关国家(地区)的经济增长可以产生一定的推动作用，但历史上也不乏因经营不善导致收不抵支的东道主。在欧元区主权债务危机阴影的笼罩下，本次欧锦赛能给联合举办国波兰、乌克兰的经?</t>
  </si>
  <si>
    <t>操作系统将是智能电视产业链核心</t>
  </si>
  <si>
    <t>近期，美国苹果公司涉足智能电视的消息不绝于耳。在我国市场上，不少国内外家电及IT品牌已推出智能电视产品。“支持安卓系统”、“能联网上QQ”等纷纷成为推销卖点。　　　　种种“网络电视”、“云电视”、“3D电视”扎堆问世，智能电视能否获得消费者认可，为家电、IT乃?</t>
  </si>
  <si>
    <t>日元成避风港  短期强势不改</t>
  </si>
  <si>
    <t>4日晚，日本野田佳彦新内阁召开首次内阁会议，确定新内阁施政方针，谋求落实社会保障的稳定财源和实现财政健全化。其中包括采取日元升值对策。　　　　近期，外汇市场以欧债危机为炒作题材，在投机势力主导下日元升势明显，日本央行对此连发干预警告。尽管日本当局近期屡次</t>
  </si>
  <si>
    <t>全球正迎来第三次工业革命</t>
  </si>
  <si>
    <t>如何走出危机实现复苏的全球性争论正在导出一个突破性的历史结论，全球需要进行一次新的工业革命。　　　　最近，以美国著名趋势学家杰里米·里夫金为代表的学者关于“第三次工业革命”的呼声引起全球范围内的极大关注。专家和学者指出，中国需要全面分析危机后工业化的历?</t>
  </si>
  <si>
    <t>半速复苏与半价之城</t>
  </si>
  <si>
    <t>提起美国内华达州的拉斯维加斯，除了以“赌城”闻名于世之外，最出名的当属五花八门的娱乐演出。如果告诉你，在拉斯维加斯的各种演出几乎都能找到半价票，你会作何感想？这可以算是当地经济尚未摆脱“半速”复苏的真实写照。　　　　“今年来看演出的人多了些，但还是远不?</t>
  </si>
  <si>
    <t>以环保行动回馈中国市场</t>
  </si>
  <si>
    <t>日前，在中国环境保护部环境发展中心主办的中日韩三国环境标志互认合作协议签字仪式暨环境标志贡献奖颁奖仪式上，兄弟(中国)商业有限公司凭借优秀的环保产品和一贯秉承的环保理念荣获环境标志贡献奖。在出席颁奖仪式后，兄弟(中国)商业有限公司董事长桥本安弘接受了《经济参?</t>
  </si>
  <si>
    <t>索尼股价30年来首次跌破千元</t>
  </si>
  <si>
    <t>受日元升值、美国经济数据欠佳加剧全球经济增长趋缓疑虑等因素影响，日本股市4日开盘后迅速走低，索尼公司股价当日跌破每股1000日元大关，为1980年以来首见。　　　　索尼股价4日开盘不久后一度重挫2.3%，报每股990日元，并最终收于每股996日元。索尼股价2000年3月曾创下历</t>
  </si>
  <si>
    <t>希腊危机挑战欧盟一体化</t>
  </si>
  <si>
    <t>虽然希腊在近期退出欧元区的可能性并不大，但作为债务负担最沉重、结构性问题最严重的国家，希腊的债务问题将在相当长的时间内存在，并会在一定时期内不断发酵。　　　　债务危机的根源是欧元区国家间劳动生产率的巨大差异，这种差异使得希腊长期维持经常项目的逆差，而它?</t>
  </si>
  <si>
    <t>欧债阴霾未散  宽松预期升温</t>
  </si>
  <si>
    <t>欧债危机恶化引发全球经济下行风险，增加各大央行的决策难度——是否推出刺激经济的措施成为市场焦点。本周欧洲央行、英国央行、澳大利亚央行、加拿大央行都将宣布利率决策，分析人士称，多数央行将按兵不动，但实施宽松措施的预期明显升温。　　　　另外，6月底“扭转操作</t>
  </si>
  <si>
    <t>美国家长想方设法让孩子晚入学</t>
  </si>
  <si>
    <t>为了“不要让孩子输在起跑线上”，不少中国家长想办法让孩子提早入学，甚至为孩子生在9月1日前庆幸。而在美国，越来越多的家长想尽办法推迟孩子的入学年限，他们相信这会让孩子在日后比年龄小的同学享有各方面优势，包括身量、智力、社交能力、学习成绩……这种优势“累积”?</t>
  </si>
  <si>
    <t>李嘉诚“分家产”凸显防风险智慧</t>
  </si>
  <si>
    <t>香港富豪李嘉诚近日公布了家产分配方案，外界将该举动解读为“二代”接班过程的提速标志。其公布时机和分配方案被业内广泛称道，能减少亚洲豪门普遍面临的争夺家产风险，凸显了李嘉诚的智慧。　　　　缜密及时之举　　　　李嘉诚日前在出席旗下公司长江实业及和记黄埔股?</t>
  </si>
  <si>
    <t>美元上涨未结束  人民币进入新均衡时代</t>
  </si>
  <si>
    <t>()  全球经济在复苏的过程中仍充满不确定性。欧元区阴霾难散，不论希腊最终会不会退出欧元区，欧元即使出现短期反弹也已难摆脱长期弱势的命运。对比之下，美元指数在避险需求以及经济复苏前景的支撑下节节走高，上涨趋势仍在继续。而在我国国际收支逐渐趋于平衡的大背景下?</t>
  </si>
  <si>
    <t>各耗能大国发展新能源趋向多元选择</t>
  </si>
  <si>
    <t>目前，积极发展新能源已是世界许多国家的共识，但如何选择适合本国的新能源路径，因地制宜地在新能源格局中确立优势，仍是各国发展新能源必须面对的课题。对日本福岛核电事故的反思以及曾被热捧的生物能源的科学性频遭质疑，要求世界重新审视和确立新能源发展的思路，各国开?</t>
  </si>
  <si>
    <t>欧洲促增长保就业政策分歧大</t>
  </si>
  <si>
    <t>面对可能的衰退危机，欧洲国家越来越倾向于促增长、保就业。然而，由于具体情况不同，各国在政策选择上也产生了更多的分歧。　　　　29日，欧盟委员会主席巴罗佐在“布鲁塞尔增长使命”会议上表示，欧盟将把定向投资与深化结构改革作为促进经济增长的主要措施。　　　　?</t>
  </si>
  <si>
    <t>欧盟拟对我无线通讯设备自行立案</t>
  </si>
  <si>
    <t>《经济参考报》记者日前从业内权威人士处获悉，欧盟正在酝酿近期对中国无线通讯设备发起反补贴和反倾销调查。值得注意的是，此项调查并没有产业申请，这将是欧盟委员会针对中国产品自行立案的第一起调查。　　　　接受记者采访的多位专家表示，这意味着欧委会作为欧盟执法?</t>
  </si>
  <si>
    <t>从食品券看美式福利的肥胖症</t>
  </si>
  <si>
    <t>“那些懒汉靠食品券过得惬意，但超市的老板还要辛辛苦苦地挣钱纳税，养活这帮好吃懒做的主。”年逾七旬的美国老太太玛格丽特抱怨道。　　　　她的抱怨体现了动机高尚的食品券项目在现实中引发的民怨。去年当地媒体曾报道，美国密歇根州有男子中彩票得到200万美元，但仍然可</t>
  </si>
  <si>
    <t>日企瞄上我服务贸易市场</t>
  </si>
  <si>
    <t>由于发达经济体复苏疲弱，日本企业正承受业绩剧减的压力，近来已有多家企业传出大幅裁员的消息。为扭转外部需求颓势，日本企业正谋求拓展市场潜力巨大的中国的高端服务贸易市场。　　　　在30日举行的“日中服务产业研讨会”上，日本经济产业省审议官冈田秀一和中国商务部?</t>
  </si>
  <si>
    <t>欧企转向美国找杠杆贷款</t>
  </si>
  <si>
    <t>29日，穆迪在一份报告中警告称，随着经济状况不断恶化，加上私募股权基金不愿注资，至少25%的无信用评级、部分贷款将于2015年到期的欧洲杠杆并购公司将违约。　　　　穆迪报告表示，如果企业被关在高收益率债券市场之外，欧洲的杠杆贷款违约率将不止翻倍。新的抵押贷款凭证</t>
  </si>
  <si>
    <t>日本汇商新推日元/人民币外汇保证金交易</t>
  </si>
  <si>
    <t>日本主要外汇经纪商中央短资FX公司30日宣布，将于7月2日起针对日本个人投资者和法人新推出日元/人民币外汇保证金交易。　　　　这家公司的发言人后藤向记者介绍说，这是日本汇商首次推出离岸人民币/日元的外汇现货交易。迄今在日本的金融市场上，人民币相关外汇商品只有离?</t>
  </si>
  <si>
    <t>欧债风险外溢  中日韩“抱团”应对</t>
  </si>
  <si>
    <t>中国、日本、韩国最近加紧经济领域合作，金融、贸易等层面均有更为密切的联系。在欧洲经济形势持续恶化的状况下，中日韩形成了“抱团”抵御外部风险、力保经济增长的局面。　　　　中国商务部29日与韩国公平贸易委员会签署防止不公平交易的合作备忘录(MOU)。　　　　据韩</t>
  </si>
  <si>
    <t>希腊四大银行获180亿欧元救助资金</t>
  </si>
  <si>
    <t>来自希腊财政部的消息显示，28日，希腊四家最大的银行获得了来自欧洲金融稳定机构注入的180亿欧元救助基金，从而使这些银行从欧洲央行得到融资的大门被重新打开。　　　　这四家银行分别是NBG、Eurobank、Alpha和Piraeus，其资产总额相当于希腊银行体系资产总额的80%。</t>
  </si>
  <si>
    <t>静候希腊这只靴子落地</t>
  </si>
  <si>
    <t>一位华尔街的基金经理曾戏言，整个2012年，投资人会像一个神经衰弱的人，在希腊这只靴子落地之前，能做的就只是瞪大眼睛，惶惶不能安睡。    近来，从希腊传来的没有一个好消息：议会选举后政府难产，银行遭到挤兑，企业关闭，资本大量外逃……让投资者非常不安，关于希腊?</t>
  </si>
  <si>
    <t>亚太主要股市普涨</t>
  </si>
  <si>
    <t>在5月份遭受大幅抛售之后，受投资者逢低吸纳等因素影响，亚太地区主要股市29日继续反弹，连续第二个交易日上涨。　　　　截至29日收盘，日本东京股市日经225种股票平均价格指数比前一个交易日上涨63.93点，收于8657.08点，涨幅为0.74%。　　　　韩国股市29日涨幅较大。外</t>
  </si>
  <si>
    <t>开拓巴基斯坦电信市场启示录</t>
  </si>
  <si>
    <t>提到巴基斯坦电信市场，国内对其了解可能并不多。但由于巴基斯坦电信市场的发展潜力巨大，地理位置又至关重要，所以近些年逐渐成为世界各大电信公司争夺的焦点。　　　　中国电信企业也在2008年成功打开了巴基斯坦电信市场，此举不仅扩大了中国企业影响力，还为中国移动企?</t>
  </si>
  <si>
    <t>巴西足球俱乐部的新生意经</t>
  </si>
  <si>
    <t>谈到巴西，地球人都知道这里是足球大国，天才球员俯拾皆是，但当以五大联赛为代表的欧洲足球界如今将商业足球的经营理念演绎到极致、顶级豪门俱乐部在欧债危机大环境下依然赚得钵满盆满时，沃土巴西还一直只是充当“原材料生产国”的角色。所幸的是，随着巴西主要俱乐部开始?</t>
  </si>
  <si>
    <t>“丹麦式物业服务”体验</t>
  </si>
  <si>
    <t>不管是买房还是租房，都要跟物业管理公司打交道。在丹麦，物业管理公司就像一个大管家，负责打理你与物业有关的一切大小事务，保障所辖物业的正常运转。经过多年的发展，丹麦的物业管理行业已发展成为一项比较成熟的行业，物业管理公司绝大多数都是自主经营、自负盈亏的服务?</t>
  </si>
  <si>
    <t>“去美元化”人民币日元或直接交易</t>
  </si>
  <si>
    <t>日本《读卖新闻》及《日本经济新闻》等媒体报道称，人民币与日元的直接交易最早有望今年6月开始在东京和上海两地市场进行。　　　　业内人士分析，如果合作能如期实现，将有利于人民币国际化进程的推进，并推动双边贸易和投资的进一步发展，有利于摆脱对美元的依赖。</t>
  </si>
  <si>
    <t>海洋保护不能为利益让路</t>
  </si>
  <si>
    <t>去年以来，美国墨西哥湾和中国渤海湾漏油事件引起大众对海洋保护的极大关注。　　　　中外事实证明：与资本讲道德，没有制约措施，道德永远要为利益让路。　　　　法律是海洋保护不容逾越的底线。当违法行为可以商量时，法律只会成为利益攫取的筹码。海洋属于全体民众，?</t>
  </si>
  <si>
    <t>广西东兴：跨境“冻肉”走私络绎不绝</t>
  </si>
  <si>
    <t>几十米宽的河面上停着密密麻麻的小型驳船，一些载着货物的小船还在河面上穿梭，几十名工人正将从越南运输过来的物品搬运到岸边的卡车上。岸边一辆没有牌照的越野车上坐着几名男子，警惕地看着从岸边经过的生面孔。　　　　这是《经济参考报》记者在北仑河中国一侧的一个非?</t>
  </si>
  <si>
    <t>救助银行  西班牙财政状况或恶化</t>
  </si>
  <si>
    <t>据外媒报道，西班牙第四大银行班基亚银行(Bankia)当地时间26日表示，确信班基亚将获得向政府寻求的190亿欧元援助资金。这是西班牙历史上对银行业进行的最大规模援助。　　　　有分析认为，这意味着西班牙脆弱的银行业已经开始拉开重组的序幕，西班牙政府可能将不得不投入大</t>
  </si>
  <si>
    <t>中石化十年磨一剑  长城润滑油领跑市场</t>
  </si>
  <si>
    <t>“经过10年创业，长城润滑油目前已占据国内中高端市场1/3的份额，并成功进入澳洲、东南亚、非洲、南美等40多个国家和地区，成为润滑油市场的领跑者。”中石化润滑油公司总经理宋云昌近日接受《经济参考报》记者采访时表示，“为保持领跑者地位，长城近日又拉开渠道整合的序幕</t>
  </si>
  <si>
    <t>欧盟吁G20峰会关注增长与就业</t>
  </si>
  <si>
    <t>欧盟委员会主席巴罗佐和欧洲理事会主席范龙佩日前表示，欧洲国家首脑将于6月18日至19日在墨西哥举行的二十国集团领导人峰会上推动各国全力促进增长与就业。　　　　巴罗佐和范龙佩在当天公布的一封写给欧洲国家领导人的公开信中说，二十国集团成员国在戛纳峰会以来实施的有</t>
  </si>
  <si>
    <t>政要商讨希腊“退欧”  油价破90美元</t>
  </si>
  <si>
    <t>纽约原油价格跌破每桶90美元，吞噬了去年涨幅。美国原油库存攀升至22年来高点，欧洲为希腊退出欧元区做好准备等因素令市场担忧情绪加重，不过由于地缘政治因素影响，分析人士称后市跌幅可能有限。　　　　供需状况趋于宽松令油价受到打压，最新数据显示，美国能源情报署公?</t>
  </si>
  <si>
    <t>欧盟拟立法加强对评级机构控制</t>
  </si>
  <si>
    <t>据外媒报道，欧盟对评级机构的控制已经进入准备拟定法律草案阶段。欧盟决策机构——欧盟理事会常驻代表委员会本周统一了欧盟委员会有关《对评级机构的立法建议》的立场，并授权欧盟轮值主席国据此与欧洲议会举行谈判，以便在欧洲议会一读通过该法案。　　　　按照草案内容?</t>
  </si>
  <si>
    <t>欧盟：出台“能源路线图”</t>
  </si>
  <si>
    <t>去年底，欧盟委员会公布了“欧盟2050能源路线图”，提出了发展可再生能源和减少碳排放的具体路径。为此，欧盟将率先部署智能电网技术以充分利用风能和太阳能。但在欧盟新能源产业布局中，生物燃料发展前景不容乐观。　　　　减少碳排放是核心　　　　“欧盟2050能源路线?</t>
  </si>
  <si>
    <t>日本央行维持利率不变</t>
  </si>
  <si>
    <t>日本中央银行23日决定维持现有货币政策不变。尽管公共债务高企导致国际评级机构惠誉22日意外调降日本评级，但是在目前欧债危机前景不明情况下，日元和日本国债预计仍将持续受到投资者追捧。日元持续升值将加大日本央行推出新刺激措施的压力。　　　　日本央行23日结束为期?</t>
  </si>
  <si>
    <t>美国加紧研发太阳能核心技术</t>
  </si>
  <si>
    <t>近年，横跨新能源和节能环保两大领域的太阳能产业发展迅速，为抢占全球市场主导地位，美国通过提供资金和政策扶持，推动太阳能产业的核心技术研发，太阳能技术位居世界前列。    当今太阳能技术主要涉及太阳能光伏发电、太阳能采暖与冷却、太阳能聚热发电系统、被动太阳能?</t>
  </si>
  <si>
    <t>里约峰会或引各方着力“绿色交通”</t>
  </si>
  <si>
    <t>随着6月份“里约+20”联合国可持续发展大会的迫近，各国能否达成成果性协议、哪些政策或产业会随之发生变化成为关注焦点，业界人士透露，交通运输业的节能减排可能成为发达国家和发展中国家共同的着力点。　　　　联合国开发计划署署长海伦·克拉克日前在北京接受记者采访?</t>
  </si>
  <si>
    <t>恐慌情绪拖累欧元下挫至两年内新低</t>
  </si>
  <si>
    <t>希腊前任总理帕帕季莫斯一席“希腊退出欧元区的风险真实存在”的言论令本已风声鹤唳的市场再次承压，恐慌情绪继续蔓延。欧洲市场23日早盘，欧洲三大股市大幅低开，欧元兑美元急挫约70点，汇价跌至近两年来新低1.2614。　　　　与此同时，中国人民银行授权中国外汇交易中心?</t>
  </si>
  <si>
    <t>企业领导力的奥秘</t>
  </si>
  <si>
    <t>作者大卫·诺瓦克早期职业生涯中所遇到的一件事，改变了他对领导者作用、领导力的思考。当时他担任饮料巨头百事可乐公司的瓶装业务运营主管职务，上任后到百事的生产工厂考察。　　　　在美国圣路易斯的一家工厂，大卫·诺瓦克向与会人员询问，如何在便利店和杂货店进行商?</t>
  </si>
  <si>
    <t>新普京时代开启俄“新经济”航程</t>
  </si>
  <si>
    <t>2012年莫斯科当地时间5月7日上午12时，在象征着俄罗斯国家最高权力所在地的克里姆林宫，普京宣誓就任俄罗斯联邦第六任总统。这是普京在时隔四年后，第三次当选成为俄罗斯总统。　　　　与12年前初次入主克里姆林宫一样，如今的普京仍然怀揣着大国复兴之梦。今年初，普京曾?</t>
  </si>
  <si>
    <t>“文物”变身日用品</t>
  </si>
  <si>
    <t>一把伞，收卷起来俨然就是一颗翠玉白菜，而打开后，伞面白绿相衬，十分清新，在结构和形状上与正常阳伞相似，还具有防UV、防风等功能。“没想到文物还能变成遮阳伞，这么活灵活现地出现在日常生活中，很特别，也很好玩！”在第八届深圳文博会上，台湾馆中台北故宫博物院展区?</t>
  </si>
  <si>
    <t>中国社科院报告：长期缺电或将加剧日本产业空心化</t>
  </si>
  <si>
    <t>22日，中国社会科学院在“2012年《日本经济蓝皮书》发布会”上发布了《日本经济与中日经贸关系发展报告(2012)》。报告指出，作为严重依赖核电的国家，一旦核电站不能如期重启，日本将面临大面积电力短缺。电力短缺一旦长期化，势必引起电价上涨，企业生产成本上升，进而加快?</t>
  </si>
  <si>
    <t>欧元区欲迈出弥合分歧关键一步</t>
  </si>
  <si>
    <t>在法德两国财长21日举行的会议上，发行欧元区共同债券(欧洲债券)出人意料地成为主要议题，但双方未能就此达成妥协，该议题将在欧盟领导人非正式峰会上讨论，有望获得意大利总理蒙蒂、西班牙总理拉霍伊和欧盟委员会的支持。将备受争议的欧洲债券摆出来讨论，显示出欧元区决策?</t>
  </si>
  <si>
    <t>万达鲸吞AMC扩张恐背新包袱</t>
  </si>
  <si>
    <t>21日，大连万达集团正式宣布以26亿美元并购全球排名第二的美国AMC影院公司，并表示将继续投资不低于5亿美元用于后续运营。分析人士认为，对于正处于高速扩张期的大连万达来说，此举将使其背负沉重的资金压力。　　　　并购　　　　万达鲸吞AMC成全球最大院线　　　　21</t>
  </si>
  <si>
    <t>欧盟峰会寻求促增长和减赤新平衡</t>
  </si>
  <si>
    <t>欧盟领导人23日将在布鲁塞尔举行非正式峰会。在八国集团峰会(G8)将注意力更多放在促进经济增长之后，外界预计此次峰会将继续聚焦促增长话题，寻求促增长和减赤字措施的新平衡。这将使一直努力推动减赤计划的德国总理默克尔面临更大压力。　　　　欧盟峰会继续“促增长”?</t>
  </si>
  <si>
    <t>欧盟修订贸易防御体系强化执法</t>
  </si>
  <si>
    <t>《经济参考报》记者日前从权威人士处获悉，欧盟正在计划修改其16年前制定的贸易防御体系，这项修订或将影响未来十几年欧盟整体对外贸易政策。而中国作为其重点评估的国家之一，也将受到深远的影响。业内权威人士对记者表示，欧盟此举意在执行更加强有力的贸易政策，这也意味?</t>
  </si>
  <si>
    <t>西班牙欧元保卫战困难重重</t>
  </si>
  <si>
    <t>希腊能否留在欧元区前景不明，人们担心希腊局势会给欧元带来致命打击。而作为债务形势最严峻的国家之一，西班牙也是最易受希腊危机冲击的国家。虽然西班牙政府宣布欧元保卫战将在西班牙打响，但鉴于银行业坏账漏洞难补、各自治区债务高企、宏观经济指标堪忧，西班牙保卫欧元?</t>
  </si>
  <si>
    <t>澳制造业酝酿变局</t>
  </si>
  <si>
    <t>在日前举行的“2012《制造业者月刊》奋进奖”(2012 Manufacturers’Monthly Endeavour Awards)颁奖典礼上，澳大利亚制造业协会主席迪克·瓦波顿(Dick Warburton)指出，目前，澳大利亚制造业饱受本币汇率高，用工成本高，行业合规成本高的“三高”困扰，已到生死存亡时刻。?</t>
  </si>
  <si>
    <t>三星苹果开始专利权诉讼和谈</t>
  </si>
  <si>
    <t>5月21日至22日，苹果CEO蒂姆·库克和三星CEO崔志成在美国旧金山法院就两家公司的专利权纠纷进行和解谈判。　　　　由于这起纠纷涉及10个国家的20个案件，因此是全球备受关注的一场专利权诉讼战。如果此次和解谈判不能达成协议，7月底将在加州进行审理。目前，双方都否认对?</t>
  </si>
  <si>
    <t>稳增长可依靠“第四驾马车”</t>
  </si>
  <si>
    <t>最近法国新总统奥朗德想通过增加100亿欧元帮助中小企业，另外他提议设立欧洲互助债券，为基础设施计划提供资金。意大利总理蒙蒂主张这种战略投资不应纳入欧盟财赤计算中，但是柏林反对。德国总理默克尔最近表示“促进增长不一定要花钱”，应通过“结构改革”：提高劳动力市场</t>
  </si>
  <si>
    <t>G8寻求刺激经济增长与就业途径</t>
  </si>
  <si>
    <t>进入5月，欧洲各国选情风云变幻，政策纷争不断，欧债危机阴影挥之不去，而国际评级机构对欧洲多次出手，其中西班牙、希腊遭到主权评级下调和银行评级下调，意大利银行也被调降评级，市场信心不断面临考验。　　　　欧债危机成主导话题　　　　在G8峰会上，欧债危机成为主</t>
  </si>
  <si>
    <t>惠泽多方  中缅能源管道建设提速</t>
  </si>
  <si>
    <t>缅甸是一个美丽而神秘的国度。上世纪，周恩来总理曾九访缅甸，中缅两国结下情同手足的“胞波”(缅语“兄弟”)之谊；如今，一条正在建设的跨国能源通道——中缅油气管道又把这两个国家更加紧密地联系在一起。    但人们注意到，在中缅油气管道建设中，常伴有来自国际社会或?</t>
  </si>
  <si>
    <t>汗水加实力  中缅管道攻坚克难</t>
  </si>
  <si>
    <t>《中国石油报》记者一个上午喝了4瓶矿泉水，《工人日报》记者为不让被汗水浸湿的头发粘住脸颊在鬓角扎起小辫，《经济参考报》记者的眼镜腿儿被汗水浸出了绿锈并断裂，而随同前往的中石油管道局党委宣传部的同志则中暑晕倒……    5月是缅甸气温最高的季节，中缅油气管道(缅</t>
  </si>
  <si>
    <t>欧盟与希腊或在“对赌”</t>
  </si>
  <si>
    <t>最近希腊大选的乱局搅得欧洲鸡犬不宁。希腊各派力量像“走马灯”似的轮番上场亮相，一个唱“红脸”一个唱“白脸”。同时欧盟大佬们也纷纷“隔空喊话”，一会儿是“哄”，一会儿是“吓”。好不热闹。　　　　之所以这么热闹，是因为希腊“挺不住了”。毫无生气的经济，看不?</t>
  </si>
  <si>
    <t>总经理钱刚细述漫漫维权路</t>
  </si>
  <si>
    <t>当钱刚带领的新冶钢一纸诉状把欧委会告上欧盟法庭的时候，也许连他自己都没有想到，在国外高举“双反”贸易大棒向中国企业肆意挥舞之下，中国企业“海外维权”之路走得如此艰辛和漫长。　　　　相比较大多数企业的“沉默”，很多人都说新冶钢“倔”，一个官司一打就是4年。</t>
  </si>
  <si>
    <t>男人究竟需要什么样的服装？</t>
  </si>
  <si>
    <t>长期以来，人们固有一个印象：英国男人不爱时尚，着装古板，穿什么都好像一个土里土气的“地理教师”。　　　　Albam等一系列男装品牌的崛起，打破了这一“偏见”。它们以传统设计为本，加上别致的细节处理和点缀，刮起新的“英伦风”。在遭冷落多年之后，英国时尚业重燃复</t>
  </si>
  <si>
    <t>全球化经济下的“龟兔赛跑”</t>
  </si>
  <si>
    <t>《下一次大趋同》是诺贝尔经济学奖得主、美国人迈克尔·斯宾塞的一部力作，它的副标题是——多速世界经济增长的未来。为了体现题目当中的“多速”，书的封面相画了一只兔子和一只乌龟，这个寓意很明显，在未来——也包括过去的一段时间内经济发展道路上有一些经济体快如脱兔?</t>
  </si>
  <si>
    <t>中产阶级失势尽显疲态</t>
  </si>
  <si>
    <t>编者按古希腊哲学家、逻辑学和科学家亚里士多德在《政治学》一书中“探讨了人类行为和互相交往的问题”时，即将社会划为富裕阶级、中产阶级和贫困阶级三大群体。此后，技术革命和产业革命推动中产阶级壮大，而不断扩大的中产阶级又成为经济加速发展和社会稳定的中坚力量。可?</t>
  </si>
  <si>
    <t>加入GPA将是政府采购制度改革的契机</t>
  </si>
  <si>
    <t>5月4日举行的第四轮中美战略与经济对话上，中方承诺，在2012年WTO政府采购委员会最后一次会议前，提交一份新的综合性修改出价，对参加方要价做出回应。中方充分认识到以灵活方式确定本国产品定义的重要性。中方将按照2012年国务院立法工作计划和财政部政府采购工作计划，尽快</t>
  </si>
  <si>
    <t>FBI介入摩根大通巨亏事件调查</t>
  </si>
  <si>
    <t>摩根大通亏损事件引发投资者和监管者越来越多的关注。据外媒报道，15日，美国联邦调查局(FBI)开始对摩根大通的巨亏事件进行初步调查，这将是针对该交易的最高级别调查。　　　　据有关人士称，FBI将审查摩根大通的交易亏损中是否存在潜在的犯罪行为。调查在FBI的纽约分局进</t>
  </si>
  <si>
    <t>日本电器产业能否卷土重来</t>
  </si>
  <si>
    <t>近来，索尼和松下公司就下一代电视有机EL电视业务合作进行谈判，利用两家公司现有的比液晶电视更清晰、耗电更少的有机EL显示屏技术，通过开发新的生产方式，使大型有机EL电视机早日批量生产，从而与韩国液晶电视企业争夺市场份额，使陷于困境的日本电器产业东山再起。　　?</t>
  </si>
  <si>
    <t>希腊政局动荡重挫金融市场</t>
  </si>
  <si>
    <t>由于希腊政局动荡加剧投资者担忧情绪，全球金融市场15日普遍受挫，欧美股市普跌，国际金价油价跌至年内低点，欧元对美元汇率创下4个月来新低。同时，由于希腊退出欧元区的风险加大，市场对于危机向西班牙和意大利等国家蔓延的担忧也在加剧。　　　　希腊“退欧”风险加大</t>
  </si>
  <si>
    <t>自主品牌聘用国际设计师将成未来趋势</t>
  </si>
  <si>
    <t>自主品牌在中国市场虽然占有一席之地，但品牌形象依然低端。就设计而言，自主品牌推出的绝大多数车型往往被认为同欧美或日本汽车厂商的产品过于类似。为了改变这种状况，中国自主品牌汽车企业正通过各种方法来提升其品牌形象。而近一个时期以来，一个值得关注的现象是：自主?</t>
  </si>
  <si>
    <t>欧元区需要重构防线</t>
  </si>
  <si>
    <t>希腊各政党关于组建联合政府的谈判15日破裂，该国将于6月份再次举行大选。届时，若是对现行紧缩措施持反对意见的左翼政党获胜，希腊退出欧元区的现实风险将大大增加。按国际货币基金组织总裁拉加德的话说，希腊“有序退出”欧元区的可能性目前正在增加。换句话说，在这场已耗</t>
  </si>
  <si>
    <t>欧元区财长主张“留住”希腊</t>
  </si>
  <si>
    <t>欧元区17国财长会议5月14日在比利时首都布鲁塞尔举行。对欧元区财长而言，希腊能否继续留在欧元区，以及如何应对该国退出欧元区后的市场震荡将是主要任务。希腊总统府15日发表声明说，由于各政党无法就组阁问题达成一致，希腊将举行新的议会选举。    不希望希腊脱离欧元区</t>
  </si>
  <si>
    <t>大银行会给你带来恐惧感吗？</t>
  </si>
  <si>
    <t>如果你是一名普通投资者，你会选择买入大银行还是小银行的股票？尤其是在美国资产最大的银行摩根大通突然报出巨额亏损以后，你会不会也对大银行多一丝不安和恐惧呢？    摩根大通5月10日意外披露的20亿美元交易亏损，其原因对外界来说始终是个谜。除了一名被称作“伦敦鲸”</t>
  </si>
  <si>
    <t>法国新总统的老问题</t>
  </si>
  <si>
    <t>法国当选总统奥朗德15日宣誓正式入主爱丽舍宫。他在竞选时的口号是反对财政紧缩，因此，不少分析人士认为他的当选表明财政紧缩政策的失败。　　　　但是，法国并没有真正实施财政紧缩政策。　　　　法国前总统萨科齐的确曾经于2011年8月份和11月份分别宣布了两个名为财政</t>
  </si>
  <si>
    <t>英国：以版权为中心抢占数字化出版先机</t>
  </si>
  <si>
    <t>英国出版业市场化程度很高，属于出版业强国。近年来，英国传统出版行业受到数字出版的挑战，不少出版社积极调整自身经营模式，以版权为中心展开运作，不断探索数字出版的新模式，在数字化革命中尽量抢占先机。　　　　传统出版萎缩数字出版强劲增长　　　　2011年英国经?</t>
  </si>
  <si>
    <t>德国：崇尚纸质书的阅读感觉</t>
  </si>
  <si>
    <t>面对全球数字化浪潮兴起和阅读方式的改变，德国无论是读者还是出版社都明显体现出德国保守和严谨的民族特性，不随波逐流，纸质书仍处主导地位，电子书市场发展较慢。同时，德国高效发达的出版业为痴爱读书的德国人提供了丰富的精神食粮。　　　　电子书还无法撼动纸质书主?</t>
  </si>
  <si>
    <t>“风向标选举”冲击默克尔紧缩立场</t>
  </si>
  <si>
    <t>素有“小联邦议院选举”之称的北莱茵——威斯特法伦州(北威州)议会选举13日落幕，州执政联盟社民党和绿党取得完胜，而德国总理默克尔所在的基民盟惨败。　　　　北威州选举在德国政坛举足轻重，被视为联邦议院选举的重要风向标。有分析指出，虽然民调显示目前德国总理默克?</t>
  </si>
  <si>
    <t>市场信心缺失  国内期市大跌</t>
  </si>
  <si>
    <t>欧洲政治选举时间之窗里，欧债忧虑复燃，经济复苏的进程受到极大挑战，系统性风险严重冲击市场信心，国际大宗商品连跌。同时，近期公布的国内经济数据同样低迷，周末央行降准也未能刺激市场，商品市场依然一片惨淡。5月14日，国内期货市场遭遇黑色星期一，豆粕、甲醇、焦炭，</t>
  </si>
  <si>
    <t>国内企业无奈放弃“欧盟复审”</t>
  </si>
  <si>
    <t>一个多月前，欧盟委员会的一则公告宣告了一个好消息：基于中国在WTO诉讼的一项胜利，欧盟将复审涉华52项反倾销案，而在当时还在为这个结果欢呼的中国企业万万没有想到，这个“复审”却最终成为“镜花水月”。　　　　当地时间3月23日，欧盟委员会发布一则公告称，为执行紧?</t>
  </si>
  <si>
    <t>假如奥朗德竞选美国总统</t>
  </si>
  <si>
    <t>凭借民众对经济疲软、失业率高企和紧缩政策不满的东风，法国社会党候选人弗朗索瓦·奥朗德击败萨科齐，成为爱丽舍宫新主人。奥朗德的执政理念尚待明朗，较多竞选口号恐将让位于执政所需要的务实风格，但他的平民之风和变革口号让人想起凭借“变革”理念入主白宫的美国总统奥?</t>
  </si>
  <si>
    <t>希腊需重新选举  “退欧”风险大增</t>
  </si>
  <si>
    <t>据外媒报道，希腊新民主党领导人安东尼斯·萨马拉斯13日称，左翼激进联盟党反对组建联合政府，重新选举难以避免。希腊总统卡罗洛斯·帕普利亚斯当日召集所有政党领导人，以就组阁达成一致召开会议，萨马拉斯在会后发表了上述讲话。　　　　希腊近期由于政局不稳，加之本周?</t>
  </si>
  <si>
    <t>中日韩正式签署投资协定</t>
  </si>
  <si>
    <t>13日，在北京举行的第五次中日韩领导人会议上，《中华人民共和国政府、日本国政府及大韩民国政府关于促进、便利和保护投资的协定》(以下简称“中日韩投资协定”)正式签署。同时，三国领导人同意年内正式启动中日韩自贸区谈判。业内专家分析，中日韩投资协定的签署在中日韩三?</t>
  </si>
  <si>
    <t>境外连锁企业加大进入中国步伐</t>
  </si>
  <si>
    <t>越来越多的迹象表明，境外连锁企业对进入中国市场的兴趣在不断升温。在13日召开的“2012中国特许展”上，记者发现除肯德基、全聚德、吴裕泰等国内外知名企业参与外，韩国、马来西亚甚至由政府机构组团参展。　　　　根据中国连锁经营协会调查显示，2011年中国特许联盟120强</t>
  </si>
  <si>
    <t>网络视频挑战传统电视</t>
  </si>
  <si>
    <t>成为视频“播客”，对熟悉互联网的英国新一代年轻人来说，并非遥远梦想；而靠它挣钱养家，甚至名利双收，也有不少榜样。　　　　在广大新生代拥趸的推动下，视频分享网站YouTube不断开疆扩土，在鼓励用户上传形形色色自创内容视频并通过植入广告赚钱之外，还推出针对特定观</t>
  </si>
  <si>
    <t>贵州苗药、侗药面临流失危险</t>
  </si>
  <si>
    <t>夏文是贵州百灵药业项目学术部部长，日前去母校贵阳中医学院探望老师，晚餐同席的几个韩国人向他打听最近苗药方面有趣的研究，引起了他的警觉。　　　　近年来，植物药的开发热潮席卷全球。一些过去专注于化学药研究的欧美等西方国家，也开始把目光投向古老神秘的东方传统?</t>
  </si>
  <si>
    <t>中国银行副行长：利率市场化促商业银行创国际一流</t>
  </si>
  <si>
    <t>日前，中国银行副行长陈四清在出席由北京大学、清华大学、南开大学、中国人民大学、台湾大学和东北财经大学等共同主办的“2012CSBF两岸金融研讨会”时表示，虽然利率市场化将使商业银行经营面临前所未有的挑战，但同时也为商业银行成为国际一流银行创造了难得机遇。　　　?</t>
  </si>
  <si>
    <t>新兴产业贸易摩擦下半年将加剧</t>
  </si>
  <si>
    <t>《经济参考报》记者获悉，世界银行和国际货币基金组织(IMF)即将发布的研究报告均认为，下半年全球新兴产业领域贸易摩擦将加剧。IMF报告称，“美欧等国将进一步挑战新兴经济体的体制性障碍，并通过贸易救济措施，强化对绿色、新能源产业和电子信息产品的贸易保护，因此贸易摩?</t>
  </si>
  <si>
    <t>丹·兹沃恩：可否从头再来？</t>
  </si>
  <si>
    <t>5年前，丹·兹沃恩向美国证券交易委员会自我举报公司内部的违规财务操作，经历一系列繁冗调查之后，如今终于换得清白之身。他为此付出巨大代价，包括一套紧邻纽约中央公园价值1700万美元的豪宅、一栋纽约州避暑别墅和一架价值1800万美元的“湾流”四代私人喷气客机。而最令他</t>
  </si>
  <si>
    <t>西班牙政府接管国内第四大银行</t>
  </si>
  <si>
    <t>据外媒报道，西班牙经济部9日宣布，政府将接管西班牙第四大银行BankiaSA，意在通过保证银行清偿能力以稳定储户，向投资者表明西班牙不会象希腊、爱尔兰和葡萄牙等国那样需要外部救助计划。　　　　BankiaSA已深陷金融风波，7日该银行集团宣布重大改组，董事长罗德里戈·拉?</t>
  </si>
  <si>
    <t>三大因素令亚太经济减速</t>
  </si>
  <si>
    <t>联合国亚洲及太平洋经济社会委员会10日发布的年度调查报告预测，受外围经济环境不振、大宗商品价格升势不减、失业问题的影响，2012年亚太地区发展中经济体经济增速将进一步放缓，从2011年的7%降至6.5%。　　　　调查报告指出，外围因素将拖累亚太经济，由于欧元区债务危机?</t>
  </si>
  <si>
    <t>“稳中求进”框架下货币和财政政策选择</t>
  </si>
  <si>
    <t>2012年第一季度，世界经济总体上处于缓慢复苏的进程之中。美国实体经济的表现引人注目，宏观经济政策发挥了重要作用；欧元区经济的复苏前景依旧复杂。国内宏观经济形势多种矛盾交织，经济增速有所放缓，结构性物价上涨压力较大。我国“稳中求进”宏观调控的政策重心形成“双?</t>
  </si>
  <si>
    <t>核安全规划近期将再审议</t>
  </si>
  <si>
    <t>国家核电技术公司董事长王炳华在9日召开的中国电力与能源研讨会上透露，国家近期将审议已制定完成的《核安全规划》和《核电中长期发展规划》。有专家表示，这预示着核电可能重启，但安全标准将升级，需要更高的准入门槛和安全投入。　　　　日本福岛事故发生后，国务院于20</t>
  </si>
  <si>
    <t>中企对欧投资：热点盲点对撞</t>
  </si>
  <si>
    <t>欧洲债务危机爆发以来，中国企业对欧投资步伐加快，既提升了全球影响力，也为投资目的地国应对危机作出贡献。一些欧洲国家对中国投资表示欢迎，同时，欧洲舆论和民众也不乏弦外音。为此，本报驻欧洲国家记者，重点调研欧债危机背景下欧洲国家吸引外资的环境以及中国企业对欧?</t>
  </si>
  <si>
    <t>新政府“难产”希腊违约风险加剧</t>
  </si>
  <si>
    <t>希腊议会选举得票第一大政党新民主党7日宣布组阁失败后，得票率居第二位的左翼激进联盟党8日接过组阁大旗。分析人士称，该国大选后组建新联合政府的希望正逐渐落空，政治动荡局面令财政紧缩方案难以达成，债务违约风险再度来袭。　　　　左翼激进联盟党领导人齐普拉斯说，?</t>
  </si>
  <si>
    <t>乌克兰ULF：把农产品推向中国市场</t>
  </si>
  <si>
    <t>“除了基础建设和农机领域的合作，我们期待找到中国的合作伙伴，将乌克兰高品质的农产品引入到中国市场。”8日在宣布与中国机械工业集团有限公司签署合作备忘录后，乌克兰农业巨头UkrLandFarming(ULF)公司首席执行官奥列戈·巴赫马久科对记者做出以上表示。　　　　奥列戈?</t>
  </si>
  <si>
    <t>中企IPO规模降至全球第二</t>
  </si>
  <si>
    <t>市场机构Dealogic最新数据显示，以美元计算，2012年迄今中国公司全球IPO规模达103亿美元，与去年同期231亿美元相比降幅超过50%；同期，美国公司全球IPO规模达到119亿美元，尽管较去年同期减少38%，但在规模上超过了中国公司，成为全球IPO市场第一，而中国公司则降至第二。?</t>
  </si>
  <si>
    <t>“零核电”对日本经济影响有多大</t>
  </si>
  <si>
    <t>随着日本唯一发电的核电机组——北海道电力公司的“泊3号”5日晚11点零3分停止发电，6日上午4点停止运转，7日凌晨1点进入低温停止状态，日本时隔42年进入“零核电”状态。　　　　过去核电机组经过安全确认之后即可重新启动，现在除了要经日本政府的批准之外，还要取得核电</t>
  </si>
  <si>
    <t>国际金价盘中跌破1600美元</t>
  </si>
  <si>
    <t>由于欧洲政坛动荡导致投资者对欧债问题的担忧再次加剧，从而引发市场技术性卖盘，打压8日纽约黄金期价大幅下挫，盘中一度跌破每盎司1600美元关口，但最终跌幅有所收窄，勉强收于1600美元之上。　　　　当天，纽约商品交易所黄金期货市场交投最活跃的6月合约收于每盎司1604.</t>
  </si>
  <si>
    <t>市场化改革新阶段更具挑战性</t>
  </si>
  <si>
    <t>为推动亚洲新兴市场经济体的转型与改革，2012年4月28-29日，中国(海南)改革发展研究院与德国国际合作机构、越南中央经济管理研究院在海口联合举办以“走向公平与可持续——转型中的亚洲新兴市场经济体”为主题的第九届中越经济改革比较论坛，这也是中改院举办的第74次中国改?</t>
  </si>
  <si>
    <t>紧缩与增长  欧洲经济政策抉择难</t>
  </si>
  <si>
    <t>国际货币基金组织(IMF)总裁拉加德7日呼吁，欧洲和其他地区深陷债务的国家必须采取步骤削减债务，但政策选择方面需视国情而定，应采取渐进的方式来减少预算赤字，以避免其经济遭受更大伤害。　　　　拉加德承认，紧缩与增长是目前争论的焦点话题。但这是一场错误的争论，各?</t>
  </si>
  <si>
    <t>奥朗德当选打破欧洲微弱平衡</t>
  </si>
  <si>
    <t>自欧元诞生以来，欧元区内部的经济失衡问题日益凸显：希腊、西班牙等国在加入欧元区之后贸易逆差逐渐扩大，导致这些国家的债务日益上升，债务比例已突破了“60%和3%”的比例限制，筹资成本迅速提高，从而引发了所谓的“欧债危机”。　　　　为什么说希腊等国在加入欧元区以</t>
  </si>
  <si>
    <t>中国亟须建立个人破产制度</t>
  </si>
  <si>
    <t>2012年4月26日，《经济参考报》记者与《天使投资》作者唐滔相约在北京宣武门附近的一家茶餐厅见面。幽静的茶餐厅，柔和的灯光，唐滔与记者隔桌而坐，浅蓝色衬衫映衬着天使般灿烂的笑容。这就是唐滔，一个天使投资人。　　　　唐滔有着在中国和美国17年的创业和投资经历，以</t>
  </si>
  <si>
    <t>国际金价油价齐跌</t>
  </si>
  <si>
    <t>由于法国和希腊选举结果进一步加剧欧洲经济不确定性，再加上美元走强的打压，7日纽约黄金期价小幅下跌。当天，纽约商品交易所黄金期货市场交投最活跃的6月合约收于每盎司1639.1美元，比前一交易日下跌6.1美元，跌幅为0.4%。国际油价也承受下行压力。　　　　根据法国当地时</t>
  </si>
  <si>
    <t>“夹心饼干”状态下的美国大学生</t>
  </si>
  <si>
    <t>来自美国密歇根州的姑娘丝凯在华盛顿打两份工，社区大学有课可教时，她会在马路北边的教室里教外国人学英文，没课可教时，她就在马路南边的星巴克咖啡店里当服务生。这种打零工状况在美国年轻人中相当普遍。美国东北大学和智库经济政策研究所的统计显示，去年在全美国毕业的?</t>
  </si>
  <si>
    <t>普京再任总统  着力发展“新经济”</t>
  </si>
  <si>
    <t>俄罗斯当选总统普京7日在克里姆林宫宣誓就职，正式成为俄新一届总统。普京曾表示，当选总统后将提名梅德韦杰夫为政府总理。俄国家杜马定于8日讨论并批准新总理人选。　　　　在今年3月举行的总统选举中，普京再次当选俄罗斯总统。舆论认为，随着他正式登上总统宝座，俄罗斯</t>
  </si>
  <si>
    <t>多重利空打压油价跌破100美元</t>
  </si>
  <si>
    <t>国际原油期货价格近来震荡下跌。上周最后一个交易日，在纽约市场上，6月份交货的轻质原油价格跌破每桶百元关口，收报于每桶97.83美元，为三个月来低点。本周一，亚洲市场纽约原油期货合约电子盘交易价格继续下滑，早间时段一度跌到96.57美元/桶。此外，欧佩克秘书处7日公布的</t>
  </si>
  <si>
    <t>反紧缩呼声渐高或恶化欧债危机</t>
  </si>
  <si>
    <t>法国左翼社会党候选人弗朗索瓦·奥朗德6日当选为法国新一任总统。与其前任萨科齐不同的是，奥朗德提出修改“财政契约”，调整由德国推动的以财政紧缩为核心的危机应对策略，将增长摆在更加突出的位置。　　　　此消息一出，欧元应声大跌。市场担忧法国政权交替将使欧元区结</t>
  </si>
  <si>
    <t>美财政部第三次出售AIG股票</t>
  </si>
  <si>
    <t>美国财政部当地时间6日晚间表示，已同意以每股30.50美元的价格出售接近1.64亿股、总计约50亿美元的美国国际集团股票(AIG)。这标志着在金融危机时期美国政府针对AIG的救援工作已近尾声。　　　　这已是美国财政部第三轮减持AIG股票。2011年5月和2012年3月美国财政部曾经以29</t>
  </si>
  <si>
    <t>放松技术管制乃中美贸易平衡关键</t>
  </si>
  <si>
    <t>第四轮中美战略与经济对话落幕。从具体成果清单看，本轮会谈取得六大类67项成果，中方做出了进一步开放金融市场的积极努力；但此前备受瞩目的“放宽对华高技术出口管制”议题，再次止步于口头承诺，未见美国有实质性行动。　　　　事实上，美国能不能真正放宽对华高技术出?</t>
  </si>
  <si>
    <t>巴菲特酝酿200亿美元大收购</t>
  </si>
  <si>
    <t>伯克希尔—哈撒韦公司(BerkshireHathaway)5月5日至6日在美国内布拉斯加州奥马哈市召开年度股东大会。由于其董事长兼首席执行官(CEO)沃伦·巴菲特(WarrenBuffett)上月宣布确诊为早期前列腺癌，其继承人问题备受外界关注。    据外媒报道，巴菲特在股东大会上仍努力使股东们?</t>
  </si>
  <si>
    <t>石油战略储备亟待体系建设</t>
  </si>
  <si>
    <t>战略石油储备最早是在1973年由发达国家发起的，我国建设战略石油储备的步伐比西方国家整整晚了三十年。　　　　当时，发达国家为应对欧佩克的石油禁运，联手成立了国际能源署，要求成员国至少要储备相当于上年进口量60天的石油。上世纪80年代第二次石油危机后，IEA对各国石</t>
  </si>
  <si>
    <t>日本再入“无核”状态  今夏恐缺电20%</t>
  </si>
  <si>
    <t>日本北海道电力公司5日关停3号核反应堆，令最后一个运转的核反应堆走向冷停堆，意味着日本时隔42年再次进入“无核”状态。电力公司则警告，即将到来的夏日将考验“无核”后电力供应。　　　　遭关停的3号反应堆位于北海道泊核电站。运营商北海道电力公司说，技术人员5日下?</t>
  </si>
  <si>
    <t>法国大选结果为欧洲经济政策定调</t>
  </si>
  <si>
    <t>近来欧洲除了债务危机继续发酵，又多了一个新的热点——法国大选。然而真正吸引目光的不是大选本身，而是伴随着大选的法国国内政策变化以及对欧盟债务应对战略的影响。    法国大选第一轮投票，社会党候选人奥朗德得票领先。本文发表之际，此次角逐的最终结果恰好揭晓。笔?</t>
  </si>
  <si>
    <t>博友斥跨国公司“双重标准”</t>
  </si>
  <si>
    <t>可口可乐对含氯产品流入市场的“承认”、“致歉”和“宣布回收”，在舆论强压下如挤牙膏般断续推出；立顿袋泡茶在中国的农药残留量远超欧盟标准，却仍在强调“安全、合格”；多乐士向中国特销低端产品以次充好；沃尔玛中美卖场的停车场秩序存在天壤之别……一些跨国公司对待?</t>
  </si>
  <si>
    <t>中国再被列入重点观察名单</t>
  </si>
  <si>
    <t>《经济参考报》记者3日从商务部相关网站获悉，美国贸易代表办公室已于当地时间4月30日就贸易伙伴的知识产权保护和执法情况发布2012年“特别301报告”，该报告继续将中国列入重点观察名单。　　　　中国再被列入重点观察名单　　　　据悉，2012年的“特别301报告”对77个?</t>
  </si>
  <si>
    <t>玩转创意改变生活</t>
  </si>
  <si>
    <t>一把看似平常的牙刷，柄下方多了一个推钮。推一下，藏在柄内的牙膏就会被挤到牙刷毛上。这就是来自中国台湾的26岁小伙子利庭嘉发明的一次性牙刷，非常适合旅行者使用。他还设计了牙膏容量足够10天使用的牙刷，适合短期出差者和住院患者使用。　　　　第40届日内瓦国际发明?</t>
  </si>
  <si>
    <t>诺基亚为专利再出手起诉HTC和RIM</t>
  </si>
  <si>
    <t>据外媒报道，芬兰手机制造商诺基亚(Nokia)2日表示，已经在德国和美国向手机制造商HTC、RIM和美国电子集团ViewSonic提起专利侵权诉讼。这一诉讼共涉及45项专利。　　　　诺基亚表示，公司此次采取的行动包括向美国国际贸易委员会(ITC)对HTC提起申诉，以及在美国联邦地区法院</t>
  </si>
  <si>
    <t>欧债危机标志着一个时代的终结</t>
  </si>
  <si>
    <t>从2009年底国际评级机构调降希腊主权信用评级至今，欧洲主权债务危机已经爆发两年多了。对于欧债危机，尽管已有新闻记者长篇累牍的报道，还有经济学家进行的很多分析和评论，但是直到社会科学文献出版社《欧债危机》一书出版，才算是有了一个系统完整的论著。为了给读者全面?</t>
  </si>
  <si>
    <t>中韩自贸协定谈判正式启动</t>
  </si>
  <si>
    <t>中国商务部部长陈德铭与韩国外交通商部通商交涉本部长朴泰镐2日宣布，。全球经济不景气使近年多边经贸合作受阻，区域合作进展加快，专家称中国的自贸区战略也会有选择、有重点、有步骤地加大力度推进。　　　　自贸谈判推动经贸关系升级　　　　陈德铭说，中韩贸易额年均</t>
  </si>
  <si>
    <t>欠发达地区城市化的一条捷径</t>
  </si>
  <si>
    <t>近日，有美国学者提出“阴型城市化”的概念，即在城市化进程中，通过发达地区对欠发达地区的“约法”和规则制定，加速其城市化发展过程。“阴型城市化”模式的好处在美国费城等城市得以印证。专家认为，我国城市化进程与国外有着本质区别，此模式想要在中国发挥其效用，实现?</t>
  </si>
  <si>
    <t>知识产权与出口管制或成焦点议题</t>
  </si>
  <si>
    <t>专家分析，本轮战略经济对话将定调未来中长期中美经贸关系走向，对话期间，值得关注的是将重启中美双边投资协定谈判。此外，关于知识产权和出口管制的议题或将成为焦点议题。　　　　对话　　　　聚焦经济领域三大议题　　　　第四轮中美战略与经济对话5月3日至4日在北</t>
  </si>
  <si>
    <t>新兴经济体应抱团挑战制度霸权</t>
  </si>
  <si>
    <t>自从世行执行董事会选定了奥巴马提名的医学专家金墉出任新一任世行行长，美国继续执掌世行已成定论。新兴经济体挑战制度霸权的努力再次失败，发达国家主导的全球经济权力框架还将在很长时期内持续，但仍可以看到希望，事实证明，全球经济复苏中利益分配不均等化这种相对稳定?</t>
  </si>
  <si>
    <t>有效城市化对中国发展至关重要——访哈佛大学中国问题专家托尼·赛奇</t>
  </si>
  <si>
    <t>36年前，当托尼·赛奇以英国学生身份首次踏上中国大陆土地时，并未料到此后三十余年间中国城市化可展现出如此宏大演进。这位美国知名中国问题专家近日在接受记者专访时表示，中国改革开放进入发展新阶段将不可避免须面临一系列挑战，最重要的是如何实践有效城市化。    托?</t>
  </si>
  <si>
    <t>中国股民何时才能等到这一天？    IMF增资应与增加投票权同步</t>
  </si>
  <si>
    <t>国际货币基金组织(IMF)和世界银行春季会议近日在华盛顿落幕，IMF获得二十国集团(G20)增资超过4300亿美元的承诺，不过IMF只强调快速增资，份额和投票权改革承诺未能兑现。　　　　虽然获得了G20增资超过4300亿美元的承诺，但仍存在变数。IMF第一大股东美国明确表示不愿意增?</t>
  </si>
  <si>
    <t>三门湾：浙江未来的精彩</t>
  </si>
  <si>
    <t>浙江濒海多湾。但知道杭州湾的人多，听说三门湾的人少。    位于宁海东部的三门湾，是座天然的半封闭海湾，湾口面向东南，有石浦水道与东海相通外，三面环陆。湾内长40多公里，宽约10多公里，低潮总面积390余平方公里，平均水深约9米，有6个良好的深水港汊和淤泥舌状滩地分</t>
  </si>
  <si>
    <t>美国竞争力遭遇学生还不起贷款</t>
  </si>
  <si>
    <t>哥伦比亚大学哲学博士研究生内森·比奇正为自己的高额学生贷款发愁“要还清全部贷款恐怕要二十年，甚至更长。”26岁的他，距博士毕业至少还有2年时间，已身负5万美元学生贷款。但对自己未来能不能找到一份像样的正式工作，却心里没底。　　　　在美国，很多人面临同样的窘?</t>
  </si>
  <si>
    <t>以“石油人民币”带动人民币国际化</t>
  </si>
  <si>
    <t>近一时期以来，人民币国际化进程呈现加速之势。无论是汇丰银行在伦敦发行首批人民币债券，开启了香港之外的“西方离岸中心”，还是世行与央行签订代理协议，并委托央行代理投资中国银行间债券市场，再或是央行调查统计司近日发布的题为《我国加快资本账户开放条件基本成熟》?</t>
  </si>
  <si>
    <t>中国须警惕经济短板的长期制约</t>
  </si>
  <si>
    <t>从中国经济的增长潜力来看，经济规模比肩美国或许只是时间问题。但美国在经济增长质量和资源禀赋上的巨大优势恰好是中国的短板；未来十年，美国完全有条件继续保持在经济规模上对中国的优势。中国尤须警惕的还有美英在金融领域构筑的高墙。　　　　也许不少人还是更愿意以?</t>
  </si>
  <si>
    <t>澳大利亚大幅降息50基点</t>
  </si>
  <si>
    <t>5月1日，澳大利亚中央银行——澳大利亚储备银行宣布降息50个基点，将隔夜拆款利率目标由4.25%下调至3.75%，为2010年初以来最低水平。    此次澳洲央行降息，既在意料之中，又在意料之外。之前，市场已经普遍预期本次澳大利亚央行将实施降息举措，但一般预期降幅为25个基点?</t>
  </si>
  <si>
    <t>东京股市跌至两个半月来新低</t>
  </si>
  <si>
    <t>受外汇市场美元兑日元汇率跌破1比80关口拖累，1日东京股市日经225种股票平均价格指数低开低走，跌破9400点关口，收盘创2个半月来新低。　　　　由于美国经济数据表现不佳，以及西班牙重新陷入经济衰退令市场承压，隔夜纽约股市三大股指收跌。1日东京外汇市场开盘美元兑日元</t>
  </si>
  <si>
    <t>美对华出口管制迄今口惠实不至</t>
  </si>
  <si>
    <t>美放宽对华高新技术出口管制，被视作中美经贸关系的“试金石”。然而，近期一系列事实表明，美国仍然没有实质放松对华出口管制。　　　　清华大学中美关系研究中心高级研究员周世俭日前接受《经济参考报》记者专访时指出，美国日前承诺出口的46项高科技产品是相对低端的产?</t>
  </si>
  <si>
    <t>非洲正成为全球经济阴云中的亮点</t>
  </si>
  <si>
    <t>对很多未曾踏足非洲的人而言，非洲大陆的形象除了广袤的大草原和野生动物，就是贫困、饥饿、疾病等等代表“落后”的字眼。殊不知近10年来，它正在悄悄而迅速地改变，一群被昵称为“狮子王”的非洲本土新兴企业家，抓住了这种改变带来的机遇，在为自己积累财富的同时，也成为?</t>
  </si>
  <si>
    <t>2012年AIPAD：摄影市场继续回暖</t>
  </si>
  <si>
    <t>2012年纽约国际摄影展销会于3月29日至4月1日在纽约花园大道第七军械库开幕。世界上举行摄影展销历史最为悠久的纽约摄影展销会，其销售结果往往成为摄影藏家判断摄影作品市场走向的风向标。    伴随着美国经济继续缓慢好转，去年展销会的销售结果可以显示摄影市场已经从2008</t>
  </si>
  <si>
    <t>南洋中医药老字号“返乡”中国市场</t>
  </si>
  <si>
    <t>经过几年在中国市场的铺垫之后，南洋中医药老字号余仁生开始在中国加速开设新店。新加坡余仁生国际有限公司总裁余义明最近接受记者专访时说，在截至今年6月底的财政年度里，余仁生在中国内地零售店的数目预计将达到20家，而在去年6月之前还只有3家。　　　　余仁生最近在佛</t>
  </si>
  <si>
    <t>重返中国  胜算几何</t>
  </si>
  <si>
    <t>无论是产品还是企业自身，韩国双龙汽车对于中国汽车界来说并不陌生。在2012北京国际车展上，《经济参考报》记者与韩国双龙汽车CEO李裕一面对面进行了交流。　　　　销售业绩开始提升　　　　《经济参考报》记者：双龙汽车为什么选择这个时候来到中国市场？　　　　李裕</t>
  </si>
  <si>
    <t>当前环境不支持期货品种全线大涨</t>
  </si>
  <si>
    <t>QE3仍是政策选项金属破位回抽    在欧债危机再度抬头及美国QE3推出渺茫的背景下，金属市场破位下跌。但随着时间推移，前期令人担忧的欧美事态近期似乎有所好转，受此影响，金属市场在选择向下突破后回抽，出现反弹动作。    西班牙债务危机的摇摇欲坠令其成为“欧债危机?</t>
  </si>
  <si>
    <t>中国应借鉴欧洲“创新券”</t>
  </si>
  <si>
    <t>中小企业创新需求迫切，但经济实力和创新资源有限，实际上很少有创新活动，是创新中的“弱势群体”。因此，市场经济国家都把促进中小企业发展特别是中小企业创新，作为公共政策的重点。近年来，欧洲一些国家实施的创新券政策有效带动了中小企业创新，值得借鉴。　　　　创?</t>
  </si>
  <si>
    <t>GDP继续收缩  英国经济二次探底</t>
  </si>
  <si>
    <t>25日，英国国家统计局公布了今年第一季度的GDP数据，首季GDP继续收缩0.2%，英国经济重返衰退。这是70年代中期以来英国经济首次出现二次探底。这个结果出乎大部分经济学家的意料之外，使一些认为经济复苏气氛和房地产市场都比一年前好的经济学家们大跌眼镜。　　　　建筑业?</t>
  </si>
  <si>
    <t>电信运营商布局下一代通信市场</t>
  </si>
  <si>
    <t>4月25日中国移动正式在香港启动LTE服务，为用户提供最高下载速度为100Mbps、最高上传速度为50Mbps的移动上网服务。这一速度远超目前的国内三大电信运营商现有网络提供的上网速度。而在此之际，中国联通也开始着手布局下一代通信市场。中国联通日前向《经济参考报》记者证实，</t>
  </si>
  <si>
    <t>沃尔玛专设监察职位反腐败</t>
  </si>
  <si>
    <t>全球最大零售连锁企业沃尔玛(Wal-mart)曝出行贿丑闻后，其股价大幅下挫。为尽力挽回投资者信心，沃尔玛23日表示，将加大反腐败措施，专门设立一个职位来监管公司行为是否符合美国反腐败法律。　　　　沃尔玛23日在一项声明中表示，沃尔玛已经加强了内部监管，确保公司遵守?</t>
  </si>
  <si>
    <t>莫让“国标”成为立顿“挡箭牌”</t>
  </si>
  <si>
    <t>24日，一家境外环保组织发布的报告称，全球销量最大的茶叶品牌立顿在中国销售的四种产品样品———红茶、绿茶、茉莉花茶和铁观音袋泡茶，被检出17种农药残留。报告显示，农药残留量虽然符合中国国标，但其中7种未被欧盟批准使用，1种超过欧盟限值，立顿涉嫌在中欧设双重标准?</t>
  </si>
  <si>
    <t>看日本如何监管药品市场</t>
  </si>
  <si>
    <t>日本的药品市场比较规范，主要是因为有一套严格的治理和监管药品市场的法律制度。药品的制造、销售有非常严格的规定，完全按法律规定办事，违法必究，从而保证药品市场安全有序。　　　　在日本，药品管理法律法规主要分为三类：由日本议会批准通过的称法律；由日本政府内?</t>
  </si>
  <si>
    <t>荷兰内阁递辞呈  欧洲减赤立场动摇</t>
  </si>
  <si>
    <t>由于执政联盟与极右翼政党新自由党削减政府财政赤字的谈判破裂，荷兰首相马克·吕特23日向女王贝娅特丽克丝递交内阁辞呈。又加之法国目前面临大选，欧洲政治经济情况的不确定性令市场关于欧元区债务危机升级的忧虑升温。　　　　减赤谈判破裂　　　　荷兰政府新闻部门23?</t>
  </si>
  <si>
    <t>全球服务外包市场升势可期</t>
  </si>
  <si>
    <t>参加第五届国际服务外包商务发展年会(IOBD)的多位中外专家及商界人士表示，尽管美国遭受了大萧条以来最严重的金融危机，目前经济复苏仍受高失业率威胁，欧元区经济也在主权债务危机影响下步履蹒跚，但两地企业正通过业务外包的形式积极整合全球资源，降低运营和人力成本。对?</t>
  </si>
  <si>
    <t>小国当主席：丹麦不要欧元要欧盟</t>
  </si>
  <si>
    <t>丹麦今年上半年担任欧盟轮值国。自1973年1月1日加入欧盟的前身欧共体以来，丹麦已先后7次担任这一联盟组织的轮值主席国。虽然是欧盟的资深成员国，但丹麦历经两次全民公决，至今仍然没有加入欧元区，其原因就是多数丹麦人钟情于使用有自己女王头像和国家、民族标志的本国货币</t>
  </si>
  <si>
    <t>沃尔玛行贿丑闻或致高层动荡</t>
  </si>
  <si>
    <t>全球最大零售连锁企业沃尔玛近日曝出行贿丑闻，其墨西哥子公司的高级管理人员涉嫌以行贿方式换取开店许可，攫取市场份额。有分析认为，这一丑闻很可能导致沃尔玛面临数年的全球性调查，对公司经营和高级管理层造成冲击。　　　　据美国《纽约时报》报道，早在2005年9月，沃</t>
  </si>
  <si>
    <t>模块化制造助家电业消解成本危机</t>
  </si>
  <si>
    <t>当前全球家电业衰声不断：欧美家电企业业绩不断下滑，日本电子企业身陷巨亏困境，连中国家电企业也出现了增长疲态，人们不禁要问全球家电业怎么了？事实上，全球大多数家电企业均陷入了成本与需求管理的双重危机。    但一味将企业发展寄望于良好产业环境的做法是相当危险?</t>
  </si>
  <si>
    <t>法国经济政策：向左还是向右</t>
  </si>
  <si>
    <t>法国内政部23日公布总统选举第一轮投票正式结果显示，社会党候选人弗朗索瓦·奥朗德和现任总统尼古拉·萨科齐的得票率位居前两名，将进入第二轮角逐。　　　　结果显示，奥朗德和萨科齐分别获得28.63%和27.18%的有效选票。极右翼候选人玛丽娜·勒庞获得17.9%的有效选票，极</t>
  </si>
  <si>
    <t>花旗股东否决高管薪酬方案</t>
  </si>
  <si>
    <t>日前，美国花旗集团股东投票否决高级管理人员的薪酬方案。这是华尔街金融巨头第一次遭遇股东对高管薪酬说“不”。　　　　坚决说“不”　　　　在4月17日举行的年度股东大会上，55%股东投票反对花旗5名高管的薪酬方案，包括首席执行官维克拉姆·潘迪特2011年的1500万美元</t>
  </si>
  <si>
    <t>IMF列车的伦敦、华盛顿、东京时刻</t>
  </si>
  <si>
    <t>2009年4月担任法国财长的拉加德和全球政策制定者一同经历了金融危机的生死时速，决定将国际货币基金组织(IMF)的“弹药库”扩大两倍、建立金融稳定委员会的二十国集团伦敦峰会被誉为“伦敦时刻”。2012年4月，IMF和世界银行春季会议在华盛顿召开，欧债危机仍在发酵，发达经济?</t>
  </si>
  <si>
    <t>西班牙太阳能夜间也发电</t>
  </si>
  <si>
    <t>太阳能发电是否只在阳光明媚的日子里管用？当然不是。西班牙南部赫尔马太阳能发电厂利用白天储存的太阳能，夜间也发电。　　　　日夜发电　　　　这家发电厂坐落在安达卢西亚平原上。从塞维利亚到科尔多瓦的路上，可以看到一座“灯塔”，那是发电厂的中央塔。它被2600面?</t>
  </si>
  <si>
    <t>IMF获增资承诺  投票权仍未改</t>
  </si>
  <si>
    <t>国际货币基金组织(IMF)和世界银行春季会议22日在华盛顿落幕，IMF获得二十国集团(G20)增资超过4300亿美元的承诺，不过IMF只强调快速增资，份额和投票权改革承诺未能兑现。　　　　美加拒绝加入增资计划　　　　债务危机导致欧洲经济恶化，扮演救援主力的IMF得到扩充“弹药</t>
  </si>
  <si>
    <t>华锐联手丹麦米塔开发风机控制系统</t>
  </si>
  <si>
    <t>中国风电制造巨头华锐风电与丹麦专业化风机控制系统供应商米塔公司近日宣布，“双方将联合开发新一代风机控制系统，携手为全球客户提供更先进、更高效的风机产品和风电解决方案。”　　　　双方合作协议是在4月16日哥本哈根举办的2012年欧洲风能展上披露的。有业内人士评论</t>
  </si>
  <si>
    <t>美国私人养老金制度镜鉴</t>
  </si>
  <si>
    <t>目前，美国是世界上养老金储备规模最大的国家，它只有3亿多人口，却拥有20多万亿美元的养老金储备，其中，私人养老金储备超过18万亿美元。　　　　中国还只是一个新兴的发展中国家，现代社会保障体系建立也才10多年，企业年金建立也不过10年，因此，中国目前的养老金总储备</t>
  </si>
  <si>
    <t>海外上市  看上去很美</t>
  </si>
  <si>
    <t>本月初，加拿大多伦多证券交易所宣布将把嘉汉林业国际有限公司的普通股摘牌，原因是该公司未能满足持续上市要求，而且未能及时提交财务报告。此前的3月23日，中国电商企业唯品会在纽约证券交易所挂牌，上市后持续下挫，被外界形容为“流血上市”。尽管中概股诚信风波最惨烈的</t>
  </si>
  <si>
    <t>乔布斯的最后一战</t>
  </si>
  <si>
    <t>在生命的最后18个月里，乔布斯一直欲置安卓操作系统于死地。他对自己授权的传记作者沃特·艾萨克森说，他发誓，“用尽最后一口气”、“花光最后一分钱”来消灭安卓，称安卓是“剽窃来的产品”。他甚至“愿意为此打一场核战争。”    一场“史诗”战役    去年6月，美国地</t>
  </si>
  <si>
    <t>破解“经营之圣”的人本奥秘</t>
  </si>
  <si>
    <t>谈起企业经营管理，时下最流行的便是流程管理，很多企管类书籍为读者提供了大量的流程范式、实操工具、规范化样板。这是西方工业文明带给世界的伟大发明之一，它们同大规模的机械化设备、电子元器件一起，共同构成了当今世界冰冷的灿烂文明。中国作为传统的农耕大国，在世界?</t>
  </si>
  <si>
    <t>赴台新选择：边看风景边体检</t>
  </si>
  <si>
    <t>来到台湾，在游览日月潭、阿里山、太鲁阁、澎湖湾等景点之余，大陆游客还能做点什么？如今，健康检查为大陆游客提供了一项新选择。    以“游”为主辅以“检”    台湾1月正式开放大陆人士申请入台医学美容及健检，大陆居民从1月10日起无需再参加旅行团、个人游或借助商?</t>
  </si>
  <si>
    <t>德国：放弃核电力争能源转型</t>
  </si>
  <si>
    <t>日本福岛核事故后，默克尔领导的政治联盟推翻了此前作出的“2035年前关闭所有核电站”的决定，宣布在2022年前彻底放弃核能发电。　　　　受访德国核能专家认为，德国放弃核电背后既有经济考虑，也有广泛的民意基础。经过数十年发展，德国的能源结构及其发达程度使它具备了?</t>
  </si>
  <si>
    <t>美国“国企”老总的薪酬难题</t>
  </si>
  <si>
    <t>美国国有企业凤毛麟角，老总当得也窝囊委屈，有时薪水还得不到保障。譬如，按照美国政府最新规定，美国两大“国企”——房利美和房地美首席执行官(CEO)今年的薪水将比2008年削减75%，新聘的CEO年薪将只有50万美元。同样执掌金融巨擘，与动辄百万乃至千万美元的华尔街大佬薪酬</t>
  </si>
  <si>
    <t>警惕本币升值后扩张性货币政策带来的风险</t>
  </si>
  <si>
    <t>二战后，原西德马克和日元相继国际化，都先后经过大幅升值的时期，当时均未对本国经济产生太大冲击。但至1980年代后期，两国在是否采取扩张性国内货币政策上，做出了截然不同的选择。结果是日本经济泡沫愈发严重，陷入了“失去的十年”，而西德经济状况则好得多。　　　　?</t>
  </si>
  <si>
    <t>瑞士“弃核”获支持  水电成重点</t>
  </si>
  <si>
    <t>瑞士自2011年5月宣布放弃核电，该国政界已形成放弃核电共识。瑞士具备继续发展水电的潜力，但其他新的可再生能源开发利用形成规模仍需时日。　　　　2011年5月，瑞士联邦政府宣布，该国境内五座核电站将于2020年至2034年逐步关闭。目前，瑞士电能近四成来自核电。长期以来?</t>
  </si>
  <si>
    <t>金融改革应吸取美国教训</t>
  </si>
  <si>
    <t>中央宣布温州为金融改革试点，深圳亦不甘落后，宣布出台创新金融政策。媒体、财经评论员及专家在表示支持的同时，也指出了应当注意的一些风险。这里我想强调两点：一、局部地区金融政策上的变动可能震动全局；二、放松金融管制的同时需加强监管力度。　　　　其实，中国面?</t>
  </si>
  <si>
    <t>大众消费阶段  品牌为谁而创</t>
  </si>
  <si>
    <t>近来，意大利的一个商业组织专程来华“品牌打假”，揭发国内市场上一些号称意大利名牌的洋品牌其实是国内企业营造出来的“假洋鬼子”。这些假洋品牌被揭穿后，估计将难有人问津了，枉费了营造者的一番心机。与此同时，不少久违多时的老牌子国产消费品，有的甚至是上世纪30年?</t>
  </si>
  <si>
    <t>IMF：应兼顾经济增长与财政稳定</t>
  </si>
  <si>
    <t>国际货币基金组织(IMF)在17日发布的《财政监测报告》中指出，由于当前全球经济环境的不确定性，各国财政政策必须在开拓短期增长空间以面对脆弱的经济以及重建长期空间以提升财政的稳固之间保持平衡。有分析认为，这对很多国家来说是一个两难选择。　　　　总体而言，金融风</t>
  </si>
  <si>
    <t>伦敦人民币业务中心计划正式推出</t>
  </si>
  <si>
    <t>伦敦时间4月18日，汇丰银行在伦敦发行了第一支人民币债券，主要针对英国及欧洲大陆国家的投资者，总规模预计为10亿元人民币。与此同时，伦敦金融城关于伦敦成为人民币业务中心的计划正式推出。业内人士表示，该债券是我国第一次在大中华区之外发行人民币债券。而伦敦离岸人民</t>
  </si>
  <si>
    <t>美国：升级技术不会因噎废食</t>
  </si>
  <si>
    <t>奥巴马政府一直强调，核能是美国未来能源政策主要组成部分之一。福岛核事故发生后，奥巴马政府一方面表示大力发展核电的立场不会改变，另一方面也采取措施加强核电站的安全运行和管理。今年2月，美国核管理委员会30多年来首次批准新建核反应堆。专家预计，在可预见的将来，美</t>
  </si>
  <si>
    <t>IMF春季会议期待“华盛顿时刻”</t>
  </si>
  <si>
    <t>世界银行和国际货币基金组织(IMF)春季会议本周末将在华盛顿召开。根据IMF17日发布的最新《世界经济展望》报告，今明两年全球经济将加快增长步伐，但全球经济增长的重大风险并未完全消除，财政整顿和银行去杠杆化等压力将在短期内制约发达经济体的强劲复苏。　　　　IMF总裁</t>
  </si>
  <si>
    <t>IMF不能总被美国牵着鼻子走</t>
  </si>
  <si>
    <t>国际货币基金组织(IMF)春季峰会临近，增资扩容5000亿美元、继续推进份额和投票权改革两大要务却进展堪忧，真是献礼不成却添堵。这笔账自然要算在头号股东、唯一拥有一票否决权的美国身上，但一直被人家牵着鼻子走的IMF也难辞其咎。　　　　由于现有融资能力不足4000亿美元?</t>
  </si>
  <si>
    <t>意料之中的世行新行长</t>
  </si>
  <si>
    <t>美国提名的候选人金墉当选世界银行第12任行长。意料之中，又缺乏惊喜。　　　　金墉，韩裔美国人，哈佛大学人类学博士，曾有多年医学讲师和教授的工作阅历，现任美国常青藤学校达特茅斯学院院长。　　　　在世行这次史无前例的行长竞争中，金墉曾面临两名强有力竞争对手?</t>
  </si>
  <si>
    <t>美无意救欧洲  IMF增资方案遇阻</t>
  </si>
  <si>
    <t>国际货币基金(IMF)定于4月20日至22日在华盛顿召开春季会议，议题之一是让会员国支持IMF扩容增资，以化解欧洲债务危机。消息人士称，美国可能在会议上“带头”反对增资方案。　　　　增资或拖至6月　　　　欧债危机当前持续恶化，有向西班牙和意大利蔓延的威胁，即将参加I</t>
  </si>
  <si>
    <t>日本液晶面板业或被韩企包抄</t>
  </si>
  <si>
    <t>分拆液晶面板部门、推出大尺寸OLED电视，韩国面板巨头三星电子在OLED领域的频频举动，使全球面板产业再次掀起一场关于未来新型显示方式的讨论，而这也充分暴露了其谋求产业突破的战略意图。在日本面板企业掌握液晶面板产业的上游原材料和基础设备的现状下，三星、LG等韩国企?</t>
  </si>
  <si>
    <t>美国需要“巴菲特规则”吗</t>
  </si>
  <si>
    <t>大选之年，美国总统奥巴马的高频词是其好友巴菲特的名字，倡导“给我加税”的股神与奥巴马想要营造的中产阶级护卫神形象不谋而合。在奥巴马的国情咨文演讲现场，巴菲特秘书成为第一家庭的座上宾；近期奥巴马频繁穿梭于全美各地，为民主党即将在国会提交的个人收入所得税改革?</t>
  </si>
  <si>
    <t>经济议题成法国大选风向标</t>
  </si>
  <si>
    <t>随着法国总统选举第一轮投票日期临近，竞选活动越发密集，主要候选人纷纷亮出各自底牌，争取选民支持。欧债危机、紧缩政策和经济增长成为热议话题；购买力、税收和就业等与民生休戚相关的议题成为主导选情的风向标。　　　　去年下半年，欧债危机愈演愈烈，并向欧元区核心?</t>
  </si>
  <si>
    <t>香港春季电子展关注“小批量采购”</t>
  </si>
  <si>
    <t>新奇的电子产品、亮眼的激光设备、动感的音乐、如织的人潮……亚洲最大规模的春季电子产品展于13日在香港会议展览中心拉开帷幕。此次展会与国际资讯科技博览同期举行，共吸引来自28个国家和地区的逾3150家参展商参加，是一次展示各类高新科技产品的行业盛会。　　　　展会?</t>
  </si>
  <si>
    <t>自顾不暇  百思买重回中国几无可能</t>
  </si>
  <si>
    <t>在去年年底就喊出要重返中国市场的全球家电连锁巨头百思买，近来却在其安身立命的美国市场陷入了自顾不暇的境地。    5月12日前关闭42家门店    当地时间4月14日,百思买宣布，作为公司重组计划的一部分，将在5月12日前关闭42家门店。目前，已经关闭了两家，通知关闭了6家</t>
  </si>
  <si>
    <t>国际化将带来全球货币金融体系调整</t>
  </si>
  <si>
    <t>中国经济50人论坛、新浪财经和清华经管学院联合举办的新浪·长安讲坛第209期日前召开。论坛特邀专家、中欧工商学院经济学和金融学教授许小年发表了题为：“金融危机对传统经济理论的挑战”的主题演讲。许小年表示，本轮国际金融危机发生的根本原因不是华尔街的过度贪婪，而是</t>
  </si>
  <si>
    <t>大选年美涉华贸易救济措施激增</t>
  </si>
  <si>
    <t>15日，商务部公平贸易局副局长余本林在第111届广交会期间举办的主题为“扩大中美经贸合作”国际市场论坛上表示，美国正在加强贸易执法力度，未来我国新兴产业将成为施压重点；近期美国对华贸易保护呈现调查结果导向性和规则随意性日益明显、国会关注增多等新的特点。</t>
  </si>
  <si>
    <t>欧洲央行或重启购债计划</t>
  </si>
  <si>
    <t>西班牙国债收益率近日不断攀升，数次超过6%的水平，且西班牙银行业对欧洲央行资金的依赖程度不断加深。不少分析认为，西班牙拉响违约警报，要求欧洲央行恢复购债计划的呼声将越来越大。　　　　西班牙银行业危机重重　　　　目前，西班牙不少银行急需募集资本，但四年前?</t>
  </si>
  <si>
    <t>海盗党或改变德国经济生态</t>
  </si>
  <si>
    <t>年轻的德国海盗党异军突起，在地方州议会选举中连下两城。去年9月海盗党以近9%的得票率一举进入柏林州议会，今年3月又在萨尔州拿下7.4%的选票，昂然进入萨尔州议会。民调显示，海盗党在全国的支持率持续上升。以这样的发展势头，今年5月在德国石—荷州和北—威州的选举中，海</t>
  </si>
  <si>
    <t>华锐风机将大规模登陆土耳其</t>
  </si>
  <si>
    <t>华锐风电科技(集团)股份有限公司近日宣布，其与土耳其Agaoglu公司就600兆瓦风机项目已达成合作共识，并签署了框架性战略协议。这是华锐风电自去年启动“两海”战略以来，在海外市场取得的又一重大突破。　　　　“随着国内风电市场竞争的不断加剧，华锐风电近年来明确打出?</t>
  </si>
  <si>
    <t>以色列最大商业银行起诉美国银行</t>
  </si>
  <si>
    <t>以色列哈波利姆银行(又名工人银行)近日起诉美国银行及旗下全国金融公司和美林证券，指其误导和欺诈行为造成哈波利姆银行7.2亿美元损失。　　　　哈波利姆银行一名发言人15日告诉记者，该行在投资美国住房抵押贷款证券时蒙受损失，调查显示有理由就此对美国银行提起诉讼。</t>
  </si>
  <si>
    <t>网民：中山上调限价标准实为“托市”</t>
  </si>
  <si>
    <t>广东省中山市今年2月上调住房交易价格标准，被质疑“变相松绑”后改口“试行政策”“试行”后楼市成交量环比大增60%。4月10日中山市再度公布“2011年下半年住房平均交易价格”，引发市场对调控松绑的诸多猜测。新华社记者采访中山市国土资源局的有关负责人时，得到被质疑变相</t>
  </si>
  <si>
    <t>我国OTC产业增长滞后于医药行业水平</t>
  </si>
  <si>
    <t>记者近日从在昆明举行的中美OTC(非处方药)创新发展论坛了解到，2011年我国非处方药市场规模近1400亿元。与会专家指出，由于我国民众自我药疗意识尚未普及，国家对非处方药管理尚不完善，非处方药与整个医药产业发展相比仍然滞后。　　　　专家分析，2020年中国可能成为世界</t>
  </si>
  <si>
    <t>宗馥莉：探索娃哈哈海外路</t>
  </si>
  <si>
    <t>《福布斯》亚洲版最近在新加坡发布一份亚太区女性商界领袖50强榜单，中国有21人上榜。而在未来值得关注的15人名单上，中国也有5人入选，其中包括“首富”宗庆后之女、杭州宏胜饮料集团总裁兼杭州娃哈哈进出口有限公司总经理宗馥莉和另一位“首富”刘永好之女、新希望集团董事</t>
  </si>
  <si>
    <t>硅谷“强盗资本家”盗亦有道</t>
  </si>
  <si>
    <t>“脸谱”、谷歌、Zynga等硅谷新贵自封为美国资本主义的“圣贤”。本质上，他们仍继承了“镀金时代”大佬们的衣钵，在道德优越感的华服下，隐藏着同样的利益驱动。　　　　硅谷“圣贤”　　　　谷歌2004年上市时，创始人拉里·佩奇和谢尔盖·布林在给股东的公开信中说，谷</t>
  </si>
  <si>
    <t>科技创新离不开政府“有形的手”</t>
  </si>
  <si>
    <t>芬兰、瑞典均为北欧小国，由于本国市场有限，经济发展需要海外市场带动。大量参与国际市场竞争，使芬兰、瑞典在创新能力的锻造方面表现突出。不断创新，特别是政府对企业在技术创新方面的大力支持，使芬兰在电信、森林和金属工业、生物以及环保技术等众多领域拥有许多世界领?</t>
  </si>
  <si>
    <t>美将诉苹果操控电子图书定价</t>
  </si>
  <si>
    <t>外电援引未具名消息人士的话报道称，美国司法部可能最早于11日将涉嫌对电子图书共谋定价为由向苹果公司和数家出版公司提起诉讼。　　　　消息人士称，由于苹果方面不愿与美国司法部就电子书定价权问题达成和解，美国司法部最快将于11日对苹果就此问题提起诉讼，不过目前尚?</t>
  </si>
  <si>
    <t>QE“风筝线”仍在伯南克手里</t>
  </si>
  <si>
    <t>美联储3月份FOMC会议纪要并没有如期讨论有关量化宽松的细节，这使得市场大失所望，股市、美国国债、黄金、石油等风险资产遭到全线抛售。然而美联储从未封闭进一步推出QE的政策通道，量化宽松的“风筝之线”仍在伯南克手中。　　　　当前一些观点认为，在美国经济好转且短期</t>
  </si>
  <si>
    <t>意大利西班牙债市再起波澜</t>
  </si>
  <si>
    <t>西班牙和意大利国债收益率10日再次大幅上涨，拖累全球股市。这显示出投资者对欧洲经济状况的信心正在消退，外界担心西班牙可能成为欧元区第四个需要接受救援的国家。　　　　国债收益率上升拖累股市　　　　由于市场对西班牙和意大利等国经济状况的担忧加剧，近期两国国?</t>
  </si>
  <si>
    <t>伯南克称将出台更严厉银行业标准</t>
  </si>
  <si>
    <t>美国联邦储备委员会主席伯南克9日晚间发表的书面演讲中透露，美联储和其他监管机构正着手联合制定更严厉的银行业从业标准，保险公司等大型机构也将被纳入其中。他还呼吁对货币市场共同基金、“影子银行”严加监管，随着针对银行业的“沃尔克规则”将于7月21日生效，美国银行?</t>
  </si>
  <si>
    <t>合作共赢：中美关系其实是道单选题</t>
  </si>
  <si>
    <t>2012年是尼克松访华40周年，这一历史性事件将中美关系推上了一条全新轨道。40年来，中美两国先从寻求关系“正常化”发展到全面“接触”，再逐步向“合作与对抗”的所谓“中美国”时代(另一种表述为“G2”)过渡。未来40年，中美两国有机会塑造一个有益于美中和整个世界的全球?</t>
  </si>
  <si>
    <t>非农数据不佳  道指跌破一万三</t>
  </si>
  <si>
    <t>由于上周公布的3月份美国非农就业报告显示美国就业岗位增速减缓，9日纽约股市三大股指下跌，道琼斯指数跌1%，近一个月以来首次收于13000点以下。　　　　当天是纽约原油市场复活节长周末后的第一个交易日，美国就业数据的不利影响最终得到释放。美国劳工部6日公布数据显示?</t>
  </si>
  <si>
    <t>苹果与唯冠不必搞成鱼死网破</t>
  </si>
  <si>
    <t>2011年12月，深圳市中级人民法院就美国苹果公司诉唯冠科技(深圳)有限公司商标权权属纠纷案作出一审判决，原告苹果公司败诉，并确定系争iPad商标权属于被告深圳唯冠。由于苹果iPad在中国市场所获得的商业成功，本案引起了广泛的社会关注。　　　　苹果公司于2012年1月向广东</t>
  </si>
  <si>
    <t>JOBS法案为中企赴美上市“大开门户”</t>
  </si>
  <si>
    <t>针对美国总统奥巴马日前签署的《促进创业企业融资法案》(Jumpstart Our Business Startups Act，以下简称“JOBS法案”)，纽约泛欧交易所集团(以下简称“纽交所”)4月9日发布详细解读报告，称该法案简化了中小企业在美国证券市场上市的程序，降低了中小企业进入美国资本市场的</t>
  </si>
  <si>
    <t>小额借贷可借鉴英国模式</t>
  </si>
  <si>
    <t>近日，国务院常务会议批准实施《浙江省温州市金融综合改革试验区总体方案》，会议专门提出“符合条件的小额贷款公司可改制为村镇银行”。笔者认为，在小额借贷方面，我国可以借鉴英国的成熟经验。    在英国，假如你3天后领薪，但今天急需400英镑，囊中羞涩，向朋友借钱难?</t>
  </si>
  <si>
    <t>日本2月重现经常项目顺差</t>
  </si>
  <si>
    <t>日本财务省9日公布的数据显示，今年2月份日本国际收支经常项目(currentaccount)顺差为1.1778万亿日元(144亿美元)，同比下降30.7%，但扭转了1月份创纪录的逆差额。有分析认为，这对严重依赖出口的日本经济来说是一个乐观信号，但未来几年日本仍然可能面临持续的经常项目逆差。</t>
  </si>
  <si>
    <t>巴基斯坦专家看好金砖国家合作前景</t>
  </si>
  <si>
    <t>金砖国家领导人第四次会晤已于3月29日在印度新德里闭幕。五国领导人就全球治理、可持续发展、金砖国家合作等问题深入交换意见。与会各方在会后发表《德里宣言》，并签署促进金砖国家间贸易的协定。本次峰会还就金砖国家用本币信贷工具进行贸易举行讨论，并酝酿设立新的金砖国</t>
  </si>
  <si>
    <t>三条“红线”会否断送奥巴马医改法案？</t>
  </si>
  <si>
    <t>美国最高法院日前就奥巴马医改法案举行听证会，可谓是近年来美国行政、立法、司法三权碰撞出的最尖锐声音。　　　　奥巴马的医改对象是没有得到公、私医保的约4700万美国人，这些人包括年轻力壮但不愿购买医疗保险者、无力承担医疗保险者等群体。奥巴马医改的基本思路是到2</t>
  </si>
  <si>
    <t>西班牙或重燃欧债危机之火</t>
  </si>
  <si>
    <t>近来，全球金融市场再度陷入动荡，西班牙债务危机的警报已经拉响，一度暂时熄灭的欧债危机之火再度被点燃。　　　　西班牙正在重新启动主权债务、银行融资风险与经济增长之间的负反馈效应。然而，与其它欧洲债务危机国家不同的是，政府债务并不是西班牙面临的主要问题，其?</t>
  </si>
  <si>
    <t>六中国人被控涉众品股票内幕交易</t>
  </si>
  <si>
    <t>美国证券交易委员会(SEC)日前公告称，在众品食业(以下简称“众品”)3月27日宣布的私有化交易中有6名中国人被指控内幕交易，全部嫌疑人获利超920万美元，目前这6名嫌疑人的账户均已被冻结。    SEC文件显示，主要嫌疑人名为Siming Yang，35岁，中国公民，目前在美国居住。该</t>
  </si>
  <si>
    <t>欧元区政策空间越来越小</t>
  </si>
  <si>
    <t>欧洲央行在4月4日的月度货币政策会议后宣布：将维持现行各项利率标准不变。而此前也有消息说欧洲央行正受到德国等“核心国家”央行的压力，要求其退出抗击债务危机的非常规政策。对此欧洲央行行长德拉吉表示：现在讨论非常规措施的“退出机制”还为时过早。　　　　德拉吉?</t>
  </si>
  <si>
    <t>大国经济就要有大国心态</t>
  </si>
  <si>
    <t>《告别“中国奇迹”》作者、新任巴克莱亚洲新兴市场首席经济学家黄益平，近日在接受《经济参考报》记者专访时指出，由于中国经济已经在向大国经济转变，但是要素市场的市场化进程尚未完成，未来几年中国经济增长的速度将会放慢。他认为，中国既然已经成为大国经济，就必须摒?</t>
  </si>
  <si>
    <t>小默多克卸任英国天空电视台主席</t>
  </si>
  <si>
    <t>传媒大亨鲁伯特·默多克之子詹姆斯·默多克(小默多克)于4月3日辞去英国天空电视台主席一职，以避免窃听丑闻对天空电视台利益构成不利影响。今年2月底，小默多克已宣布辞去国际新闻公司执行董事长一职。　　　　辞职“避雷”　　　　据英国广播公司报道，小默多克当天发表</t>
  </si>
  <si>
    <t>新一轮止赎潮将重压美国楼市</t>
  </si>
  <si>
    <t>美国房地产市场自2006年泡沫破灭以来，目前显示出一些温和回稳迹象。不过，近日有房地产专家警告说，由于银行加快房屋止赎进程，今年上半年新一波止赎浪潮将在美国再度上演。    楼市回暖承压    美国商务部、美国全球房地产经纪人协会等权威机构最近公布的数据显示，2月</t>
  </si>
  <si>
    <t>人类可燃冰开采序幕徐徐拉开</t>
  </si>
  <si>
    <t>“可燃冰”，专家们称之为“天然气水合物”或“甲烷水合物”，是水和天然气在高压和低温条件下混合产生的一种固态物质，外貌类似冰或固体酒精，点火即可燃烧。“可燃冰”储量丰富、分布广阔，科学家们预测，它是常规石油和天然气的最佳替代能源。2012年2月15日，日本开始在爱</t>
  </si>
  <si>
    <t>日本地沟油如何“变废为宝”</t>
  </si>
  <si>
    <t>日本人的餐桌上是看不到“地沟油”的。因为日本通过回收废油，掐断了地沟油的源头，回收的废油或炼成生物柴油，成为清洁能源，或化身生产资料，用于工业产品制造，无论哪种情况，均做到了变废为宝。　　　　早在1970年，日本就制定了《废弃物处理法》，规定要对废弃物进行?</t>
  </si>
  <si>
    <t>欧洲央行维持主导利率不变</t>
  </si>
  <si>
    <t>欧洲中央银行在4日举行的月度货币政策会议结束后宣布，维持当前欧元区主导利率不变。　　　　尽管此前受到来自德国央行等方面的压力，但依旧将缓解欧债危机当作第一要务的欧洲央行没有“妥协”，本次会议虽不再提新的再融资操作(LT R O s)，但也未表示会逐步放弃现行宽松立</t>
  </si>
  <si>
    <t>需求趋软供应增加  国际油价承压</t>
  </si>
  <si>
    <t>受需求趋软、供应增加、美国联邦储备委员会无意实施新一轮量化宽松政策等因素影响，3日国际油价继前一交易日大涨之后回落。　　　　当天，美国商务部公布数据显示，美国2月份工厂订单环比增加1.3%，虽较1月份减少1.1%有所改善，但仍低于市场预期。加之美国能源情报署前一日</t>
  </si>
  <si>
    <t>达明·赫斯特生命“三元素”：艺术、野心、金钱</t>
  </si>
  <si>
    <t>在当今这个极度商品化的艺术世界里，达明·赫斯特是超级明星，是“英国年轻艺术家”一代中最出名、最富有、最有影响力的一个，被奉为当代艺术世界的“圣者”。《星期日泰晤士报》2010年财富排行榜估算其身家约为2.15亿英镑。但他坚信，金钱不应成为追求目标，艺术比金钱更有?</t>
  </si>
  <si>
    <t>漏油的雪佛龙在巴西进退维谷</t>
  </si>
  <si>
    <t>过去半年里，美国石油巨头雪佛龙在巴西的高管们没有享受过一天安稳日子，而他们的噩梦还在继续。眼下，这家公司在巴西几乎成为了人人喊打的过街老鼠。    事情还要从去年11月份大规模海底原油泄漏事件说起。去年11月上旬，雪佛龙在距离巴西里约州海岸线370公里处的坎波斯盆</t>
  </si>
  <si>
    <t>不容忽视的芬兰设计</t>
  </si>
  <si>
    <t>在国际工业设计联合会主办的评选活动中，芬兰首都赫尔辛基从全球46个城市中脱颖而出，成为2012年的“世界设计之都”。围绕参评的主题——“设计是生活的一部分”，赫尔辛基将在一年期间里举办近300项活动，探讨如何将设计融入生活，并展现设计如何通过多种方式改善人们的生活</t>
  </si>
  <si>
    <t>“全才”设计师的隐忧</t>
  </si>
  <si>
    <t>作为香奈儿和芬迪两大品牌的首席设计师，卡尔·拉格菲尔德在时装界的至尊地位毋庸置疑，有“时装界的凯撒大帝”之称。然而他的造诣是否足以让紧跟潮流的人们把他奉若神明？他的多才多艺是否等于样样精通？美国《新闻周刊》记者罗宾·吉夫汉提出质疑。　　　　涉猎广泛遭议?</t>
  </si>
  <si>
    <t>夏普为何“下嫁”鸿海</t>
  </si>
  <si>
    <t>日本夏普公司27日宣布，与中国台湾鸿海集团结成全球战略伙伴，并将向鸿海精密工业、富士康等鸿海集团旗下4家子公司定向增发1.2亿股股票。完成增发后，鸿海将持有约9.9%的夏普公司股票，成为其第一大股东。　　　　夏普为什么要下嫁鸿海，至少有以下三方面原因：　　　　?</t>
  </si>
  <si>
    <t>打赢稀土案要做三件事</t>
  </si>
  <si>
    <t>近日，美国总统奥巴马高调宣布美国将联合欧盟、日本就中国对稀土等部分原材料出口限制措施向WTO争端解决机构提出申诉，这是今年初WTO上诉机构对美国等WTO成员诉中国9种原材料出口限制措施案发表上诉机构报告后，又一起针对中国出口管理措施的案件。中国系世界稀土出口大国，?</t>
  </si>
  <si>
    <t>伯南克为何对QE3如此“痴情”</t>
  </si>
  <si>
    <t>3月26日，美联储主席伯南克在讲话中表示，虽然失业率降至8.3%令他鼓舞，但取得进一步进展需要继续宽松货币政策。很多人对伯南克的观点困惑不解：为何美国经济复苏迹象如此明显的情况下，唯独伯南克本人看不到呢？　　　　前期，伯南克眼中看到的，的确与人们看到的有很大出</t>
  </si>
  <si>
    <t>金砖国家：开启新的经济循环</t>
  </si>
  <si>
    <t>金融危机以后，以金砖国家为代表的新兴经济体逐步打破南北之间的贸易金融循环。而今天召开的金砖国家领导人第四次会晤也正在为开辟新的循环寻找答案。　　　　根本而言，金砖国家大都经历了资源驱动型和出口驱动型增长模式，中国被称为“世界工厂”，印度被誉为“世界办公?</t>
  </si>
  <si>
    <t>德国同意扩大欧洲救助基金规模</t>
  </si>
  <si>
    <t>迫于欧债危机蔓延的压力，德国总理默克尔26日首次松口同意暂时扩大欧洲救助基金规模，在欧元区构筑更稳固的防火墙。她还说，欧元区财长30日将就欧元区构筑更稳固的防火墙进行协商，这可能是促使国际货币基金(IMF)注入更多资金来遏制欧债危机的基础。    默克尔当天在她领导</t>
  </si>
  <si>
    <t>伯南克确认延续宽松政策  美股大涨</t>
  </si>
  <si>
    <t>受美国联邦储备委员会主席伯南克讲话提振，26日纽约股市一改上周颓势，强劲上涨，三大股指涨幅均超过1%，标准普尔500指数重新站上1400点关口。　　　　伯南克当天在出席美国全国实业经济学协会年会时说，近来美国就业市场出现了积极信号，就业岗位增加，失业率显著下降，“</t>
  </si>
  <si>
    <t>美国各地油价缘何差异大</t>
  </si>
  <si>
    <t>现在最让美国人头疼的一件事就是加油，看着加油站标价牌不断翻高，每个人都心惊肉跳。　　　　“真要命！”一名芝加哥的出租车司机对当地媒体诉苦。芝加哥的汽油价格已经涨到每加仑4.499美元，这位出租车司机每天赚的钱从年初时的85美元快速缩水到50美元。“我有老婆孩子要</t>
  </si>
  <si>
    <t>宝马全球范围召回130万辆问题车</t>
  </si>
  <si>
    <t>德国宝马公司26日在慕尼黑总部宣布，因汽车电路故障，在全球范围召回生产日期从2003年到2010年、包括5系列和6系列在内的130万辆宝马汽车，仅在德国就涉及29万辆。宝马公司发言人说，这是公司“最近历史上”最大规模的一次召回行动。　　　　另据中国国家质检总局27日通报指</t>
  </si>
  <si>
    <t>印度：借“创新生态系统”追赶中国</t>
  </si>
  <si>
    <t>印度总理曼莫汉·辛格今年两次公开表示，印度在世界科学领域的地位正在下降，已经落在中国后面。自2005年当选总理以来，辛格几乎每年都强调要增加科研投入，改变现有科研机构过于官僚化的状况。近期，辛格又提出建立一个“创新生态系统”，以打破原来科研与市场脱节的局面，?</t>
  </si>
  <si>
    <t>法国：“竞争力集群”提升科技创新水平</t>
  </si>
  <si>
    <t>为了增强创新能力，将科技成果更有效地转化为生产力，从2005年起，法国政府斥资15亿欧元在各地扶持60多个不同产业的科技园区，也称“竞争力集群”。如今，这种“企业+实验室”的模式正在得到越来越多的人认可，不但提高了科技成果转化效率，节省了资金，还使得企业自主创新的</t>
  </si>
  <si>
    <t>英国：增加公共投入+高校创新模式</t>
  </si>
  <si>
    <t>英国是近代科技的重要起源地，拥有深厚的科技创新传统。近年来，英国政府重视发展金融业和文化创意产业，对科技研发的投入出现起伏。不过，英国在科研创新领域也有不少亮点，尤其是英国高校创立“高校研究人员+校办专职服务企业+科技园区”模式，推动科技成果转化，其成功经?</t>
  </si>
  <si>
    <t>欧盟将复审涉华52项反倾销案</t>
  </si>
  <si>
    <t>26日下午，湖北新冶钢有限公司总经理钱刚飞抵德国，随即拿到助手递过来的“欧盟委员会发出邀请中国企业提出复审申请的公告”。文件清晰写明：欧盟委员会已于当地时间3月23日发布公告称，为执行紧固件反倾销措施争端解决裁决，再推新措施，邀请铝箔等52项涉华反倾销措施企业提</t>
  </si>
  <si>
    <t>世行行长“世袭制”遇挑战</t>
  </si>
  <si>
    <t>3月23日是世行新行长提名的截止日，当日美国总统奥巴马提名韩裔美籍医学专家、美国达特茅斯学院校长金辰勇为世行行长候选人。　　　　擅长讲故事是美国人的优势。奥巴马当天对金辰勇大书特书，称赞他在世界卫生组织等机构的丰富任职经验，赞扬他是发展问题专家和杰出的学者</t>
  </si>
  <si>
    <t>油价走高加大欧洲经济衰退风险</t>
  </si>
  <si>
    <t>26日布伦特原油较中东迪拜原油溢价升至三周最高，交易商称因欧洲炼厂需求增强，欧洲价格走强。　　　　据路透数据，近5月布伦特/迪拜期货转掉期DUB-EFS-1M较上一交易日水平上涨0.39美元至4.14美元，为3月5日触及4.20美元以来最高。　　　　持续走强的油价是西方国家加强?</t>
  </si>
  <si>
    <t>七星服务标准助推中国家电企业服务转型</t>
  </si>
  <si>
    <t>全球经济动荡的深层次影响已经显现，这从家电企业已经公布年报中相对下降的市场业绩便可看出。在全球总体市场相对萎缩、消费需求变异的情况下，家电企业如何实现平稳发展为全球产业界共同思考的课题。而从近日中国标准化协会以海尔为蓝本发布首个家用电器七星服务标准规范来?</t>
  </si>
  <si>
    <t>法国大型上市企业有苦有乐</t>
  </si>
  <si>
    <t>在西亚北非政局动荡、日本发生大地震、欧美主权债务危机恶化和世界经济放缓等一系列不利因素影响下，去年欧洲经济受到巨大冲击，但法国40家在巴黎证券交易所上市的大型企业多数运用灵活的应变能力和丰富的管理经验经受住了考验，也有部分企业不得不作出转让股份、裁员等瘦身?</t>
  </si>
  <si>
    <t>金砖国家酝酿成立联合开发银行</t>
  </si>
  <si>
    <t>金砖国家(中国、印度、南非、俄罗斯和巴西)领导人将于3月28日至29日在印度新德里举行第四次会晤，届时将讨论全球经济治理和可持续发展两大议题。本次峰会上，与会国相关代表将就货币互换问题达成初步协议，并有可能提出共同成立一家联合开发银行。　　　　巴西贸易部长菲尔</t>
  </si>
  <si>
    <t>“煤老大”取经：煤矿可以做到不死人</t>
  </si>
  <si>
    <t>神华神东煤炭集团有限公司(简称神东公司)，是中国乃至全球名副其实的“煤老大”。2011年其原煤产量达到2.19亿吨，完成全年计划的101.6%，同比增长1116万吨；百万吨煤死亡率为0.0264，比美国还要低。　　　　“神华集团董事长张喜武曾强调指出，煤矿可以做到不死人！”神东?</t>
  </si>
  <si>
    <t>湖南村民：地下“六合彩”就像蝗虫吃庄稼</t>
  </si>
  <si>
    <t>2月23日傍晚，湖南长沙市河西银盆岭一处农贸市场，蔬菜经营户卢某早早收摊回家。熟悉内情的其他经营户告诉《经济参考报》记者，这阵子老卢在“赌码”，他赔了好几期。这期在晚上就要“出码”了，他老是想着扳本，今天还没有选好押注的数字，所以急着回家跟码民们商量一下再下</t>
  </si>
  <si>
    <t>发展中国家候选人首次角逐世行行长</t>
  </si>
  <si>
    <t>世界银行新行长候选人日前正式敲定，来自发展中国家的代表将首次挑战一直由美国人担当的这一职位，评选结果预计4月份公布。有分析称，由于欧洲国家支持等因素，美国人当选几乎没有悬念。　　　　三位候选人分别是：韩裔美籍医学专家、美国达特茅斯学院校长金辰勇，前世行常</t>
  </si>
  <si>
    <t>中国竞当全球铁矿石价格形成中心</t>
  </si>
  <si>
    <t>与仍在酝酿中的新加坡环球铁矿石现货交易平台相比，中国铁矿石现货交易平台再度先行一步。中国五矿化工进出口商会会长徐旭23日在“2012冶金矿产品国际会议”上向《经济参考报》记者透露，中国铁矿石现货交易平台自年初启动后，准备工作进展非常顺利，并拟定于3月29日模拟运行</t>
  </si>
  <si>
    <t>世界银行应该姓“世界”</t>
  </si>
  <si>
    <t>位于华盛顿的世界银行总部和白宫只隔了两三个街区，是距美国权力中枢最近的国际机构。从实际运行看，世行更是一直深受美国影响——成立60余年来，行长宝座一直为美国人所占据。23日，美国又提名韩裔美籍医学教授金辰勇为新的行长人选，意图将这一“惯例”续演下去。    金?</t>
  </si>
  <si>
    <t>摇摇欲坠的两颗“牙”</t>
  </si>
  <si>
    <t>对于还会不会出现“下一个希腊”这个问题，市场似乎已经没有异议。但下一个是谁？葡萄牙还是西班牙？　　　　相对来说，葡萄牙似乎难逃债务重组的命运。葡萄牙债务规模为G DP的107%，三年期和10年期国债收益率一 直 高 位 运 行 ，失 业 率 达14%，年轻人的失业率更是高至3</t>
  </si>
  <si>
    <t>筑“梦”东方</t>
  </si>
  <si>
    <t>出品《功夫熊猫》《怪物史莱克》等著名动画影片的美国梦工厂动画公司已正式开启了它的中国“梦之旅”。上月首次公布的由中美企业在上海合作组建的“东方梦工厂”，是中美文化产业领域全新的大型合资项目，首轮投资达3.3亿美元。　　　　带着众多动漫“粉丝”的好奇心，记者</t>
  </si>
  <si>
    <t>日出东方涉嫌信息披露重大遗漏违规</t>
  </si>
  <si>
    <t>2月15日，位于江苏连云港的日出东方太阳能股份有限公司(下称“日出东方”)通过了证监会主板发审委的审核。但《经济参考报》记者调查发现，日出东方未披露其控股股东在西班牙的合资公司，涉嫌构成信息披露重大遗漏违规行为。值得注意的是，日出东方与未披露的其控股股东的西班</t>
  </si>
  <si>
    <t>美国梦：创新就是致富</t>
  </si>
  <si>
    <t>长期以来，美国不断涌现出集工程师和企业家于一身的“发明家”，他们既懂技术又懂市场，可以将最新科技成果直接转化为社会财富。这些发明家是美国创新型经济发展模式的主力军，他们成功的创业故事强化了“创新等于致富”的理念，从而激励更多年轻人投身科技创新。记者在采访?</t>
  </si>
  <si>
    <t>文化氛围催生原始创新</t>
  </si>
  <si>
    <t>美国科研人员愿意把发明成果转化为能在市场盈利的产品，是因为有完善的知识产权制度和成熟的商业氛围作保障；而他们热衷于冒险，搞创新性尝试，不断推出原创产品，则是缘于整个社会鼓励创新的文化环境。记者调研了解到，这种鼓励创新的文化环境主要包括提倡独立思考的教育方?</t>
  </si>
  <si>
    <t>日本医保制度向老年人倾斜</t>
  </si>
  <si>
    <t>医疗保险和养老保险，都是日本社会保障体系中最重要的内容之一。　　　　日本自上世纪60年代建立起全民医疗保险制度，规定所有国民都要加入一种医疗保险，具有强制性。日本医疗保险分为“健康保险”和“国民健康保险”，统称为公共医疗保险，不仅覆盖了全体国民和符合条件?</t>
  </si>
  <si>
    <t>房地产成西班牙“最糟糕投资”</t>
  </si>
  <si>
    <t>距离马德里地区只有45分钟车程的塞塞尼亚(Sesena)，原本要建成一个有1 .3万套公寓、可容纳3万人口的卫星镇。可是目前只建了5100套，而且大多数没人住。　　　　当年为投资而买下这些房子的西班牙人，现在都急着把房子脱手，减少亏损。如今，马德里郊外一片被称为“曼哈顿”</t>
  </si>
  <si>
    <t>联合国招投标市场前景广阔</t>
  </si>
  <si>
    <t>由天津一家联合国注册供应商牵头，我国企业去年成功拿下8000万美元的联合国订单，创下中国企业迄今为止与联合国贸易金额最高记录。记者日前采访该中标天津企业负责人时，他建议，联合国招投标市场前景广阔，天津乃至全国企业参与机会众多，除产品质量过硬外，更需以诚信姿态?</t>
  </si>
  <si>
    <t>美担忧欧债风险外溢  督促欧洲自救</t>
  </si>
  <si>
    <t>美国联邦储备委员会主席伯南克和财政部长盖特纳21日在国会接受质询，他们将分析当前欧洲债务危机对美国的影响，并敦促欧洲国家努力自救以防危机随金融业传导至美国。　　　　伯南克称，美联储将准备好在形势再次恶化时采取行动。但分析人士称，伯南克最新表态中将不会有推?</t>
  </si>
  <si>
    <t>人民币国际使用还处于初级阶段</t>
  </si>
  <si>
    <t>近日，日本获准购买650亿元人民币中国国债的消息，凸显其看好人民币国际化的前景，将对发达国家起到示范效应。在19日举行的“第二届北外滩财富与文化论坛”上，与会专家认为在未来20年人民币将加速推进国际化，但要实现国际化目标，挑战仍多。    “中国已正式吹响人民币向</t>
  </si>
  <si>
    <t>广汽用全球眼光培育自主品牌</t>
  </si>
  <si>
    <t>日前，广汽乘用车首款SUV——传祺GS5在广州番禺生产基地下线。广汽乘用车公司总经理吴松说，传祺GS5在意大利都灵设计、定型，由广汽国际设计团队全程精心打造，是一款融合全球顶尖科技的自主、时尚之作。　　　　中高端SUV市场大有作为　　　　作为广汽传祺品牌首款重量?</t>
  </si>
  <si>
    <t>硅谷：工程师的创业天堂</t>
  </si>
  <si>
    <t>早在1989年，由北京赴纽约大学留学仅两年的贾石琏放弃攻读博士学位，追随着自己的“创业梦”，从东部驱车横穿美国，奔赴心目中“工程师的天堂”——硅谷。在硅谷浸润20多年，他完成了从技术研发人员、创业者到风险投资人三种角色的转换，是近年来硅谷较成功的华人企业家兼创?</t>
  </si>
  <si>
    <t>结束两年博弈  澳七月起开征矿产税</t>
  </si>
  <si>
    <t>据外媒报道，澳大利亚议会上议院19日深夜投票通过政府提议的矿产资源租赁税(MRRT)法案。至此，澳大利亚终于结束与矿业公司近两年的艰难博弈，矿产资源租赁税法案将于今年7月1日正式开始实施。　　　　据称，税收将被用于上调养老金、减税、基础设施建设。不过，中小型矿企?</t>
  </si>
  <si>
    <t>夏普转型艰难  业绩将现巨亏</t>
  </si>
  <si>
    <t>夏普公司股价今年以来跌幅接近1/4，一度触及30多年低点，公司过度依赖已饱和的液晶电视市场弊端显露，在争做苹果新款iPad屏幕供应商的竞争中也无优势，年度业绩预计将出现公司史上最大亏损额。　　　　彭博社汇总的信息显示，与索尼、松下等日本同行以及三星电子、LG电子等</t>
  </si>
  <si>
    <t>美元走弱推升纽约油价</t>
  </si>
  <si>
    <t>由于美元走弱，纽约油价19日上涨；但由于利比亚和沙特阿拉伯石油出口增加，布伦特油价微跌10美分。　　　　当天，受市场投资者避险情绪下降影响，美元对主要货币下跌，美元指数跌幅为0.4%，到晚间交易时段收于79.46。其中，由于技术回调需求，美元对欧元下跌约0.5%。截至当</t>
  </si>
  <si>
    <t>疮痍复疮痍日本灾后重建难上加难</t>
  </si>
  <si>
    <t>去年3月11日下午2点46分，9级地震撼动日本列岛，特大海啸横扫日本东北海岸，福岛核泄漏事故重创日本社会。15850人死亡，3283人失踪，占日本国土面积约3%的地域受困于核污染，全毁建筑38万栋以上，基础设施受损16.9万亿日元，福岛核电站核泄漏事故造成的影响难以估计。    ?</t>
  </si>
  <si>
    <t>最后一搏日本电子巨头“忙”换帅</t>
  </si>
  <si>
    <t>近来，夏普、索尼、松下等日本电子巨头如走马灯般对管理层进行了调整：一方面期待“换帅如换刀”，在全球消费电子市场作最后一搏；另一方面，这些企业也借此开始了面向未来的战略大转型。　　　　换帅“此起彼伏”　　　　迫于业绩扭亏的压力，被称为“液晶之父”的日本?</t>
  </si>
  <si>
    <t>网民议“伪意大利品牌”：“傍洋”的“山寨”没出路</t>
  </si>
  <si>
    <t>据媒体报道，从2011年下半年开始，意大利有关部门已经先后向中国国家知识产权局递交了三批共30个“伪意大利品牌”，它们或宣称产自意大利，或使用意大利国名、地名、甚至国旗，打着“意大利”旗号误导消费者。　　　　对此，不少网民认为，“伪洋品牌”存在欺诈行为，损害?</t>
  </si>
  <si>
    <t>海尔推出全球首台可去除PM2.5空调</t>
  </si>
  <si>
    <t>从欧洲到美洲、从日本到中国，无论全球任何地域，空气中的PM2.5污染物无处不在，充斥着人们的生活、威胁到人们的健康 ，监测并治理PM2.5正在成为一项全新的、全球性的研发课题。中国环境保护部更在2012年2月29日批准发布了《环境空气质量标准》，明确了PM2.5污染物作为环境监</t>
  </si>
  <si>
    <t>野村遭穆迪降级  借贷成本被推升</t>
  </si>
  <si>
    <t>野村控股日前被评级机构穆迪投资者公司下调了其债务评级。此时正逢野村海外业务严重亏损、调整业务结构的关键期，降级将直接导致公司借贷成本上升，对未来盈利产生不确定性。不过，这家日本最大的经纪商保持了稳定的债务展望。    Moody’s cut Nomura Holdings’long-term</t>
  </si>
  <si>
    <t>应对高油价成美国选战重头戏</t>
  </si>
  <si>
    <t>高油价是当下许多美国居民最为头疼的问题，随着美国大选日益临近，该问题也日益发酵成为美国政坛最惹火的一大焦点。今后几个月，国际油价的涨与跌，不仅关系着美国经济能否持续复苏，影响着美国财政和货币政策，还决定着人心的归属和选票的流向。    就在3月17日，美国总统</t>
  </si>
  <si>
    <t>替代欧盟航空“碳税”方案浮出水面</t>
  </si>
  <si>
    <t>为避免欧盟航空“碳税”演变成中美俄等32国与欧盟之间的碳税贸易战，国际民用航空组织(ICAO)理事长冈萨雷斯(RobertoKobehGonzalez)日前出面“救火”，他提出四种可能的机制，以替代欧盟“碳税”计划。多位接受《经济参考报》记者采访的专家表示，作为国际政府间组织，这是ICA</t>
  </si>
  <si>
    <t>新钻十一国的机会和挑战</t>
  </si>
  <si>
    <t>在经济前景不明的世界里，新兴市场国家继续成为投资者和寻求发展的公司密切关注的目标。可以肯定的是新兴市场国家这一分类包括众多国家。在经济规模、总市值、地理位置，以及政治和经济发展阶段方面的不同为投资者真正理解投资机会带来挑战。最有趣的概念之一就是所谓“新钻?</t>
  </si>
  <si>
    <t>油价高位震荡  黄金一度“跳水”</t>
  </si>
  <si>
    <t>上周大宗商品市场品种间走势分化明显，国际油价高位震荡，被市场寄期突破1800美元的国际金价一度“跳水”。　　　　希腊第二轮援助协议达成后，市场的焦点开始转移至中美两国。　　　　美国经济数据的改善对大宗商品市场构成支撑。15日，美国劳工部公布了此前一周领取失?</t>
  </si>
  <si>
    <t>拉加德：全球经济复苏中存风险</t>
  </si>
  <si>
    <t>国际货币基金组织(IMF)总裁克里斯蒂娜·拉加德3月18日在中国发展高层论坛2012年会发表演讲时表示，世界经济已出现复苏迹象，但还需要保持警惕，发达经济体金融体系依旧脆弱、油价持续走高以及新兴经济体经济活动放缓这三大风险依然威胁全球经济。　　　　世界经济见起色?</t>
  </si>
  <si>
    <t>欧盟的“板子”高举轻落</t>
  </si>
  <si>
    <t>日前召开的欧元区与欧盟两个财长会议最引人注目的议题就是对匈牙利与西班牙的警告与制裁了。在2011年欧盟花费一年时间费尽周折达成诸如“稳定与增长公约”、“六个立法建议”乃至“财政契约”，无非就是一件事，即强化财政纪律，特别是强化了惩罚机制。换句话说，就是准备好?</t>
  </si>
  <si>
    <t>美国考虑再次释放石油储备</t>
  </si>
  <si>
    <t>美国总统奥巴马和英国首相卡梅伦14日在白宫举行会谈。两人会谈主要涉及阿富汗、叙利亚、伊朗局势等热点问题。据路透社报道，有知情人士透露，奥巴马和卡梅伦在会晤中还探讨了释放紧急石油储备的可能性。有分析认为，奥巴马此举是在试探在压低油价方面到底能够获得多少国际支?</t>
  </si>
  <si>
    <t>能源轴心正从中东转向西半球</t>
  </si>
  <si>
    <t>过去半个多世纪，盛产石油的中东一直是世界能源轴心，任何异动都可能在国际能源市场掀起波澜。但随着科技的进步、供需的变化，世界能源格局可能正在发生深刻而深远的变化，世界能源的轴心正出现从中东向西半球转移之势。    按美国剑桥能源咨询公司总裁丹尼尔·耶金的判断?</t>
  </si>
  <si>
    <t>阿富汗中资企业：誓把工人安全带回家</t>
  </si>
  <si>
    <t>高耸的外墙，厚实的沙袋，荷枪实弹的警卫和层层关卡，从外表看上去，平常人很难把这个小院子与中国公司驻地联想起来，很可能以为这是一所军营或者监狱。近日，《经济参考报》记者走访了这个在当地颇有名气的帕尔万水利项目的驻地。　　　　帕尔万水利项目由中国江西省水利?</t>
  </si>
  <si>
    <t>闭门的“TPP”谈判暗藏玄机</t>
  </si>
  <si>
    <t>“跨太平洋战略经济伙伴关系协定”(TPP)第十一轮谈判日前在澳大利亚城市墨尔本闭幕。据澳方介绍，此次谈判采取闭门会议形式，参与谈判的相关领域代表高达500人之众，议题广泛、探讨深入。各与会国代表面对传媒时寡言少语，似乎与其踌躇满志的宏伟目标不相匹配，而报喜不报忧?</t>
  </si>
  <si>
    <t>中国绿色家电进入欧洲高端市场</t>
  </si>
  <si>
    <t>号称全球最苛刻环保指令之一的欧盟环保令(RoHS指令)和欧盟WEEE指令构成了欧洲家电进口的“绿色壁垒”。在这样一个极为严酷的“欧洲标准”下，连苹果这样的电子巨头，都曾有不少产品被迫在欧洲撤市，但来自中国的海尔却依靠技术创新，逐步进入了欧洲高端家电市场。　　　　?</t>
  </si>
  <si>
    <t>拓宽私募股权基金资金来源</t>
  </si>
  <si>
    <t>自从1992年美国国际数据集团(IDG)在中国成立了第一个外资私募股权投资基金以来，中国私募股权投资业已经走过整整20年的历程。截至2011年，中国创业投资(VC)/私募股权投资(PE)机构达到3997家，2011年全年披露PE投资案例695起，其中披露金额的643起案例共计投资1740亿元，案例?</t>
  </si>
  <si>
    <t>中企海外能源矿业并购数量金额双增</t>
  </si>
  <si>
    <t>近期频发的并购案例表明，中国企业正在加快海外资源布局的步伐。2月17日，中国五矿收购Anvil矿业有限公司100%的股权一案宣告完成，作价约13.3亿加元。2月2日，国家电网以3.87亿欧元成功购得葡萄牙唯一的国家级能源传输公司———国家能源公司(RENE)25%股权，成为央企首次进入</t>
  </si>
  <si>
    <t>巴西续禁雪佛龙在漏油地区作业</t>
  </si>
  <si>
    <t>巴西国家石油、天然气及生物燃料局(简称石油局)13日说，已完成了对美国石油巨头雪佛龙公司去年11月在巴西外海原油泄漏事件的调查，暂停雪佛龙在相关区域钻探作业的命令依然有效。　　　　刚刚履职的石油局新任局长玛格达·香布里阿德说，石油局与雪佛龙在泄漏事故原因方面?</t>
  </si>
  <si>
    <t>花旗等四家大型银行折戟压力测试</t>
  </si>
  <si>
    <t>美国联邦储备委员会13日发布银行业新一轮压力测试的结果，受测19家美国大银行中，15家过关，4家折戟。一些分析师乐观评价测试结果，认为金融系统正在重拾信心、恢复健康。　　　　这轮压力测试中，美联储假定3种不利经济因素：失业率13%；股指两年下跌60%；房产价格缩水21%</t>
  </si>
  <si>
    <t>美联储将公布最新银行压力测试结果</t>
  </si>
  <si>
    <t>美联储将在3月15日对外披露美国19家大型银行在最新一轮压力测试中的情况，市场普遍预期各银行将通过测试。然而，对于投资者最关注的美联储是否放松对银行业增加股息和回购股份的管控程度，市场分歧较大。　　　　美联储此次即将公布的银行业压力测试报告被称为全面资本分析</t>
  </si>
  <si>
    <t>出口严峻,外贸政策应保持稳定</t>
  </si>
  <si>
    <t>2012年，世界经济形势更加严峻复杂，全球经济增长和世界贸易将继续减速，国内综合成本上升，这些都会对我国外向型经济发展产生较大影响。　　　　一是发达经济体深陷债务泥沼，世界经济下行风险加大。国际货币基金组织、世界银行、联合国三大国际机构最近纷纷调低对2012年?</t>
  </si>
  <si>
    <t>我国PE行业投资平均2.1年退出</t>
  </si>
  <si>
    <t>根据贝恩公司与中国欧盟商会13日联合发布的《私募股权基金对中国经济和社会的影响2012年调研》结果显示，在中国大多数私募股权投资基金公司以中期投资为主，而非开展长期投资。从私募股权基金投资到被投资的公司上市，之间的平均时间约为2.1年。　　　　报告显示，通过上市</t>
  </si>
  <si>
    <t>国家间战略性资源博弈升温</t>
  </si>
  <si>
    <t>一场酝酿已久的稀土出口博弈正式拉开帷幕。《经济参考报》记者13日从商务部网站获悉，美欧日正式向世贸组织(WTO)提交对我稀土出口政策的诉讼。这意味着，在多次舆论施压以及诉我九种原材料案获得世贸组织裁决支持之后，美欧日最终对稀土这一终极目标发起了正式的行动。</t>
  </si>
  <si>
    <t>雅虎起诉脸谱专利侵权</t>
  </si>
  <si>
    <t>雅虎公司12日正式起诉脸谱公司侵犯了其10项专利，内容涉及网络广告、隐私、通信以及社交网络等技术。有分析认为，在新兴的社交网络领域专利官司相对少见，这一案件显示出新老互联网公司竞争的日益激烈。　　　　雅虎当天向位于加利福尼亚州圣何塞的美国联邦地方法院起诉脸?</t>
  </si>
  <si>
    <t>优酷土豆股价大涨</t>
  </si>
  <si>
    <t>美国当地时间3月12日，受合并消息影响，优酷网和土豆网股价双双大涨。优酷网当日股价报收每股31.85美元，上涨6.84美元，涨幅27.35%，创出2012年年内新高；土豆网股价报收每股39.48美元，上涨24.09美元，涨幅高达156.53%，同样创出年内新高。　　　　由于两家公司占据了国内</t>
  </si>
  <si>
    <t>美国楼市的“房东之年”</t>
  </si>
  <si>
    <t>见到近月来美国楼市出现的建筑开工量回暖等“春芽”，有人迫不及待地宣告，美国楼市的春天已到。但打开大华府地区上千个新楼盘的广告合集册，满眼尽是“登记看房可抽奖中iPhone手机”、“买楼送娱乐房”、“买房送浴缸”之类的广告，你会觉得上述判断过于乐观。事实上，大华?</t>
  </si>
  <si>
    <t>把握光纤接入发展机遇</t>
  </si>
  <si>
    <t>在经历了国际金融危机和以欧美为主的债务危机之后，发达国家的经济增速明显回落。2011年4月，国际货币基金组织发布的《世界经济展望》报告预测，2012年世界经济的年增长率将为4.5%左右，发达经济体增长率为2.5%，新兴经济体和发展中国家经济增长率为6.5%。在当前复杂的全球经</t>
  </si>
  <si>
    <t>七家欧洲航企要求叫停航空“碳税”</t>
  </si>
  <si>
    <t>空中客车公司和六家欧洲主要航空运营商联合致信英国、法国、德国和西班牙领导人，批评欧洲联盟对所有出入境航班强制征收“碳排放税”。　　　　鉴于这一单方面行动可能导致数十亿美元订单和数以千计就业岗位流失，这些企业要求暂停扩大征税对象，在全球航空业组织框架内寻?</t>
  </si>
  <si>
    <t>分析称美国经济持续复苏面临风险</t>
  </si>
  <si>
    <t>美国联邦储备委员会(美联储)将于当地时间13日举行货币政策例会。由于美国就业市场再次发出改善信号，外界对美联储推行第三轮量化宽松措施(QE3)的预期有所降温。有分析认为，美联储在4月份例会前还不会急于决定是否推出QE3，目前就业市场的改善在今后数月或难以持续，美国经济</t>
  </si>
  <si>
    <t>订单利润双降  外贸企业“倒春寒”</t>
  </si>
  <si>
    <t>来自海关最新的数据显示，2月当月贸易逆差高达314.8亿美元，为十余年来我国最大逆差。专家普遍分析，国内需求复苏带动进口增长迅猛，而外需尤其是欧洲市场恢复仍未见强劲，再加上春节特殊因素的影响，共同造成了2月单月的高逆差。　　　　从去年8月开始，我国出口增速开始?</t>
  </si>
  <si>
    <t>希腊第二轮金援程序本周开启</t>
  </si>
  <si>
    <t>希腊暂时迎来“苦尽甘来”的一周。随着上周艰难通过债务置换协议，扫清了第二轮获得援助的障碍，本周将有援助方相继敲定注资细节的好消息。    希腊政府9日宣布，私营机构参与债务置换计划的比例达85.8%，高于设定标准。这意味着希腊的债务置换计划“过关”，希腊将可以甩?</t>
  </si>
  <si>
    <t>奢侈品：德国人的新爱</t>
  </si>
  <si>
    <t>节俭，同认真、严谨、遵纪守法一起，构成“德国人”的典型标签。多少年来，德国人的节俭与“德国制造”一样世界闻名。工作勤勉，生活节俭，喜爱储蓄，让德国人轻松渡过此前的金融危机，在欧债危机中也始终能扮演拯救者的角色。但德国人的节俭也招致许多批评，从国家层面的重?</t>
  </si>
  <si>
    <t>空客称,部分中国航企暂停购置空客飞机</t>
  </si>
  <si>
    <t>受到中美俄等32国联合抵制的欧盟航空“碳税”，近日又牵连到欧洲航企。法新社消息，空客母公司高管宣布，中国暂停本国航企购置空客飞机，以反对有争议的欧盟航空“碳税”。接受《经济参考报》记者采访的专家表示，空客释放的信息，有可能是中欧航空“碳税”争端升级的信号，?</t>
  </si>
  <si>
    <t>五大电力集团“冷落”火电  热衷新能源</t>
  </si>
  <si>
    <t>为了弥补账面亏损，五大电力集团一方面出售火电资产，另一方面加速布局新能源。　　　　在3月10日举行的“政协委员谈发展新能源和清洁能源”记者会上，全国政协委员、中国电力投资集团公司总经理陆启洲透露，公司刚和美国杜克能源公司签署了以核电为主的合作协议。</t>
  </si>
  <si>
    <t>罗密欧与朱丽叶的故乡维罗纳浪漫之旅</t>
  </si>
  <si>
    <t>风景绮丽迷人的维罗纳是意大利最古老和最美丽的城市之一。维罗纳名扬全球缘于世界文学巨匠莎士比亚笔下的《罗密欧与朱丽叶》。　　　　维罗纳是罗密欧与朱丽叶的故乡，这里自然也成为世界青年男女膜拜的爱情场所。　　　　维罗纳位于意大利北部威尼托大区阿迪杰河畔，是?</t>
  </si>
  <si>
    <t>全球货币政策维持宽松态势</t>
  </si>
  <si>
    <t>3月8日，欧洲央行和英国央行分别宣布维持基准利率不变，而其他多国央行也在本周宣布维持利率不变，巴西央行更是出乎市场预料大幅降息，全球货币政策依然维持明显的宽松态势。　　　　欧洲央行维持利率不变　　　　3月8日，欧洲央行宣布维持基准利率在1%不变。欧洲央行此?</t>
  </si>
  <si>
    <t>“窃听门”带来的英国传媒业迷局</t>
  </si>
  <si>
    <t>传媒大亨默多克2月底在英国创刊《星期日太阳报》，评论纷纷认为默多克志在通过这份新报纸夺回《世界新闻报》在英国周日报业市场的老大地位，而法新社更评论说，默多克在窃听风波尚未完全平息前就推出新报，意在向远在美国的股东们证实，新闻集团正走出丑闻阴影。    但就在</t>
  </si>
  <si>
    <t>平井一夫：索尼改革之路的艰难破冰者</t>
  </si>
  <si>
    <t>4月1日起，平井一夫(Kazuo Hirai)将代替霍华德·斯金格(Howard Stringer)出任索尼(Sony)首席执行官(CEO)一职。　　　　斯金格目前已满70岁，2005年开始担任索尼CEO。在此期间，曾经无比辉煌的索尼股价已经下滑过半。与之形成鲜明对比的是，同期美国苹果公司(Apple)的股价却</t>
  </si>
  <si>
    <t>美国小镇居民募股集资建自己的商场</t>
  </si>
  <si>
    <t>萨拉纳克莱克是美国纽约州阿迪朗达克山区的一个小镇，湖光山色，风景如画，空气清新，只是地处山区，冬季格外寒冷，时有暴风雪。也许是地理环境炼就当地居民坚强的性格，所以当零售商巨头沃尔玛计划进驻这里、可能危及当地小商贩的生计和小镇固有的生活方式时，居民们决定用?</t>
  </si>
  <si>
    <t>临海产业过度开发加剧环境风险</t>
  </si>
  <si>
    <t>“近些年，重型制造、化工、钢铁、造船、港口等临海产业自北向南一字排开。”海洋系统一位不愿透露姓名的资深专家8日告诉《经济参考报》记者：“高度开发的沿海地区临海产业发展规模大，对海洋环境造成的影响也是多面的。”　　　　这些影响包括，废弃的化学物质、废水、固</t>
  </si>
  <si>
    <t>日本如何推广农业科技</t>
  </si>
  <si>
    <t>在日本，普及农业科技被称作“合作农业普及事业”，国内从上到下都非常重视。特别是当前日本农业老龄化日趋严重，粮食自给率下降到39%，日本官方更加希望通过普及农业科技来扭转不利局面。最近，日本政府提出“六次产业化”推动农工商联合，也是为了更好地发挥科技兴农的作用</t>
  </si>
  <si>
    <t>希腊债务置换计划迎来生死时刻</t>
  </si>
  <si>
    <t>希腊民间债权人决定是否自愿参加希腊债务置换计划的最后期限即将来临，而自愿参加换债计划的比例远远低于预期。希腊政府无奈发出最后的“威胁”：不自愿参加上述债务减记计划的债权人将被“强制”承担损失。　　　　为了达成旨在削减希腊巨额债务的债务置换协议，希腊政府6</t>
  </si>
  <si>
    <t>澳大利亚维持利率不变</t>
  </si>
  <si>
    <t>3月6日，澳洲联储发布消息称，维持基准利率在4.25%不变。8日，新西兰联储、英国央行、欧洲央行以及加拿大央行将陆续公布利率决议，市场预测上述四大央行也将“按兵不动”。　　　　澳洲联储当日表示，澳大利亚经济增速将接近趋势水平，通胀也将接近目标，因此该行认为当前?</t>
  </si>
  <si>
    <t>美反补贴税“合法化”完成第一步</t>
  </si>
  <si>
    <t>美国正在推动国内立法程序，以使得对“非市场经济国家”征收反补贴税合法化。据新华社消息，美国参议院5日投票通过一项修订《1930年关税法》的法案，以便对中国和越南等所谓“非市场经济国家”征收反补贴税。　　　　据悉，该法案在正式生效前还需美众议院投票表决和美国总</t>
  </si>
  <si>
    <t>中国电力设备占据印度近半市场</t>
  </si>
  <si>
    <t>中国在印度最大的火电设备供应商、上海电气电站集团总裁郑建华6日在印度新德里表示，过去七年中国电力设备已占印度新增电力设备市场约四成份额，印度目前成为中国电力设备最大的海外出口市场。　　　　上海电气电站集团日前宣布成立上海电气印度有限公司，该公司兼具售后服</t>
  </si>
  <si>
    <t>巴菲特规避黄金策略遭质疑</t>
  </si>
  <si>
    <t>美国道富环球投资管理公司掌管一只740亿美元黄金基金，副总裁克里斯托弗·古加西安日前质疑“股神”沃伦·巴菲特规避黄金的投资策略。巴菲特上月底在致股东一封信中说，投资者应规避黄金。　　　　古加西安本月初在一份文件中讽刺巴菲特的投资策略。美国彭博社5日援引文件?</t>
  </si>
  <si>
    <t>北欧国家：改革高福利模式应对欧债危机</t>
  </si>
  <si>
    <t>当前，希腊和意大利等南欧国家的债务危机愈演愈烈，社会动荡，而西欧和中东欧国家在欧债危机的笼罩下也飘摇不定。相比之下，丹麦、瑞典、挪威和芬兰等北欧国家经济以相对较低的公共债务、积极的劳动力市场、高福利和高税收制度，使社会运行平稳，人民生活相对安定和谐。　?</t>
  </si>
  <si>
    <t>中国资本国际化须战略导航</t>
  </si>
  <si>
    <t>进入2012年，从山东重工收购意大利豪华游艇生产商，到三一重工收购世界混凝土工程机械第一品牌普茨迈斯特公司，再到国家电网收购葡萄牙国家能源网公司25%股份，频频上演的并购大戏预示着中企海外投资将再掀热潮。    从几年前少数几个企业的投石问路，到现在初具规模的“走</t>
  </si>
  <si>
    <t>把“就业优先”列为经济工作首要目标</t>
  </si>
  <si>
    <t>温家宝总理在政府工作报告中指出，“要千方百计扩大就业”，“各级政府务必坚持就业优先战略，继续实施更加积极的就业政策”。环顾全球，当前，促进就业已被许多国家的政策制定者升级为首选要务。我国“十二五”规划首次提出“就业优先”战略，既是顺时应势之举，也是基于中?</t>
  </si>
  <si>
    <t>“重出江湖”的加油优惠券  美国受宠</t>
  </si>
  <si>
    <t>美国各大连锁超市的促销广告绝无雷同，但近日它们的头版都登载着相似的“抓眼球”信息“购物75美元以上，返10美元加油券”“购物50美元以上，加油每加仑省30美分”……这是去年夏季高油价时代后“重出江湖”的加油优惠券，也是民众不安感的真实写照。　　　　截至3月2日，?</t>
  </si>
  <si>
    <t>债主心不齐  希腊难摘“违约帽”</t>
  </si>
  <si>
    <t>希腊本周将努力与私人部门投资者敲定债券置换方案，但希腊债券私人部门持有人的参与率存在疑问，已被冠上“选择性违约”的信用级别“帽子”一时还难以摘除。从中长期来看，国内政局不稳和需要更多援助的风险依然存在，希腊仍未脱离违约的轨道。    持有2060亿欧元希腊债券?</t>
  </si>
  <si>
    <t>苹果iPad3七日美国发布</t>
  </si>
  <si>
    <t>据海外媒体报道，苹果公司将于3月7日在美国旧金山召开发布会，预计届时将推出新一代iPad产品。　　　　报道称，新一代iPad有望在3月16日正式开售。文章称位于美国得克萨斯州的Highland Village苹果零售店即将揭幕，并且开业时间由此前计划的3月17日周六提前至3月16日，媒体</t>
  </si>
  <si>
    <t>普京欲打造多元化俄罗斯新经济</t>
  </si>
  <si>
    <t>俄罗斯总统选举第一轮投票当地时间4日结束，俄罗斯中央选举委员会预计5日公布初步统计结果。在第一轮投票中得到50%以上选票者当选总统，如果首轮投票中候选人都未当选，得票领先的两名候选人将在三周后进行第二轮投票。　　　　不少分析均认为，现任俄罗斯总理弗拉基米尔·</t>
  </si>
  <si>
    <t>国际教育产业的“严冬”</t>
  </si>
  <si>
    <t>在澳大利亚，国际教育产业是仅次于矿业的第二大出口部门，其产业规模高达160亿澳元(约合美元170.7亿美元)，在国民经济中占据举足轻重的地位。然而，澳大利亚统计部门新近公布的数据显示，近两年来，受澳元汇率高企、学费连年增加、澳移民政策收紧等因素影响，一度红火的国际?</t>
  </si>
  <si>
    <t>国内激光近视手术市场乱象丛生</t>
  </si>
  <si>
    <t>日前台湾眼科权威蔡瑞芳宣布，为防手术后遗症，他个人将停做准分子激光近视矫正手术，一时引爆社会各界对激光近视矫正手术安全风险的争议。2月26日，中国医师协会眼科分会发表声明回应，称激光矫正手术安全有效。受累于“封刀论”引发的恐慌情绪，爱尔眼科股价震荡，而消费者</t>
  </si>
  <si>
    <t>中国金融土壤留不住民间资本？</t>
  </si>
  <si>
    <t>与李书福收购沃尔沃不同，温州商人林春平成功收购美国大西洋银行消息传开，经济学家和商界人士在短暂的好奇和兴奋之后，很快陷入一种莫名的惆怅：这6000万美元为何不能留在中国？    中国商人首次并购美国银行    林春平花了6000万美金，用了2年时间，在美国特拉华州成功</t>
  </si>
  <si>
    <t>“欧债”危机本质是资本出走</t>
  </si>
  <si>
    <t>在某种程度上，“欧债”就是欧洲的“福利国家制度”寅吃卯粮，拖累了经济，这似乎已经成为一种思维定式。但事实真相究竟如何？我们不妨就二战以后欧洲福利国家的建立和发展的历史过程来进行分析：    20世纪40年代末、50年代初，西欧国家以“福利国家”的名义，确立了劳方?</t>
  </si>
  <si>
    <t>谁的奥斯卡？</t>
  </si>
  <si>
    <t>2月26日晚在洛杉矶好莱坞高地中心举办的第84届奥斯卡奖颁奖典礼上，前期在众多评奖活动中所向披靡的法国黑白默片《艺术家》不负众望，一举摘得最佳影片、最佳男主角、最佳导演、最佳服装设计和最佳电影配乐5项大奖，成为最大赢家。    无声的《艺术家》赢了    今年共9部</t>
  </si>
  <si>
    <t>高油价背后的减税之争</t>
  </si>
  <si>
    <t>最近一项跨国调查显示，巴西车主支付的燃油价格之高，在全球排名前列。美国咨询公司AIRINC今年1月份在全球35个国家进行了一次成品油价格调查，巴西排在第13位，汽油零售价直追发达国家。在圣保罗街头的加油站，普通汽油零售价为每升2.90雷亚尔(约1.68美元)，比邻国阿根廷首都</t>
  </si>
  <si>
    <t>欧盟再征新碳税  碳贸易战升级</t>
  </si>
  <si>
    <t>在“航空碳税”遭到中美俄等26国签署协议抵制后，欧盟仍未对“碳贸易战”爆发的潜在风险给予充分警惕和畏惧。据外媒报道，欧盟委员会日前提出，将在今年6月份增加“航海碳税”，制定出全球航空和航海运输行业碳排放税的征收价格单。交通运输部规划研究院一位不愿透露姓名的环</t>
  </si>
  <si>
    <t>扩大消费：从转变认识和体制改革入手</t>
  </si>
  <si>
    <t>我们国家发展到了现阶段，消费变成了关键性的问题。消费率越来越低，从过去60%到现在48%，经济蛋糕越做越大，但是用于社会最终消费的份额却越来越少，这是一个系统性的问题。我觉得对消费的问题要反思。　　　　在1998年，东南亚金融危机的时候，国家就提出要扩大内需，尤?</t>
  </si>
  <si>
    <t>AIJ给养老金入市敲警钟</t>
  </si>
  <si>
    <t>近几天来，日本媒体对AIJ投资顾问公司运用养老年金投资，造成2000亿日元的大部分消失一事，炒得沸沸扬扬，原因在于养老年金在日本国内涉及面大，几乎牵动着每个人的神经。　　　　AIJ投资顾问公司于1989年成立，总裁浅川和彦曾当过大型证券公司地方支店的店长，公司对外宣?</t>
  </si>
  <si>
    <t>美联储或于五六月份推出QE3</t>
  </si>
  <si>
    <t>美国麦瑞迪安证券公司资深经济学家史蒂夫·斯科菲尔德日前在接受《经济参考报》“金融大家谈”栏目专访时表示，尽管目前美国经济形势向好，会加大美联储成员之间对应否推出QE3的分歧，但估计美联储仍有很大可能于今年5、6月份推出第三轮量化宽松政策。　　　　根据美联储最</t>
  </si>
  <si>
    <t>美设执法机构欲增加贸易制裁力度</t>
  </si>
  <si>
    <t>美国总统奥巴马2月28日签署命令，在美国贸易代表办公室内部设立跨部门贸易执法中心，以增加国际贸易制裁力度。外媒普遍认为，此举针对中国，连同汇率指责等手段用以遏制中美贸易不平衡。国内专家称，近期美国通过世界贸易组织(WTO)申诉制裁案件可能增加，但成功率不一定提高?</t>
  </si>
  <si>
    <t>希腊援助虽推进  违约担忧仍未减</t>
  </si>
  <si>
    <t>27日德国议会通过了希腊第二轮救助计划，意味着希腊为拿到这笔救命钱又扫清一大障碍。但是同日，国际评级机构标准普尔公司宣布将希腊长期主权信用评级下调至“选择性违约”。穆迪投资者服务公司27日公布的《一周信用展望》报告也认为，希腊债务违约的风险仍然很高。　　　?</t>
  </si>
  <si>
    <t>尔必达创日本制造业破产规模之最</t>
  </si>
  <si>
    <t>全球排名第三的日本动态半导体内存(DRAM)企业尔必达27日向法院提出破产重组申请。尔必达负债4480亿日元(约合55亿美元)，创日本制造企业破产规模之最。　　　　全球电子业洗牌大潮中未幸存　　　　作为日本国内唯一的DRAM制造企业，尔必达一度是日本政府力保的“准国家队?</t>
  </si>
  <si>
    <t>柯达剧院临阵改名的背后</t>
  </si>
  <si>
    <t>第84届奥斯卡金像奖颁奖典礼近日在美国洛杉矶举行，痴迷于好莱坞电影的影迷们再次把目光聚焦在那里。然而，这一次的焦点话题是颁奖典礼的举办地——柯达剧院。    已经连续举办10届颁奖典礼的柯达剧院，因柯达公司不久前申请破产保护，遭遇了“临阵改名”的变故。关于奥斯?</t>
  </si>
  <si>
    <t>TD—LTE三年部署计划出炉  投入有望达万亿</t>
  </si>
  <si>
    <t>2月28日(北京时间)，由中移动主导的“TD-LTE全球发展倡议”(GTI)在西班牙巴塞罗那举办的2012年世界移动通信大会上，正式公布了TD-LTE今后三年的规模部署计划：到2014年，全球建成超过50万个TD-LTE基站，覆盖全球超过20亿人口。　　　　与此同时，中移动也首次明确了TD-LTE?</t>
  </si>
  <si>
    <t>铁矿石现货平台争夺战“开打”</t>
  </si>
  <si>
    <t>面对北矿所举办各种推介活动释放积极信号带来的压力，一直以来进展低调缓慢的新加坡环球铁矿石交易中心终于“开腔”。　　　　“我们平台将在近期启动，目前准备工作已经就绪，而我们走访的很多矿山、钢厂和贸易商都对这个平台表现出浓厚的兴趣。”新加坡环球铁矿石现货交?</t>
  </si>
  <si>
    <t>人民币升值要避免重蹈日本覆辙</t>
  </si>
  <si>
    <t>就汇率来讲，随着一国经济的增长、劳动生产率的提高、社会效率的提高，汇率的升值是内在的、是必然的。劳动生产率的提高说明这个国家的货币价值提高了，所以这个国家的货币比他国的货币相对也就值钱了。那么在贸易中如果体现合理价值的话，它就应该升值。　　　　但另一方?</t>
  </si>
  <si>
    <t>超级本难挽笔记本电脑颓势</t>
  </si>
  <si>
    <t>在平板电脑和智能手机的冲击下，传统笔记本电脑颓势开始浮现：不仅曾经风靡一时的“上网本”呈现濒死之态，研究报告还显示，传统笔记本电脑市场整体增速近年来也在放缓。在这样的背景下，今年CES(美国拉斯韦加斯消费电子展)上抢尽风头的“超级本”便成为业界新期望所在。但《</t>
  </si>
  <si>
    <t>航空公司与飞行员的“蓝天博弈”</t>
  </si>
  <si>
    <t>“9·11”事件后，美国民航业发展一度陷入谷底。近几年，美国主要航空公司通过采取控制非人工成本等措施，逐渐提升盈利能力，使美民航业整体效率得到提高，乘客总量出现回升。但同时，由于业内竞争加剧，造成飞行员实际工资缩水、劳动强度加大等诸多问题。　　　　豪伊·沙</t>
  </si>
  <si>
    <t>日本电子业全面转换商业模式</t>
  </si>
  <si>
    <t>据媒体报道，当前日本家电巨头面临着巨额亏损的局面，其中松下、夏普均刷新了历史最高的赤字记录。但鲜为人知的是，当前这些企业正悄然进行着经营模式和产业结构调整，这应该是日本电子业自二战之后第二次大规模战略调整。但客观地看，无论从金融层面还是实体层面，日本电子?</t>
  </si>
  <si>
    <t>摩托罗拉：面临品牌消失的可能</t>
  </si>
  <si>
    <t>欧盟委员会和美国司法部2月13日先后批准谷歌以125亿美元收购摩托罗拉移动，“百年老店”摩托罗拉被年仅13岁的谷歌收编。　　　　就摩托罗拉此次被谷歌收购，电信分析师付亮说，被收购的摩托罗拉手机部分现在清楚地界定了自己的位置，取得了一定的市场认可。但在业内人士看?</t>
  </si>
  <si>
    <t>欧洲央行将推第二轮长期再融资操作</t>
  </si>
  <si>
    <t>2月29日，欧洲央行将以1%的超低利率进行第二轮无限额3年期贷款招标，即第二轮长期再融资操作(LTRO)。欧洲央行希望这一轮注资能进一步缓解欧洲债务问题和银行业危机，从而为欧洲领导人解决欧债问题赢得更多时间。　　　　欧洲央行去年12月21日首次就三年期再融资操作进行了?</t>
  </si>
  <si>
    <t>国内油价上调或延迟  看涨惜售心态显</t>
  </si>
  <si>
    <t>受伊朗核报告、美元走弱以及各国最新的利好经济数据等因素支持，近期国际油价持续冲高，创下两年多来最长的连续上涨纪录。受此带动，国内多家机构监测的三地原油变化率也已突破4%的红线。业内人士预计，油价这周可能继续走高，3月8日成品油零售上调时间窗口将打开。不过调价?</t>
  </si>
  <si>
    <t>西方经典产品的“日本改造”</t>
  </si>
  <si>
    <t>法国美食、美国牛仔装、意大利浓缩咖啡……这些西方国家的“舶来品”如今正在日本落地生根。“日本改造”的西方经典产品，除保留原汁原味外，融入日本人的严谨作风和处世态度，从而超越原有标准，成为业界新“标杆”。　　　　求细节　　　　日本人田中克之曾在美国纽约?</t>
  </si>
  <si>
    <t>欧洲金融“防火墙”成G20救援条件</t>
  </si>
  <si>
    <t>二十国集团(G20)财长和央行行长会议26日在墨西哥首都墨西哥城闭幕，会议上着重讨论了对欧债危机的救援问题，与会方大多表态将增资施救的基础建立在欧洲增强“防火墙”力度上，从而将焦点转向3月底欧洲稳定机制(ESM)能否扩容至7500亿欧元。　　　　催促欧元区防火墙建设</t>
  </si>
  <si>
    <t>专家学者热议增长及改革热点</t>
  </si>
  <si>
    <t>由厦门大学、新加坡国立大学和经济参考报社三方共同举办的“中国宏观经济高层研讨会暨中国季度宏观经济模型2012年春季预测发布会”2月25日在北京举行。多位国内经济学家发表了自己对当前以及未来中国经济走向的看法。　　　　国务院发展研究中心研究员李善同：　　　　未</t>
  </si>
  <si>
    <t>中国距贸易强国还有多远</t>
  </si>
  <si>
    <t>近日，欧洲最大银行汇丰控股预测指出，随着亚洲国家间贸易往来的扩大以及新兴市场需求的快速增长，2016年，中国有望超过美国成为全球最大贸易国。的确，按照中国经济的体量和经济增速计算，未来5年中国很可能成为全球第一贸易大国，然而，中国距离全球贸易强国还有很长的路要</t>
  </si>
  <si>
    <t>“中国制造”遇寒冬  “订单慌”连着“用工荒”</t>
  </si>
  <si>
    <t>进入龙年，欧债危机仍在持续发酵，欧盟市场需求的萎缩已经波及中国制造业企业，外贸企业“订单慌”连着“用工荒”。《经济参考报》记者近日走访广州、东莞、阳江等城市，在“世界制造业基地”感受到了凛冽的寒风。　　　　工厂订单比往年同期减少60%　　　　2月初，记者?</t>
  </si>
  <si>
    <t>中国经济增速下半年回升</t>
  </si>
  <si>
    <t>厦门大学、新加坡国立大学和《经济参考报》社三方25日共同发布了中国季度宏观经济模型(CQMM)2012年春季预测结果。根据模型预测，2012年中国经济(GDP)增长速度将在二季度降至8.35%之后逐步回升。课题组认为，中国今年经济增速仍将保持较为强劲的增长势头，但是中国跨越中等收?</t>
  </si>
  <si>
    <t>利润降30%巴菲特为投资失误认错</t>
  </si>
  <si>
    <t>现年81岁的美国股神巴菲特掌管的伯克希尔·哈撒韦公司近日发布了2011年第四季度财报，由于旗下保险业务疲软及金融衍生品业务的亏损，公司净利润下滑30%。巴菲特在公司网站发表了2012年致股东公开信，透露该公司董事会已为其物色到接班人。　　　　伯克希尔·哈撒韦公司25日</t>
  </si>
  <si>
    <t>欧洲经济火车头隐患显现</t>
  </si>
  <si>
    <t>数据显示，德国这个欧洲经济的火车头仍然动力十足。　　　　德国伊福经济研究所日前宣布，2月份德国商业景气指数从1月份的108.3升到109.6。这是这个标志德国企业信心的指数连续第4个月上升，且攀升至7个月以来的最高点。伊福研究所对7000个企业的调查显示，大部分企业认为?</t>
  </si>
  <si>
    <t>外籍CEO卷入“黑洞”高管集团</t>
  </si>
  <si>
    <t>曾经出任奥林巴斯公司董事长和首席执行官(CEO)的迈克尔·伍德福德，这位日本上市公司首位外籍CEO因自曝东家丑闻而受广泛争议，奥林巴斯丑闻究竟有怎样的内幕？到底伍德福德其人如何？《商业周刊》日前采访了当事人，通过他的叙述还原了事件的来龙去脉。　　　　寻求警局保?</t>
  </si>
  <si>
    <t>透析后危机时代的中美关系</t>
  </si>
  <si>
    <t>维护共同利益，是近年来中美推进合作伙伴关系的一条明线，与之对应的暗线则是出于战略考虑，中美尽量尊重对方核心利益与重大关切，避免逾越对方底线。但在双方扩大利益交集的过程中，从捍卫各自国家利益出发的中美两国，在一些问题上依旧存在着巨大分歧，并在一些领域出现过?</t>
  </si>
  <si>
    <t>李孟熙“皇太子”掀起三星家产争夺战</t>
  </si>
  <si>
    <t>韩国媒体间流传着一句话，“韩国人一生无法避免三件事：死亡、税收和三星。”　　　　作为韩国规模最大、最有影响力的企业三星集团，目前正面临家族内部为争家产，兄弟对簿公堂。　　　　近几年亚洲爆出多起豪门家产争夺纠纷，令许多产业面临动荡风险，专家称，家族企业?</t>
  </si>
  <si>
    <t>世界贸易——推动人类进步的强大引擎</t>
  </si>
  <si>
    <t>根据现代科学方法的考证与研究，我们知道，世界上所有的人类都拥有共同的祖先。在遥远蒙昧的史前时期，最早的一小群原始人从非洲大陆走出，逐渐遍及世界的各个角落。　　　　《理性乐观派》的作者马特·里德利，显然拥有丰富的人类学的知识。他认为，分散到全世界的原始人?</t>
  </si>
  <si>
    <t>三地原油变化率或近期破四</t>
  </si>
  <si>
    <t>2月19日伊朗率先对英法原油断供的消息引发了国际原油市场的连锁反应，20日布伦特原油价格突破每桶120美元。21日欧元区批准第二轮希腊救助计划对市场再度释放利好。专家表示，地缘政治因素对国际原油市场产生的风险溢价在不断增加，已成为当前影响国际原油市场最主要的因素。?</t>
  </si>
  <si>
    <t>反网络盗版：两种经济模式的缠斗</t>
  </si>
  <si>
    <t>随着互联网全面融入人们的生活，网络盗版越来越成为一种常态。哥伦比亚大学的一项调查发现，在18岁至29岁的美国年轻人中，有70%承认曾经购买、复制或下载过未经授权的音乐或影视内容，成年人的这一比例也达到46%。人们渴望得到音乐和影视内容——即使通过非法途径。与此同时?</t>
  </si>
  <si>
    <t>奥巴马将公布企业减税具体方案</t>
  </si>
  <si>
    <t>美国总统奥巴马将于当地时间22日公布企业所得税减免的具体方案，该方案谋求支持在美国本土投资发展的美国企业。　　　　据《华尔街日报》报道，有消息人士透露，奥巴马政府将于22日提议企业所得税最高税率从35%下调至28%。一位高级政府官员称，上述提议将把制造商的实际税?</t>
  </si>
  <si>
    <t>日本会是下一个债务危机国家吗</t>
  </si>
  <si>
    <t>《财富》杂志的一篇前瞻性的报道说，在欧洲主权债务危机刚刚获得喘息之际，华尔街又开始担心日本成为这场全球金融危机的下一个引爆点。当前，日本经济疲弱，负债相对于经济产值已经急剧膨胀，水平之高甚至使希腊相形见绌。　　　　华尔街正在买入信用违约掉期(CDS)，为日本</t>
  </si>
  <si>
    <t>世界中重卡运营中心向中国转移</t>
  </si>
  <si>
    <t>中国的中重卡市场容量相当于欧洲、美国和日本三者容量之和的两倍。正是背靠这样的大市场，世界商用车领域的两位巨人，北汽福田和戴姆勒公司，经过长达九年的马拉松式的“爱情长跑”，终于修成正果。2012年2月18日双方宣布，北京福田戴姆勒汽车有限公司(以下简称福田戴姆勒汽?</t>
  </si>
  <si>
    <t>希腊第二轮救助计划获批</t>
  </si>
  <si>
    <t>经过近13个小时的讨论，欧元集团主席容克21日清晨在布鲁斯尔宣布，欧元区17国财长决定批准总额1300亿欧元(约合1718亿美元)的第二轮希腊救助计划，以使希腊在2020年前将债务在国内生产总值(GDP)中的占比从目前的160%降至120.5%。同时，希腊私人债权人将接受更大比例的损失来帮</t>
  </si>
  <si>
    <t>伊朗停止向英法供油实际影响有限</t>
  </si>
  <si>
    <t>伊朗19日宣布停止向英国和法国公司出售石油，20日又威胁停止向更多欧盟国家供油。分析人士认为，伊朗“断油”措施将间接加剧市场紧张气氛，但实际影响有限。　　　　法国石油工业联盟主席让-路易·希兰斯基认为，伊朗停止向英法出售石油“造成的直接影响有限”，原因有二：</t>
  </si>
  <si>
    <t>欧洲银行忙避险  实体企业求助欧央行</t>
  </si>
  <si>
    <t>据外媒20日报道，欧洲多家大型银行在各国央行的存款额大幅上升，凸显市场避险情绪。在大批资金滞留央行之时，欧洲实体企业开始绕开商业银行，直接求助欧洲央行。　　　　据《华尔街日报》报道，近几周来八家欧洲大型银行公布的年度业绩显示，截至2011年12月31日，这些银行?</t>
  </si>
  <si>
    <t>伦敦基本金属期价涨跌互现</t>
  </si>
  <si>
    <t>伦敦金属交易所基本金属期货价格20日涨跌互现，其中镍的涨幅最大，而锡的价格跌幅最为明显。　　　　全球排名前两位的经济体美国和中国公布的宏观经济数据显示，就业和制造业数据均好于预期，预示经济前景看好。在此推动下，金属价格走高。但投资者对欧元区债务危机的担忧?</t>
  </si>
  <si>
    <t>希腊赢了,也输了</t>
  </si>
  <si>
    <t>经过马拉松式谈判，当地时间凌晨，欧元区财政部长终于就救助希腊达成一致，批准了一项总额高达1300亿欧元的救助计划，希腊政府再一次得以避免“破产”的命运。　　　　根据这项计划，私人投资者将参与希腊政府债券置换，将目前持有的期限较短、利息收入较高的短期债券，置?</t>
  </si>
  <si>
    <t>高油价再次来袭</t>
  </si>
  <si>
    <t>时隔一年，高油价再次来袭，这恐怕是脆弱复苏中的美国经济最不想见到的情况之一。　　　　2012年，美国经济其实开局不错，一度居高不下的失业率1月份意外大降至8.3%，三年低点。“困难户”克莱斯勒公司，不但不再向政府伸手要钱，还宣布将设厂增产，制造业作为经济支柱似露</t>
  </si>
  <si>
    <t>商业和文化：“林旋风”的双重意义</t>
  </si>
  <si>
    <t>2月17日的《今日美国报》上竟有超过七篇谈论林书豪的文章，并对新名词“林旋风”(Linsanity)专门进行解读；当日的《纽约时报》仅是评论版就有两篇文章以林书豪为主题；CNN电视台全天滚动播放林书豪的场上精彩瞬间；篮球迷美国总统奥巴马也为他疯狂；笔者在美国的餐厅和酒馆里</t>
  </si>
  <si>
    <t>欧元区财长会聚焦希腊第二轮救援</t>
  </si>
  <si>
    <t>欧元区17国财长将于当地时间20日下午在布鲁塞尔召开会议，讨论是否批准去年7月份提出的第二轮希腊救助协议及诸多细节问题。　　　　目前希腊已满足国际援助方提出的条件。因此外界预计20日的欧元区财长会议很可能会批准向希腊发放1300亿欧元的第二批援助贷款。不过，有分析</t>
  </si>
  <si>
    <t>伊朗禁油令再度推升油价</t>
  </si>
  <si>
    <t>伊朗禁油令加剧了国际市场对伊朗原油出口减少的担忧，20日国际原油期货价格继续上涨。美国原油期货当日上涨1.85美元至每桶105.09美元，接近此前触及的9个月高点105.21美元，北海布兰特原油期货升至每桶121美元上方的8个月高位。有分析认为，中国放松货币政策的迹象以及对希腊</t>
  </si>
  <si>
    <t>中国空调品牌在日建首个研发中心</t>
  </si>
  <si>
    <t>海尔再次在世界家电同行面前展示了作为全球化企业的魄力。近日，连续三年蝉联全球白电第一品牌的海尔，在日本成立变频空调研发中心。海尔空调相关负责人表示，作为海尔全面加快技术创新步伐的重要步骤之一，日本变频空调研发中心不但是中国空调品牌在日本建立的首个研发中心?</t>
  </si>
  <si>
    <t>日本月逆差创新高  躲过降级难企稳</t>
  </si>
  <si>
    <t>日本财务省20日公布的贸易速报数据显示，今年1月份日本出现14750亿日元(约合185亿美元)贸易逆差，创有统计以来单月贸易逆差额新高。彭博社之前对28名经济学家调查预测日本逆差将达1.46万亿日元。　　　　数据显示，1月份日本出口额为4.5102万亿日元(566亿美元)，同比减少9.</t>
  </si>
  <si>
    <t>浓盐水直排入海需防酿“死海”</t>
  </si>
  <si>
    <t>国务院办公厅日前发布了《关于加快发展海水淡化产业的意见》(简称《意见》)，其中提及“到2015年，我国海水淡化能力达到220万-260万立方米/日”，即相对于2011年底大幅增长约4倍。多位水利、环保专家向《经济参考报》记者表示，目前沿海地区尤其是海水自净能力较差的环渤海地</t>
  </si>
  <si>
    <t>渤海湾海岸线上的生态“听诊器”</t>
  </si>
  <si>
    <t>当康菲漏油事件让我们再次聚焦渤海湾这片海域的时候，我们才发现曾经美丽的渤海湾已经面目全非：由于过度开发、超标排放、溢油污染等原因，渤海湾生态持续恶化，整个渤海近岸，除了河北秦皇岛南、北戴河和大连附近少量海岸线外，其余海岸线完全被污染线圈住，水体污染?</t>
  </si>
  <si>
    <t>中日商谈贸易本币结算</t>
  </si>
  <si>
    <t>国务院副总理王岐山19日在中南海会见日本财务大臣安住淳。双方表示将在贸易本币结算方面进行积极探索。随着国际经济格局“东升西落”，越来越多国家以拓展人民币“国际使用”为契机加强与中国的经济合作，专家称中国也应抓住机遇走好人民币国际化道路。　　　　王岐山强调?</t>
  </si>
  <si>
    <t>希腊如何破解改革难题</t>
  </si>
  <si>
    <t>破产边缘的希腊迫切需要财税改革，但希腊政治家却左右摇摆，迟迟不见行动；而在雅典街头，大规模民众抗议不断，甚至引发严重流血事件。这充分表明，希腊社会对改革的态度是分裂的，或者说，在普通希腊人眼中，当前以紧缩财政为中心的改革出现了“污名化”。　　　　改革，?</t>
  </si>
  <si>
    <t>2012年的美国经济令人无法看好</t>
  </si>
  <si>
    <t>1988年进入中国社会科学院世界经济与政治研究所，历任实习研究员、助理研究员、副研究员和研究员。曾赴美国伊利偌依大学访问学者一年，日本亚洲经济研究所访问研究员半年。享受政府特殊津贴，中国社会科学院长城学者，现任中国社会科学院职称评定委员会委员，所学术委员会?</t>
  </si>
  <si>
    <t>给巴西狂欢节算笔经济账</t>
  </si>
  <si>
    <t>去年全球热卖的动画电影《里约大冒险》有一桥段：男主人公图里奥开车带着女主角行驶在里约热内卢科巴卡帕纳海滩边的公路上，突然一群人戴着面具扭着腰肢横穿而过，吓了女主角一跳。图里奥解释说，这是赶上了狂欢节这个全世界最大的派对。正说着，面前走过一位皮肤黝黑的桑巴?</t>
  </si>
  <si>
    <t>胡佛与他的隐秘生活</t>
  </si>
  <si>
    <t>约翰·埃德加·胡佛1924年起担任美国调查局、联邦调查局局长，直到1972年死于任上。在他长达48年的任期中，对政府高级官员、自由主义政治人士和民间政治团体领袖展开调查，对国家政治生活产生极大影响。　　　　克林特·伊斯特伍德执导的新片《胡佛》今年1月20日在英国上映</t>
  </si>
  <si>
    <t>“东部硅谷”—纽约的新名片</t>
  </si>
  <si>
    <t>一直以来，纽约的城市名片是“金融之都”。但在2008年开始的金融危机中，华尔街伤痕累累。这个大都会开始寻求多元化发展。    工科出身、后来创建了彭博新闻社的纽约市长迈克尔·布隆伯格为这座城市找到新的标签。根据他的宏伟蓝图，未来纽约将被打造成美国“东部硅谷”、?</t>
  </si>
  <si>
    <t>藏书票：比邮票还早的冷门藏品</t>
  </si>
  <si>
    <t>比利时国际木刻大师麦绥莱勒的19幅版画藏书票原作及近30多个国家的铜版、木版、石版、丝网版、综合版等版画藏书票精品300余件，目前正在位于天津汉沽的国际版画藏书票收藏馆展出。由于麦绥莱勒的版画在国内存量不多，所以此次展览尤为被业界关注。　　　　藏书票是张贴在书</t>
  </si>
  <si>
    <t>中外铁矿石定价中心“争夺战”升温</t>
  </si>
  <si>
    <t>《经济参考报》日前从接近北京国际矿权交易所(北矿所)的人士处了解到，自中国铁矿石交易平台启动后，北矿所已和力拓、淡水河谷以及澳大利亚第四大矿山FMG进行了多次会面和谈判，希望游说矿山作为会员加入。据他透露，矿山都在观望，并未表现出特别强烈的意愿，但目前和中国之</t>
  </si>
  <si>
    <t>交强险将对外资开放</t>
  </si>
  <si>
    <t>交强险终于确定要向外资保险公司开放了。　　　　中美双方近日发布了中美战略与经济对话框架下经济对话议定的《关于加强中美经济关系的联合情况说明》，其中提及“目前中方已决定对外资保险公司开放交强险，在完成修改相关法规等程序后，将正式颁布实施。”业内人士预计，?</t>
  </si>
  <si>
    <t>奥林巴斯：未终结的丑闻</t>
  </si>
  <si>
    <t>奥林巴斯丑闻仍在发酵。    16日，日本东京检方和警方以涉嫌违反金融商品交易法逮捕了奥林巴斯公司前总裁菊川刚等7人。同时遭逮捕的，还有奥林巴斯公司前副总裁森久志、前审计董事山田秀雄，以及4名涉嫌参与奥林巴斯隐瞒投资亏损的证券和投资从业人员。    20年前，因投?</t>
  </si>
  <si>
    <t>澳大利亚再掀淘金热</t>
  </si>
  <si>
    <t>澳大利亚夫妇林肯·帕森斯和金·埃利斯在新南威尔士州经营一家淘金工具店，眼看黄金价格攀升，生意越来越好，两人坐不住了，他们收拾卡车，准备前往西部淘金。　　　　“人们称之为淘金热有一定的道理，”埃利斯告诉德新社记者，“店里生意相当红火，我们想去那里，自己动?</t>
  </si>
  <si>
    <t>必和必拓澳洲遭遇煤矿集体罢工</t>
  </si>
  <si>
    <t>世界矿业巨头澳大利亚必和必拓公司大约3500名工人15日开始为期7天的罢工。当地工会称，这将构成澳大利亚10年来规模最大的行业停产。　　　　参加罢工的工人来自必和必拓位于昆士兰州的煤矿。建筑、林业、矿业和能源工会说，罢工影响鲍恩盆地7座煤矿，这些矿正常情况周产量?</t>
  </si>
  <si>
    <t>美式金融垄断  埋下美国“愤怒之年”</t>
  </si>
  <si>
    <t>20世纪80年代以来，美式金融垄断资本恶性膨胀，金融寡头不择手段敛财，导致贫富差距急剧扩大。美国著名经济学家保罗·克鲁格曼认为：“这已不仅仅是社会平等问题，而是美国曾经的一个基本信念和道义——老板收入大大超过普通员工将不利于士气——的崩塌。”诺贝尔经济学奖获?</t>
  </si>
  <si>
    <t>中概股机会来了么？</t>
  </si>
  <si>
    <t>去年纽约股市中因财务等问题屡遭“做空”而领跌的中国概念股，今年以来以约13%至17%的涨幅，跑赢了纳斯达克、标普500、道琼斯工业指数三大股指。美国骑士资本公司副总裁马克·奥托就此接受《经济参考报》“金融大家谈”栏目专访时表示，尽管近期中概股已出现明显涨幅，但过去</t>
  </si>
  <si>
    <t>欧元区财长会议取消  救助希腊再搁置</t>
  </si>
  <si>
    <t>欧元集团主席、卢森堡首相容克14日晚间表示，由于希腊仍无法满足国际救助方提出的全部条件，欧元区决定取消原定于15日在布鲁塞尔召开的财长会议。　　　　容克表示，希腊、欧盟和国际货币基金组织(IMF)联合稽核工作人员在若干领域仍有“进一步技术工作”需完成，包括找出再</t>
  </si>
  <si>
    <t>调增对欧元投资比重</t>
  </si>
  <si>
    <t>近两天，中国高层接连表态将携手欧洲应对欧债危机问题。国务院总理温家宝14日在第十四次中欧领导人会晤时表示，中方已经做好了加大参与解决欧债问题力度的准备。15日，中国人民银行行长周小川表示，中国央行始终保持对欧元的投资，并且随着外汇储备的不断增加，还在调增对欧?</t>
  </si>
  <si>
    <t>“日本制造”为何滑坡</t>
  </si>
  <si>
    <t>对日本制造业来说，2011年不是一个好年头。从各个公司财报看，4至12月，制造业上市企业经营状况总体不佳，经营利润同比锐减三成之多。　　　　具体说来，日本钢铁业整体亏损210亿日元，汽车业虽盈利7171亿日元，但利润较上年同期减少54.6%，精密器械业利润减少40.5%，化学?</t>
  </si>
  <si>
    <t>全球步入去杠杆化艰难期</t>
  </si>
  <si>
    <t>由于希腊政府没有满足国际救助方提出的政治保证，原定于15日的希腊新救助协议谈判再次搁浅。　　　　久拖不决的债务危机和经济紧缩已经对希腊经济造成了沉重的打击，2011年希腊步入了第五个衰退的年头，严厉的财政紧缩和经济衰退让希腊债务状况进一步恶化，债务违约的宿命?</t>
  </si>
  <si>
    <t>境外机构非法渗透“坐大”地下汇市</t>
  </si>
  <si>
    <t>《经济参考报》记者日前在福建、浙江、广东等沿海地区调研发现，外汇保证金交易2008年被监管部门叫停后至今未恢复。在我国银行的外汇衍生交易发展滞后的现状下，一些境外金融机构大肆吸引我国居民参与外汇期货和保证金交易，形成了庞大的地下炒汇市场，导致大量外汇资金流出?</t>
  </si>
  <si>
    <t>互联网新泡沫论是杞人忧天？</t>
  </si>
  <si>
    <t>作为谷歌以后最有新闻价值的IPO，社交网络Facebook2月初向美国证券交易委员会提交招股书赚足眼球。　　　　这家年轻公司，仅用了8年就从哈佛大学转到硅谷，又从硅谷走进华尔街，并将以最高募股50亿美元成为美国历史上最大科技股IPO案例，如此“丰功伟绩”似乎也没有被冷落?</t>
  </si>
  <si>
    <t>看多中国源于对中国经济充满信心</t>
  </si>
  <si>
    <t>近年来，中国经济保持了强劲的增长势头，并且在2010年底超过日本成为世界第二大经济体。今后，如何充分发挥金融这一现代经济核心在我国经济崛起中的关键性作用意义非凡。　　　　《看多中国》的作者聂庆平现任中国证券金融公司总经理，作为早期中国股票市场制度建设的参与?</t>
  </si>
  <si>
    <t>奥巴马新预算案赤字达1.33万亿美元</t>
  </si>
  <si>
    <t>美国总统奥巴马13日向国会提交了2013财年总额3.8万亿美元的预算案。该提案将令美国政府2012年财政赤字连续第四年超过1万亿美元，被美国共和党人抨击没有认真应对美国债务负担日益加重的现状。同时意味着奥巴马在第一届任期届满时将无法兑现其赤字减半的承诺。　　　　医改?</t>
  </si>
  <si>
    <t>苹果股价首破500美元创新高</t>
  </si>
  <si>
    <t>受上一季iPhone及iPad销售额创下纪录的刺激，苹果14日股价上涨近2%，即9.18美元，收盘首次突破500美元大关，报收于502.60美元，这也使其市值逼近5000亿美元，成为全球价值最高公司。美国投资公司SternAgee&amp;　Leach分析师ShawWu说，这只股票似乎获得了一些它应得的尊重。他给?</t>
  </si>
  <si>
    <t>下调欧元区六国评级  穆迪称已“手下留情”</t>
  </si>
  <si>
    <t>全球主要评级机构穆迪投资者服务公司13日下调意大利、西班牙、葡萄牙、斯洛文尼亚、斯洛伐克和马耳他的主权债务信用评级，同时把法国、英国和奥地利的评级展望定为“负面”。　　　　穆迪方面13日决定，下调欧元区六国的主权债务信用评级。其中，意大利主权信用评级从A2下?</t>
  </si>
  <si>
    <t>苹果的知识产权战略有“残缺”</t>
  </si>
  <si>
    <t>在市场竞争日益激烈的今天，一个公司与他人在专利权、商标权、著作权等无形资产方面出现纠纷并不稀奇，而美国苹果公司在商标方面不仅有iPad商标的纠纷，还有“苹果”、“iPhone”、“AppStore”等一系列的商标纠纷实为鲜见，暴露出该公司在知识产权战略和无形资产创造与管理?</t>
  </si>
  <si>
    <t>默克尔访华展示中欧合作新前景</t>
  </si>
  <si>
    <t>刚刚参加完欧盟峰会，德国总理默克尔就马不停蹄地于2月2日至4日对中国进行正式访问。此次也是默克尔自2005年上任以来的第五次访华。今年又恰逢中德建交40周年，可以说，本次默克尔对中国的访问或将起到“展望未来”的作用。也就是说，不仅可以进一步充实中德战略伙伴关系的实</t>
  </si>
  <si>
    <t>欧洲失业青年巴西寻机会</t>
  </si>
  <si>
    <t>欧洲金融危机持续发酵，数万失业青年离开欧洲到其它国家谋发展。巴西去年一举超过英国成为世界第六大经济体。由此巴西自然成欧洲新移民的“淘金胜地”。　　　　逃离危机　　　　西班牙夫妇安德烈斯·贝拉尔德和玛丽亚·帕伦西亚都是建筑师。西班牙房地产泡沫破裂后两人?</t>
  </si>
  <si>
    <t>伦敦欲建人民币离岸中心尚欠火候</t>
  </si>
  <si>
    <t>在刚刚结束的伦敦“金融城周”中，人民币离岸交易是整个伦敦金融城最热门的话题。英国财政大臣奥斯本1月中旬访华期间重点推进了伦敦成为人民币离岸市场有关事宜，这是继去年中国副总理王岐山访英、中英双方就伦敦作为人民币交易中心的问题达成了协议后的另一个重要动作。</t>
  </si>
  <si>
    <t>警惕次贷危机卷土重来</t>
  </si>
  <si>
    <t>“拜尔斯先生，现在贷款利率这么低，你想要申请房屋的重新贷款吗？”这是美国报纸《资本市场》的编辑丹·拜尔斯最近在银行的遭遇。美国楼市低迷让这位贷款买房者感到无比的失落。若说工业生产、失业率等多项经济指标转暖让连任压力颇大的奥巴马喘了一口气的话，压在他胸口的?</t>
  </si>
  <si>
    <t>《太阳报》高层再被捕  默多克赴英灭火</t>
  </si>
  <si>
    <t>据外媒报道，英国警方证实，涉嫌卷入新闻界窃听丑闻的5名《太阳报》记者、两名警察以及一名国防部工作人员11日被逮捕。　　　　警方说，5名记者年龄介于45岁到68岁之间，涉嫌行贿与教唆。新闻集团证实，被捕的《太阳报》5人分别是：副主编杰夫·韦伯斯特、首席记者约翰·凯</t>
  </si>
  <si>
    <t>希腊新紧缩方案暂缓违约压力</t>
  </si>
  <si>
    <t>希腊议会13日凌晨以2/3多数通过了与欧盟和国际货币基金组织达成的第二轮救援贷款协议，为希腊避免债务违约创造了条件。本周欧洲财长们随后将开会，预计还将顺利通过债券置换计划。但目前希腊仍面临国内民众不满和欧盟财政铁律的内外压力，难言摆脱危机。　　　　为第二轮救</t>
  </si>
  <si>
    <t>美初裁中国风电产品损害其产业</t>
  </si>
  <si>
    <t>《经济参考报》记者13日从中国机电产品进出口商会获悉，美国国际贸易委员会已经于10日裁定从中国进口的应用级风塔对美国相关产业造成了实质性损害。这一裁决意味着美国商务部将继续对中国输美风电产品展开反倾销和反补贴“双反”调查。　　　　根据美国贸易救济案处理程序?</t>
  </si>
  <si>
    <t>苹果逼日韩彩电业开战</t>
  </si>
  <si>
    <t>近来，IT巨头切入电视领域给全球彩电业的发展节奏带来了变化：新一轮的全球彩电价格战已经打响。　　　　据海外媒体报道，韩国三星电子表示将于近期推出一些廉价的大屏幕电视机产品，以满足不断增长的市场需求。不难想见，在全球消费电子市场需求相对低迷的背景下，韩国彩?</t>
  </si>
  <si>
    <t>中国经济体制改革仍需深入</t>
  </si>
  <si>
    <t>对于中国经济体制改革来说，加入世界贸易组织既是重要结果，也是崭新起点。加入世贸组织给中国改革注入新的动力，按照发展社会主义市场经济的基本要求，在世界贸易组织相关协定的促进下，中国经济体制改革继续向前推进，取得新的进展。　　　　一、入世以来中国经济体制改?</t>
  </si>
  <si>
    <t>市场开放与贸易争端将成焦点</t>
  </si>
  <si>
    <t>国家副主席习近平将于13日开始对美国进行正式访问。有专家分析，作为中美关系中的重要组成部分，双边经贸问题在此次访美中尤为重要，双边市场开放、贸易争端解决、合作空间拓展等将成为主要经贸议题。预计未来中美利益交融、相互依存的格局将进一步加深。在知识产权、新能源?</t>
  </si>
  <si>
    <t>欧宝濒危：都是通用的错？</t>
  </si>
  <si>
    <t>百年老店欧宝汽车公司亏损扩大，2011年可能达到惊人的10亿美元。欧宝的母公司通用汽车耐心渐失，准备对欧宝采取更严厉的节支措施，期望在短期内欧宝能扭亏为盈。但对一个十几年来持续亏损的公司来说，这有没有指望实在令人存疑。    一个在德国有150年历史的汽车企业濒临倒</t>
  </si>
  <si>
    <t>美国政府与花旗等达成和解协议</t>
  </si>
  <si>
    <t>9日，美国政府表示已与通用汽车金融服务公司、美国银行、花旗集团、摩根大通公司以及富国银行达成了一项规模达260亿美元的协议，从而给这些银行一年来为了结止赎不当行为调查所作的努力画上句号，该协议将成为迄今为止涉及联邦政府与各州金额最高的和解协议。    We have r</t>
  </si>
  <si>
    <t>扎克伯格：从“校园CEO”到“最年轻富翁”</t>
  </si>
  <si>
    <t>“脸谱”(Facebook)申请首次公开募股(IPO)的消息一石激起千层浪。作为硅谷领军者，Facebook在投资人眼中的火爆程度，让人不禁想起五年前的谷歌(Google)，其上市必将成为近十年来美国高技术产业发展的里程碑。　　　　Facebook的上市让其创始人扎克伯格再次成为焦点。他一头</t>
  </si>
  <si>
    <t>日本如何解决“以药养医”问题</t>
  </si>
  <si>
    <t>我国提出在十二五期间深化医疗制度改革，全面取消“以药补医”的目标。如何顺利将医疗与药品行业剥离，并理顺补偿措施、并促进两个行业发展的制度，是当前社会的热点话题。　　　　日本建立现代医疗制度、实现医药分业经历了一段很长的过程，通过建立全民参保的国民健康保?</t>
  </si>
  <si>
    <t>日本彩妆文化：社会的一面镜子</t>
  </si>
  <si>
    <t>对于日本女性来说，化妆是生活中必不可少的一部分，化妆不仅是将自己装扮美丽，是仪表修养的体现，在人际关系的构筑上也起着重要作用。纵观数十年来日本彩妆的流行趋势，不难发现它与社会环境和时代氛围息息相关，可谓社会的一面镜子。　　　　在东京举行的一场流行彩妆讲?</t>
  </si>
  <si>
    <t>英国最贵公寓楼缺人气</t>
  </si>
  <si>
    <t>由4幢豪华公寓楼组成的“海德公园1号”住宅项目位于英国首都伦敦的黄金地段，均价超过英国其他任何公寓楼，开盘时备受关注。然而，4年多过去，这个项目仍有近1/3公寓没有售出，已经售出的公寓许多无人入住，晚上只有零星几个窗口透出灯光，与周围的万家灯火形成鲜明对比。?</t>
  </si>
  <si>
    <t>专利讼战：苹果的缺口有多大</t>
  </si>
  <si>
    <t>2011年4月，苹果在美国起诉三星，认为其Galaxy系列产品“严重抄袭”了自己的iPhone及iPad系列产品，从而开始了与三星为首的安卓阵营手机制造商的专利诉讼之战。随后，在10个国家，苹果和三星卷入了20起诉讼纷争，互相指称对方侵犯了自己的专利。　　　　苹果-三星大战的进?</t>
  </si>
  <si>
    <t>全球网络主导权争夺烽烟骤起</t>
  </si>
  <si>
    <t>时下，互联网空间正日益成为国际竞争的新焦点。美国、英国、德国等欧美发达国家已纷纷制定网络安全国家战略，参与争夺全球网络空间主导权。对于这一领域日趋激烈的竞争态势，有专家指出，我国网络空间的技术、行动能力和欧美发达国家相比，存在明显差距，已经成为未来政治、?</t>
  </si>
  <si>
    <t>多国反制  欧盟碳排放税或被迫调整</t>
  </si>
  <si>
    <t>美国参院6日通过法案，明确反对欧盟向飞经欧洲的航班征收碳排放税。据印度媒体日前报道，中国、美国、俄罗斯及印度等20余个国家将于本月21日在莫斯科召开会议，共同商议应对欧盟航空碳排放交易体系的对策。美国和中国官方日前明确表态，反对本国航空企业缴纳欧盟航空碳排放税</t>
  </si>
  <si>
    <t>光伏企业“吃补贴过活”难以为继</t>
  </si>
  <si>
    <t>2011年全球光伏总装机量24GW，而目前国内已建和在建光伏产能高达50GW。受欧债危机影响，德国和意大利等国已大幅下调光伏补贴，国际市场对光伏组件和设备的需求进一步萎缩，使得长期依靠外需的国内光伏产业遭受重挫。据业内人士介绍，江苏等地部分光伏企业已经停产甚至倒?</t>
  </si>
  <si>
    <t>网民：就应对欧盟航空碳税“说不”</t>
  </si>
  <si>
    <t>据媒体报道，近日，民航局发布公告称，未经政府有关部门批准，禁止中国境内各运输航空公司参与欧盟排放交易体系。　　　　对此，不少网民表示支持。有网民质疑欧盟征收碳税的真实意图并不是保护环境，而是要钱；还有网民则为应对欧盟征收航空碳税“支招”。　　　　欧盟?</t>
  </si>
  <si>
    <t>欧美酝酿诉我稀土出口限制措施</t>
  </si>
  <si>
    <t>世贸组织(WTO)原材料案终裁刚一公布，欧美就把诉讼延伸到我国另一稀缺资源———稀土。《经济参考报》记者从业内获悉，欧美着手将中国稀土出口限制措施诉诸WTO。　　　　然而，我国去年以来的稀土出口配额根本没有用完，原材料案中被诉讼的铝土和锌也一直没有出口。市场供?</t>
  </si>
  <si>
    <t>“三驾马车”逼宫  希腊拖不起</t>
  </si>
  <si>
    <t>为获取第二轮外部救助，希腊政府从去年年底开始展开多轮谈判，但谈判多次陷于僵局，一直难以达成令各方均比较满意的协议。希腊新一轮救助谈判缘何僵持不下，又如何才能打破僵局？　　　　去年10月，欧盟领导人同意由欧盟、国际货币基金组织(IMF)和欧洲中央银行向希腊提供总</t>
  </si>
  <si>
    <t>惠誉标普：全球经济复苏疲弱</t>
  </si>
  <si>
    <t>8日，惠誉、标准普尔两大评级机构分别发布了基于当前全球经济形势的2012年全球以及亚洲的经济展望。两家评级机构指出，目前全球经济复苏疲弱，各国经济发展都面临诸多不确定性。标普强调，为了避免可能出现的波动，亚洲各国应果断采取相应的决策来应对潜在风险。　　　　信</t>
  </si>
  <si>
    <t>赴欧寻找“好买卖”须防范风险</t>
  </si>
  <si>
    <t>德国总理默克尔结束访华行程，欧盟代表团也将于近期来华参加中欧峰会。欧洲在与我国频繁的走动中有一个核心议题不能忽视，即吸引中国资本赴欧洲投资。　　　　应该承认，中欧实力对比已经并将继续发生显著变化，而且欧洲需要适应这种变化，为自身的发展谋利益。将欧盟成员?</t>
  </si>
  <si>
    <t>“僵尸银行”会缠上欧洲吗</t>
  </si>
  <si>
    <t>僵尸比死尸更可怕“僵尸银行”(Zombiebank)比破产银行更恐怖。太多潜伏的“僵尸银行”，成为推动危机螺旋式恶化的重大隐患。当前愈演愈烈的欧债危机，就使得不少银行有化身“僵尸银行”的可能。　　　　“僵尸银行”作为一个词汇，最早出现是在1987年，美国波士顿学院金融?</t>
  </si>
  <si>
    <t>对接东盟  八桂城市千帆竞发</t>
  </si>
  <si>
    <t>战国时期，岭南称百越之地，广西属百越的一部分。公元前214年，秦王朝统一百越，在岭南设置桂林、南海和象郡，其中桂林郡和象郡包括今广西大部分地区。宋初，广西绝大部分地域属广南西路，后简称广西路，通常认为这是“广西”名称的由来。民国初期广西省会是在桂林，一般认为</t>
  </si>
  <si>
    <t>希腊被迫退出欧元区担忧再起</t>
  </si>
  <si>
    <t>希腊总理卢卡斯·帕帕季莫斯7日继续与联合政府内各党代表会晤，旨在满足下一笔来自国际机构纾困贷款所附带的紧缩财政条件。欧盟表示，谈判已超过欧盟执委会规定的最后期限。　　　　同时，希腊发新债还旧账以及同私人投资者之间的债务减记谈判都在进行，市场再度担忧希腊被</t>
  </si>
  <si>
    <t>为欧债危机多砌一道“防火墙”</t>
  </si>
  <si>
    <t>也许，中国是时候考虑为欧债危机多砌一道“防火墙”了。　　　　关于救不救欧洲重债国家，此前国内颇多争论。但今年形势逼人，不仅意大利、希腊等国迎来偿债高峰期，且财政紧缩政策之下多国经济步入二次衰退危险期。　　　　欧洲的问题最终要靠欧洲人自己解决，但为其提?</t>
  </si>
  <si>
    <t>防城港：小渔村变成西部沿海第一大港</t>
  </si>
  <si>
    <t>昔日的西南边陲小渔村，今天的西部沿海第一大港，未来中国对接东盟的前沿门户!随着广西北部湾经济区开放开发进一步深化，作为我国西部沿海港口的龙头，广西防城港迎来了难得的发展机遇。防城港市委书记刘正东表示，防城港将深入实施以港立市、以开放兴市、以工贸强市、以文化</t>
  </si>
  <si>
    <t>瑞士两公司拟联手打造第四大矿业巨头</t>
  </si>
  <si>
    <t>犹太人正在用自己的智慧构建一个新的矿业大鳄。前后历时5年之久并且一直刻意保持低调，大宗商品贸易公司嘉能可(Glencore International AG)和矿商斯特拉塔(XstrataPLC)这两家瑞士公司正在为进行全股票形式的对等合并展开谈判并积极冲刺，并意图构建一个市值规模约880亿美元的</t>
  </si>
  <si>
    <t>美式竞价可灭IPO“三高”</t>
  </si>
  <si>
    <t>2009年6月启动的新股发行体制市场化改革已取得成效。然而，由于中小板和创业板仍处在初创期，市场规模还很狭小，新股发行供不应求，在现行的荷兰式竞价法则下，IPO本能地出现了“三高”现象。因此，我们有必要在网下询价技术上作一些细节上的修订与变革，比如，将现行“荷兰?</t>
  </si>
  <si>
    <t>评级机构“杀伤力”变小</t>
  </si>
  <si>
    <t>新年伊始，标普接连下调了欧元区9个国家以及欧洲金融稳定工具(EFSF)的信用评级，向金融市场丢了几枚“重磅炸弹”。但有意思的是，这几枚“炸弹”并没有掀起太大的风浪。无论是欧洲的股市、欧元区的国债收益率还是欧元的汇率，并没有出现多大的波动。　　　　坦率地说，标普</t>
  </si>
  <si>
    <t>欧债危机困扰  主要央行将续推“宽松”</t>
  </si>
  <si>
    <t>欧洲央行、英国央行与澳大利亚央行本周都将召开货币政策会议。由于希腊债务谈判开始倒计时，欧债危机压力与日俱增，外界预计各央行仍将维持宽松立场。此外，新兴经济体也料将继续维持宽松政策以刺激经济。    欧洲央行9日将结束货币政策会议，并宣布利率决议。不少分析认为</t>
  </si>
  <si>
    <t>财政联盟是解决欧债危机根本之道</t>
  </si>
  <si>
    <t>不久前，世界银行和国际货币基金组织(IMF)纷纷下调了2012年全球经济增长预期，IMF两年来首次表示，欧元区17国2012年可能陷入轻度衰退。2009年末，发端于希腊的欧洲主权债务危机可以说“功不可没”，欧债危机无疑是横亘在世界经济复苏进程中的一道难题，在前不久结束的达沃斯?</t>
  </si>
  <si>
    <t>治理海洋污染刻不容缓</t>
  </si>
  <si>
    <t>海洋污染不仅是中国面临的棘手问题，也是关系着人类生存与经济可持续性发展的重大问题。据报道，从2000年开始，我国海域海水受污染面积超过了14万平方公里，最严重的时候超过20万平方公里。污染海域主要分布在人口密集、工业发达的大中城市邻近海域以及河口、海湾等地。　?</t>
  </si>
  <si>
    <t>美国经济能否“基业长青”</t>
  </si>
  <si>
    <t>面临经济复苏和连任压力的美国总统奥巴马近日在国会发表国情咨文。与去年的国情咨文演讲相近，奥巴马着重阐述了如何提高美国的经济竞争力，提出要多管齐下搭建“基业长青”的美国经济。但是在政治边缘主义盛行的华盛顿，美国经济之树若想“基业长青”，需要民主、共和两党用?</t>
  </si>
  <si>
    <t>欧元区施压希腊：不改革就破产</t>
  </si>
  <si>
    <t>希腊踌躇不前的改革进程令各国感到失望。欧元区各方日前集体施压：如果希腊不切实推进改革进程，将面临破产境遇。　　　　德国《明镜周刊》4日援引欧元集团主席容克的话说，如果希腊不实行该国政府已同意的改革，那就不能再期望从其他欧元区成员国获得援助，这意味着希腊将</t>
  </si>
  <si>
    <t>LIBOR调查深入  瑞银花旗“候审”</t>
  </si>
  <si>
    <t>据外媒报道，随着伦敦银行间拆放款利率(LIBO R )调查案逐步加深，瑞银集团(U BS)、瑞士信贷集团(Credit Suisse)、花旗集团(Citigroup)等12家美国、欧洲和日本银行目前正面临瑞士竞争委员会(CO M CO )的调查。　　　　T he S w iss C om petition C om m ission(C O M C O )</t>
  </si>
  <si>
    <t>从产权缺失角度看中国分配问题</t>
  </si>
  <si>
    <t>社会财富分配不公平的问题是当今世界很多国家都面临的一个棘手问题，无论是发生了“占领华尔街”运动和伦敦骚乱事件的美国、英国，还是巴西、印度等发展中国家，都面临着这个问题。这个问题也是困扰今天中国经济社会发展的矛盾之一。但是，问题解决起来难度很大，可以说“积?</t>
  </si>
  <si>
    <t>世界经济“双循环”结构与中国“逆”调控</t>
  </si>
  <si>
    <t>2011年世界经济的总体特点是虚拟经济与实体经济的异化程度降低，经济形势波动起伏，机遇和挑战并存。美国经济进入复苏轨道，欧元区经济形势依旧复杂，但主导国家立足于机制性、根本性的解决思路逐步明朗，欧元区内部“小循环”与美欧“大循环”都着手设立。我国经济总体运行?</t>
  </si>
  <si>
    <t>德国总理默克尔说：中德关系有非常好的发展前景</t>
  </si>
  <si>
    <t>2月2日上午，德国总理默克尔访问了中国社会科学院，并就国际经济金融形势、政策尤其是中德关系发表了演讲。　　　　默克尔说，中德关系是一个战略伙伴关系，这次对中国访问，就是继续这种战略伙伴关系。今年在德国柏林进行了中国文化年的启动。中德两国间每年在有争议的问?</t>
  </si>
  <si>
    <t>对外合作要坚持开放的态度</t>
  </si>
  <si>
    <t>“2011年中国电影海外票房同比下降”“2012年奥斯卡华语电影再次全军覆没”——新年伊始的两则消息，让人再次感到中国电影走出去的艰辛步伐。    事实上，中国电影人始终没有停止海外推广的努力：    ——与美国华纳建造中国第一家中外合资的电影院——永华电影城；</t>
  </si>
  <si>
    <t>全球弱势经济倒逼“迂回性”货币政策</t>
  </si>
  <si>
    <t>本报对数十家全球权威机构和经济学家的最新调查显示，欧债危机是导致今年各大央行政策转变的引线，许多国家特别是新兴经济体一改几个月前逐步紧缩的货币政策，迂回到了金融危机时的宽松政策。　　　　机构预计2012年美联储或推出新一轮量化宽松货币政策(QE3)，欧洲央行将更</t>
  </si>
  <si>
    <t>舆论漩涡中的海外中医</t>
  </si>
  <si>
    <t>新年伊始，超过400名澳大利亚西医、相关学者及科技界人士签名反对大学开设中医教学课程，并指责中医草药、针灸、按摩等补充疗法为“江湖骗术”，相关消息刊载于《悉尼先驱晨报》，澳大利亚广播公司还组织了电视辩论节目，引发社会广泛关注。　　　　稍通行业信息的人都知道</t>
  </si>
  <si>
    <t>Facebook申请上市筹资50亿美元</t>
  </si>
  <si>
    <t>2月1日，美国社交网站Facebook（脸谱）表示已向美国证券交易委员会(SEC)提交首次公开募股(IPO)申请，拟筹资50亿美元，这将有望成为迄今美国互联网企业规模最大的上市交易之一。　　　　Facebook在其提交的申请文件中指出，其用户总量有8.45亿，同比增长39%；日均活跃用户为</t>
  </si>
  <si>
    <t>普拉萨特接替罗盛中：家乐福又到“岔路口”</t>
  </si>
  <si>
    <t>忍耐都是有限度的。　　　　当家乐福再次公布令人失望的财报后，大股东财团联盟“蓝色资本”终于采取行动，让法国资本市场上关于首席执行官罗盛中被炒的刺耳传言变成了冷冰冰地现实。接替罗盛中(LarsOlofsson)的，是法国零售领域经验丰富、有着“清洁工”之称的危机处理专?</t>
  </si>
  <si>
    <t>雷诺加价卖库存一年车被裁“换新”</t>
  </si>
  <si>
    <t>《经济参考报》记者日前接到投诉，武汉徐女士在不知情之下，以高于当时市场价（29.28万元）的价格（29.3万元），购得一辆出厂期超过一年的法国雷诺“库存车”，武汉市仲裁委员会作出“原车换新”的裁决后，经销商却延迟履行超过两个月。　　　　全国乘用车市场信息联席会副</t>
  </si>
  <si>
    <t>欧洲需要多高的防火墙</t>
  </si>
  <si>
    <t>欧债危机野火漫卷，为延阻火势，开挖防火沟、搭建防火墙迫在眉睫。但关键的问题，就是这个金融防火墙，究竟该建多高？或者，用另一个欧洲领导人颇喜欢的热词，攻破危机的金融火箭筒，火力究竟该多强？　　　　在对策问题上，目前大致存在两个阵营，一是欧洲大陆阵营，德国?</t>
  </si>
  <si>
    <t>共同债券不是欧债危机解决之道</t>
  </si>
  <si>
    <t>欧洲债务危机不断发酵，也引出了无数军师竞相献计献策。乔治·索罗斯的意见当然更能引起大家的关注，比如欧盟需要推出共同债券这个主意，也许没多少新意，却有可能打动不少人心。至少他会得到正在饱受债务问题煎熬的希腊等国的欢迎。　　　　所谓的欧盟共同债券，无非是改?</t>
  </si>
  <si>
    <t>阿里巴巴“赎身”路漫漫</t>
  </si>
  <si>
    <t>为“赎身”，阿里巴巴集团(以下简称“阿里巴巴”)收购雅虎亚洲资产志在必得。但最新消息却显示，阿里巴巴和雅虎之间的交易可能变得前路漫漫。2月1日，据美国媒体报道，为了避免缴纳巨额税款，雅虎希望阿里巴巴和软银通过收购第三方资产，来完成复杂的股权置换交易。其中，收?</t>
  </si>
  <si>
    <t>防止金融业剑走偏锋</t>
  </si>
  <si>
    <t>从美国金融危机的教训来看，金融产品的功能越复杂，衍生的层次越多，经常会导致两个问题，第一是内在的风险性越大，第二是偏离实体更远。我们要保持金融服务实体经济，一是防止金融业出现创新过度而形成自弹自唱的情况，二是要实行金融改革。　　　　要防止金融业剑走偏锋?</t>
  </si>
  <si>
    <t>经济疲弱或令全球楼市今年普跌</t>
  </si>
  <si>
    <t>最新的数据和机构报告显示，受欧美经济疲弱影响今年全球楼市将面临严重考验，亚太地区更是首当其冲，有机构预测香港地区房价年内跌幅将达25%。　　　　2月1日澳大利亚统计局公布的数据显示，该国2011年第四季度8大城市房屋价格均值连续第四个季度下降。澳大利亚第四季度全?</t>
  </si>
  <si>
    <t>去美国并购并非有钱就行</t>
  </si>
  <si>
    <t>中国人现在富有了，到各国并购企业都“不差钱”。但是，虽然金钱很重要，但金钱不是万能的。我们的企业走出去的时候要研究当地的法律规则、政治游戏规则和商业游戏规则。　　　　虽然有钱，但还是按自己的老脑筋看问题是不行的。我们还要检视、反思自己的行为、政策等方面?</t>
  </si>
  <si>
    <t>21世纪技能呼唤教育变革</t>
  </si>
  <si>
    <t>《21世纪技能：为我们生存的时代而学习》一书，由甲骨文教育基金会全球业务主管伯尼·特里林和思科系统公司全球教育主管查尔斯·菲德尔合著。这本书开篇即指出，在美国，同样存在着与中国类似的一种现实尴尬：从专科学校和大学毕业的学生缺乏许多基本技能和应用技能，缺乏包?</t>
  </si>
  <si>
    <t>欧洲的美国“市政债”难题</t>
  </si>
  <si>
    <t>“半年前在此举办欧债危机研讨会，大厅里才坐了一半人，如今举办同样的活动，整个大厅座无虚席，可见欧债危机恶化的局面。”从伦敦飞到华盛顿的美国彼得森国际经济研究客座研究员彼得·布恩如是说。　　　　在旁观者看来，如果将空间坐标挪至大西洋的另一侧，布恩等欧洲人?</t>
  </si>
  <si>
    <t>美元霸权几时休</t>
  </si>
  <si>
    <t>去国外旅游时刷信用卡的国人常常会发现，即便是在东京秋叶原购买了价值数十万日元的尼康相机，最后收到的却是以美元计价的信用卡账单。整个消费过程似乎没有和美国发生任何关系，但美元就这么不请自来，要求在这笔跨国交易中占据主导地位。　　　　这就是美元的特权。二战?</t>
  </si>
  <si>
    <t>WTO终裁我原材料出口限制违规</t>
  </si>
  <si>
    <t>当地时间1月30日，世界贸易组织上诉机构就美国、欧盟、墨西哥诉中国原材料出口限制措施世贸组织争端案发布裁决报告，驳回中国基于环境保护或供应短缺就初步裁定提出的上诉请求，终裁我九种原材料出口限制违规。　　　　业内人士指出，这一诉讼案实为欧美“投石问路”之举，</t>
  </si>
  <si>
    <t>家乐福换帅  普拉萨特将铁腕重组全球业务</t>
  </si>
  <si>
    <t>全球第二大零售商、法国家乐福1月30日任命乔治斯·普拉萨特(GeorgesPlassat)接替罗盛中(LarsOlofsson)，执掌这家陷入盈利危机的老牌企业。　　　　据路透社报道，61岁的普拉萨特现任法国服装集团Vivarte首席执行官，将于4月2日以首席运营官的身份走马上任。在6月18日举行的</t>
  </si>
  <si>
    <t>2012：世界经济将处于格局大变迁前夜</t>
  </si>
  <si>
    <t>2012的春季来得特别早，而世界经济体系中的凛冽寒意却并没有因为春天的到来而退去。欧债危机、日本海啸、中东变局等一系列事件使得本已动荡不定的国际经济形势在继2011年之后，变得更加扑朔迷离：全球经济增速放缓，欧美主权债务危机加深，国际市场需求依然不足，欧美两大经?</t>
  </si>
  <si>
    <t>美国为何要夺回流失的“美国制造”</t>
  </si>
  <si>
    <t>奥巴马发表执政期间第三次国情咨文，确定2012大选竞选主题，并提出由美国制造、本土能源、劳工技术训练与美国价值等4大支柱，建构国家永续经营建设的蓝图，把“流失”的“美国制造”夺回来这是奥巴马政府欲重振美国经济的重要“轴心”。“美国制造”时代是否再次来临?　　?</t>
  </si>
  <si>
    <t>财政契约渐近  欧洲发债压力不减</t>
  </si>
  <si>
    <t>欧盟领导人30日齐聚布鲁塞尔参加今年首次非正式峰会，会上准备敲定新“财政契约”的内容细节，未来将赋予欧盟强大掌控权，能够干预“落难”欧元区国家的财政政策。财政失衡难以解决是欧债危机恶化直接原因，并将令欧洲本周巨大额度的发债迎来空前考验。　　　　据欧盟内部?</t>
  </si>
  <si>
    <t>拯救欧元：发展是硬道理</t>
  </si>
  <si>
    <t>欧元会灭亡吗？一年前在达沃斯论坛这还只是个危言耸听的说法，今年却成了达沃斯最主要的论题。几天前国际货币基金组织(IMF)发布的世界经济展望报告全面下调了今明两年全球经济增长预期，理由就是欧元区危机拖累了全球经济。报告认为，如果欧元区国家领导人任由债务危机恶化和</t>
  </si>
  <si>
    <t>神州租车逆市赴美IPO</t>
  </si>
  <si>
    <t>尽管神州租车在春节前打响了2012年中国公司赴美IPO的第一枪，大大提振了投资者和部分筹划登陆美国市场的中国公司的信心。但仍有不少投资界人士对神州租车此次IPO表示担忧，认为目前美国资本市场并未全面好转，而公司的营收状况也呈现出持续亏损，因此完全不必要在此时点逆市I</t>
  </si>
  <si>
    <t>“脸谱”上市进入冲刺阶段</t>
  </si>
  <si>
    <t>据《华尔街日报》日前引用知情人士的话说，美国社交网站“脸谱”(facebook)最早可能于本周提交IPO (首次公开募股)申请文件，公司估值大约在750亿美元至1000亿美元之间，最大融资规模为100亿美元。有分析指出，这将成为有史以来规模最大的科技公司上市行动。    目前，“脸?</t>
  </si>
  <si>
    <t>中美经贸又入多事之秋</t>
  </si>
  <si>
    <t>新春伊始，美国就频频释放出对华强硬信号，在即将迎来大选的2012年，中美经贸将步入多事之秋。　　　　美国总统奥巴马在24日晚发表的任内第三份国情咨文，对华贸易态度明显趋于强硬。他宣布建立一个贸易执法部门，专门负责调查所谓像中国这样的国家的“不公平贸易行为”。$</t>
  </si>
  <si>
    <t>达沃斯的制度之辩</t>
  </si>
  <si>
    <t>“2012世界经济论坛年会”29日在瑞士滑雪胜地达沃斯闭幕，本次大会的主题是“大转型：塑造新模式”，鲜活地体现了世界各国对当前已经走入困境的经济模式的困惑与反思。　　　　爆发于2008年的全球金融危机以及延续至今的欧债危机，充分暴露了当前资本主义制度的弊端。以美?</t>
  </si>
  <si>
    <t>欧元区的三种前途</t>
  </si>
  <si>
    <t>春节期间，欧债危机的阴霾仍然挥之不去，国际两大评级机构先后调低了几个债务问题严重国家的信用等级，悲观气氛仍然笼罩欧洲。从现有的信息分析，未来欧元和欧元区不外乎以下三种前途。　　　　第一种可能，欧元区解体，欧元崩溃，欧元区国家使用自己国家货币。这种可能性?</t>
  </si>
  <si>
    <t>中国外资流入增长动能趋缓</t>
  </si>
  <si>
    <t>在中国大地沉浸在欢度春节假期的放松气氛中时，联合国贸发会议发布的一份总结2011年到2012年全球外国直接投资(FDI)情况的最新一期《全球投资趋势监测报告》却发出谨慎的信号，为2012年中国FDI增长的趋势增添了更多不确定性，“谨慎乐观”成为了这份报告的关键词。　　　　?</t>
  </si>
  <si>
    <t>探访瑞士最后的淑女学校</t>
  </si>
  <si>
    <t>瑞士曾经有数十家专门培养女性社交礼仪和风度气质的贵族学校，又称精修学校。它们绝大多数因种种原因已经关门，其中包括培养过已故英国王妃戴安娜的学校。皮埃尔弗别墅学院是瑞士仅存的一所精修学校。　　　　学生来自世界各地　　　　在瑞士开办精修学校有着得天独厚的?</t>
  </si>
  <si>
    <t>柯达申请破产保护  明年完成美国业务重组</t>
  </si>
  <si>
    <t>美国伊士曼柯达公司的破产传言终于坐实。19日，这家拥有131年历史的影像业老店向纽约一家破产法庭申请破产保护。　　　　柯达首席执行官安东尼奥·佩雷斯在一份声明中说，公司董事会及整个高级管理团队认为，申请破产保护对柯达未来而言，是必要且正确的一步。　　　　柯</t>
  </si>
  <si>
    <t>期待着春天的城市——瑞士卢塞恩</t>
  </si>
  <si>
    <t>12月底，我来到瑞士这个美丽的国度。没有任何旅行计划，误打误撞地跟着在青年旅舍认识的新朋友坐着早上第一班火车从苏黎世来到卢塞恩。却没想到，这个小城成了我在人生旅程中最爱的城市。　　　　冬日的瑞士，日照时间很短，早上9点左右，天色才见黎明。比起苏黎世，这里还</t>
  </si>
  <si>
    <t>加快推进亚太区域合作</t>
  </si>
  <si>
    <t>经济参考报：作为一个新兴的经济大国，中国如何发挥自身优势，积极推进亚洲区域合作？　　　　李向阳：中国的一个基本选择就是你做你的，我干我的。中国的经济规模、市场规模越来越大，完全有可能、有条件“你做你的，我干我的”。加强双边区域合作可能是未来的一个发展方?</t>
  </si>
  <si>
    <t>英国人如何算“高铁账”</t>
  </si>
  <si>
    <t>英国政府日前批准了修建“高铁2线”的计划，引来争论连连。有人指出，作为火车之乡，英国高铁并不发达，似乎有些说不过去，但也有人质疑，修建高铁到底值不值，还需细细算笔账。　　　　英国运输大臣贾丝廷·格里宁以女性特有的泼辣，顶着反对党后座议员如潮的嘘声，向议会</t>
  </si>
  <si>
    <t>A股尚不具备推行注册制条件</t>
  </si>
  <si>
    <t>目前有一种声音质疑并指责新股发行体制的市场化改革，认为“市场化”应该是一步到位的，认为“市场化”不是一个动态的过程，而应该是一个静态的结果，那就是要全面打开IPO大门，股票能否上市，监管层无权核准。因为他们认为美国的注册制就是如此。这一看法及观点显然太过肤浅</t>
  </si>
  <si>
    <t>欧元贬值殃及日本支柱产业</t>
  </si>
  <si>
    <t>近期，日元遭到来自两个方面的升值压力：一是美元贬值，自2008年“利曼冲击”之后，从1美元兑90多日元下滑到兑76日元，且到目前为止，美元贬值的趋势一直没有得到真正遏制；二是欧元重挫。13日，标准普尔下调法国等欧元区国家主权信用评级后，欧元对日元的汇率加速下滑。16日</t>
  </si>
  <si>
    <t>公债遭抛售  葡萄牙违约警报拉响</t>
  </si>
  <si>
    <t>投资者本周开始大举抛售葡萄牙债券，葡萄牙正再次逼近违约边缘。不少投资者担心，18日重启的希腊债务互换协议如果仍然难以达成一致，将导致希腊违约，随后违约风险将迅速蔓延至葡萄牙。　　　　自标普13日下调葡萄牙主权信用评级两级至垃圾级之后，葡萄牙又被花旗集团从其?</t>
  </si>
  <si>
    <t>法国GTT或来华洽谈收购</t>
  </si>
  <si>
    <t>中国船企参与竞购法国工程公司Gaztransport&amp;　Technigaz(简称GTT)一事有了最新进展。　　　　“法国GTT近期可能要来中国，与中船工业和中船重工就收购事宜进行洽谈。”中国船舶工业行业协会秘书长王锦连对《经济参考报》记者表示。　　　　法国GTT是制造LNG储存舱薄膜密?</t>
  </si>
  <si>
    <t>世行：今明两年中国经济增速8.4%和8.3%</t>
  </si>
  <si>
    <t>世界银行18日发布最新一期《全球经济展望》报告，下调中国今年经济增长预测至8.4%，明年增速为8.3%，分别低于2011年6月份预计的8.7%和8.8%。　　　　世行报告还大幅降低了对2012年全球经济增长的预期。世行称，不能排除全球将爆发另一场严重程度与2008年金融危机类似的经济</t>
  </si>
  <si>
    <t>赴美投资为何成了“带刺的玫瑰”</t>
  </si>
  <si>
    <t>问卷调查表明很多企业家愿意到美国投资，但美国现在还不是我们的第一大投资国。这说明，我们在赴美投资的道路上有一些坎坷。许多中国公司对赴美并购心存余悸并非空穴来风。　　　　究竟如何看待美国的国家安全审查制度？有些美国教授说，不管是媒体，还是中国政府官员、中?</t>
  </si>
  <si>
    <t>美国产业空心化难以逆转</t>
  </si>
  <si>
    <t>经济参考报：2011年，美国经济虽有好转，但失业人数居高不下，您认为根源在哪里？当前美国经济的最大难题是什么？需要如何进行调整和改革？　　　　黄平：美国经济的增长比2008、2009年有了明显的好转，但是目前美国经济最大的问题是有增长无就业，或者经济有复苏，就业无?</t>
  </si>
  <si>
    <t>求职者“比价心态”扩大用工荒</t>
  </si>
  <si>
    <t>近期，受全球经济走势唱衰、欧洲债务危机、国内产业转移进入深度调整期等因素综合影响，《经济参考报》记者在调查中发现，当前用工困难和裁员增多现象并存，人力资源供求格局两极分化。一方面，房地产、外贸等行业出现了“困境式裁员”预期，为减本增效，裁员“瘦身”以求自?</t>
  </si>
  <si>
    <t>伦敦争建人民币离岸中心</t>
  </si>
  <si>
    <t>据新华社报道，国务院副总理王岐山17日在北京与英国财政大臣奥斯本举行工作会谈。　　　　有分析指出，经济复苏不力的英国正积极打“中国牌”，先从其擅长的金融服务业抓起，积极参与全球多个城市对人民币离岸中心的竞争。　　　　与香港加强合作　　　　香港金融管理?</t>
  </si>
  <si>
    <t>水烟涨价让巴勒斯坦男人“抓狂”</t>
  </si>
  <si>
    <t>水烟是中东地区流行的抽烟方式，它通过一种特别的装置，将烟草燃烧后的烟过水后再吸食。对许多巴勒斯坦男士来说，“宁可三日无肉，不可一日无烟”。最近，由于烟膏进口关税增加，巴勒斯坦各地水烟普遍涨价，引起巴勒斯坦男士们的抓狂。但家庭主妇们却感到窃喜。　　　　在?</t>
  </si>
  <si>
    <t>标普下调EFSF评级  市场波澜不惊</t>
  </si>
  <si>
    <t>国际信用评级机构标准普尔公司16日发布公告，将欧元区临时救助机制———欧洲金融稳定工具(EFSF)的信用评级下调一级，从最高的AAA级下调至AA+级。　　　　这是标普继上周13日下调欧元区9国信用评级后又一次发布重要预警，因而再次引发震动，欧元区权威人士纷纷就此给予回应</t>
  </si>
  <si>
    <t>华尔街迎来最差“奖金季”</t>
  </si>
  <si>
    <t>随着美国各大银行准备公布其2011年第四季度业绩并作出年终奖金的决定，华尔街正在迎来2008年金融危机以来最糟糕的一个奖金季。　　　　据美国《华尔街日报》报道，摩根士丹利计划削减2011年奖金，并推迟发放部分奖金。　　　　该公司计划将奖金中超过12.5万美元的部分推?</t>
  </si>
  <si>
    <t>解决欧债危机还剩三张牌</t>
  </si>
  <si>
    <t>欧债问题再次传来了不祥的声音：国际信用评级机构标准普尔公司宣布下调欧元区9个国家的信用评级，其中包括一直持有最高3A级的法国和奥地利。　　　　因为不希望市场由于过于急躁而产生“过度反应”行为，欧盟政府试图联合美国在内的全球各国政府，努力形成明确的管理规则，</t>
  </si>
  <si>
    <t>各有特色的美、英、芬、韩医药改革</t>
  </si>
  <si>
    <t>看病难、看病贵，是我国老百姓常常遭遇的烦心事。如何对现有医疗体系进行有效的改革，让患者轻松就诊，是国人长期以来最为关切的话题。　　　　他山之石可以攻玉。本报驻外记者发回的这组报道，较为详细地介绍了美国、英国、芬兰、韩国各具特色的医疗体制、医疗政策和具体?</t>
  </si>
  <si>
    <t>柯达起诉富士</t>
  </si>
  <si>
    <t>继起诉苹果和HTC公司专利侵权之后，美国柯达公司又控告日本富士胶卷公司侵害其专利技术。有分析认为，柯达近日频打专利官司，意在向投资者或潜在收购方显示柯达的专利价值，希望借此顺利出售专利组合，避免破产。　　　　据外媒报道，柯达当地时间14日在纽约起诉富士侵害了</t>
  </si>
  <si>
    <t>杰弗逊两百年后的惊愕</t>
  </si>
  <si>
    <t>美国建国之父杰弗逊的故居位于弗吉尼亚州夏洛茨维尔，如今从此驱车前往华府用不了三个小时；你若知道两百多年前杰弗逊乘马车到华府工作需要将近一周时间的话，就会明白美国“建国之父”们为何要设立国会“休会任命”这一机制。这是在交通极为不便且没有明显党派嫌隙的年代，?</t>
  </si>
  <si>
    <t>希腊债务减记谈判“重装上阵”</t>
  </si>
  <si>
    <t>希腊与私营部门债权人的债务减记谈判将于18日恢复。与此同时，欧洲近期将迎来偿债小高峰。受此影响，欧元遭打压，欧元净空头部位达2007年以来最高水平。　　　　希腊财政部长维尼泽洛斯日前向其所在社会党的代表们表示，国际金融协会(IIF)的谈判代表将于18日返回，与私营部</t>
  </si>
  <si>
    <t>美国主要橙汁品牌“惊现”多菌灵</t>
  </si>
  <si>
    <t>可口可乐、百事公司日前先后宣布，公司旗下的橙汁饮品含微量杀菌剂多菌灵，不过其含量低于美国联邦监管机构规定的足以引起公众安全关切的标准，因此不构成健康风险。　　　　Brazilian orange juice producers saythe use of the fungicide carbendazim，w hichw as discov</t>
  </si>
  <si>
    <t>中国版铁矿石交易平台抢占先机</t>
  </si>
  <si>
    <t>就在必和必拓紧锣密鼓筹建新加坡铁矿石现货交易平台的时候，“中国版”现货交易平台已“搭台唱戏”。《经济参考报》记者获悉，由中国钢铁协会、中国五矿化工进出口商会、北京国际矿业权交易所共同发起设立的中国铁矿石现货交易平台16日正式启动。　　　　在发起会员名单中?</t>
  </si>
  <si>
    <t>中国“大国经济”建设之路</t>
  </si>
  <si>
    <t>张燕生,国家发改委对外经济研究所研究员、原所长,享受国务院颁发的政府特殊津贴专家。华中科技大学经济学硕士(1984年),师从世界发展经济学创始人之一的张培刚教授。1984年至1996年,中央财经大学任教,国际金融专业硕士导师；1986年至1988年,先后在美国科罗拉多大学、加拿大?</t>
  </si>
  <si>
    <t>在华资本流出短期难改观</t>
  </si>
  <si>
    <t>资本外流仍在持续。央行最新数据显示，2011年12月末，金融机构外汇占款余额为253587.01亿元，比11月末减少1003.3亿元。　　　　很多业内人士认为，欧洲主权债务危机等国际金融市场动荡形势深刻影响到中国的跨境资本流动，大规模资本净流入格局已经发生逆转，资本流出加快和</t>
  </si>
  <si>
    <t>产业空心化是世界性难题</t>
  </si>
  <si>
    <t>金融主导一切的时代，似乎产业空心化是难以避免的，很多国家都在金融资本的主导下，走向了产业空心化和经济泡沫化，最终丧失了增长动力。毕竟靠借贷的各种各样的组合方式发展经济不靠谱。　　　　联想到我们中国的现实，最近深圳人大代表心忧制造业空心化，很多代表指出，?</t>
  </si>
  <si>
    <t>日元仍将保持升值态势</t>
  </si>
  <si>
    <t>经济参考报：在2011年被中国超越之前，日本保持世界第二大经济体的地位长达40年之久，可以说这与其拥有强大的制造业密不可分。近年来，由于国际市场需求减少、国内成本压力增加、新兴市场崛起，限制了日本制造业能力的释放。您认为日本未来能否重振制造业？关键出路在哪里？$</t>
  </si>
  <si>
    <t>欧盟抨击标普下调9国评级</t>
  </si>
  <si>
    <t>国际评级机构标普公司13日下调法国等9个欧元区国家主权信用等级，此举虽在各界预料之中，但依然给挣扎于欧债危机的各国带来重重一击。　　　　欧盟领导人随即纷纷反击、试图安抚市场，但不可否认，法国丢掉AAA，令欧洲金融稳定基金的命运面临更大的不确定性。　　　　具?</t>
  </si>
  <si>
    <t>美欧救助银行引发道德争议</t>
  </si>
  <si>
    <t>欧洲央行近期采取了欧元区历史上最大规模的银行注资行动，引发观察人士对政策效果和负面效应的质疑。彭博新闻社近期也揭露美联储在金融危机期间用天量贷款救助美国银行业，却导致银行借此获利逾百亿美元。　　　　大西洋两岸货币当局救助行动引发的批评，凸显“最终贷款人?</t>
  </si>
  <si>
    <t>欧洲央行的“德国色彩”越来越淡</t>
  </si>
  <si>
    <t>尽管标准普尔调降欧元区9国信用评级引起市场担忧，但最近欧元区的经济形势还算不错。　　　　就在标普降级前，意大利和西班牙今年首次发债成绩不俗。西班牙发行了将近100亿欧元的国债，是原计划发行规模的两倍。意大利发行了总额120亿欧元的国债，12个月期国债中标收益率较</t>
  </si>
  <si>
    <t>日本靠什么力量实现“科技兴农”</t>
  </si>
  <si>
    <t>日本农业致力于打造农产品品牌，有一个庞大而高效的农业科研体系。　　　　日本农业科研力量主要由五部分组成。一是“国家队”，最大的研究单位是挂靠在农森水产省的独立行政法人“农业食品产业技术研究机构”，简称农研机构。农研机构为农业、食品生产、农村健全的发展进?</t>
  </si>
  <si>
    <t>美联储褐皮书：美国复苏加速  房地产仍是软肋</t>
  </si>
  <si>
    <t>美国联邦储备委员会(简称美联储)11日公布的最新一期“褐皮书”报告称，美国经济从去年底开始呈现加速复苏态势，但经济复苏面临的内外挑战依旧存在，房地产市场仍是“软肋”。　　　　此次褐皮书是根据2011年11月18日到年底期间的信息编制而成。报告指出，与去年春季至秋季?</t>
  </si>
  <si>
    <t>西方反思制度弊端  寻找“救赎”途径</t>
  </si>
  <si>
    <t>全球金融危机爆发以来，世界主要资本主义国家经济相继遭遇寒冬，资本主义制度的结构性矛盾与制度缺陷随之暴露出来。这重创了人们对资本主义的“信仰”，致使世界反资本主义情绪不断高涨，尤其是在资本主义国家内部，民众对资本主义经济制度、发展模式以及民主政治制度的批评?</t>
  </si>
  <si>
    <t>海尔CES展现未来电视趋势</t>
  </si>
  <si>
    <t>2012年1月10日，一年一度的美国拉斯韦加斯消费电子展（CES）如期拉开帷幕，全球家电企业携最新的产品和技术纷纷亮相。每年的CES展上，中国企业都会推出创新产品，向世界展示“中国创造”的实力。继以无尾电视、“脑力波”电视等创新产品引发全球瞩目后，海尔在今年又展出了全</t>
  </si>
  <si>
    <t>欧元的关键在于秩序重建</t>
  </si>
  <si>
    <t>经济参考报：近两年，欧债危机拖累了世界经济复苏的步伐，世界经济增长明显放缓。不过欧债危机的产生不是一蹴而就的，而是各种深层次矛盾长期积累的产物，能不能说解除危机也将是一项长期艰巨的任务？2012年欧洲特别是欧元区能否迈出解决问题的实质性步伐？　　　　周弘：?</t>
  </si>
  <si>
    <t>制造业转型须两条腿走路</t>
  </si>
  <si>
    <t>走进2012年看未来十年，中国制造的机遇与挑战并存。　　　　《美国制造业促进法案》的通过，绝不是美国立法界与政界的主观意愿，据对美国民众的调查，94%的受调查者希望美国政府更加关注就业问题而非财政赤字，88%的人希望能够加强美国的制造业，77%的人对工作机会流向国外</t>
  </si>
  <si>
    <t>郭博士的中澳一体化“狂想”</t>
  </si>
  <si>
    <t>中国钢铁业巨头与澳大利亚主要铁矿和煤炭公司成立一支联合基金，促进对上下游产业共同持股，促进全行业链产权、收益一体化，最终实现跨境高度融合；两国在矿业、钢铁、能源、建筑、建材等相关行业实行免关税政策，消除配额限制，率先建成自由贸易区。　　　　如此大胆的设?</t>
  </si>
  <si>
    <t>能源经济：西北的“中东梦”</t>
  </si>
  <si>
    <t>西北经济最大的特点是能源产业占据了最大份额，很多西北人希望西北能像中东的石油国家一样，通过能源获得丰厚利润并在全国有经济话语权。然而，由于利益分配并不倾向西北，西北的“中东梦”实现起来至今还非常困难。　　　　渴望成为中东的西北　　　　西北地区拥有中国?</t>
  </si>
  <si>
    <t>中国“镍都”布局跨国经营跻身千亿企业行列</t>
  </si>
  <si>
    <t>日前，从甘肃金川集团公司传来好消息——这个拥有中国“镍都”之称的大型跨国经营企业，在全球资源战略上又有新进展：2011年在成功收购加拿大大陆矿业公司、南非思威铂业和墨西哥巴霍拉齐铜矿项目后，2011年实现营业收入1217亿元，跻身千亿企业行列，也成为甘肃省首家千亿企?</t>
  </si>
  <si>
    <t>中美双边贸易关系博弈成“重头戏”</t>
  </si>
  <si>
    <t>美国总统奥巴马特别代表、财政部长盖特纳于1月10日至11日访华。据此前外交部发言人刘为民的介绍，中美双方将就中美经济关系、世界经济金融形势等问题交换意见。而根据美国财政部日前发布的公告，盖特纳将与中方数位高级官员举行会晤，讨论刺激经济持续增长乃至中国市场竞争环</t>
  </si>
  <si>
    <t>柯达没落彰显市场力量</t>
  </si>
  <si>
    <t>根据《华尔街日报》的消息，又一家美国百年老企业就要破产了。这一次似乎与不景气的经济大环境没有太大联系，如果一定要总结教训，或许更感叹企业帝国决策的艰难、掉头的不易，以及市场经济竞争的残酷无情。    这家企业就是柯达。自1881年诞生以来，柯达就是世界胶卷业的?</t>
  </si>
  <si>
    <t>潍柴集团将控股全球最大游艇制造商</t>
  </si>
  <si>
    <t>10日，山东重工集团下属的潍柴集团在济南正式宣布，在成功收购法博杜安发动机公司之后，又将实现对全球最大豪华游艇制造商意大利法拉帝有限公司的控股。　　　　当日，潍柴集团与法拉帝有限公司主要债权人在济南签署战略重组框架协议，潍柴集团将通过1.78亿欧元的股权投资?</t>
  </si>
  <si>
    <t>欧洲央行一季度可能再降息</t>
  </si>
  <si>
    <t>欧洲央行(EuropeanC entral Bank)1月12日将举行2012年的首次货币政策会议。外界普遍预计本次会议暂时不会降息。但是目前欧洲经济已经显露出衰退迹象，有分析指出，欧洲央行今年一季度可能再次降息，其行长马里奥·德拉吉(MarioD raghi)在2012年很可能会效仿美联储主席本·伯?</t>
  </si>
  <si>
    <t>中国钢厂或搅了必拓“金融梦”</t>
  </si>
  <si>
    <t>对于必和必拓而言，如果没有中国钢厂的加入，正在新加坡筹建的铁矿石现货交易平台将面临“缺血”风险。一位刚刚从新加坡回国的铁矿石贸易商向《经济参考报》记者透露，许多原本有意作为股东加入“环球铁矿石现货交易平台”的国内大型铁矿石贸易企业和钢厂，都纷纷暂停或退出?</t>
  </si>
  <si>
    <t>霍尔木兹海峡：会不会引爆下一次石油战争</t>
  </si>
  <si>
    <t>中东地区蕴藏丰富的石油和天然气资源；霍尔木兹海峡是中东国家出口油气海上运输通道的“咽喉”。西方大国之间和西方大国与中东主要产油国之间，为争夺或控制中东地区，已经进行过多次战争。2012年，美国和以色列是否对伊朗动武？伊朗是否封锁霍尔木兹海峡？举世关注。国际社?</t>
  </si>
  <si>
    <t>美欲诉瑞士私人银行</t>
  </si>
  <si>
    <t>据路透社9日报道，美国目前正准备起诉瑞士历史最悠久的老牌私人银行威格林(Wegelin&amp;Co.)。报道称，双方谈判目前处于关键阶段，威格林银行希望达成暂缓起诉协议，但最终结果取决于美国检察官、美国国务院、美国财政部之间的协商结果。此前《纽约时报》报?</t>
  </si>
  <si>
    <t>韩媒称今年3月中韩将启自贸谈判</t>
  </si>
  <si>
    <t>韩国总统李明博从1月9日起，对中国进行为期三天的国事访问。这是李明博2007年12月当选韩国总统以来的第六次访华，也是其2008年5月以来第二次对中国进行国事访问。外界预计，此次中韩两国领导人会晤，除了讨论维护朝鲜半岛和平与稳定的议题，还将推进外界普遍关注的</t>
  </si>
  <si>
    <t>地缘政治因素主导油价“看多”</t>
  </si>
  <si>
    <t>国际油价近日在百元高位徘徊，产油国和机构从基本面和地缘政治因素加以分析，一齐看多油价。阿联酋能源部长穆罕默德·哈米利9日说，未来石油和天然气仍将是首选能源，而油价在10年内将持续攀升。哈米利当天在阿布扎比出席“阿联酋能源论坛”时说，未来数</t>
  </si>
  <si>
    <t>丹麦银行认为欧债危机将影响瑞典今年经济增长</t>
  </si>
  <si>
    <t>据《瑞典日报》9日报道，丹麦银行发布的最新经济分析报告显示，欧元区债务危机将会使今年瑞典经济受到严重影响。这家丹麦最大商业银行的报告预测说，瑞典2012年国内生产总值将下降1.4%。虽然瑞典并未加入欧元区，但瑞典的主要出口市场——欧盟在2012年都无法彻底摆</t>
  </si>
  <si>
    <t>美国地铁“截尾”  城市“灭灯”</t>
  </si>
  <si>
    <t>不经意间，美国首都华盛顿的地铁已从八节车厢减至六节。华盛顿近年来吸引了很多找工作的年轻一族涌入，人口已突破60万，但其地铁非但没有加长，反倒是“截尾”，凸显出面对税收下降的窘境、美国地方政府不得已精简开支的无奈。若说地铁变短只是影响交通高峰期间乘?</t>
  </si>
  <si>
    <t>德国人的乐观从何而来</t>
  </si>
  <si>
    <t>在这个“意见领袖”遍地的时代，公众人物如果几天不发点惊人之语就会被人遗忘。这也是为什么每每在年度转换的时候，越来越多的经济学家会冒险变身成预言家，对新的年景发出一些斩钉截铁的断言。诺奖得主、哥伦比亚大学教授斯蒂格利茨对2012年基本不抱希望，他的预?</t>
  </si>
  <si>
    <t>欧洲领导人密集走动对抗债务危机</t>
  </si>
  <si>
    <t>据外媒报道，近期欧洲领导人将密集会晤，谈论欧元区国家执行财政预算纪律，以避免债务危机扩散至经济强国等议题。法国总统萨科齐和德国总理默克尔9日将在柏林会面，意大利总理蒙蒂11日也将与默克尔举行会晤，欧盟国家领导人将于1月30日举行峰会。还有消息称，欧洲领导人本周?</t>
  </si>
  <si>
    <t>崇尚“协作消费”  美国人乐过“出租”生活</t>
  </si>
  <si>
    <t>经济不景气的时候，把手头闲置的物品租出去赚点外快，不失为一个好主意。在美国，越来越多的人加入“出租”大军，掀起一场“协作消费”运动。《新闻周刊》记者鲍勃·贝德克尔亲自体验了一把“出租”生活，短短两个星期赚了654.85美元。第一次尝试?</t>
  </si>
  <si>
    <t>法PIP隆胸产品致癌恐慌蔓延国内</t>
  </si>
  <si>
    <t>最近一段时间，法国知名隆胸假体公司PIP产品可能致癌的消息在全球引发爱美人士恐慌。《经济参考报》记者多方走访发现，法国PIP产品已经于2009年进入中国市场，国内不少美容机构均使用过其产品。但多家机构称现在已经不再使用法国PIP产品，而是以美国产品为主。国家食品药品监</t>
  </si>
  <si>
    <t>规范体系成就英国网购繁荣</t>
  </si>
  <si>
    <t>英国网络购物市场十分繁荣，在世界处于领先地位。英国电信局最新发布的一份报告显示，与其他16个主要国家相比，英国人最热衷于网上购物，2010年79%的英国网民进行过网购活动，而意大利仅为27%。目前，英国网络购物市场以年均18%的增速增长，网络购物用户规模已达37</t>
  </si>
  <si>
    <t>摄影圈奇女子安妮·莱博维茨</t>
  </si>
  <si>
    <t>安妮·莱博维茨远不如歌手约翰·列侬、影星黛米·摩尔、英国女王伊丽莎白二世、美国“第一夫人”米歇尔·奥巴马名气大，但这些名人无不与她有着不解之缘。花甲之年的莱博维茨为众多名人拍摄过令人难忘的肖像照片，有“名人摄影师”之称。她还是美国身价最高的摄影?</t>
  </si>
  <si>
    <t>老龄化成本拖累“幸福的欧洲”</t>
  </si>
  <si>
    <t>由希腊开始的欧洲主权债务危机就像一出肥皂剧一样，没完没了，在短短一年里，欧债危机接连引发政坛地震，四国总理为此丢官下台。欧债危机给欧元区和全球金融市场造成的冲击远远超出几乎所有人的想象，至今欧债危机向何处去，何时能够终止，仍然模糊不定。如果说，?</t>
  </si>
  <si>
    <t>中国应加息并继续降存准率</t>
  </si>
  <si>
    <t>进入2012年，欧债危机究竟将走向何方？美国是否会步欧洲后尘？中国宏观经济政策应如何抉择？就此，《经济参考报》“金融大家谈”栏目专访了美国耶鲁大学管理学院陈志武教授。他认为，欧债危机不会在美国重演，但美联储应继续释放流动性。陈志武教授建议，今年中国应在继续降?</t>
  </si>
  <si>
    <t>沃尔沃汽车中国销量增长57%</t>
  </si>
  <si>
    <t>沃尔沃汽车公司全球高级副总裁兼中国区董事长沈晖日前对外公布了沃尔沃中国区的最新成果：2011年前11个月，沃尔沃汽车全球实现销量40.5万台，其中在中国创造了总销量4.15万台的好成绩，同比增长57%。2011年11月售出新车近4600台，同比更是增长78%。中国已经成为继美国、瑞典?</t>
  </si>
  <si>
    <t>摩根大通因抵押贷款证券再被起诉</t>
  </si>
  <si>
    <t>美国摩根大通银行再次成为抵押贷款证券案的被告。据路透社报道，全美银行(USBank)已起诉摩根大通，指控其在贝尔斯登公司2005年担保的抵押贷款证券中存在失实陈述，要求摩根大通赔偿9500万美元。全美银行日前在纽约提起上述诉讼，称摩根大通对2005年4月发行的贝尔斯</t>
  </si>
  <si>
    <t>“消费税政局”考验野田佳彦</t>
  </si>
  <si>
    <t>日本政府5名相关官员2011年12月30日举行会议，拟定了社会保障与税制整体改革大纲草案。核心内容是把消费税率分别在2014年4月与2015年10月提高至8%与10%。日本政府计划最晚于2012年3月底向国会提交消费税增税相关法案。此外，政府与执政党内部有人认为，将来有必要将消费税率?</t>
  </si>
  <si>
    <t>华晨中华骏捷两年六宗自燃</t>
  </si>
  <si>
    <t>安全性上“以欧洲五星级安全标准为设计目标”的华晨中华骏捷品牌，仅根据媒体公开报道的不完全统计，短短两年内就有六宗自燃事故。接受《经济参考报》记者采访的资深律师和工程师表示，车辆自燃，百分之七八十是由于车内电器线束原因造成，有关部门应该对自燃车辆是否存在设?</t>
  </si>
  <si>
    <t>美联储称美经济活动步伐将加快</t>
  </si>
  <si>
    <t>美国联邦储备委员会在3日公布的最近一次货币政策例会纪要中，对美国经济走势有了更为积极的判断和表述，称近期呈现缓慢扩张势头，2012年和2013年经济活动步伐将加快。会议纪要还显示，美联储官员将从本月晚些时候起开始发布利率预期，据称此举旨在帮助提振美国脆弱的经济复苏</t>
  </si>
  <si>
    <t>美股开市大涨  油价金价齐升</t>
  </si>
  <si>
    <t>纽约股市3日迎来2012年首个交易日。在美国制造业采购经理人指数等重要指标向好的刺激下，纽约三大股指普涨，涨幅均超过1.5%。此外，当日国际油价、金价双双走高。美国供应管理协会3日公布的报告显示，2011年12月份美国制造业采购经理人指数为53.9，高于11月份的52.</t>
  </si>
  <si>
    <t>上市公司如何应对“做空”</t>
  </si>
  <si>
    <t>2011年，对于许多在美国上市的公司而言，可能是一场噩梦。一些公司的股价在一日之间下跌40%-60%，此后被停牌或摘牌。中国企业在美国IPO的数目剧减，7月份甚至颗粒无收，融资数额也同比大幅降低。与此同时，一些原本计划在美国上市的公司也推迟了上市计划，一些已经上市的公司</t>
  </si>
  <si>
    <t>欧股开市之涨难掩欧债“痼疾”</t>
  </si>
  <si>
    <t>新年伊始，受欧洲方面多重利好的影响，欧洲股市迎来开门红，然而，欧债痼疾未消，2012年，投资者或许要面临更严峻的考验。德国联邦劳工局3日公布的数据显示，经季调后，德国2011年12月失业人数减少2.2万人至288.8万人，为1991年以来最低水平，强于市场预期。数据显</t>
  </si>
  <si>
    <t>中美俄航空业拟联手向欧盟“抗税”</t>
  </si>
  <si>
    <t>2012年1月1日，国际航空碳排放费征收政策(简称欧盟航空“碳税”)正式在欧盟实施。有券商分析师表示，如果航空公司将成本(全部)转嫁给消费者，预计2012年国际航线飞欧机票价格将平均上涨16至17美元(约合101至107元人民币)。接受《经济参考报》记者采访的多位政界、商界、学界?</t>
  </si>
  <si>
    <t>“强心针”真能使欧债形势现转机？</t>
  </si>
  <si>
    <t>欧洲央行(ECB)于2011年12月21日推出的3年期融资贷款计划(LTRO)，好像给市场打了剂强心针。到本周末(23日)，欧元兑美元的汇率稳定在1.30的区间，欧洲各国股市也出现回升，同时西班牙的2年期国债收益率出现大幅回落，意大利的国债收益率也出现类似走势。然而这一操作</t>
  </si>
  <si>
    <t>BP拟就漏油事故向哈利伯顿追讨全部损失</t>
  </si>
  <si>
    <t>据彭博社2日报道，由英国石油公司(BP)律师提供的文件显示，英国石油目前正准备起诉美国油田服务商哈利伯顿公司(Halliburton)，要求其为墨西哥湾漏油事故支付英国石油包括清理成本及赔偿金在内的全部损失。2010年4月，英国石油租赁的“深水地平线”(Deep water Hori</t>
  </si>
  <si>
    <t>美国：为页岩气勘探开发创造有利环境</t>
  </si>
  <si>
    <t>页岩气是一种清洁、高效的非常规天然气资源，具有分布范围广、开采寿命长和生产周期长的优点。近年来，美国在页岩气勘探开发方面取得突破，产量快速增长，增强了美国在能源外交、应对气候变化等方面的主导权，对全球天然气市场、能源供应格局、地缘政治等产生了重大影响。</t>
  </si>
  <si>
    <t>中国对美经贸诉求实现五大突破</t>
  </si>
  <si>
    <t>第24届中美商贸联委会日前在北京落幕，会议就双方经贸合作达成广泛共识，特别是中国对美国出口管制、双向投资、农产品贸易、技术标准等诉求取得突破性进展。我国相关专家认为，此次会议为中美经贸发展带来新的机遇，不过双方贸易摩擦可能趋向频繁，政治干扰仍是长期挑战。</t>
  </si>
  <si>
    <t>俄专家：百年美联储面临没落危机</t>
  </si>
  <si>
    <t>俄罗斯战略文化基金会网站日前刊发俄沙拉波夫经济协会主席瓦连京·卡塔索诺夫的文章，题为《美联储：垂死挣扎》。文章认为，由于美元地位下降、美联储资产质量恶化、美国政府预算危机等因素，已有百年历史的美联储正面临着走向没落的危险。文章说：    今年12月23日是美联?</t>
  </si>
  <si>
    <t>法国批准75%  富人税税率法案</t>
  </si>
  <si>
    <t>据外媒报道，法国最高法院29日通过了备受争议的富人税法案，批准在2013年和2014年向年薪超过100万欧元(约合138万美元)的高收入群体征收75%的税收，由企业代替个人缴纳。    这项法案是奥朗德的关键政策主张之一，起初计划向年薪超过100万欧元的个人征收税率为75%的所得税，</t>
  </si>
  <si>
    <t>经济视角下的中国都市史</t>
  </si>
  <si>
    <t>中国传统社会以乡土为主，这代表很多人的看法。长期研究中国经济史的日本学者斯波义信却持不同的观点。他在著作《中国都市史》中认为：这完全是一种误解，正与此相反，在中国历史上，都市的存在无论从社会角度还是从历史角度看，都是一个普遍现象。在本书中，他一改以往的都?</t>
  </si>
  <si>
    <t>奥巴马医改法案推进恐遭“滑铁卢”</t>
  </si>
  <si>
    <t>2014年，由美国总统奥巴马倾力推动的医疗改革进入全面实施阶段。根据奥巴马签署的医疗保险改革法案，从2014年1月1日起，美国居民购买的新医保方案开始生效，3月底之前，美国居民要么拥有医保，要么面临罚款。美国媒体认为，鉴于医改法案难以顺利执行且备受争议，这项费力不讨</t>
  </si>
  <si>
    <t>霍顿关厂令澳汽车业沮丧</t>
  </si>
  <si>
    <t>美国通用汽车最近宣布，其澳大利亚子公司霍顿汽车将于2017年底前停止在澳大利亚的汽车制造业务。澳大利亚总理托尼·阿博特将这一天形容为“糟糕而悲伤的一天”。对澳大利亚人来说，霍顿虽然已归入美国的汽车公司旗下，但却是不折不扣的澳大利亚品牌。进入汽车业一个世纪之后?</t>
  </si>
  <si>
    <t>后双反时代：中国光伏寻找新大陆</t>
  </si>
  <si>
    <t>光伏步入“后双反时代”，面对欧盟市场的失去，多家国内光伏企业已经踏上寻找新大陆的征途。    12月12日，英利集团内部会议室里挤满了各种肤色的人，这正是该公司一年一度的销售国际工作会议现场，各个海外分公司的人员向其董事长苗连生汇报2013年销售情况及2014年销售计?</t>
  </si>
  <si>
    <t>“安倍经济学”重塑日本经济</t>
  </si>
  <si>
    <t>整个2013年，富有争议的“安倍经济学”成为日本经济发展的代名词，政府执行的所有经济政策都围绕着日本首相安倍晋三摆脱通缩、重拾增长的战略思路依次展开，并取得初步成效。日本政府12月21日称，由于国内需求强劲，2014财政年度日本经济预计增长1.4%；剔除明年4月份消费税上</t>
  </si>
  <si>
    <t>海外并购再出手  中联重科拿下德国M-TEC</t>
  </si>
  <si>
    <t>继2008年收购意大利CIFA公司之后，中联重科又展开了一次重量级海外并购。12月25日，中联重科宣布，该公司于12月20日在德国正式签约，收购全球干混砂浆设备第一品牌——德国M-TEC公司。通过高位嫁接M-TEC技术，中联重科希望成为全球干混砂浆设备的第一品牌。    此次被收购?</t>
  </si>
  <si>
    <t>“后QE时代”大宗商品市场危中有机</t>
  </si>
  <si>
    <t>12月初，美国房地产、消费、制造业以及就业市场数据的全面向好，印证了美国经济的复苏趋势。虽然当前极低的通胀水平与2%的目标值还有较大差距，但是小幅度缩减QE明显更容易受到数据的支持。最终，美联储在12月18日宣布，从2014年1月起，把每个月购买债券的规模从850亿美元削?</t>
  </si>
  <si>
    <t>美国房价连涨21个月</t>
  </si>
  <si>
    <t>美国联邦住房金融署24日公布的房价指数显示，经季节性调整，今年10月份美国房价环比上涨0.5%，已连续21个月上涨，同比涨幅为8.2%，显示美国住房市场呈持续复苏趋势。    数据显示，10月份全美9个房价统计区域有7个区域出现环比上涨，1个区域环比持平，1个区域环比下滑，但?</t>
  </si>
  <si>
    <t>欧洲复苏仍需“内外合力”</t>
  </si>
  <si>
    <t>欧洲经济今年在二、三季度连续增长，实现技术型复苏，债务受援国相继退出援助计划、外贸回暖、商业信心回升，欧洲整体经济拐点迹象明显。但专家提示，当前并不能对欧洲经济形势过于乐观，通货紧缩风险上升、银行信贷仍未恢复、政府财政平衡之路漫漫，欧洲决策层还应加紧经济?</t>
  </si>
  <si>
    <t>美国：市场自主定药价  规模效应降价格</t>
  </si>
  <si>
    <t>美国药品定价政策充分体现了自由市场经济的理念，联邦政府并不直接对药品价格进行管制，而是通过医药批发零售商、保险公司等机构与制药企业分别谈判确定药价，利用规模效应来降低价格，同时通过专利保护制度保证制药企业的较高剩润，以促进药品研发创新，寻求保障药品消费与?</t>
  </si>
  <si>
    <t>美缩减QE  将冲击新兴市场</t>
  </si>
  <si>
    <t>美联储日前宣布，将把每月购债规模缩减100亿美元，这是本轮金融危机以来首次缩紧量化宽松(QE)规模，意味着美国将逐步“退出”量化宽松政策。尽管美联储货币政策完全转向仍需时日，但量化宽松“退出”的负面影响会通过资本流动、资产价格、货币汇率等多个渠道传导至世界各国，</t>
  </si>
  <si>
    <t>美国：财政僵局无碍经济复苏</t>
  </si>
  <si>
    <t>今年美国经济整体呈现稳步温和复苏的态势，在多领域表现出了可持续的增长动力。尽管遭受债务违约风险和政府停摆等各种挑战，但随着财政僵局的逐渐缓解，美国经济有望在来年延续甚至加速复苏进程。不过，由于财政政策不稳定和债务问题顽疾难治，未来美国经济增长仍将面临风险?</t>
  </si>
  <si>
    <t>圣诞季多国商家出奇招揽客</t>
  </si>
  <si>
    <t>圣诞临近，多国零售商纷纷使出浑身解数，展开顾客争夺战，寄希望于这一传统节日能给他们带来一个销售额的激增。    英国伦敦各大百货商场总是每年圣诞气氛的最佳制造者，他们想方设法把店铺装饰的焕然一新，吸引顾客眼球。伦敦牛津街上的塞尔福里奇百货公司今年的圣诞橱窗?</t>
  </si>
  <si>
    <t>一个央企“走出去”的成功样本</t>
  </si>
  <si>
    <t>头上蓝天白云，脚下绿草如茵，煤电厂寻不到一粒煤炭，烟囱上看不见一缕烟尘……这是《经济参考报》记者近日在新加坡裕廊岛中国华能集团大士能源公司登布苏热电厂采访时看到的情景。    “不仅在新加坡收购大士能源公司，还在这个环保标准非常高的国家成功开发了首个绿色煤?</t>
  </si>
  <si>
    <t>变废为宝环保生活</t>
  </si>
  <si>
    <t>旧衣改造对抗“快时尚”    在街头充斥着各种贩卖“快时尚”服装店的德国，有那么一群特立独行的设计师，他们用回收来的旧衣服改制新衣，坚守着自己的时尚理念。    设计师丹尼尔·克罗的工作室位于柏林中央火车站附近。走进工作室，你会看到地上堆满了铁路工人穿过的橙?</t>
  </si>
  <si>
    <t>切勿低估美国QE退出冲击波</t>
  </si>
  <si>
    <t>北京时间12月19日凌晨，美联储2013年度最后一次货币政策会议决定，将目前每月850亿美元债券的购买规模削减100亿至每月750亿美元。这一决定意味着，从今年5月以来一直酝酿退出量化宽松货币政策(QE)的方案正式启动。    美联储选择在2013年的最后一次货币政策会议启动退出按?</t>
  </si>
  <si>
    <t>QE收紧影响有限  油市整体仍偏强</t>
  </si>
  <si>
    <t>自11月以来，在需求缓慢好转以及利比亚国内危机引发供应短缺等多重因素影响下，国际原油市场表现强势，欧美两地原油分别上涨5.7%和4.5%，成为整体商品上涨的主要推动力量；不过近两周来，随着伊核谈判的逐步明朗以及QE退出，油市再度出现回落。    笔者认为，短期宏观因素?</t>
  </si>
  <si>
    <t>美国“再工业化”传递经济战略意图</t>
  </si>
  <si>
    <t>年终岁末，中国美国经济学会在复旦大学举行“美国经济发展问题”研讨会，美国“再工业化”成为与会教授和专家热门议题之一。2007年，美国爆发次贷危机，引发了20世纪30年代以来最严重的全球金融灾难和世界经济衰退，迫使美国调整经济发展战略，了解美国“再工业化”目标，对?</t>
  </si>
  <si>
    <t>印度为空气污染发愁</t>
  </si>
  <si>
    <t>根据全球疾病负担研究组织2013年调查，户外空气污染已经成为印度人死亡第五大诱因，排在高血压、室内污染、吸烟和营养不良之后。户外空气污染导致死亡的人数从2000年的10万人增加到2010年的62万。在首都新德里，平均每一个小时就有一人因为空气污染死亡。    首都雾霾重</t>
  </si>
  <si>
    <t>“金三角”模式为汽车行业提供新路径</t>
  </si>
  <si>
    <t>日前，中国东风汽车集团股份有限公司(简称东风集团)和法国雷诺(简称雷诺)在武汉签署合资经营合同，双方将投资77.6亿元人民币，建设规划年产30万台整车的东风雷诺汽车有限公司。    业内人士认为，东风雷诺的成立标志着东风集团与雷诺-日产联盟全面合作的开始。基于东风日产</t>
  </si>
  <si>
    <t>中澳铁矿项目“苦战”不断</t>
  </si>
  <si>
    <t>中信集团董事长常振明是一位围棋高手，12月2日，在谈到其控股子公司中信泰富旗下的中澳铁矿项目时，他使用了围棋用语“苦战”形容这一命运多舛的项目的现状，尽管当天，这一澳大利亚最大的磁铁矿开发项目传出好消息——其产品铁精粉终于实现首批装船出口。    2006年3月，?</t>
  </si>
  <si>
    <t>美预算协议打消近期政府关门担忧</t>
  </si>
  <si>
    <t>美国当地时间12月17日，美国参议院在预算协议程序性投票中，以67票赞成、33票反对通过了预算协议，预算协议障碍被清除。    上周美国众议院以压倒性优势通过预算协议，但预算协议在参议院遭到了一定阻力。而此次程序性投票为正式投票奠定了基础，表明最终预算协议通过几乎?</t>
  </si>
  <si>
    <t>美继续对华热轧碳钢板征反倾销税</t>
  </si>
  <si>
    <t>美国国际贸易委员会17日作出日落复审裁定，继续对从中国大陆、印度、印尼、泰国、乌克兰和中国台湾进口的热轧碳钢板产品征收反倾销税，同时对从印度、印尼、泰国进口的该类产品征收反补贴税。    美国国际贸易委员会当天发表声明说，该委员会认为取消对从上述国家和地区进?</t>
  </si>
  <si>
    <t>德国拜尔拟参与安徽土地信托项目</t>
  </si>
  <si>
    <t>首例外资介入中国土地流转项目17日在北京正式敲定。德国拜耳集团下属拜耳作物科学(中国)有限公司(简称“拜耳作物科学”)与中信信托有限责任公司(简称“中信信托”)就土地流转下现代农业科技创新与发展正式签署合作备忘录。未来，拜耳作物科学将把管理服务及产品投入到中信信?</t>
  </si>
  <si>
    <t>欧元区经济形势弱势复苏</t>
  </si>
  <si>
    <t>经济研究机构马基特(Markit)16日公布数据显示，12月欧元区综合采购经理人指数(PMI)升至52.1，为2011年年中以来的第二高水平，显示出欧元区总体经济形势的好转。但欧元区两个最大经济体继续呈现两极分化，德国制造业活动升至2011年6月以来最高，但法国制造业活动则跌至七个月?</t>
  </si>
  <si>
    <t>美上市企业大量回购股票</t>
  </si>
  <si>
    <t>在经济增速不是十分理想的情况下，许多美国跨国公司不是很愿意进行大笔新投资，或提高工人工资和雇用更多的职员，而是更愿意把资金用来回报股东。    据毕润宜公司统计，今年，美国道琼斯工业指数的30家公司已经花费2110亿美元来回购股票，这些行为助推了美国股票指数升至?</t>
  </si>
  <si>
    <t>美缩减购债时点扑朔迷离</t>
  </si>
  <si>
    <t>美联储将于12月17日至18日举行今年最后一次货币政策例会。由于美国就业市场持续改善、美国财政不确定性基本消除，市场人士对美联储或将最早于本周缩减购债的预期上升。但由于美国通胀压力依然很低，分析人士对何时缩减预期的分歧扩大。    市场人士普遍认为，类似今年9月份</t>
  </si>
  <si>
    <t>利比亚紧张局势推动油价上涨</t>
  </si>
  <si>
    <t>受重要产油国利比亚局势紧张和美联储收缩购债规模预期增强等因素的影响，国际油价16日收盘上涨。    截至16日收盘时，纽约商品交易所2014年1月交货的轻质原油期货价格上涨0.88美元，收于每桶97.48美元，涨幅为0.91%。2014年1月交货的伦敦布伦特原油期货价格上涨1.64美元，?</t>
  </si>
  <si>
    <t>发达国家宽松货币政策五年效果显现</t>
  </si>
  <si>
    <t>2008年由雷曼兄弟破产引发的金融危机及经济衰退到现在已经历时五年。在这五年中，为尽快走出危机，美国、英国、欧元区、日本等发达经济体都实行了超宽松的货币政策，以接近于零的利率配合非常规货币措施刺激经济增长。进入2013年，这些实行多年的超级宽松货币政策依然延续，?</t>
  </si>
  <si>
    <t>生鲜电商改变老百姓“菜篮子”生活</t>
  </si>
  <si>
    <t>在中国西南部的直辖市重庆，喜欢网购的年轻“上班族”刘芳芳已经不满足于只在网上购买服装、电器等生活日用品。现在，阳澄湖的大闸蟹、进口的美国车厘子甚至每天家里吃的蔬菜瓜果，刘芳芳都开始从网上进行购买。    刘芳芳说：“网上购买生鲜产品比去市场和超市方便太多了?</t>
  </si>
  <si>
    <t>俄媒：中国创新型企业走向国际市场</t>
  </si>
  <si>
    <t>俄罗斯《专家》周刊网站日前刊文说，中国正在努力放弃过去仿制西方商品的模式，而试图在创新领域超越美国。用不了多久，中国的创新项目就将走向国际市场。文章题为《“世界工厂”欲在新技术领域定调》，摘要如下：    多年以来，在投资者眼中，中国工业领域就如同外国公司?</t>
  </si>
  <si>
    <t>美财政协议难掩两党分歧</t>
  </si>
  <si>
    <t>如果你有个美国“月光族”朋友，每月都将信用卡刷爆并找父母借钱度日，他在2011年下定决心要从2013年勒紧裤腰带过日子，十年内省钱1.2万美元来还信用卡欠款。近期听说公司每年会涨薪85美元，他忍不住手痒马上花630美元进行网购。你会怎样评价这位朋友？估计你会用省钱意志不?</t>
  </si>
  <si>
    <t>亚太地区主要股市16日大多下跌</t>
  </si>
  <si>
    <t>由于投资者预计美联储最快将于本周的货币政策例会宣布缩减购债规模，16日亚太地区主要股市多数下跌。    美联储17日将开始为期两天的政策例会。目前美国经济数据向好，外界预期美联储或将很快缩减量化宽松措施(QE)规模，但在美联储将会在今年底还是明年初缩减QE规模尚存分?</t>
  </si>
  <si>
    <t>欧洲银行业联盟有望继续推进</t>
  </si>
  <si>
    <t>德国社民党14日公布针对与默克尔领导的联盟党(由基民盟和基社盟)联合组阁党内表决结果，75.96%社民党党员同意联合组阁，“大联合”政府组阁成功，默克尔将第三次出任德国总理。至此，欧洲最大经济体德国在大选后长达3个月的政治不确定性终告结束，这将有利于欧洲推进银行业联</t>
  </si>
  <si>
    <t>邮政“攒钱”恐非明智之举</t>
  </si>
  <si>
    <t>加拿大邮政公司11日宣布，将于2019年前逐步取消城镇送信上门服务，由集中的社区邮箱取而代之，同时最多精简8000个工作岗位。此外，从2014年3月31日起，国内平信邮资将从目前的每封0.63加元(约合3.6元人民币)提高到每封1加元(约合5.7元人民币)。    此项决定主要是为财务纾?</t>
  </si>
  <si>
    <t>重磅出击签约亚冠联赛  青岛啤酒体育营销再亮“利器”</t>
  </si>
  <si>
    <t>近日，中国足球俱乐部恒大队“亚冠”封王，更将代表亚洲征战世界最高水平的国际足联世界俱乐部杯比赛，激发了中国球迷的足球热情和希望。    与此同时，12月10日，2014年亚冠联赛小组赛分组抽签仪式在亚足联总部吉隆坡举行。在亚冠新赛季即将开始的时候，作为中国啤酒第一?</t>
  </si>
  <si>
    <t>美国想用“沃尔克规则”管住谁</t>
  </si>
  <si>
    <t>美国五大监管机构10日相继批准“沃尔克规则”最终版本，标志着美国政府对于金融市场的监管迈入了一个更为严厉而繁复的新时代。    作为2010年夏季出台的《多德-弗兰克华尔街改革和消费者保护法》的核心内容“沃尔克规则”仿佛被《格拉斯—斯蒂格尔法案》(1933年)附体，勾勒</t>
  </si>
  <si>
    <t>美对华大豆出口再创新高</t>
  </si>
  <si>
    <t>记者从10日在此间举行的“2013美国大豆市场展望研讨会”上了解到，从2013年9月至2014年8月，美国已与中国签署大豆出口合同约2600万吨，创历史新高，其中1200万吨已经出运，进度明显快于往年。    美国驻上海总领事罗伯特·格里菲思认为，作为美国对华出口货物中金额最大的?</t>
  </si>
  <si>
    <t>汇丰出售上海银行股份  桑坦德银行接手</t>
  </si>
  <si>
    <t>汇丰控股有限公司11日宣布，其全资附属机构香港上海汇丰银行有限公司(“汇丰亚太区”)已签订一项协议，向西班牙桑坦德银行有限公司(Banco Santander，S.A.)出售其持有的上海银行股份有限公司(“上海银行”)的全部8%股权。    2001年底，汇丰以5.2亿元人民币收购上海银行8%?</t>
  </si>
  <si>
    <t>中企入欧须做足功课</t>
  </si>
  <si>
    <t>许多初入欧洲的中国企业抱怨，感受不到投资目的国努力宣传的良好商业环境，反而深感“寸步难行”，一不留神就面临收购失败、员工沟通不畅等问题。在笔者看来，中国企业应做好以下几方面准备。    金融顾问在收并购环节必不可少。由于当地规则和专业性太强，对于收并购过程?</t>
  </si>
  <si>
    <t>欧洲电信设备商有望分食百亿4G订单</t>
  </si>
  <si>
    <t>4G发牌将催生新一轮产业机遇已成为业内共识。日前，爱立信、阿尔卡特朗讯在华子公司上海贝尔均向《经济参考报》记者表示，希望分享我国4G发展的巨大机遇。业内分析称，2014年三大运营商4G采购规模或突破500亿元，欧洲电信设备商有望获百亿订单。    爱立信东北亚区总裁杨席</t>
  </si>
  <si>
    <t>“401K计划”难成股市特效药</t>
  </si>
  <si>
    <t>明年1月1日起，企业年金、职业年金个人所得税递延纳税优惠政策开始实施。有观点认为，中国版“401K计划”将成为股市走牛的重要推动力。    的确，“401K计划”为美国的资本市场带来了巨大的能量。据不完全统计，近年来美国60%接近退休年龄的家庭拥有“401K计划”，而在全部</t>
  </si>
  <si>
    <t>多伦多市区豪宅受追捧</t>
  </si>
  <si>
    <t>就在11月中国百城房价连涨18个月的同时，远在大洋彼岸的加拿大多伦多市也上演了房价持续强劲反弹的行情。这令当地媒体大为喟叹：住不起市区只好住近郊。这种场景似乎和中国国内一些大城市的情况如出一辙。    成立于1920年的加拿大最大的地产协会——多伦多房地产协会4日发</t>
  </si>
  <si>
    <t>亚太股市周二多数下跌</t>
  </si>
  <si>
    <t>受美联储收紧量化宽松预期升温打压投资者情绪等多重因素影响，亚太地区主要股市10日多数下跌。    东京股市日经股指10日微跌。前一个交易日日经股指大涨350点，投资者多采取获利回吐操作，10日东京股市低开。另外，当日公布的数据显示，日本第四季度大企业信心指数比上季度</t>
  </si>
  <si>
    <t>淘宝有没有权力处理网购纠纷</t>
  </si>
  <si>
    <t>淘宝争议处理机制，让人想起中世纪欧洲的“灰脚法庭”的仲裁方式，这种仲裁是由商人自发形成的商事纠纷处理方式。    不管淘宝争议处理机制处理结果如何，至少给买家提供了一个可以讨一个说法的平台，应当说这一机制是司法解决交易纠纷的一种非常重要和有益的补充。    ?</t>
  </si>
  <si>
    <t>巴西：过度城市化带来多方面问题</t>
  </si>
  <si>
    <t>拉美国家的城市化被概括为“过度城市化”，其典型特征是人口高度城市化但缺乏城市就业的支撑。这其中，巴西最为典型。    50年代以来，巴西的工业化进展迅速。60年代至70年代中期的十余年，巴西经济增长速度年均超出10%，创造了著名的“巴西奇迹”。在工业化的带动下，巴西</t>
  </si>
  <si>
    <t>伦敦抢滩人民币离岸市场</t>
  </si>
  <si>
    <t>伴随着人民币国际化进程的推进，更多国家和地区加入到争夺人民币离岸中心的行列。比起香港或新加坡，伦敦在人民币离岸中心建设起步相对较晚。不过，《经济参考报》记者日前在伦敦采访时发现，随着中英在经贸领域合作的深化，伦敦人民币离岸市场“基础设施”建设正在提速，各?</t>
  </si>
  <si>
    <t>比特币的香港视角</t>
  </si>
  <si>
    <t>“仅仅半年，内地比特币交易量就从微不足道增至占全球交易量的一半。”比特币在内地疯炒，香港舆论也跟着掀起一波又一波讨论。    早在11月比特币开始一路冲高之际，港媒就已跟进讨论。那时候的关注点，还是停留在比特币究竟会被炒到什么价位上。美国、德国等金融管理机构?</t>
  </si>
  <si>
    <t>中国可持续发展的障碍与优势</t>
  </si>
  <si>
    <t>日前，西班牙中国政策观察网刊登了委内瑞拉中央大学社会科学博士霍内尔·佩尔多莫的文章《21世纪中国可持续发展面临的挑战》，分析了中国在可持续发展道路上的八大障碍和八优势，并提出相应的对策。    文章指出，目前中国正力争保持五大平衡：城市与农村发展、西部地区与?</t>
  </si>
  <si>
    <t>美国：城市发展注重发挥市场作用</t>
  </si>
  <si>
    <t>中国的城市化是典型的政府型城市化，政府角色如何定位，直接关系到城市增长的效果。观察和研究其它已基本完成城市化进程的发达国家政府在城市化过程中如何定位、扮演何种角色对中国的城镇化发展大有裨益。作为当今最发达的国家，美国的一些做法值得学习借鉴。    政府由被?</t>
  </si>
  <si>
    <t>日本央行料再放宽货币政策</t>
  </si>
  <si>
    <t>日本政府9日公布的数据显示，日本经济第三季度增速远逊于预期，这加剧了外界对“安倍经济学”促进增长局限性的担忧。有分析预计，由于明年4月日本上调消费税可能打击经济增长，日本央行或将进一步放宽货币政策。    三季度经济增长滑坡    日本政府9日公布的第三季度经济</t>
  </si>
  <si>
    <t>WTO达成首个全球贸易协定</t>
  </si>
  <si>
    <t>世界贸易组织(WTO)第九届部长级会议7日在印度巴厘岛闭幕。会议取得历史性突破，达成了世贸组织成立18年以来的首份全球贸易协定。这一会议成果打破了多哈回合全球贸易谈判12年的僵局，也为世贸组织在未来达成更广泛的协议奠定了基础。    “巴厘一揽子协议”达成    在经?</t>
  </si>
  <si>
    <t>高铁出海须过“三关”</t>
  </si>
  <si>
    <t>2013年堪称中国高铁“出海”年。从马来西亚到新加坡，从英国到罗马尼亚，中国高铁“出海”步伐显著提速，在全球市场的活跃身影令人印象深刻。    中国高铁加快“走出去”的确已迎来成熟时机。从内外部经济需求看，全球铁路市场潜力巨大，2020年全球铁路建设总投资将达12000</t>
  </si>
  <si>
    <t>美军为始作俑者  “深网”成“罪恶天堂”</t>
  </si>
  <si>
    <t>十年前，美国政府打造了一个完全私密、匿名的网络空间。如今，它成了毒品交易、儿童色情、伪造身份等非法活动的“罪恶天堂”。    捣毁“丝绸之路”    10月1日下午，一名瘦高个小伙离开位于旧金山15大街的家。他和另外两人合租一套房子，月租1000美元。室友只知道他叫乔</t>
  </si>
  <si>
    <t>7家银行与自贸区企业集中签约</t>
  </si>
  <si>
    <t>上海地区的7家商业银行5日与注册在上海自由贸易试验区的7家企业分别签署了业务合作协议，并完成了跨境人民币双向资金池、跨境人民币借款等业务。这是央行支持自贸区“准细则”后，银行开展的首批金融创新业务。    工、农、中、建、交五大国有银行与浦发、招商2家股份制商?</t>
  </si>
  <si>
    <t>底特律破产警示举债须有度</t>
  </si>
  <si>
    <t>曾经风光无限的“汽车之城”底特律经历了数十年衰退，成为美国历史上最大的破产保护城市。据媒体报道，北京时间4日凌晨，美国联邦法官批准底特律的破产保护申请，底特律有资格削减其数十亿美元的债务。    一座美国城市破产引起大洋彼岸的中国网民唏嘘，唏嘘背后是对中国地</t>
  </si>
  <si>
    <t>施罗德遗产成鸡肋？</t>
  </si>
  <si>
    <t>德国的大联合政府万事俱备，只欠东风。这东风就是社民党全体党员的公投。尽管在大选后经过近两个月讨价还价的谈判，默克尔主导的联盟党已与社民党高层领导达成组建联合政府的协议，但社民党内反对与联盟党合作的声音一直不断。为了争取党内最大程度的支持，社民党决定进行全?</t>
  </si>
  <si>
    <t>欧盟因利率操纵痛罚8家银行17亿欧元</t>
  </si>
  <si>
    <t>欧盟4日对8家金融机构开出创纪录的17亿欧元(约23亿美元)罚单，因为这些金融机构操纵了欧洲银行间欧元同业拆借利率(Euribor)和日元东京银行间同业拆借利率(Japaneseyen Tibor)。    这8家金融机构分别为德意志银行(Deutsche Bank)、苏格兰皇家银行(RBS)、法国兴业银行(Socie</t>
  </si>
  <si>
    <t>奥巴马捍卫医改  誓言不走回头路</t>
  </si>
  <si>
    <t>面对两个多月来医改负面新闻层出不穷的状况，美国总统奥巴马和民主党阵营3日携手启动为期三周的公关冲刺，在医改步入全面实施阶段之际集中火力展开新一轮“保卫战”。    奥巴马当天在白宫发表讲话，为俗称“奥巴马医改”的全面医保改革进行辩护。他表示，希望通过这次讲话</t>
  </si>
  <si>
    <t>动力煤期货：谨防回落关注套利</t>
  </si>
  <si>
    <t>在近期强冷空气的催化下，加上12月新一轮的煤电合同谈判在即，大型煤炭企业为了在谈判中取得更多的话语权，提价氛围浓厚，本轮动力煤现货冬储行情再次升温。据11月27日最新的环渤海地区动力煤综合平均价格显示，环比上周再次上涨11元/吨，达到576元/吨，这也是本轮反弹以来连</t>
  </si>
  <si>
    <t>全球物料搬运行业整体前景光明</t>
  </si>
  <si>
    <t>“中国市场对我们至关重要，当前中国在全球物料搬运市场上的份额已从十年前的5%上升至近25%，未来仍有巨大增长空间。”德国凯傲集团首席执行官高登·李斯克日前接受《经济参考报》记者专访时表示。    2006年，凯傲的前身——德国林德股份有限公司出于战略考虑将三大主体业</t>
  </si>
  <si>
    <t>美最高法院拒绝电商销售税听证请求</t>
  </si>
  <si>
    <t>据外媒报道，美国最高法院近日驳回了就重新评估要求在线零售商缴纳销售税的纽约州相关法律举行听证会的请求，这意味着亚马逊等在该州没有实体店的在线零售商将需继续缴纳销售税。    亚马逊和Overstock.com公司此前均对纽约州的这项法律提出异议。两家公司分别提起诉讼，之</t>
  </si>
  <si>
    <t>我将美13项反倾销打包诉至WTO</t>
  </si>
  <si>
    <t>《经济参考报》记者3日从中国商务部网站获悉，就美国对华油井管等产品采取的13起反倾销措施中的错误做法，中国提出与美国在世贸组织争端解决机制下进行磋商，正式启动世贸争端解决程序。    商务部新闻发言人沈丹阳就此发表谈话指出，美国在有关反倾销调查和复审中，存在不</t>
  </si>
  <si>
    <t>美国消费季网购成亮点</t>
  </si>
  <si>
    <t>最新统计数据显示，今年美国“网络星期一”在线销售额达20亿美元，较去年同期增长17.5%，成为圣诞消费季中的最大亮点。    美国的感恩节是每年11月的第四个星期四，今年的感恩节为11月28日，紧接着的“黑色星期五”标志着圣诞购物季的开始。但今年的“黑色星期五”有点冷，</t>
  </si>
  <si>
    <t>莫让公园沦为孳生腐败的“后花园”</t>
  </si>
  <si>
    <t>《经济参考报》近日刊登题为《北京北海地坛公园暗藏高端会所》的报道，讲述了一家名为“乙十六商务会所”的餐饮企业，以私密、高端作为卖点，将会所开到了全国重点文物保护单位——北海公园和地坛公园内。一公园管理人员还告诫记者：别报道了，曝光也没用。    对此，有博?</t>
  </si>
  <si>
    <t>O2O模式未来充满变数</t>
  </si>
  <si>
    <t>日前，苏宁董事长张近东在美国演讲时表示：“未来的零售企业不独在线下或者线上，一定是线上线下完美融合的O2O模式，纯电商模式只能是过渡。”一席话表明了苏宁的发展思路，也引发了业界对于O2O未来的讨论。    业内人士认为，有线上资源的在艰难落地，有门店资源的在尽力?</t>
  </si>
  <si>
    <t>“丝绸之路”构想是“中国梦”外交延伸</t>
  </si>
  <si>
    <t>俄罗斯东方学家尤里·塔夫罗夫斯基日前在俄《独立报》撰文称，“丝绸之路经济带”和21世纪“海上丝绸之路”的战略构想，是习近平主席提出的规模更宏伟的“中国梦”战略的合理延伸。中国正迈入全新发展阶段，包括邻国在内的全球各国都面临着大规模调整对华关系的任务。文章题?</t>
  </si>
  <si>
    <t>美国：三次分配构建“橄榄型社会”</t>
  </si>
  <si>
    <t>作为老牌市场经济国家，美国在初次分配过程中推崇效率优先，在金融危机、欧债危机影响下，贫富差距一再拉大。    为重塑收入分配平衡格局，美国认真审视三次分配循环的运行障碍，通过大幅提高个税实现财富再分配，并进一步依托征收高额遗产税等手段营造全民慈善大环境，有?</t>
  </si>
  <si>
    <t>欧洲：海尔成中国家电代名词</t>
  </si>
  <si>
    <t>1990年，在欧洲人坚决的抵制中，中国的海尔冰箱撕去商标接受当地权威机构的测试，以一举获得8个加号的最高分，撬开了欧洲紧锁的大门。如今20年过去了，海尔不仅成为了中国家电的一张名片，同时也以质量和创新改变了欧洲人对中国家电的认知。    海尔改变欧洲消费者认知</t>
  </si>
  <si>
    <t>首份全球性贸易协议前途未卜</t>
  </si>
  <si>
    <t>世界贸易组织(WTO)第九届部长级会议将于3日至6日在印度尼西亚巴厘岛举行，以期就全球多边贸易体系达成一项新协议。世贸组织日前在日内瓦举行的谈判上周宣告失败，为此次会议前景蒙上了一层阴影。尽管世贸组织总干事阿泽维多等人认为尚有成功希望，但会议结果仍然充满变数。分</t>
  </si>
  <si>
    <t>美国离“万倍薪差”时代或已不远</t>
  </si>
  <si>
    <t>瑞士近期举行的限制公司高管薪酬的全民公投折戟，瑞士的公司高管可以长舒一口气。而在大洋彼岸的美国高管看来，这一将高管年薪限制在最低收入员工12倍以内的动议着实好笑，因为美国一些高管的天价年薪已经超过一线员工的1200倍，山姆大叔正朝着“万倍薪差”时代迈进。    ?</t>
  </si>
  <si>
    <t>美国人感恩节“血拼”背后</t>
  </si>
  <si>
    <t>和家人匆匆吃上一口感恩节火鸡，埃弗莉就驱车赶到家附近的塔吉特百货公司，在零度的夜风中站了一小时等候8点的打折活动开始。她前面已有超过两百人的购物大军排起了长龙，他们大多数人都和埃弗莉一样是为赠送礼品券的苹果iPad平板电脑而来。埃弗莉在店内又等了约莫两小时才买</t>
  </si>
  <si>
    <t>卡梅伦率团来华寻求大规模投资</t>
  </si>
  <si>
    <t>英国首相卡梅伦将于12月2日至4日对中国进行正式访问，并与中方领导人举行新一轮中英总理年度会晤。这是两年多来中英最高级别的双边接触。此次访问，卡梅伦将率领英方最大规模代表团来华，预计将与中方探讨核能、高铁、航空等领域的大型合作，推进中英务实合作。    访华代?</t>
  </si>
  <si>
    <t>北京北海地坛公园暗藏高端会所</t>
  </si>
  <si>
    <t>北海公园、地坛公园是全国重点文物保护单位，是北京珍贵的历史文化资源，也是中国传统文化的瑰宝。《经济参考报》记者近日暗访却发现，一家名为“乙十六商务会所”(以下简称乙十六会所)的餐饮企业，以私密、高端作为卖点，将会所开到了上述著名公园内。对此，市民议论纷纷，?</t>
  </si>
  <si>
    <t>谁是2013年度最佳发明</t>
  </si>
  <si>
    <t>什么样的发明创造才称得上伟大？有时候，这些发明解决了你原以为根本无解的天大难题，有时候这些发明排除了伴你左右却被视而不见的“隐形”困难。美国《时代周刊》日前公布了2013年全球25项最佳发明，告诉你在日新月异的今天，科技进步虽未无所不能，但足以令你大开眼界。</t>
  </si>
  <si>
    <t>美经济学家警示应吸取强国衰落教训</t>
  </si>
  <si>
    <t>近日，美国著名经济学家格伦·哈伯德和蒂姆·凯恩合作的新著《平衡：从古罗马到现代美国的强国经济学》引发美国媒体及学者的广泛关注。这部书以经济学的视角，回顾了古罗马帝国、明朝时期的中国、明治维新后的日本、欧盟等曾盛极一时的帝国、王朝、国家和地区，论述它们如何?</t>
  </si>
  <si>
    <t>新加坡创新券计划为企业输血</t>
  </si>
  <si>
    <t>创新券最早在欧洲实行，迅速扩展至世界各地，有效促进了中小企业与知识技术部门合作及知识产品商业化，增强了中小企业创新绩效，具体做法也更加丰富和完善。为适应经济全球化和知识化要求，提高企业附加值，推动产业升级，2009年新加坡标准、生产力与创新局(SPRING)也推出了?</t>
  </si>
  <si>
    <t>“创新货币”——创新券</t>
  </si>
  <si>
    <t>近几年，欧洲的荷兰、意大利、比利时、爱尔兰、斯洛文尼亚、瑞典、瑞士、希腊、奥地利等国相继出台了创新券政策。所谓创新券是针对本国中小企业经济实力不足、创新资源缺乏，大学和研发机构没有为中小企业服务的动力机制设计发行的一种“创新货币”。政府向企业发放创新券，?</t>
  </si>
  <si>
    <t>全球贸易协议谈判恐遭“流产”</t>
  </si>
  <si>
    <t>由世界贸易组织(WTO)在日内瓦举行的全球贸易改革问题谈判在持续数周后正式结束。尽管这场密集而艰苦的谈判在诸多领域取得进展，但世贸组织成员未能达成最终的全球贸易协议。世贸组织总干事阿泽维多警告称，除非各成员在下周的部长级会议前减少分歧，否则世贸组织18年来的首份</t>
  </si>
  <si>
    <t>中国中东欧加强合作签经贸“大单”</t>
  </si>
  <si>
    <t>中国-中东欧领导人第二次会晤26日在罗马尼亚布加勒斯特举行。除了与会各方共同发表的《中国-中东欧国家合作布加勒斯特纲要》外，中国还和各国进行了不少高水平的经济贸易合作，充分体现了本次会晤“合作共赢、共同发展”的主题。    合作纲要具体详实    根据《中国-中东</t>
  </si>
  <si>
    <t>美国感恩节购物季销售业绩恐不妙</t>
  </si>
  <si>
    <t>今年美国的感恩节是11月28日。由于美国经济尚未强劲复苏，消费者信心依然不足，今年美国可能遭遇金融危机以来最糟糕的感恩节购物季。    消费者信心仍不足    感恩节被视为家庭团聚的重要节日，是每年11月的最后一个星期四，随后是人称“黑色星期五”的重要年度购物日。?</t>
  </si>
  <si>
    <t>周小川：中国将加快实现资本项目可兑换</t>
  </si>
  <si>
    <t>在26日举行的第三届中法金融论坛上，央行行长周小川表示，中国将加快实现人民币资本项目可兑换。    周小川称，在最近公布的十八届三中全会的文件中，可以看到未来金融改革采取的一些主要措施。在价格方面，要完善人民币汇率的市场化形成机制，要拓展外汇市场的广度和深度?</t>
  </si>
  <si>
    <t>国税总局“房企巨额欠税”存在误读</t>
  </si>
  <si>
    <t>针对有关媒体曝光“多家房企欠缴土地增值税3.8万亿元”，国家税务总局有关负责人26日回应称，有关人员对欠税的巨额推算，方法是不正确的，对税收政策和征管方式存在误解误读。    据国税总局有关负责人介绍，1994年国家开征土地增值税后不久，受亚洲金融危机等影响，房地产</t>
  </si>
  <si>
    <t>南欧呼吁欧洲央行实施量化宽松</t>
  </si>
  <si>
    <t>据德国媒体25日报道，南欧遭受经济危机国家官员正在谋求欧洲央行推行量化宽松政策，以刺激经济增长。    德国《世界报》报道称，南欧遭受经济危机国家政府及央行的部分官员认为，当前欧洲央行的低利率政策不足以刺激实体经济，欧洲央行应效仿美日央行开始启动资产购买项目?</t>
  </si>
  <si>
    <t>中日韩启动自贸区第三轮谈判</t>
  </si>
  <si>
    <t>中日韩多边自贸协定(FTA)第三轮谈判于26日在日本东京启动。此轮为期四天的谈判将围绕多个议题展开讨论。专家指出，尽管自贸谈判前景广阔，但受限于敏感产业、谈判方积极性等多个因素，谈判进展或将继续经历缓慢过程，本轮谈判可能还会围绕谈判的模式等展开，而不会触及实质性</t>
  </si>
  <si>
    <t>海尔：一个新“丝路之旅”的海外样本</t>
  </si>
  <si>
    <t>一排排白色建筑群静静伫立在空旷的绿野上，这里是巴基斯坦第二大城市拉合尔的西南郊区。    过往的当地人都知道，这些建筑是中国家电品牌海尔的生产车间。前不久，记者在这里，感受了一番中国家电海外远足的“丝路之旅”。    巴基斯坦版的中国专属“特区”    七年前?</t>
  </si>
  <si>
    <t>国内乳企加速布局国际化奶源</t>
  </si>
  <si>
    <t>贝因美25日晚间公告，拟投35000万元在广西北海设立全资子公司贝因美儿童奶有限公司。而该北海贝因美拟以自有资金出资2760万美元(折合人民币约16829万元)在香港设立全资子公司贝因美(香港)投资控股有限公司，同时由贝因美香港投资设立爱尔兰公司BEINGMATE，主要针对婴幼儿奶粉</t>
  </si>
  <si>
    <t>华沙气候大会虽未谈僵但成果有限</t>
  </si>
  <si>
    <t>约9000人参与的华沙气候变化大会在激烈的争论中，各方难以达成一致，被迫延迟一天，于当地时间23日闭幕。为期两周的会议最终虽避免了谈判崩溃，但取得的成果有限，凸显部分发达国家对兑现资金承诺缺乏政治意愿，减排目标也缺乏力度。    根据联合国气候变化框架公约(UNFCCC</t>
  </si>
  <si>
    <t>员工持股事关股市健康发展</t>
  </si>
  <si>
    <t>新近出台的《中共中央关于全面深化改革若干重大问题的决定》第6条提出“允许混合所有制经济实行企业员工持股，形成资本所有者和劳动者利益共同体”。    员工持股在西方国家不是什么新的制度设计，但在中国员工持股却是一个敏感的话题。十八届三中全会的《决定》有很强的针</t>
  </si>
  <si>
    <t>假如让罗姆尼主持医改</t>
  </si>
  <si>
    <t>进展不顺的奥巴马医改令其民意支持率创新低，如果美国大选不是在2012年11月而是在今年11月举行，奥巴马恐怕要输给自己的竞选对手罗姆尼。更有意思的一种假设是，如果让罗姆尼来主持设计奥巴马医改，那么很有可能会出现另一番光景。    《华盛顿邮报》的最新民调显示，罗姆?</t>
  </si>
  <si>
    <t>国际油价续呈分歧走势</t>
  </si>
  <si>
    <t>上周，美国经济、石油数据和市场对伊朗核谈的猜测占据主导，纽约、伦敦两地原油期货价格继续分歧走势，其中纽约油价震荡下行、布伦特油价强劲反弹。    截至11月22日，纽约油价收于每桶94.84美元，单周环比下跌1.1%，伦敦布伦特原油期货价格收于每桶111.05美元，单周上涨2.</t>
  </si>
  <si>
    <t>500彩票久邦数码在美上市双双大涨</t>
  </si>
  <si>
    <t>中概股近期的抢眼表现引发了市场对中概股前景的大胆预测：中国公司可能在不久之后迎来久违的上市窗口。继11月初58同城和去哪儿网之后，500彩票网和久邦数码于美国当地时间11月22日在纽交所和纳斯达克市场挂牌，并在上市当日双双大涨。由于近期中概股表现优异，加之一个月内4?</t>
  </si>
  <si>
    <t>中欧双边投资协定谈判启动</t>
  </si>
  <si>
    <t>21日，国务院总理李克强在第九届中欧工商峰会闭幕式上表示，在第十六次中欧领导人会晤中，双方就全面深化战略伙伴关系达成了一系列共识。中欧领导人就未来2020中欧战略关系的发展进行了规划。双方还共同宣布启动中欧投资协定谈判。    据介绍，作为此次中欧领导人会晤的重?</t>
  </si>
  <si>
    <t>转基因技术  未来粮食的咽喉</t>
  </si>
  <si>
    <t>2013年6月，联合国粮农组织和经济合作与发展组织联合发布《全球农业展望(2013-2022年)》报告预测，未来十年，全球所有农作物和畜产品产量增速都将放慢，而伴随人口增长，未来40年全球农作物产量必须增加60%。严峻现实为转基因技术应用提供了重要的背景色。同是6月，美国哈佛?</t>
  </si>
  <si>
    <t>大众大规模召回引中外媒体多方质疑</t>
  </si>
  <si>
    <t>德国大众汽车集团近日宣布在全球召回包含旗下多款畅销车型在内的260万辆车，其中包括大众最大的单一市场中国共计召回的约85万辆汽车，这是大众集团历史上最大规模的召回，也是在华销售的汽车品牌中数量最大的一次召回。    对涉及消费者生命及财产安全的缺陷产品进行召回，</t>
  </si>
  <si>
    <t>美联储：保持货币政策高度宽松</t>
  </si>
  <si>
    <t>美国联邦储备委员会主席伯南克19日表示，美联储的宽松货币政策还需继续保持以支持经济增长。这与美联储下任主席提名人选珍妮特·耶伦19日公布的观点类似。两人均指出，美联储设定的与提高利率相关的指标突破门槛后不会自动触发加息。    自圆其说    伯南克19日在全国经?</t>
  </si>
  <si>
    <t>洋葱成了印度政治筹码</t>
  </si>
  <si>
    <t>观察印度的民生问题，一大看点就是洋葱。多个老牌政党就为这小小洋葱流下了苦涩的泪水。比如，1998年的洋葱涨价危机，让当时执政的印度人民党在新德里等地方选举中败北；而现在，洋葱价格暴涨又让国大党焦头烂额。洋葱危机的背后，是印度整体经济正出现问题。    洋葱成了?</t>
  </si>
  <si>
    <t>摩根大通130亿美元与司法部达成和解</t>
  </si>
  <si>
    <t>美国司法部19日宣布，美国摩根大通银行同意支付130亿美元，以了结其不当销售住房抵押贷款支持证券而引发的民事诉讼。这一支付金额成为美国历史上一家企业与政府达成的最大数额的和解金。    诉讼主要针对摩根大通及其旗下的贝尔斯登和华盛顿互惠银行在2009年1月1日以前打包</t>
  </si>
  <si>
    <t>在线旅游无线业务争夺战升温</t>
  </si>
  <si>
    <t>刚刚在美国纳斯达克上市的去哪儿网发布的财报显示，三季度，由于在无线和新项目的研发上的投入，使得公司净亏损进一步扩大。    尽管面临持续亏损，众多在线旅游企业仍然将布局重点集中于无线业务。移动互联网的发展，正在促使包括去哪儿网、携程、艺龙等在内的在线旅游网?</t>
  </si>
  <si>
    <t>西班牙救助计划退出恐生变数</t>
  </si>
  <si>
    <t>在欧元区对西班牙的救助计划接近尾声之时，该国却传来坏消息——9月份银行坏账率再创历史新高。尽管目前西班牙已基本走出经济衰退，但对于一个通胀率持续走低、失业率居高不下的重债国来说，这一消息无疑为其经济复苏及退出救助计划增加了不确定性。    西班牙央行周一公布</t>
  </si>
  <si>
    <t>社科院:目前是海外投资较好时机</t>
  </si>
  <si>
    <t>中国社科院世界经济与政治研究所18日发布了《中国海外投资国家投资评级》报告，对26个国家的样本进行评级分析，旨在对中国企业对外投资进行风险预警。其中，德国成为唯一获得最高评级AAA的国家；澳大利亚、加拿大、法国等七国获得了代表低风险级别的AA评级；蒙古、安哥拉和苏</t>
  </si>
  <si>
    <t>欧洲经济：子夜还是黎明？</t>
  </si>
  <si>
    <t>欧元区经济三季度环比增长0.1%；爱尔兰宣布年底前彻底退出欧盟和IMF的救助计划，且放弃防御性信贷额度；西班牙将在明年一月结束银行业救助计划……    尽管好消息接踵而来，欧洲经济是处于黎明前的曙光还是仍徘徊在子夜的黑暗，却还是见仁见智。    乐观者认为，欧洲经济</t>
  </si>
  <si>
    <t>我国最大汞排放源仍处监管真空</t>
  </si>
  <si>
    <t>11月6日，美国向联合国交存了《水俣公约》的“接受文书”，成为全球首个签署并批准该公约的国家。据悉，该公约在经过50个国家的政府批准后，有望于2016年生效。有专家对《经济参考报》记者表示，截止到目前，我国汞排放与污染还处于底数不清的阶段，一些政策、法规、标准、体</t>
  </si>
  <si>
    <t>中欧双边投资协定谈判有望启动</t>
  </si>
  <si>
    <t>在中欧建立全面战略伙伴关系10周年之际，第十六次中欧领导人会晤将于21日在京举行。根据双方近期表态，中欧将在经贸领域深化合作，是否以及何时启动中欧双边投资协定(BIT)谈判将是本次会议的重要议题之一。    市场准入“首当其冲”    外交部发言人秦刚在此前举行的例行</t>
  </si>
  <si>
    <t>循环利用一切可利用的资源</t>
  </si>
  <si>
    <t>欧洲一直是全球环保先锋。上世纪70年代以来，特别是欧盟成立以后，各项环境政策不断发展延伸，已经包含水污染、空气污染、噪声污染、化学品污染、废弃物管理、生物多样性、灾害预防治理等许多领域。欧盟在环境领域的贡献为其他国家和地区提供了宝贵经验。    近日记者专访?</t>
  </si>
  <si>
    <t>QE退出预期减弱  大宗商品涨跌互现</t>
  </si>
  <si>
    <t>据法新社报道，由于全球市场对美国经济增长走弱的担忧情绪上升，美联储退出量化宽松(QE)政策的预期有所减弱，上周大宗商品交易价格涨跌不一。    受到经济数据趋弱和美联储主席候选人耶伦的鸽派讲话的影响，上周金价整体比前一周有所上涨。美联储报告称美国10月份工业生产?</t>
  </si>
  <si>
    <t>赴澳投资需有“三心”</t>
  </si>
  <si>
    <t>澳大利亚有丰富的自然资源和开放的市场，近年来成为“走出去”的中国企业喜爱的“登陆地”。据统计，截至2012年底，中国企业累计对澳非金融类直接投资130.63亿美元。2012年，中国对澳非金融类直接投资21.63亿美元，主要涉及能矿资源开发、运输、贸易等领域。    然而，在投</t>
  </si>
  <si>
    <t>欧美生物药企掘金中国市场</t>
  </si>
  <si>
    <t>清一色的黑西服、操着一口标准的英语、顶着博士头衔，全是来自北美、欧洲及亚洲生物科技与制药企业、投资公司的核心决策者与高级经理人。这是记者在北京国家会议中心召开的第三届BIO中国生物产业大会现场见到的场景。    来自GlobalData的数据显示，中国处方药市场预计将以</t>
  </si>
  <si>
    <t>“洋黑工”输送形成流水线</t>
  </si>
  <si>
    <t>深圳市宝安区沙井街道鸿荣恒工业园有一家普通小作坊，与其他劳动密集型中小加工企业一样，“用工荒”是其不得不面对的问题。18名来自越南的工人在一定程度上为这家小作坊解决了“燃眉之急”，追问这十几名外国“打工仔”的来历，一个以“蛇头”为中心、以组织外国人偷渡入境?</t>
  </si>
  <si>
    <t>从幸福奶爸看丹麦生育福利</t>
  </si>
  <si>
    <t>清晨，倾斜的阳光和轻柔的闹钟铃声把住在丹麦首都哥本哈根城北的彼得·安德森从睡梦中唤醒。他揉揉惺忪的双眼，腾身下床，又开始一天紧张而幸福的“奶爸”新生活。    六个月前，安德森还是丹麦银行一位金融分析师，现在则成了一个满怀希望、快乐忙碌、名符其实的“丹麦奶?</t>
  </si>
  <si>
    <t>经济学家关注“博兹曼模式”</t>
  </si>
  <si>
    <t>美国西北部山区城市博兹曼地处偏远，曾是经济落后、乏人问津之地。最近十多年来，那里的自然风光和创业资源吸引人才汇聚，带动当地经济迅猛发展。“博兹曼模式”引起经济学家关注。他们把以博兹曼为代表的整个落基山脉地区称为“绿色海岸”，探讨这种新经济模式能否带动整个?</t>
  </si>
  <si>
    <t>印尼上调利率  新兴市场或掀加息潮</t>
  </si>
  <si>
    <t>印度尼西亚央行12日召开利率会议，宣布将基准利率由7.25%提升25个基点至7.5%，为2009年4月以来的最高点，以缩小经常账户赤字、抑制国内物价持续走高并支撑不断贬值的印尼盾。    这是印尼央行自今年6月以来第五次上调基准利率。同日，印尼央行还将存款利率和贷款利率分别上</t>
  </si>
  <si>
    <t>挪威：用制度推动现代化财政管理</t>
  </si>
  <si>
    <t>根据“国际预算伙伴关系”(一个以动政府改善预算来减少贫困为宗旨的非政府组织)发布的2012年“公开预算指数”，挪威在全球100多个国家和地区中排名第五位，仅次于新西兰、南非、英国和瑞典。“公开预算指数”在一定程度上反映出挪威财政管理的水平，这与其从上世纪90年代中后</t>
  </si>
  <si>
    <t>供给贡献将促进世界经济发展</t>
  </si>
  <si>
    <t>根据三季度世界各国经济的表现，国际货币基金组织(IMF)在最新的《世界经济展望》中，对全球经济预期悲观。目前世界主要国家的经济确实都存在着深层次的问题，最重要的就是对供给贡献的忽视。长期以来，拉动经济增长的“三驾马车”：投资、消费、出口的地位在人们心中的地位已</t>
  </si>
  <si>
    <t>欧元区降息难控经济失速风险</t>
  </si>
  <si>
    <t>为避免出现日本自90年代起的超长周期经济疲软，防止通货紧缩风险，欧洲中央银行日前将欧元区主要利率降至历史最低水平，以求刺激信贷增长提振经济。    当前欧元区经济初现复苏迹象：经济正增长、贸易回暖、制造业回到扩张区间。但复苏根基和势头均不牢固，失业率和政府债?</t>
  </si>
  <si>
    <t>气候大会东道主波兰陷“煤炭门”</t>
  </si>
  <si>
    <t>联合国气候变化大会12日进入第二天，核心议程已经平稳起步。然而，东道主波兰政府计划下周举办的高级别煤炭行业大会引起国际环保组织的强烈不满与抗议。    本届大会主席、波兰环境部长科罗莱茨12日回答记者提问时表示，本届大会有望就发达国家履行气候基金承诺和建立损失?</t>
  </si>
  <si>
    <t>美司法部放行  美国航空和全美航空合并在即</t>
  </si>
  <si>
    <t>据外媒报道，美国司法部12日宣布，已经就美国航空公司(American Airlines)和全美航空公司(USAirways)合并事宜与两家公司达成和解协议，两家公司合并案的反垄断障碍被扫清。消息公布后，美国航空公司股票应声上涨。    两家公司合并后的市值估计达110亿美元，将成为全球最大</t>
  </si>
  <si>
    <t>欧盟达成2014年预算协议</t>
  </si>
  <si>
    <t>欧盟财长会议11日在布鲁塞尔举行，2014年欧盟预算案谈判进入最后阶段，各方就如何削减预算以及分配预算开支进行探讨，以求达成最后协议。随着欧洲议会和欧洲理事会在12日早些时候就2014年预算案达成了协议，欧盟对2014年预算和2014年至2020年中长期预算的最后批准基本扫清了?</t>
  </si>
  <si>
    <t>新闻集团拆分后首季营收下降3%</t>
  </si>
  <si>
    <t>传媒大亨鲁珀特·默多克领导的新闻集团拆分娱乐业务后首季营收同比下滑近3%，主要原因是澳大利亚市场业绩不佳。这再次凸显出传统报业所遭遇的广告收入下滑等困境仍难改善。    新闻集团11日公布的财报显示，9月底结束的本财年第一季度，公司营收同比下滑3%至20.7亿美元；净</t>
  </si>
  <si>
    <t>世行建议提高全球金融服务包容性</t>
  </si>
  <si>
    <t>总部位于华盛顿的世界银行11日发布报告说，随着移动银行和其他技术创新推广了金融服务，各国政策制定者应关注最有益于贫困民众、妇女及其他弱势人群的金融产品，利用新技术提高全球金融服务的包容性。    世行在当天发布的最新一期《全球金融发展报告》中指出，贫困人口从?</t>
  </si>
  <si>
    <t>华沙气候大会面临艰难谈判</t>
  </si>
  <si>
    <t>为期两周的联合国气候变化大会11日在波兰首都华沙国家体育馆开幕。本次大会的官方口号是“我在乎”。分析人士指出，面对解决气候变化问题的紧迫性，光“在乎”还远远不够。    国际舆论认为，华沙大会或无重大突破，但是这场“过渡性”大会有助于促使明年利马大会进入实质?</t>
  </si>
  <si>
    <t>听证会考验耶伦沟通能力</t>
  </si>
  <si>
    <t>美国联邦储备银行副主席珍妮特·耶伦——美联储的下一任掌门人——将于11月14日(周四)出席美国参议院银行委员会举行的提名听证会。这使市场焦点再次转向美联储是否会在今年12月份的本年度最后一次货币政策例会上削减资产购买计划。对于耶伦本人来说，这是对她沟通能力的重要?</t>
  </si>
  <si>
    <t>揭秘美国安全审查制度</t>
  </si>
  <si>
    <t>随着中国企业“走出去”步伐加快，尤其是中国对美国直接投资数量急速攀升，中国企业非常关注影响对外直接投资成功的各项因素，其中不得不提的就是美国的国家安全审查制度。正是在美国外国投资委员会(CFIUS)国家安全审查制度下，中国多项对美投资交易受阻。最近的例子，就是此</t>
  </si>
  <si>
    <t>美国和欧盟展开第二轮自贸谈判</t>
  </si>
  <si>
    <t>美国和欧盟11日就全球最大的自由贸易协定展开第二轮谈判。此轮谈判涉及多个领域，谈判的关键问题是如何协调监管以减少贸易壁垒。此时正逢美国大规模窃听欧洲盟友的丑闻风波曝出，不少分析认为，虽然丑闻会对两国关系造成一定损害，但对谈判不会造成实质性影响。    协调监?</t>
  </si>
  <si>
    <t>奥巴马道歉难治医改顽疾</t>
  </si>
  <si>
    <t>美国总统向来不愿开金口道歉，因为这意味着承认重大决策失误，奥巴马总统亦不例外。但是，奥巴马近日在接受全国广播公司采访时，破例向因医改法案出台而丢掉原有医疗保单的民众道歉。此前奥巴马曾多次言之凿凿地承诺，已享有医保者会保住现有的保单。    近期医改支柱健保?</t>
  </si>
  <si>
    <t>海外资金加速涌入中国</t>
  </si>
  <si>
    <t>在发达国家货币宽松基调持续、海外对中国改革红利期待倍增之时，种种迹象表明，投资者对美国市场兴趣降低，而大量资金一改之前的撤出步调，正持续涌入中国。    根据全球资金追踪机构新兴市场投资基金研究公司(EPFR)最新公布的数据，11月首周，投资者对美国的投资热情急速?</t>
  </si>
  <si>
    <t>标普下调法国主权信用评级</t>
  </si>
  <si>
    <t>国际信用评级机构标准普尔公司8日宣布将法国长期主权信用评级从“AA+”下调一个等级至“AA”，原因是法国政府没有制定有效战略来释放经济增长潜能、减少公共开支和降低失业率。分析人士指出，标普的降级举动将引发各方对法国经济政策的关注和反思，给问题缠身的奥朗德政府敲?</t>
  </si>
  <si>
    <t>制造业升级转型开启新工业革命</t>
  </si>
  <si>
    <t>中共“十八大”提出的“新四化”蓝图中把工业化放在了首位，工业生产尤其是制造业升级转型成为全社会关注的焦点。近日，英国作家彼得·马什所著《新工业革命》一书在中国出版上市。马什在书中提出，新工业革命时期，开发新概念，加强企业间合作，并将研发成果应用于新产品，?</t>
  </si>
  <si>
    <t>美欧斗法转基因  非洲饥荒路何在</t>
  </si>
  <si>
    <t>每当旱季来临，饥饿便成为撒哈拉以南非洲地区挥之不去的梦魇，许多家庭只能靠援助勉强果腹。    不少科学家认为，培育并推广节水型转基因作物是解决非洲饥荒的一条捷径。然而，许多非洲国家政府和民众对种植转基因作物多有疑虑。非洲饥荒迫在眉睫，一场关系生命与科学的论?</t>
  </si>
  <si>
    <t>用常见药品提炼麻黄碱制作毒品</t>
  </si>
  <si>
    <t>河南省南阳市公安机关日前破获一起涉案总金额达数千万元、涉案药品1100多件的跨中缅两国非法买卖制毒物品大案。此案暴露出涉毒犯罪的新手法——从常见感冒类、止咳类含麻药品里提炼麻黄碱制作毒品，导致买卖制毒药物犯罪呈快速上升态势。专家建议，可对药物生产厂家、医药经?</t>
  </si>
  <si>
    <t>以合作共赢实现持续增长</t>
  </si>
  <si>
    <t>新的经济贸易规则将会在WTO的多边框架之外出现，由数量有限的几个国家协商形成。发达国家之间协商达成的贸易规则对发展中国家而言很可能门槛过高、成本巨大。    新兴经济体和发展中国家虽然是后发国家，但是人口最多，市场潜力最大，并且制造业最集中，也是最大的贸易发生</t>
  </si>
  <si>
    <t>创业板一月缩水1400亿  引纳斯达克泡沫联想</t>
  </si>
  <si>
    <t>当华谊兄弟、中青宝、光线传媒等曾经疯涨的创业板公司股价1个月下跌四成之后，13年前美国纳斯达克指数两个月内暴跌40%的一幕又重新被市场投资者提及。随着10月份上市公司三季报的披露，一些创业板公司脱下华丽业绩外衣“裸泳”，一个月内创业板总市值缩水1400亿元，不少上市?</t>
  </si>
  <si>
    <t>我国加入GPA面临“大考”</t>
  </si>
  <si>
    <t>根据加入WTO时作出的承诺，我国最迟于2020年与WTO其他成员国对等开放政府采购市场。    在近日举办的武汉全球公共采购论坛上，欧盟国际公共采购司司长伊夫·穆勒呼吁中国尽快加入GPA。    不过，尽管能够节省开支、促进改革、提高国际话语权，但由于我国政府采购存在法律</t>
  </si>
  <si>
    <t>鄂尔多斯蝶变：从风沙源头到绿色屏障</t>
  </si>
  <si>
    <t>2013年，注定是鄂尔多斯生态建设史上不平凡的一年。    这一年5月，鄂尔多斯市被全国绿化委员会授予“全国绿化模范城市”荣誉称号。    这一年8月，全球唯一的沙漠论坛——2013(第四届)库布其沙漠国际论坛在鄂尔多斯召开。有关领导出席开幕式并致辞，联合国秘书长潘基文?</t>
  </si>
  <si>
    <t>英国推IPO新规保护少数股东权益</t>
  </si>
  <si>
    <t>英国金融市场行为监管局5日表示，明年起将采取新的上市规定对IPO市场进行治理，以保护少数股东的权益，希望藉此恢复伦敦作为国际金融中心的声誉。    新规要求，首先，监管者将要求所有富时100和富时250指数的优质上市公司的大股东和公司保持距离，不要干预日常业务控制；?</t>
  </si>
  <si>
    <t>日本央行乐观看待经济前景</t>
  </si>
  <si>
    <t>日本央行近日频频发声，重申对经济前景和实现通胀目标的乐观态度。不过，考虑到经济复苏仍然面临多种挑战，该行表示，目前考虑退出量化宽松政策还为时过早。    日本央行6日公布10月货币政策会议纪要显示，央行委员们认为，受日本企业和家庭增加支出影响，日本经济正在缓慢</t>
  </si>
  <si>
    <t>欧盟欲重罚Libor操纵者</t>
  </si>
  <si>
    <t>据外媒报道，欧盟反垄断机构将对数家涉嫌操纵伦敦银行间同业拆借利率(Libor)的大型银行开出巨额罚单，最终金额可能高达50亿欧元。    据英国《金融时报》5日报道，知情人士透露称，苏格兰皇家银行、德意志银行和法国兴业银行已经与欧盟监管机构达成和解协议，将于下个月支?</t>
  </si>
  <si>
    <t>迪拜车展开幕  中东车市看涨</t>
  </si>
  <si>
    <t>2013年迪拜国际车展5日开幕，无论规模还是新车首发数量均创历史之最，参展商一致看好中东地区汽车市场的中长期发展潜力，视之为全球市场战略重点。    据主办方迪拜世界贸易中心介绍，本届车展的展馆面积较上届增长35%。记者看到，本届车展上既有让人眼花缭乱的顶级品牌超?</t>
  </si>
  <si>
    <t>国内六大新产业将获内外新动力</t>
  </si>
  <si>
    <t>5日，国家发改委副主任解振华在国务院新闻办举办的新闻发布会上表示，十九届联合国气候变化大会将于11月11日至20日在波兰华沙举行。    关于即将召开的华沙气候会议，解振华介绍说，大会将落实和开启两个议题：一是落实从2007年开始巴厘路线图所确立的各项谈判任务、各国已</t>
  </si>
  <si>
    <t>强生因违法售药在美被罚22亿美元</t>
  </si>
  <si>
    <t>与英国葛兰素史克公司、美国辉瑞制药公司一样，全球第一大制药企业强生公司也逃不脱违规销售药品、用商业贿赂手段换取销售业绩的惯例。    美国司法部4日发表声明说，美国强生公司将支付超过22亿美元罚金，了结对其违法销售药品和向医生及药商提供回扣的刑事及民事指控。据</t>
  </si>
  <si>
    <t>新能源成中阿合作新“赢点”</t>
  </si>
  <si>
    <t>随着全球新能源技术的发展和对清洁能源的渴求，以风能、太阳能等为主体的清洁能源发展已经成为能源产业发展的新方向。    《经济参考报》记者在宁夏银川召开的首届中阿博览会上获悉，阿拉伯国家拥有丰富的太阳能、风能、地热资源，具有发展新能源的良好条件，而我国具备太?</t>
  </si>
  <si>
    <t>美政府开出最大内幕交易罚单</t>
  </si>
  <si>
    <t>美国联邦检察官4日在纽约宣布，美国对冲基金巨头SAC资本合伙公司已就内幕交易的指控认罪，并与监管机构达成支付18亿美元罚金的和解协议。这是美国政府对内幕交易开出的最大罚单。    根据和解协议条款，SAC将向美国政府支付近12亿美元的罚金。在此之前，SAC已同意向美国证?</t>
  </si>
  <si>
    <t>朴槿惠访欧巩固韩欧合作关系</t>
  </si>
  <si>
    <t>据外媒报道，韩国总统朴槿惠11月2日下午抵达法国巴黎，开始巡访欧洲。此次巡访将持续至11月8日，朴槿惠将先后出访法国、英国、比利时和欧盟，与三国首脑和欧盟领导人举行会谈，就贸易、投资、创造经济、金融领域的合作广泛交流意见，进而巩固与欧盟主要国家的合作关系。</t>
  </si>
  <si>
    <t>劳动密集型企业“我们也想转型升级!”</t>
  </si>
  <si>
    <t>面对用工成本上升等因素带来的压力，劳动密集型企业纷纷寻找应对办法。有的尝试引入机器设备，降低人工成本，有的筹备向东南亚地区转移，使用当地的低廉劳动力。采访中有专家建议“刘易斯拐点”到来是推动产业转型升级的良好契机，当前应从提升政府公共服务水平、引导企业走?</t>
  </si>
  <si>
    <t>中澳自贸协定有望明年签署</t>
  </si>
  <si>
    <t>澳大利亚工业部部长伊恩·麦克法兰在“2013中国国际矿业大会”上透露，中澳自由贸易协定有望在明年上半年签署。    “我们的目标是，希望明年上半年在澳大利亚总理阿博特访问贵国的时候，要有一个全面的协定能够让双方签署。”伊恩·麦克法兰说。    他称，澳中双方自200</t>
  </si>
  <si>
    <t>比亚迪否认在美员工报酬过低</t>
  </si>
  <si>
    <t>比亚迪公司3日发表声明说，该公司在美国的劳资情况遭美国媒体失实报道，职员薪资水平并不存在媒体报道的低于最低标准的问题。    据美国媒体近日报道，在比亚迪北美总部培训美国员工的中国专家薪资水平低于加州的每小时8美元的最低工资标准。比亚迪3日对此发表声明回应说“</t>
  </si>
  <si>
    <t>窃听动不了德国的“奶酪”</t>
  </si>
  <si>
    <t>近些天大西洋两岸美欧的关系有些微妙，几天之内上演了一出盟友变损友的活报剧。先是法、德媒体先后爆出美国国家安全局对两国公民、政要进行过大范围、长时期的窃听，德国总理默克尔赫然在被窃听之列。随后美国财政部公布半年度汇率报告，罕见地攻击德国的经济政策，认为德国?</t>
  </si>
  <si>
    <t>农村剩余劳动力几近枯竭</t>
  </si>
  <si>
    <t>编者按：美国经济学家保罗·克鲁格曼近期撰文称，中国已经进入刘易斯拐点，将导致中国经济“碰壁”。    中国经济发展是否已迎来刘易斯拐点？《经济参考报》记者近日分赴十余省份发现，在城乡二元结构和农民工市民化遇阻的制度壁垒下，从狭义的刘易斯拐点理论看，我国正在?</t>
  </si>
  <si>
    <t>中石油管道局进军海洋管道市场</t>
  </si>
  <si>
    <t>10月30日9时38分，江苏南通振华码头，彩旗招展，礼花绽放。随着声声汽笛鸣响，中油管道CPP601号铺管船宣告启航，将奔赴非洲承担坦桑尼亚海底天然气管道施工任务。    “这是中石油管道局第一艘铺管船，也是中石油集团最大的铺管船。”中石油管道局副局长王卫国在启航仪式上</t>
  </si>
  <si>
    <t>欧洲央行降息压力倍增</t>
  </si>
  <si>
    <t>欧洲央行7日将举行货币政策例会。由于近期公布的欧元区通胀数据显示出通缩风险正在加大，欧洲央行进一步降息以促进经济复苏的压力增加。不少分析认为年底前欧洲央行就将采取行动，并且不排除本周会议就宣布降息的可能性。    欧盟统计局10月31日公布的初步统计数据显示，今</t>
  </si>
  <si>
    <t>美三大汽车制造商10月销量俱增</t>
  </si>
  <si>
    <t>美国三大汽车制造商1日发布销售数据显示，通用汽车、福特和克莱斯勒10月销量与去年同期相比普遍增长，但福特和克莱斯勒销量不及业内预期。    通用汽车公司报告显示，10月在美国的销售增长15.7%，达22.6402万辆，高于市场预期，旗下4个汽车品牌销量均实现增长，其中别克品?</t>
  </si>
  <si>
    <t>纽约市政府采购廉洁高效</t>
  </si>
  <si>
    <t>记者近期调研了解到，美国纽约市有完善的购买公共服务制度，通过严格的监管机制和竞争性招标，保证了政府购买体系的公平、透明和有效。专家认为，纽约市政府已经形成了一套清廉而高效的政府购买执行程序，取得了明显成效，其经验值得中国参考借鉴。    资质审查和绩效评估?</t>
  </si>
  <si>
    <t>在“管”与“放”间寻求平衡</t>
  </si>
  <si>
    <t>从上世纪70年代末开始，美国政府开始大规模放松行政管理制度改革，行政审批项目大幅减少，行政审批程序进一步简化，市场机制运作及市场规则趋于规范.较为成功地实现了政府与市场的良性互动。如何寻求“管”与“放”之间的平衡，避免“一管就死、一放就乱”的困局，美国的做法</t>
  </si>
  <si>
    <t>丝绸之路战略契合点</t>
  </si>
  <si>
    <t>2013年，中国领导人提出建设“丝绸之路经济带”、“21世纪海上丝绸之路”、构建亚太“互联互通”格局等多项战略构想。复兴“丝绸之路”成为新时期维系地区多国互利共赢、区域经济一体化新格局的大战略。    环顾周边，中国与邻邦的经贸合作成果存量可观。    过去十年，?</t>
  </si>
  <si>
    <t>戴尔完成249亿美元私有化交易</t>
  </si>
  <si>
    <t>据路透社报道，戴尔公司创始人迈克尔·戴尔和私募股权投资公司银湖完成了备受争议的249亿美元私有化交易，戴尔公司于美国股市29日收盘后从纳斯达克摘牌。该项交易标志着戴尔作为全球最大上市个人电脑生产商之一的数十年历史宣告结束。    戴尔于今年2月初提出私有化，几经?</t>
  </si>
  <si>
    <t>引入浑水机构治A股造假顽疾</t>
  </si>
  <si>
    <t>近日，美国做空机构浑水在其官网发表了一篇长达81页的调查报告，对手机安全公司网秦进行质疑，指责网秦捏造营收数据、伪造市场份额、夸大付费用户量。受此影响，网秦股价持续下挫。    从2009年开始，这家浑水研究公司先后发布研究报告，揭露四家在北美上市的中国公司欺诈?</t>
  </si>
  <si>
    <t>改革加力  全球营商环境改善</t>
  </si>
  <si>
    <t>世界银行与国际金融公司28日联合发布了《2014营商环境报告》。报告显示，在过去一年间，多数经济体的政府明显加快了改善营商环境的步伐，全球营商环境整体得到改善，为本地企业家扩大经营奠定了基础。    营商法规改革力度加大    该报告指出，自2008至2009年金融危机爆?</t>
  </si>
  <si>
    <t>解读中国崛起引世界关注</t>
  </si>
  <si>
    <t>新加坡内阁资政李光耀是新加坡的“国父”，在1959年至1990年担任新加坡总理期间，他几乎是独当一面地领导了新加坡的转型，让新加坡的经济取得了巨大成功，新加坡成功跻身“亚洲四小龙之列”。李光耀与中国有着不解之缘。他曾经会晤过毛泽东、邓小平、江泽民、胡锦涛、习近平?</t>
  </si>
  <si>
    <t>欧盟多策并举力保复苏</t>
  </si>
  <si>
    <t>欧盟秋季峰会日前刚刚落下帷幕，虽然会议风头被美国窃听丑闻事件抢去，但在欧洲经过漫长衰退终现复苏迹象的微妙时刻，如何规划进一步维持复苏后劲仍是峰会上的主要焦点。几项要求“紧急”实施的政策被确定排在今年年底实施或完善，这凸显欧洲领导人力保复苏苗头的政治决心，?</t>
  </si>
  <si>
    <t>iPhone热卖  苹果第四财季利润仍下滑9%</t>
  </si>
  <si>
    <t>美国苹果公司(Apple)28日公布最新财报。受益于iPhone的强劲销售，2013财年第四季度苹果公司营业收入好于预期，但净利润同比下滑9%，已经连续第三个季度下滑。外界质疑在激烈的竞争压力下，苹果能否扭转盈利颓势。    苹果公司28日盘后公布的财报显示，2013年第四财季，苹果</t>
  </si>
  <si>
    <t>中国品牌文化影响力逐渐“西进”</t>
  </si>
  <si>
    <t>美国《华尔街日报》中文网日前刊文说，尽管目前中国在输出自有品牌和文化方面进展缓慢，但是鉴于中国经济的规模和实力，中国对外输出文化和生活方式只是时间问题。一些中国的消费风尚已经开始渗入美国等西方国家，越来越多地对美国消费者产生影响。文章题为《中国制造在今天?</t>
  </si>
  <si>
    <t>进口车在俄挑战拉达霸主地位</t>
  </si>
  <si>
    <t>俄罗斯加入世界贸易组织一年多来，本土汽车品牌明显受到进口车冲击。俄罗斯“国车”——拉达的销量今年2月份以来连续8个月递减，其中有6个月的同比降幅达到两位数。作为俄罗斯汽车工业象征的拉达，正伴随整个行业走入深秋。    “拉达开得比火箭快”，是华人总结的俄罗斯“</t>
  </si>
  <si>
    <t>东南亚能源市场潜力渐显</t>
  </si>
  <si>
    <t>出席新加坡国际能源周的业界人士28日热议亚洲能源市场潜力，一些人认为东南亚能源市场有可能成为继中国和印度之后另一备受关注的潜力市场。    由于新能源在未来的市场格局中将占有重要地位，亚洲新能源市场的供求趋势变化也是业界人士关注的焦点之一。    在当天新加坡?</t>
  </si>
  <si>
    <t>美联储货币政策料将“按兵不动”</t>
  </si>
  <si>
    <t>美国联邦储备委员会(美联储)货币政策决策机构联邦公开市场委员会(FMOC)将于美东时间29日至30日举行年内第7次货币政策例会。因美国财政僵局后续影响仍在发酵、经济数据普遍偏弱，市场普遍预计美联储在本次会议上按兵不动，现行量化宽松政策(QE)料将维持不变。但美联储曾在9月?</t>
  </si>
  <si>
    <t>美医改网站卡壳启示</t>
  </si>
  <si>
    <t>尽管美国政府已经在停摆后开张，奥巴马总统的麻烦却并未结束。因为奥巴马医改的支柱之一“健保交易所”运营噪音不断。联邦政府为无医保者在线购买保险所设的健保交易所网站频频卡壳，连奥巴马本人也批评这种状况不能容忍。在美国政坛和民间的抱怨声中，其实隐藏着改革启示。$</t>
  </si>
  <si>
    <t>中欧经贸高层对话聚焦三大议题</t>
  </si>
  <si>
    <t>来自中国商务部的消息称，第四次中欧经贸高层对话将于24日在比利时布鲁塞尔举行。本次对话议题将设“经济发展”“工业政策”和“贸易与投资”三大部分。据悉，本次对话将为即将到来的中欧领导人会晤做技术层面准备工作，包括敲定有望在领导人峰会上开启的双边投资协定的一些?</t>
  </si>
  <si>
    <t>丹麦兴起“网购中国”风</t>
  </si>
  <si>
    <t>网络购物在丹麦早已成为时尚，这一便捷购物方式的迅速发展正在改变着人们的日常生活。据欧洲电子商务协会2013年8月发布的数据，2012年丹麦人均电子商务消费额为1914欧元(约合15454元人民币)，位列欧盟国家第三名，远高于欧盟的平均水平544欧元。因此，丹麦成为世界上国民最热</t>
  </si>
  <si>
    <t>古巴宣布启动货币统一进程</t>
  </si>
  <si>
    <t>古巴政府22日宣布启动货币及汇率统一进程，以期改变现存的双轨制货币政策，即国民货币比索和可兑换比索并存的局面。    作为古巴民众呼声最高的改革内容之一，这一决策于19日召开的古巴部长会议上讨论并获得通过。    发表在古共中央机关报《格拉玛报》的官方声明说：“?</t>
  </si>
  <si>
    <t>宋晓梧：收入分配是改革重大问题</t>
  </si>
  <si>
    <t>中国经济体制改革研究会会长宋晓梧23日表示，收入分配问题是当前经济改革中非常突出的重大问题。要解决这一问题，一次分配要注重缩小城镇、行业的收入差距，提高劳动收入占比，二次分配则要明确防止逆向转移的出现。    在由中央人民广播电台经济之声主办的“大国大时代—?</t>
  </si>
  <si>
    <t>荷兰合作银行恐被罚10亿美元</t>
  </si>
  <si>
    <t>据英国《金融时报》报道，荷兰合作银行最早或于下周面临一笔近10亿美元的罚金，原因是它被指控参与操纵伦敦银行间同业拆借利率(Libor)和其他基准银行间同业拆借利率。Libor操纵案动摇了公众对金融体系的信任，各国监管机构还在继续惩处这起丑闻的制造者。    据三位知情人?</t>
  </si>
  <si>
    <t>温铁军：三农问题核心是农民权益</t>
  </si>
  <si>
    <t>中国人民大学可持续发展高等研究院执行院长温铁军22日在“大国大时代——中国经济十月谈”上表示，三农问题的核心是农民权益问题，农民权益不仅包括生存的权利，还包括比较的权利和参与的权利。    温铁军说，二战后整个东亚社会向农民分配了土地，让社会底层不仅拥有房产?</t>
  </si>
  <si>
    <t>德国房价畸高或令欧洲央行承压</t>
  </si>
  <si>
    <t>据英国《金融时报》报道，德国央行21日发出警告，称德国大城市的房价被严重高估，该国房地产的急速繁荣或将导致泡沫产生。这一警告将加剧外界的担忧，可能会对欧洲央行的宽松政策造成压力。    德国央行当日在10月的月度报告中指出，德国最大的七个城市房价过高，偏高幅度?</t>
  </si>
  <si>
    <t>花旗德银卷入外汇操纵案调查</t>
  </si>
  <si>
    <t>据外媒报道，有知情人士透露，随着全球监管机构对潜在的汇市操纵展开调查，美国商品期货交易委员会(CFTC)已经要求包括德意志银行和花旗集团在内的数家主要外汇交易银行提供它们的交易记录，并且上交有关错误行为的证据，来配合外汇市场操纵案的调查。全球前三大外汇交易银行?</t>
  </si>
  <si>
    <t>政府停摆有赢家也有输家</t>
  </si>
  <si>
    <t>继美国前总统克林顿在1995年底至1996年初遭遇联邦政府非核心部门停摆后，联邦政府在奥巴马任内又停摆16天。尽管奥巴马宣称政府停摆没有赢家，但在此次吸引全球目光的美国财政“内战”中，显然有赢家也有输家，这些输赢背后是华盛顿不变的行事方式。    首先，在华盛顿的府?</t>
  </si>
  <si>
    <t>多部委发文力挺农田水利“升级”</t>
  </si>
  <si>
    <t>财政部22日发布消息称，近日中央财政下拨统筹从土地出让收益中计提的农田水利建设资金63.25亿元，支持农田水利建设。同日，国务院发布批复原则同意《全国高标准农田建设总体规划》；水利部印发《全国冬春农田水利基本建设方案》，要求2013-2014年度全国冬春农田水利基本建设?</t>
  </si>
  <si>
    <t>以房养老并非最佳选择</t>
  </si>
  <si>
    <t>说起“反向抵押贷款”(re-versemortgage)，也就是俗称的以房养老，70岁的澳大利亚老人卡萝尔·安·赫西的态度很坚决——“应该说，不是迫不得已，我不会考虑申请这种贷款。”在澳大利亚，反向抵押贷款并不是政府的一项政策，而是金融机构针对老年人推出的一个金融服务产品。$</t>
  </si>
  <si>
    <t>欧盟对转基因态度谨慎怀有戒心</t>
  </si>
  <si>
    <t>近日，一条61位院士向国家领导人上书进言加快转基因水稻产业化的新闻再次引发舆论对转基因食品安全性的争议。那么，欧盟和美国等对转基因产品态度如何呢？    欧盟对转基因产品的态度较为谨慎，主要原因是欧洲国家从政府到民众都对转基因产品的安全性怀有戒心。加之欧盟本?</t>
  </si>
  <si>
    <t>前美国财长保尔森：中国经济结构调整前景优于以往</t>
  </si>
  <si>
    <t>美国《纽约时报》日前刊登了芝加哥大学保尔森研究所主席、前美国财长和高盛集团总裁亨利·保尔森的文章说，中国政府现在正计划对经济进行结构调整，这种改革所面临的前景要优于以往。而且，在全球经济增长依然乏力的时候，中国重新进行这种改革对世界经济十分重要。文章具体?</t>
  </si>
  <si>
    <t>美股坚挺依旧  需警惕泡沫风险</t>
  </si>
  <si>
    <t>在最近美国上演的政府关门政治闹剧中，华尔街再次显现出“处变不惊”的“气度”。当美国两党在最后时刻达成财政协议后，美国股市再拾升势，《华尔街日报》称，市场的注意力正从政治僵局转回到公司业绩上来。    在刚刚过去的一周，道琼斯指数累计上涨163点，升至15339.65点</t>
  </si>
  <si>
    <t>美国食品上市前至少经过3个部门审查</t>
  </si>
  <si>
    <t>美国是转基因作物种植的第一大国，其中，转基因棉花、大豆和玉米是美国种植最广泛的三种作物，美国农业部的数据显示，2012年，转基因棉花、大豆和玉米在美国的种植面积分别占总种植面积的94%、93%和88%。但美国官方并未批准种植转基因小麦。目前允许在美国上市的转基因作物，</t>
  </si>
  <si>
    <t>发达国家对转基因食品标识要求不一</t>
  </si>
  <si>
    <t>围绕转基因食品的争议始终没有消停，超市货架上的东西到底含不含转基因原料？如何确保消费者的知情权和选择权？可以看看发达国家的经验和做法。    欧盟：转基因食品必须明示    欧盟对转基因作物和食品采取“谨慎批准”态度。欧洲转基因作物的种植面积在全球几乎可以忽?</t>
  </si>
  <si>
    <t>美监管机构将痛罚美银60亿美元</t>
  </si>
  <si>
    <t>据英国《金融时报》20日报道，由于美国银行(Bankof America)涉嫌在楼市繁荣时期误导房贷机构，美国联邦住房金融局(FHFA)或将对美国银行罚款至少60亿美元。目前，华尔街涉嫌在抵押贷款业务方面违规的大银行面临的罚款压力正在增大，因不当销售抵押贷款支持证券向美国监管机构?</t>
  </si>
  <si>
    <t>日本连续15月贸易逆差创历史纪录</t>
  </si>
  <si>
    <t>日本央行21日公布报告称，日本九个地区的经济出现全面复苏。与此同时，日本财务省当日公布的数据显示，9月份日本出现9321亿日元贸易逆差额，虽然低于经济学家预计的9339亿日元，但仍连续15个月出现贸易逆差，刷新历史最长纪录。今年上半财年(4月-9月)日本贸易出现4.9892万亿?</t>
  </si>
  <si>
    <t>龙永图：放弃国际市场是自废武功</t>
  </si>
  <si>
    <t>原博鳌亚洲论坛秘书长龙永图21日在“大国大时代——中国经济十月谈”上表示，中国拥有全球最有效的物流产业链和制造业组装能力，如果放弃国际市场便是自废武功。当前中国应该充分利用国际市场，继续推进包括进出口在内的外贸发展，为实现经济由内需主导赢得时间。龙永图认为?</t>
  </si>
  <si>
    <t>华沙气候谈判面临挑战</t>
  </si>
  <si>
    <t>2013年联合国气候大会11月将在波兰首都华沙举行。气候变化是人类面临的共同挑战，但在各方利益冲突不断、气候变化形势越来越严峻的背景下，联合国气候谈判面临的挑战不容小觑。今年6月在德国举行的联合国2013年第二轮气候变化谈判取得进展但也遭遇难题。这给华沙气候大会带来</t>
  </si>
  <si>
    <t>多线出击  欧盟对外经贸谈判提速</t>
  </si>
  <si>
    <t>在亚太经合组织(APEC)领导人非正式会议就实现区内互联互通、推动贸易投资便利化和经济一体化等经贸议题达成多项共识后，无缘会议的欧盟委员会多线出击，力争与亚太国家及地区联盟完成双边投资或自由贸易协定谈判。    18日，在卢森堡举行的欧盟外交部长会议宣布，欧洲理事?</t>
  </si>
  <si>
    <t>夏斌：扭转货币超发局面时不我待</t>
  </si>
  <si>
    <t>国务院参事、国务院发展研究中心金融研究所名誉所长夏斌20日在“大国大时代——中国经济十月谈”上表示，尽管不宜简单地比较中美两国的货币发行情况，但是近年来中国货币超发现象确实给经济带来很大隐患。一方面货币过多导致产能严重过剩，另一方面需要资金的中小企业又拿不?</t>
  </si>
  <si>
    <t>传联想拟收购黑莓  或遭外方监管阻拦</t>
  </si>
  <si>
    <t>全球个人电脑巨头联想集团正在考虑收购通信巨头黑莓。业内人士称，考虑到监管难题，全盘收购极为困难，黑莓将有可能被第三者收购后进行分拆，其中手机硬件业务将成为联想的收购对象。    稍早之前，有传言称，联想集团正积极考虑全盘收购加拿大通信公司黑莓公司，目前双方?</t>
  </si>
  <si>
    <t>韩式整容：打造“流水线美人”</t>
  </si>
  <si>
    <t>韩国整容业发达众所周知，从乡村到城市，众多韩国女孩把整容当做人生获取成功的必须准备；而随着《江南Style》之类“韩流”娱乐产品风靡国际，“韩式整容风”也吹到海外，成为韩国医疗旅游的热门项目，在韩裔美国人群体里尤其受欢迎。    这股风潮引起美国媒体的注意。让美</t>
  </si>
  <si>
    <t>星巴克被指在华牟暴利</t>
  </si>
  <si>
    <t>“在星巴克45度角仰望明媚的天空，能感到一股淡淡的俗气。”    “在里面消费会不会都觉得‘高端大气上档次’？”    “在美国就是个随处可见的路边店，国内却成了小资生活的象征。”    谈及星巴克在国内广大受商务人士和白领阶层的追捧，不少人都不能理解其背后的原?</t>
  </si>
  <si>
    <t>重建丝绸之路经济带</t>
  </si>
  <si>
    <t>曾经对世界经济产生过巨大影响的“丝绸之路”，正在重新成为人们关注的热点。不久前，中国国家主席习近平访问中亚四国，首次提出共同建设地跨欧亚的“丝绸之路经济带”构想，这一创新的大合作模式使重现古老丝路辉煌，实现各自民族复兴的伟大梦想变得无比真实。美国学者弗雷?</t>
  </si>
  <si>
    <t>爱尔兰欲修改税法打击苹果避税</t>
  </si>
  <si>
    <t>由于国际上批评之声不断，爱尔兰15日表示将修改一项税收条例，令苹果等大型跨国公司不能再利用相关漏洞逃避缴纳巨额税款。但有分析指出，此举虽然可被视为爱尔兰打击避税的首个重大举措，但是却未能堵上现有的巨大法律漏洞，苹果公司或许并不会因为该项措施支付更多税款。</t>
  </si>
  <si>
    <t>欧央行明年将全面监管区内银行</t>
  </si>
  <si>
    <t>当地时间15日，于卢森堡举行的欧盟财长会议通过了欧盟的单一银行监管机制(SSM)计划，扫清了建立单一监管机制的法律障碍，为建立欧盟内新的银行监管机制和框架迈出了重要一步。预计单一银行监管机制将在明年11月正式生效。    根据此次会议批准的计划，欧洲中央银行将担负起</t>
  </si>
  <si>
    <t>安倍为提高消费税铺路</t>
  </si>
  <si>
    <t>日本首相安倍晋三15日在临时国会上发表施政演说，强调必须落实政府的经济增长战略，以恢复经济并实现持续性增长，抵消将来提高消费税可能对经济造成的影响。    安倍政府决定明年4月将消费税率从5%提高至8%，引起人们对经济下滑的担忧，施政演说目的之一是向国民展现自己的</t>
  </si>
  <si>
    <t>美债危机给中国敲响警钟</t>
  </si>
  <si>
    <t>美国国债本月17日将触及上限。如果美国出现债务违约情况，美国债用评级将会被下调，金融市场将会大跌、美元资产将步入漫漫熊途，消费者信用受到严重打击，银行借贷将会出现枯竭，不仅是美国经济受到冲击，就连世界经济也会受到影响。笔者认为，民主、共和两党在最后关头不会?</t>
  </si>
  <si>
    <t>美国债务违约是“已知的未知”</t>
  </si>
  <si>
    <t>当前，世界经济再次步入“多事之秋”，无疑美国债务风暴正成为让全球市场神经紧绷的最大风险源头。美债大限倒计时导致美国“技术性违约”风险持续上升，鉴于美元和美债在全球金融体系中的主导地位，全球经济和全球金融市场面临着新一轮严峻挑战。    美国政府税收与开支之?</t>
  </si>
  <si>
    <t>摩根大通交易员再遭汇市操纵调查</t>
  </si>
  <si>
    <t>今年6月份，英国金融监管当局表示，正在调查外汇市场是否存在操纵行为。多家银行的交易员被指通过即时通讯来源收集外汇交易信息，以及利用客户交易盘操控基准汇率报价等。据外媒报道，由英国金融监管当局发起的汇市操纵调查，现正转向最近频受调查的摩根大通。该行的一位交易</t>
  </si>
  <si>
    <t>跨境贸易电子商务成未来竞争制高点</t>
  </si>
  <si>
    <t>前不久，一位美国加利福尼亚州的姑娘在家中轻击鼠标，就通过电子商务平台向浙江一家工厂直接订购了他们生产的一套陶瓷杯具。这套价值50美元的杯具几天后就寄到客户手中，而这样的杯具在美国商店的售价将近300美元。    相较于传统外贸经过多个中间商的层层“加码”、终端缺</t>
  </si>
  <si>
    <t>欧盟难民政策陷两难</t>
  </si>
  <si>
    <t>兰佩杜萨最近成了欧洲媒体关注焦点。一周之内，这个意大利小岛附近海域连续发生两起偷渡船沉船事故，造成300多人丧生。这让欧洲人震惊，也引发了关于欧盟难民政策的反思和讨论。    兰佩杜萨是意大利最南端的一个面积20平方公里的小岛，距西西里岛205公里，距突尼斯海岸130</t>
  </si>
  <si>
    <t>欧洲将建电信统一市场提升全球竞争力</t>
  </si>
  <si>
    <t>9月11日，欧盟委员会出台了近30年来最具雄心的电信市场改革计划。这项被称作“互联欧洲大陆”的提案旨在统一欧洲电信市场监管、推动运营商兼并整合、下调通讯资费、鼓励电信业投资等。    资深业内人士认为，欧盟的这一战略举动，一方面将提升其电信产业的国际竞争力，另一</t>
  </si>
  <si>
    <t>“欧美家电巨头在华再也输不起”</t>
  </si>
  <si>
    <t>最近，欧美家电巨头在中国市场全面提速：美国惠尔浦斥资34亿人民币获得合肥三洋51%的股份，德国博世西门子在中国的研发中心开始全面运转，瑞典伊莱克斯声称要重塑在中国的高端品牌形象。应该如何看待跨国家电巨头针对中国市场的新战略？《经济参考报》记者就此采访了帕勒咨询</t>
  </si>
  <si>
    <t>美国《外交》杂志：经济转型将助推中国对亚洲投资</t>
  </si>
  <si>
    <t>美国《外交》杂志近日在一篇题为《更多特大工程？中国再平衡对亚洲意味着什么》的文章中说，繁荣的中国已经成为其相对贫穷的亚洲邻国的重要投资来源，中国的经济转型不仅不会导致企业海外投资减少，还会进一步鼓励这些活动，它作为亚洲地区主要投资来源的地位不会改变。文章?</t>
  </si>
  <si>
    <t>三名美国经济学家贡献意义重大</t>
  </si>
  <si>
    <t>10月14日，在瑞典首都斯德哥尔摩，瑞典皇家科学院常任秘书斯塔凡·诺尔马克宣布，美国经济学家拉尔斯·彼得·汉森、欧仁·法马和罗伯特·席勒获得2013年诺贝尔经济学奖，以表彰他们在资产价格趋势的实证研究领域所做的贡献。    瑞典皇家科学院表示，三位经济学家通过各自?</t>
  </si>
  <si>
    <t>“可预期性”是诺奖核心成就</t>
  </si>
  <si>
    <t>瑞典皇家科学院14日宣布，将2013年诺贝尔经济学奖授予美国经济学家欧仁·法马、拉尔斯·彼得·汉森和罗伯特·席勒(Eugene Fama，Lars Peter Hansen and Robert Shiller)，以表彰他们对资产价格所做的经验性分析。    诺贝尔经济学奖评选委员会的评委们说，“可预期性”是今</t>
  </si>
  <si>
    <t>欧洲经济：昏暗的黎明  漫长的复苏</t>
  </si>
  <si>
    <t>据欧盟统计局发布的数据显示：今年二季度欧元区国内生产总值(GDP)环比增长0.3%，终于走出了自2008年金融危机以来持续时间最长的衰退。然而随后的一系列经济数据却相互矛盾，特别是对经济走势影响重大的失业率，依旧维持在高位。可见欧元区经济并不理想，复苏道路依然漫长。</t>
  </si>
  <si>
    <t>美财政货币政策变数扰动全球经济</t>
  </si>
  <si>
    <t>美联储退出量化宽松货币政策的不确定因素对全球市场引起的恐慌刚刚告一段落，美国债务上限之争又再度绷紧了全球神经，并且加深了美联储退出政策的不确定性，全球市场和全球经济复苏都处在美国两大不确定性因素的困扰下。    9月份，美联储官员由于围绕财政政策的巨大风险以</t>
  </si>
  <si>
    <t>欧洲银行主权债务风险敞口加大</t>
  </si>
  <si>
    <t>欧洲金融机构对本国主权债务的风险敞口正在达到欧债危机爆发以来的最高水平。这再度引发了人们关于主权债务与该国银行业联系过密的担忧。    据英国《金融时报》13日报道，根据欧洲央行发布的最新数据，截至8月底，政府债券在意大利银行业总资产中的占比已超过10%，而在201</t>
  </si>
  <si>
    <t>为什么又是金融学家</t>
  </si>
  <si>
    <t>三位美国经济学家获得2013年诺贝尔经济学奖的消息传来，《经济参考报》记者第一时间接通了几位国内专家的电话，听取他们对诺奖得主及其理论的看法。    中国社科院金融研究所所长王国刚对记者表示，现在经济学的金融化趋势越来越明显，现在60%-70%的经济学都在向金融学上靠</t>
  </si>
  <si>
    <t>美参院会谈成破财务僵局最后希望</t>
  </si>
  <si>
    <t>过去两天里，美国众议院共和党人和总统奥巴马的预算谈判陷入停滞，这使得外界对于两党是否能在截止日10月17日前达成协议的担忧升温。12日，美国参议院两党领袖启动会谈，以期结束联邦政府机构的“关门”局面和避免政府债务违约。时至今日，距离美国债务上限到期只剩三天，参?</t>
  </si>
  <si>
    <t>脱销的“胶带”掀开台北故宫文创商机</t>
  </si>
  <si>
    <t>“朕知道了”纸胶带热销，仅仅是台北故宫文化创意产业的冰山一角，台北故宫仅依靠其文化创意商品，去年就获得逾7亿元新台币的收入。目前，台北故宫的“文创”综合能力，在世界博物馆中高居第四位，前三名分别是法国罗浮宫、英国大英博物馆和美国大都会博物馆。    “哎呀！</t>
  </si>
  <si>
    <t>美股融资融券及借贷市场简析</t>
  </si>
  <si>
    <t>随着放宽中国投资者投资境外产品政策的出炉，投资美股成为股市投资圈内的热门话题。中国融资融券业务于2010年开始试点，而美国市场的融资融券业务已有百年历史，大家都已知道，投资者在美股市场可以做日内交易、无日内涨跌停板限制、最少一股交易及融资扩大杠杆、融券做空等?</t>
  </si>
  <si>
    <t>美国经济的“回来”之路</t>
  </si>
  <si>
    <t>五年前，金融危机让美国遭受重创，经济命悬一线；五年后，美国经济获得意想不到的回归，就业在增加，房价日趋稳定，股价日渐回升，负债逐步下降，竞争力逐渐恢复……这一切是怎么实现的？《美国回来了：终结经济危机，开启全新纪元》一书在一个广阔的视野上，全方位地解读了?</t>
  </si>
  <si>
    <t>网络战争：现实威胁还是商家噱头</t>
  </si>
  <si>
    <t>随着电子技术日益普及，互联网正成为保卫国土安全的前沿阵地。美国国防部为此大笔投入、招兵买马增强网络战斗力。然而，网络战争究竟是现实威胁还是商家噱头，仍然尘埃未定。    模拟“网络珍珠港”    五角大楼“网络战士”最近的一项任务是利用网络技术更改电脑程序，?</t>
  </si>
  <si>
    <t>加拿大政府以国家安全为由介入黑莓收购案</t>
  </si>
  <si>
    <t>正在寻找更好买主的加拿大知名通信公司黑莓再遇变数。据外媒10日报道，加拿大国库委员会主席托尼·克莱门特日前表示，出于国家安全的考虑，任何针对黑莓公司的收购将受到加拿大政府的严格审查。分析人士认为，由于黑莓在政府、企业的渗透率较高，政府以国家安全为由介入将是?</t>
  </si>
  <si>
    <t>美联储维持宽松政策几率大增</t>
  </si>
  <si>
    <t>据外电报道，美国总统奥巴马定于美东时间9日下午提名现任美国联邦储备委员会(美联储)副主席珍妮特·耶伦接替本·伯南克，出任下一届美联储主席。如果这一任命获得国会批准，耶伦将成为美联储百年历史上首位女舵手。如何处理前任留下的重大“遗产”——量化宽松政策，将成为耶</t>
  </si>
  <si>
    <t>欧洲经济虽然复苏但仍脆弱</t>
  </si>
  <si>
    <t>奥地利经济研究所近日发表报告说，今年第二季度起，欧元区总体经济形势终于再次出现复苏迹象，但经济依然脆弱。一方面是由于复苏很不均衡，德、法今年第二季度的经济增长分别达到0.7%和0.5%，但西班牙、意大利依然是负增长；另一方面的原因是，各国仍在执行的强化预算管理政?</t>
  </si>
  <si>
    <t>专家建议第三次重组国民经济债务</t>
  </si>
  <si>
    <t>鉴于审计署可能在未来的几周内公布对地方债务全面审计结果，近日中国杠杆率上升的问题再次成为市场热点。9日美银美林预计，截至2013年年中，中国总体非金融行业债务余额为100万亿元，占GDP比重为185%，中央政府、地方政府、公司和家庭的债务占GDP比率分别为21%、32%、111%和2</t>
  </si>
  <si>
    <t>华盛顿继续“玩火”  投资者离场观望</t>
  </si>
  <si>
    <t>8日，美国联邦政府非核心部门关门进入第八天，此前反应不大的华尔街投资者似乎有点坐不住了，纽约三大股指当天齐刷刷下跌。交易员表示，美国民主与共和两党在财政问题上相互攻击，谈判未取得进展，使得投资者避险情绪增加，选择离场观望，导致股价大跌。如果债务问题迟迟谈不</t>
  </si>
  <si>
    <t>美国税改何处寻路</t>
  </si>
  <si>
    <t>当白宫“断粮”关门、调高债务上限这些超短期议题吞噬了华府几乎所有政治能量之际，麦克·李等议员提出的美国税收改革议题早已湮没无声。尽管奥巴马总统承认美国的税收体制千疮百孔，尽管呼吁税改的号角一再吹响，美国要推行税改首先需要具备天时和明确大方向。    美国智?</t>
  </si>
  <si>
    <t>奥巴马缺席  TPP谈判艰难前行</t>
  </si>
  <si>
    <t>《跨太平洋战略经济伙伴协议》(TPP)首脑会议8日在印度尼西亚巴厘岛举行。美国总统奥巴马因政府“停摆”缺席，会议由新西兰总理约翰·基代替主持。尽管与会各国在诸多问题上存在严重分歧，但各方仍希望加快谈判进程，即使年内无法达成最终协议，也要力争涉及多方利益的敏感议?</t>
  </si>
  <si>
    <t>淮安：淮上古城呼唤中国经济第四极</t>
  </si>
  <si>
    <t>一个城市的兴盛往往与河流密切关联。正如京仁运河之于首尔、伊利运河之于纽约，当代诸多国际大都市的崛起，均与当初运河的开凿疏浚、综合开发密不可分。淮安，因淮河而得名，素有“九省通衢、七省咽喉”之美誉。自隋至清末，淮安一直是漕运枢纽、盐运要冲，一度见证了南船北?</t>
  </si>
  <si>
    <t>贵州茅台股价暴跌重伤机构</t>
  </si>
  <si>
    <t>从2013年7月1日到2013年9月30日，短短3个月时间，众多机构投资者所青睐的贵州茅台在64个交易日中一路下跌，从每股192.03元跌至每股135.94元，累计跌幅高达29.33%。9月30日，贵州茅台盘中跌至133.02元，创下近三年来的新低。仅今年第三季度，贵州茅台的总市值就从2017亿元缩水</t>
  </si>
  <si>
    <t>“大地女神行动”启动  主攻“洋垃圾”</t>
  </si>
  <si>
    <t>记者日前从海关总署获悉，中国海关在世界海关组织框架下倡议发起的第三期“大地女神行动”将于10月7日至11月25日进行，重点打击从欧洲、北美洲等废物出口地向亚太地区走私有害废物的不法行为。    目前已有包括美国、荷兰在内的43个世界海关组织成员、3个世界海关组织地区?</t>
  </si>
  <si>
    <t>意大利：海尔品牌举足轻重</t>
  </si>
  <si>
    <t>编者按：“中国梦”一经提出，便迅速引发了全社会的共鸣，而对于被称为“世界家电制造基地”的中国家电业来说，提升经营效率，持续创新并推进国际化布局，由“中国制造”向“中国创造”转变，成为新时期“中国梦”的重要组成。    企业强则国强。中国家电产业的“中国梦”?</t>
  </si>
  <si>
    <t>美智库：机器人技术将成未来经济重要推动力</t>
  </si>
  <si>
    <t>美国著名智库大西洋理事会近期发表该智库“全球眼光计划”高级研究员罗伯特·曼宁撰写的一篇研究报告，题为《正在兴起的机器人和第三次工业革命》。报告认为，机器人技术的兴起是第三次工业革命的副产品，但这一技术的快速发展及应用将成为未来经济的重要推动力。报告呼吁各?</t>
  </si>
  <si>
    <t>自贸区或提升大宗商品定价权</t>
  </si>
  <si>
    <t>随着国庆长假结束，与国际市场关联度较高的资本市场表现再度成为投资者关注的重点。数据显示，“十一”长假期间，尽管包括美国政府非核心部门关门等一系列因素“搅局”，国际程度较高的大宗商品市场仍波澜不惊，表现平静。    每逢长假，对于国内期货市场投资者来说都有些?</t>
  </si>
  <si>
    <t>APEC会议揭示区域自贸协定竞争格局</t>
  </si>
  <si>
    <t>日前在巴厘岛闭幕的亚太经合组织(APEC)部长级会议发表联合声明强调，世界贸易组织(WTO)仍是全球多边贸易体系“最突出”的平台。    这一表态引人注目，因为近些年来，全球区域经济一体化的新进展日益显现各方势力对全球贸易新规则的主导权之争。    APEC部长级会议和峰会</t>
  </si>
  <si>
    <t>俞建华：中国对各区域合作机制均持开放立场</t>
  </si>
  <si>
    <t>亚太经合组织(APEC)第二十一次领导人非正式会议7日至8日在印度尼西亚巴厘岛举行。中国商务部国际贸易谈判副代表俞建华7日接受新华社等中国媒体联合采访，介绍峰会主要议题和中方在区域经济一体化等方面的立场。    俞建华说，当前亚太区域经济一体化呈现多渠道并行发展局面</t>
  </si>
  <si>
    <t>市场未雨绸缪防范美债违约</t>
  </si>
  <si>
    <t>美国预算僵局导致政府关门已经持续一周时间，并且影响到奥巴马出席亚太经合组织会议、TPP的谈判以及美欧自由贸易谈判。但从目前美国政府和众议院的表态来看，事态并没有缓解的迹象。奥巴马和博纳的表态都十分强硬，两党要在17日之前达成妥协希望仍存，但挑战也十分巨大。政府</t>
  </si>
  <si>
    <t>美仓促批准衍生品电子交易平台</t>
  </si>
  <si>
    <t>据外媒报道，由于临时预算法案未被通过，美国政府面临关门，美国衍生产品监管机构商品期货交易委员会在没有进行充分测试的情况下，就仓促批准了衍生产品电子交易平台。    美国金融业监管者一直在试图推动衍生产品交易从传统的双边场外市场交易转向电子交易平台。其目标是?</t>
  </si>
  <si>
    <t>美政府停摆倒计时  经济恐受冲击</t>
  </si>
  <si>
    <t>共和党控制下的美国国会众议院于29日凌晨投票通过了附加共和党利益诉求的临时拨款议案。由于美国政府和民主党控制下的参议院之前明确表示反对这项议案，美国政府非核心部门10月1日暂时关闭、公职人员停岗的可能性大大增加。    最近一个月来，分别由民主、共和两党控制的参</t>
  </si>
  <si>
    <t>无汞医疗尚需全社会共同努力</t>
  </si>
  <si>
    <t>旨在全球范围内控制和减少汞排放的国际《水俣公约》将于10月10日在日本水俣市举行的联合国环境规划署特别会议上开始签署，一旦50个国家签署后就开始生效。公约要求在2020年前逐步淘汰包括水银温度计和血压计在内的含汞产品。事实上我国不同省份的多家医院早已自发开展各种“?</t>
  </si>
  <si>
    <t>“第三次工业革命中国大讲堂”完美收官</t>
  </si>
  <si>
    <t>日前，“第三次工业革命大讲堂”活动在石家庄举行，美国经济趋势基金会主席、纽约时报畅销书《第三次工业革命》作者杰里米·里夫金以《21世纪中国将如何引领第三次工业革命》为题，与石家庄市各界代表畅谈。    报告会现场，可容纳500多人的会议室座无虚席。一个多小时的时</t>
  </si>
  <si>
    <t>中油管道投运公司登顶国际高端</t>
  </si>
  <si>
    <t>海湾局势虽因叙利亚问题近来再度紧张，但中东石油大国阿联酋相比过去却似乎少了一份担忧。《经济参考报》记者在阿布扎比采访获悉，截至2013年9月，举世瞩目的阿布扎比原油管道的日输油量已突破140万桶。依靠这条直接送至阿曼湾的国家战略性原油管线，阿联酋成功破解了中东石?</t>
  </si>
  <si>
    <t>全球合作打击逃税进入升级版</t>
  </si>
  <si>
    <t>今年9月初，在俄罗斯圣彼得堡举行的二十国集团(G20)领导人峰会上，各国领导人一致同意在2015年底前开始执行国际税收情报交换新标准——自动交换税收情报，这标志着全球打击逃税行动进入了新阶段。俄罗斯总统普京称其为“一百多年来的最大的一步”。    该协议之所以被认为?</t>
  </si>
  <si>
    <t>新能源汽车面临多重阻碍</t>
  </si>
  <si>
    <t>美国《华尔街日报》中文网近日登载两篇文章，称由于补贴力度下降、开发进程迟滞、售价偏高、安全性有待提高、宣传力度不足等原因，短期内新能源汽车在中国的销量仍将有限。    在题为《中国消费者对电动车不“来电”》的文章中，该文作者指出，中国最新出台了新能源车补贴?</t>
  </si>
  <si>
    <t>“避税天堂”或瓦解</t>
  </si>
  <si>
    <t>近日，美国宣布将《海外账户纳税法案》(FATCA)的生效时间推迟半年，实施日期将由原定的2014年1月1日，延迟至2014年7月1日。    全球知名会计师事务所德勤认为，中国加入该法案毫无悬念，建议中国金融机构及早准备合规工作，有效控制其成本。从长期来看，随着FATCA法案全球?</t>
  </si>
  <si>
    <t>美国基础教育向他国“取经”</t>
  </si>
  <si>
    <t>美国是公认的教育强国，但基础教育却屡遭诟病，在权威的国际学生测评中，各学科成绩甚至达不到平均水平。与此同时，一些在美国学校长期存在的问题，却在其他国家得到很好解决。    美国：基础教育现状堪忧    近年来，越来越多研究显示，美国孩子的学习成绩远远落后于韩?</t>
  </si>
  <si>
    <t>欧洲央行或重启长期再融资操作</t>
  </si>
  <si>
    <t>欧洲央行行长德拉吉23日表示，为压低货币市场利率和促进经济复苏，欧洲央行准备在必要时采取一切可能的政策工具，包括启动新一轮长期再融资操作(LTRO)。    维持低利率水平    德拉吉23日出席欧洲议会季度听证会发表证词时表示：“我们已准备好动用任何工具，包括必要时?</t>
  </si>
  <si>
    <t>新股IPO可试行储架发行制度</t>
  </si>
  <si>
    <t>有媒体报道称，证监会正在研究上市公司再融资试行储架发行制度，未来再融资定价会更具弹性和市场化。由于涉及上市公司再融资，该消息一出，立即引起市场强烈关注。    所谓储架发行制度，即一次核准、多次发行。该制度源于美国，目前已被多国所采用，并随着市场发展不断完?</t>
  </si>
  <si>
    <t>奥巴马与国会“恩爱”难现</t>
  </si>
  <si>
    <t>美联储主席夺标大热门、美国前财长萨默斯近日黯然出局，对于曾公开为其站票的奥巴马总统而言，这是一次公关败笔。萨默斯尴尬宣布退出既是他个人太具争议性所致，也凸显奥巴马与国会山之间欠缺默契，但是离开国会的配合，踌躇满志的奥巴马或将大事难成。    尽管共和党参议?</t>
  </si>
  <si>
    <t>别让性别差异影响你的生意</t>
  </si>
  <si>
    <t>性别差异带来的行为方式差别，并没有人们预想的那么大。美国著名商业社交专家伊凡·米斯纳、黑兹尔·M·沃克、小弗兰克·德·拉斐尔合著的《帅哥美女经济学》一书就指出，男女对大多数问题的看法比各自以为的要接近，多数人(不分男女)都同样重视社交和事业。主要的差别来自对</t>
  </si>
  <si>
    <t>家电零售业从渠道时代进入平台时代</t>
  </si>
  <si>
    <t>在互联网浪潮冲击下，全球零售企业正经历着前所未有的战略考验：百思买出售持有的欧洲公司股份并探索线上线下融合模式，山田电机关闭了在中国的门店；而国内零售企业有的忙于调整门店业态，有的忙于扩张新产业板块，未来全球家电零售业将走向何方？《经济参考报》记者就这些?</t>
  </si>
  <si>
    <t>白酒正成为传播中华传统文化的重要载体</t>
  </si>
  <si>
    <t>今年中秋佳节，西凤酒在美国纽约时代广场惊艳亮相，“凤香经典与海外华人共庆中秋”的大型广告为这个“世界的十字路口”增添了浓厚的中国味道，这是继五粮液之后第二款登陆于此的中国名酒。此举引起全球热议，有国外媒体惊呼，白酒以其深厚的文化底蕴在传播中华传统文化中发?</t>
  </si>
  <si>
    <t>天涯共此时  海外飘凤香</t>
  </si>
  <si>
    <t>“明月几时有，把酒问青天”。9月19日，中秋节，美国纽约时代广场中心广告屏赫然出现“中华传统，世界佳节，西凤酒与全球华人共庆中秋”的大幅形象广告，这是继五粮液之后，又一款走进“世界的十字路口”吸引全球目光的中国名酒。有所不同的是，西凤酒此次借中秋节之际推广其</t>
  </si>
  <si>
    <t>《旅游法》施行了游客会不会还憋屈</t>
  </si>
  <si>
    <t>报载，双节临近，与往年不同的是，今年的“十一”黄金周旅游凸显出一个字——贵！以位于北京市东三环的一家旅行社门店报价为例，“十一”之后，欧洲游普遍涨幅两三千元，日韩游基本翻番至万元左右，涨幅最大的则是一向以物美价廉吸引大批游客的东南亚游。催生这些现象的一个?</t>
  </si>
  <si>
    <t>法国缘何成了“问题儿童”</t>
  </si>
  <si>
    <t>让法国财长莫斯科维奇有点意想不到的是，在刚刚结 束 的 欧 盟28国财长会上，原本根本不在议题上的法国却成了众矢之的，改革不力的批评接踵而至，以至于莫斯科维奇愤然反击，要求停止对法国的抨击。他表示，法国不是欧洲病人。    莫斯科维奇的愤怒是有一定底气的。新出炉?</t>
  </si>
  <si>
    <t>选战落幕  德国经济政策不会大变</t>
  </si>
  <si>
    <t>号称1949年以来“最为平淡无奇”的一届德国大选22日举行。由于现任德国总理默克尔近8年来政绩卓著，而其他政党竞选纲领并无新意，德国媒体普遍预测，“铁娘子”再次连任已无悬念。分析人士称，如果执政联盟中的自民党能够保住5%的得票率拿到进入联邦议员的资格，当前经济政策</t>
  </si>
  <si>
    <t>美量化宽松退出为何如此反复</t>
  </si>
  <si>
    <t>9月18日，最可能终结QE3的美联储货币政策会议给了市场一个意外。一向政策透明的美联储，面对量化宽松政策退出却变得如此捉摸不定和异常反复，这进一步凸显美国经济的政策依赖，以及复苏进程的曲折性和复杂性。    市场原先预计美联储将把每月850亿美元的购债规模缩减100亿?</t>
  </si>
  <si>
    <t>降油价还需靠市场化手段</t>
  </si>
  <si>
    <t>随着市场对叙利亚遭受军事打击的担忧大为缓解，近期国际油价随之回落。国际油价的持续下跌，也使得国内成品油价格下调预期日益强烈。    尽管国内成品油价格在近期有望下调，但许多民众对油价诟病颇多，除国内成品油价近年来始终处于涨多跌少的格局外，资料显示，国内成品?</t>
  </si>
  <si>
    <t>美联储政策难料  金价疾涨骤跌</t>
  </si>
  <si>
    <t>美国联邦储备委员会(美联储)当周成为左右国际黄金期货市场的主导力量，金价在中秋节期间大涨大落，市场普遍预期，后市仍将被美联储政策左右。    美联储18日宣布，将维持现行宽松货币政策不变，暂时不削减第三轮量化宽松货币政策(Q E3)规模，美联储还需进一步观察美国经济?</t>
  </si>
  <si>
    <t>澳新政府看好澳中资源合作</t>
  </si>
  <si>
    <t>澳大利亚联邦议会选举近日举行，已经在野6年的自由党-国家党联盟击败执政的工党，获得众议院150个议席中超过半数席位，取代工党上台执政。    工党执政期间，中国一跃成为世界第二大经济体，也是澳大利亚最大的贸易伙伴、最大的出口目的地和进口来源地。自由党-国家党上台?</t>
  </si>
  <si>
    <t>谁葬送了诺基亚手机帝国</t>
  </si>
  <si>
    <t>芬兰是一个人口只有500万的北欧小国，一度拥有世界最大的手机生产商，为全球数以亿计的消费者设计、制造手机。这本身是个奇迹。一个拥有百年历史的企业，在20年时间里构建起来的移动通信帝国，因一个“自我感觉良好”的疏忽，在2年时间里断送了大好河山。这不能不说是一大遗?</t>
  </si>
  <si>
    <t>团购德国大闸蟹：预售网购要小心</t>
  </si>
  <si>
    <t>德国易北河大闸蟹成灾的新闻于2012年秋传出时，曾让国内吃货们艳羡不已。2013年8月18日，淘宝网聚划算频道即推出了团购易北河大闸蟹项目，果然网友订购热情空前，三天卖出30多万只，短短几天网页就打出售罄字样。此事引起各方围观。    聚划算德国大闸蟹事件，将已悄悄上线</t>
  </si>
  <si>
    <t>央行行长不好当</t>
  </si>
  <si>
    <t>在绝大多数国家，央行行长都是货币政策的最后拍板者。在美国，美联储主席更被戏称为除总统外的华盛顿“第二实权人物”。但显然，在当前经济大波动时期，权力大意味着责任更重，央行行长大权在握，更如履薄冰。为觅得一位好行长，各国也是不拘一格、求贤若渴。    在印度，?</t>
  </si>
  <si>
    <t>市场普遍预期QE退出将启动</t>
  </si>
  <si>
    <t>美国联邦储备委员会(美联储)货币政策决策机构联邦公开市场委员会(FMOC)17日至18日举行年内第五次货币政策会议。由于本次会议可能就退出量化宽松政策(QE)作出决定，因此成为全球市场共同关注的焦点。    尽管此前全球市场已形成主流预期，即美联储将在本次会议上宣布有关退?</t>
  </si>
  <si>
    <t>共和党后院不消停</t>
  </si>
  <si>
    <t>自2011年1月执掌美国众议院议长木槌后，博纳可以说没过几天安生日子。作为共和党领袖，他的挑战不仅来自民主党总统奥巴马和掌握国会参议院的民主党领袖，自己的众议院共和党议员也经常后院起火。去年12月，在奥巴马的凌厉逼势下，博纳提出要给百万富翁增税的“B计划”，以缓?</t>
  </si>
  <si>
    <t>雷曼之殇警醒监管未过时</t>
  </si>
  <si>
    <t>每逢“9·15”，总会有人拿祭奠雷曼兄弟说事儿，今年也不例外。在这个特殊的日子，追思一下5年前申请破产保护、全面引爆本轮国际金融危机的苦主，一则可以为已恢复元气且再显贪婪本色的华尔街敲敲警钟，二则可以为美国以及欧洲的监管者擂鼓助威，推动预防下一轮金融危机的“?</t>
  </si>
  <si>
    <t>日本财政面临严重可持续性危机</t>
  </si>
  <si>
    <t>安倍重掌政权后搞的所谓灵活机动的财政政策，实质是再度使用财政刺激政策，扩大公共投资。在税收未见显著增加的情况下，扩大公共投资的资金主要来自发行国债。发债规模超过国税收入的局面已经持续4年，日本财政面临非常严峻的可持续性危机。    日本政府债务增长迅速风险上</t>
  </si>
  <si>
    <t>陆地方舟：中国纯电动汽车领域真正的领跑者</t>
  </si>
  <si>
    <t>新能源汽车产业发展不仅是未来趋势，也是我国可持续发展与节能环保的重要要求。近年来，随着美国高端电动汽车特斯拉引起的轰动，业界对于电动汽车产业化发展路径再起争论。作为我国最早专门从事纯电动汽车核心技术研究及生产的国家高新技术企业，陆地方舟新能源电动车集团从?</t>
  </si>
  <si>
    <t>瑞士：政企联手打造雄厚创新实力</t>
  </si>
  <si>
    <t>瑞士创新实力雄厚，今年再度蝉联全球创新指数榜首、其在营造良好创新环境、延揽海外人才、重视研发投入、开展具有国际声望的重点项目等方面的经验值得借鉴。    根据世界知识产权组织日前发布的《2013年全球创新指数报告》，瑞士连续三年排名第一。该报告以重点大学教育水?</t>
  </si>
  <si>
    <t>美能源专家：三趋势左右世界清洁能源走向</t>
  </si>
  <si>
    <t>当前，大力推动清洁能源发展是全球应对气候和环境挑战的关键因素之一，在世界能源格局发生深刻变化的情况下，全球清洁能源发展的现状和趋势正在受到广泛关注。日前，美国彭博新能源战略公司首席执行官迈克尔·利布莱克应邀在北京国际能源专家俱乐部以“全球清洁能源投资趋势?</t>
  </si>
  <si>
    <t>欧盟金融交易税遭遇合法性质疑</t>
  </si>
  <si>
    <t>欧盟11国关于征收金融交易税的计划尚未实施，就再度遭遇挫折。欧盟国家财政部长的最高法律顾问机构表示，这项税收的开征超越国家管辖权，违反欧盟条约，并对非参与国构成歧视。    欧盟委员会原先拟定从2014年起对欧盟11个成员国每年征收350亿欧元的金融交易税，德国、法国</t>
  </si>
  <si>
    <t>日本解决核污水任重道远</t>
  </si>
  <si>
    <t>为了让东京赢得夏季奥运会主办权，日本首相安倍晋三7日在决定2020年夏季奥运会举办城市的国际奥委会全体会议上声称，日本核污水正得到控制，并保证负责解决核污水问题，从而排除了人们的担忧，使2020年夏季奥运会主办权花落东京。但事实并非如此，人们普遍认为核污水实际并没</t>
  </si>
  <si>
    <t>中国经济进入提质增效“第二季”</t>
  </si>
  <si>
    <t>推进改革将释放新的制度活力  地方债总体安全可控    金融改革要坚持市场化取向  对TPP持开放包容态度    从9日在英国《金融时报》发表署名文章，到10日会见2013夏季达沃斯论坛企业家代表，再到11日在达沃斯论坛开幕式上致辞，国务院总理李克强连续三天密集在国际场合发?</t>
  </si>
  <si>
    <t>韦里孙通信发行490亿美元公司债券</t>
  </si>
  <si>
    <t>据外媒报道，美国韦里孙通信公司(Verizon)11日发行数百亿美元公司债券，刷新公司债券发售的记录。筹集的资金主要用于完成韦里孙通信以1300亿美元价格收购韦里孙无线通信公司股份的交易。    据英国《金融时报》10日报道，韦里孙通信公司11日将发行490亿美元公司债券。知情?</t>
  </si>
  <si>
    <t>国际金融中心变局折射经济冷暖</t>
  </si>
  <si>
    <t>9月10日发布的“2013新华-道琼斯国际金融中心发展指数”显示，排名前10位的国际金融中心分别为纽约、伦敦、香港、东京、新加坡、上海、巴黎、法兰克福、芝加哥、悉尼。从这份最新的国际金融中心榜单中，可以清晰地透视出世界经济复苏的整体脉络。    综合对比过去三年的排?</t>
  </si>
  <si>
    <t>巴塞尔协议给银行戴上“紧箍咒”</t>
  </si>
  <si>
    <t>美国银行近日宣布出售其持有的中国建设银行所剩的股本投资，作价14.7亿美元，约为20亿股，占建行已发行股的1%。但美国银行在一份声明中称，它与建行近期延长至2016年的战略协助协议将继续进行。    受到美国银行前首席执行官肯尼思·刘易斯的推动，美国银行2005年斥资30亿?</t>
  </si>
  <si>
    <t>李国斌：走两化融合的新型工业化道路</t>
  </si>
  <si>
    <t>近年来，美国、欧盟、日本等国家一面在应对危机争取复苏，一面积极发展新兴产业谋求危机后全球实体经济的制高点。在这场第三次工业革命先机的抢夺战中，中国该如何排兵布阵？    “由于当前我国还处于工业化的发展进程当中，我们没有时间，也不可能走发达国家先工业化后信?</t>
  </si>
  <si>
    <t>日本经济向好增加上调消费税几率</t>
  </si>
  <si>
    <t>日本央行10日公布8月货币政策会议纪要。纪要未透露进一步放宽货币政策的信号，但央行委员强调必须稳步推进财政改革，重建市场对日本政府财政管理的信心。分析认为，提高消费税是日本整顿财政的重要措施，日本经济近来持续向好正在为消费税按计划提高增加动力，会议纪要也显示</t>
  </si>
  <si>
    <t>深化改革，激发三大红利再释放</t>
  </si>
  <si>
    <t>据外交部网站，9月9日，李克强总理在英国金融时报上发表题为《中国将给世界传递持续发展的讯息》的文章，发出了中国新一届政府的自信之声。中国宏观经济到底如何？中国会不会发生债务危机？中国未来的改革路径会如何？这几乎成为全球最受瞩目的焦点话题。    近两年唱空中?</t>
  </si>
  <si>
    <t>澳新政府将迎重振经济挑战</t>
  </si>
  <si>
    <t>在刚刚结束的澳大利亚第44届联邦大选中，自由党-国家党联盟(联盟党)以绝对优势赢得大选，联盟党党首托尼·阿博特出任澳大利亚新一届政府总理，从而终结了工党6年的执政历史。在预算赤字不断扩大、而经济增长动能放缓的情况下，新政府将面对来自于澳大利亚经济层面的巨大挑战?</t>
  </si>
  <si>
    <t>美国餐馆雇员难圆加薪梦</t>
  </si>
  <si>
    <t>辛迪是美国一家快餐馆的服务生，这位来自拉美的新移民很多年没有体会到加薪的滋味了，除去房租和饭费之外，辛迪所剩薪水无几。和她这样领取最低时薪的美国人多达1500万，辛迪的故事在美国大小城市都能找到可以复制的版本。    正如大量在美国干刷盘子、刷油漆等脏活累活的?</t>
  </si>
  <si>
    <t>朴槿惠贸易外交路线日渐清晰</t>
  </si>
  <si>
    <t>韩国总统朴槿惠9日与越南国家主席张晋创在河内举行对话并发表联合声明，主要内容包括韩越两国争取在明年签署高规格自由贸易协定(FTA)等。    韩联社援引青瓦台的消息称，两国首脑商定进一步增强2009年建立的战略合作伙伴关系，在双边问题和国际社会面临的各种事务上密切合?</t>
  </si>
  <si>
    <t>亚洲金融危机卷土重来？</t>
  </si>
  <si>
    <t>进入2013年之后，不少新兴经济体国家相继陷入金融动荡，这种动荡最近愈演愈烈：股市价格下跌，主权债务利差扩大，国内债券收益率上升，货币贬值，GDP增长下滑。越来越多的人担心新兴经济体是否会重蹈1997年至1998年期间亚洲金融危机覆辙。    不少新兴经济体目前所面临的问</t>
  </si>
  <si>
    <t>东京申奥成功  日本憧憬奥运经济</t>
  </si>
  <si>
    <t>日本东京7日获得了2020年夏季奥运会主办权。日本国内纷纷期待，本次成功申奥、未来7年的筹备工作以及为期两周的奥运会，将为日本经济注入前所未有的活力。日本共同社援引此前发表的一份报告称，得益于建设需求和旅游业增长等因素，日本首都东京2020年举办夏季奥林匹克运动会?</t>
  </si>
  <si>
    <t>中石油管道局海外打造工程设计高端基地</t>
  </si>
  <si>
    <t>9月4日，记者在阿联酋阿布扎比Sheikh Zayed Street (8th Street)大街Business Avenue Tower大厦6楼的中国石油天然气管道工程有限公司(英文简称CPPE)阿布扎比分公司采访时获悉，中国石油天然气管道局(英文简称CPP)近年来以打造“国内第一、国际一流国际管道工程总承包商”为目</t>
  </si>
  <si>
    <t>美退出QE  中国无需过度悲观</t>
  </si>
  <si>
    <t>伴随着美国经济复苏态势愈加明朗，美联储量化宽松政策退出也基本确认。受此影响，近期全球资本市场动荡加剧，资金撤离东南亚国家回流美国迹象明显，印尼、印度成为重灾区，汇率大幅下滑，且股市与债市面临抛售，市场出现恐慌情绪，这是不是新一轮亚洲金融危机的前兆？    ?</t>
  </si>
  <si>
    <t>G20峰会通过圣彼得堡宣言</t>
  </si>
  <si>
    <t>二十国集团(G20)领导人6日在第八次峰会上通过了《二十国集团圣彼得堡峰会领导人宣言》。宣言指出，G20在改善金融市场形势、支持世界经济复苏方面采取了一系列重要措施。美国私营部门需求增加，英国和日本经济恢复增长，欧元区经济呈现复苏迹象。一些新兴市场国家经济出现增速</t>
  </si>
  <si>
    <t>中国监管升级获外商认可</t>
  </si>
  <si>
    <t>最近中国政府对多家外资企业开出“价格垄断”“商业贿赂”等违法、违规罚单，笔者在欧洲接触的企业代表对此多持欢迎态度，从商业规则严谨的欧洲来到中国的他们，其实更期待公平、规范的商业环境。    近期对外资的监管力度加大引发了欧洲商界的关注：国家发改委对恒天然、?</t>
  </si>
  <si>
    <t>木雕市场仍在升温“精雕”后身价翻百倍</t>
  </si>
  <si>
    <t>“这两年收藏市场普遍不太景气，相对来说，木雕行情还比较好，虽然普通木雕品行情有所下滑，但是老料、精品木雕行情仍在看涨，尤其是海南黄花梨、印度小叶紫檀雕出的东西，还是非常受市场欢迎，现在好的木雕价位在几十万到上百万以上很正常。”经营木雕近20年的张影女士说。$</t>
  </si>
  <si>
    <t>欧盟公布“影子银行”监管新规</t>
  </si>
  <si>
    <t>欧盟委员会4日公布针对“影子银行”的监管规则提案，将在流动性标准、信息交流机制等方面设定新规，以维护金融市场稳定。    在主流银行体系外，很多非银行机构也在从事证券拆借、回购及资产证券化等金融业务，形成“影子银行”。货币市场基金(MMF)是其中主要组成部分，该?</t>
  </si>
  <si>
    <t>日本镰仓的城镇化之路</t>
  </si>
  <si>
    <t>镰仓，是12世纪末源赖朝创建幕府并开始武士政权的地方。以后成为中世纪初期的政治中心，除了幕府的建筑和武士们的宅邸外，还建有不少神社和寺院，至今保存完好。笔者在实地采访过程中，深感镰仓市在现代城镇化浪潮中注意保持自己的特色，因地制宜发展旅游业、振兴地域经济的?</t>
  </si>
  <si>
    <t>亚洲谋划构建区域金融安全网</t>
  </si>
  <si>
    <t>亚洲金融危机“卷土重来”的担忧在升温，构建区域性的金融安全网和防火墙成为亚洲各国的共识。    中国人民银行副行长、国家外汇管理局局长易纲4日在中国-东盟金融合作和发展领袖论坛表示，受发达国家退出量化宽松政策预期影响，目前新兴市场存在资本外流的趋势，造成通货?</t>
  </si>
  <si>
    <t>奥林巴斯涉嫌财务欺诈在英遭起诉</t>
  </si>
  <si>
    <t>日本光学巨头奥林巴斯公司4日表示，英国重大诈骗案检察局(SFO)将就涉嫌财务欺诈一案对奥林巴斯及其英国子公司医疗设备生产商Gyrus集团提起诉讼。    奥林巴斯在声明中称，英国重大诈骗案检察局认为，奥林巴斯在2009至2010财年间的财务账目中包含“有误导性的、伪造的、欺骗</t>
  </si>
  <si>
    <t>卢比跌势难止  考验印度央行新掌门</t>
  </si>
  <si>
    <t>前国际货币基金组织首席经济学家拉古拉姆·拉詹4日正式出任印度央行行长一职。当地媒体称，设法阻止印度卢比持续下跌，是拉詹上任后的首要任务。    就在拉詹正式执掌印度央行当天，印度卢比在外汇市场上给了这位新行长一个下马威。早间交易时段，印度卢比一度跌至68.26卢?</t>
  </si>
  <si>
    <t>竞争力报告：中国继续领先金砖国家</t>
  </si>
  <si>
    <t>总部设在瑞士日内瓦的世界经济论坛4日发布《2013-2014年全球竞争力报告》，中国内地竞争力排名为第29位，与上年持平，在金砖国家中仍保持领先地位。    报告显示，其他四个金砖国家，除俄罗斯(第64位)排名有所上升外，南非(第53位)、巴西(第56位)和印度(第60位)均有下降，?</t>
  </si>
  <si>
    <t>“金砖”真的不行了？</t>
  </si>
  <si>
    <t>自去年以来，国际财经媒体不断宣称金砖国家神话已经终结。不久前，创造“金砖四国”概念的前高盛资产管理部主席吉姆·奥尼尔也说，如果他还能更改概念，那么除中国外，印度、俄罗斯和巴西都不应列入金砖之列。    对“金砖”的失望，主要来自于这些国家经济持续疲软。以巴?</t>
  </si>
  <si>
    <t>中国—东盟博览会成区域经济合作“助推器”</t>
  </si>
  <si>
    <t>第十届中国-东盟博览会、中国-东盟商务与投资峰会9月3日在广西南宁正式开幕，峰会主题为“推进互联互通，深化行业合作”。中国国务院总理李克强在开幕式上发表主旨演讲时说，中国与东盟是天然的合作伙伴，同处于工业化、城镇化快速推进的阶段，发展目标和任务相似，推动中国?</t>
  </si>
  <si>
    <t>美国中产阶级“养娃”不易</t>
  </si>
  <si>
    <t>美国中产阶级生活相对殷实毋庸置疑，但这并不代表美国中产阶级没有生活压力，尤其是他们需要承担“养娃”的经济压力。面对物价涨幅超过收入涨幅的无奈现状，在美国当父母的中产阶级恐怕多少会有“美国米贵、居大不易”的感受。    美国农业部最近发布报告显示，家庭年收入6</t>
  </si>
  <si>
    <t>G20峰会折射世界经济变局</t>
  </si>
  <si>
    <t>二十国集团(G20)领导人第八次会议将于5日在俄罗斯圣彼得堡举行。随着时间的推移，G20的基本功能已从抗击国际金融危机的应急机制，逐渐回归到强化全球经济合作、推动各国政策协调的重要平台。G20的使命发生变化，既是全球经济发展步入新时期的客观要求，也是当前国际经济形势?</t>
  </si>
  <si>
    <t>美国奶业政策酝酿变革</t>
  </si>
  <si>
    <t>近日，新西兰政府表示，此前怀疑乳制品巨头恒天然集团奶品肉毒杆菌受污染事件系乌龙事件。这一表态为前段时间闹得沸沸扬扬的“毒奶粉”事件暂时画上一个句号。事件虽然暂时平息，但是由此引发的对奶制品质量和安全问题的思考却并没有降温。奶品质量和安全关系到千家万户的切?</t>
  </si>
  <si>
    <t>荷兰：参照药品管理严控奶粉质量</t>
  </si>
  <si>
    <t>荷兰是驰名世界的乳制品大国，荷兰奶粉也在很多消费者心目中成为品质的象征。然而，虽然得天独厚的自然条件成为荷兰奶粉质量的基础，但参照药品生产全流程的严格管理，才是荷兰奶粉质量的保证。    荷兰北部的拦海大堤将原先的须德海变成了如今的内陆湖泊艾瑟尔湖，湖泊中?</t>
  </si>
  <si>
    <t>东京电力承认福岛核污水再次泄漏</t>
  </si>
  <si>
    <t>日本东京电力公司9月1日证实，在福岛第一核电站放射污水储存罐的一根连接管道处发现污水渗出，漏点已经修补。此外，储罐附近的4处地点检测出高水平辐射量，其中最大为每小时1800毫希沃特。而上月20日，福岛第一核电站一座储水罐泄漏大约300吨高辐射性污水。东电8月31日晚些时</t>
  </si>
  <si>
    <t>希腊债务挑起德国朝野口水仗</t>
  </si>
  <si>
    <t>不久前，欧元区集团主席戴塞尔布卢姆表示，在可预见的未来，希腊不会面临资金缺口。然而，不到一个月，德国财政部长朔伊布勒就宣布，希腊或需要新一轮援助。希腊财长斯图纳拉斯之后更明确地说，希腊需要大约100亿欧元“进一步支持”。但他强调，这不应该是附加苛刻削减条件的</t>
  </si>
  <si>
    <t>新兴市场打响货币“保卫战”</t>
  </si>
  <si>
    <t>近几个月来，外界对美国退出量化宽松(QE)的担忧加速了全球热钱回流，新兴市场国家遭遇货币贬值、股市暴跌。为避免本币进一步贬值、稳定本国金融体系，多个新兴市场国家纷纷采取了上调利率和动用外汇储备介入汇市等政策。有分析认为，新兴市场不会出现新的金融危机，但各国应?</t>
  </si>
  <si>
    <t>叙利亚局势恐拖累全球经济</t>
  </si>
  <si>
    <t>由于市场担心美国等其他西方国家对叙利亚政府采取军事行动，连日来国际油价、金价显著上涨，全球股市普遍大跌。债券市场上，美、德、法10年期国债收益率走低，市场避险情绪高涨。    短期来看，叙利亚局势带来的经济冲击波不容小觑，很可能会成为影响全球市场的重要因素，?</t>
  </si>
  <si>
    <t>“复活”灭绝动物的利弊之争</t>
  </si>
  <si>
    <t>借助动物化石和标本中留存的DNA，运用日益先进的克隆和基因技术，人类已经能够“复活”一些已经灭绝的动物，如猛犸象、渡渡鸟、恐鸟等。但，这真的是件好事儿吗？    美国《国家地理杂志》最新一期封面文章提出，让灭绝动物死而复生，意义深远，但投入大量时间和精力挽回“</t>
  </si>
  <si>
    <t>重磅事件接连来袭  避险情绪左右美元走势</t>
  </si>
  <si>
    <t>目前汇市中最大的不确定因素就是美联储如何在9月终止其QE政策。除了美国国内的经济情况外，这或许还将受到海外经济情况的影响。下周，英国央行、欧洲央行将公布新一期利率决议，美元走势或仍将受避险情绪左右。    美联储9月会议临近    在过去几周，我们看到市场已经开?</t>
  </si>
  <si>
    <t>新西兰称恒天然乳品不含肉毒杆菌</t>
  </si>
  <si>
    <t>恒天然浓缩乳清蛋白产品肉毒杆菌污染事件发生已近一个月，就在大部分涉事乳制品陆续召回后，事件又出现了戏剧性变化。新西兰初级产业部8月28日宣布，对恒天然集团生产的浓缩乳清蛋白进行了多次重新检测，结果并未发现其中含有会致病的肉毒杆菌，而是含有一般不会引发食品安全</t>
  </si>
  <si>
    <t>美对叙动武传闻搅动金融市场</t>
  </si>
  <si>
    <t>近日外媒爆出美国可能对叙利亚发动军事打击的传闻后，投资者担忧情绪急剧升温，纷纷抛售股票等风险资产，黄金和美国国债等避险资产价格大幅上涨，原油价格也大幅上升。    资金迅速转向避险资产    27日美国认定叙利亚使用化学武器，并表示将于本周决定是否对叙利亚发动?</t>
  </si>
  <si>
    <t>纳斯达克交易“瘫痪”的背后</t>
  </si>
  <si>
    <t>1987年12月9日，一只迷路的小松鼠触发美国康乃狄克州特兰伯尔市大规模停电事故，造成纳斯达克股票交易所交易中断40分钟，损失超过2000万股的电子交易，那只松鼠则命丧黄泉。无独有偶，1994年8月2日，又是一只松鼠引发停电，纳斯达克交易所电子交易中断34分钟。    时隔近16</t>
  </si>
  <si>
    <t>中国签多边公约剑指跨境逃避税</t>
  </si>
  <si>
    <t>中国政府27日正式签署《多边税收征管互助公约》，成为该公约第56个缔约方。    近年来，跨国公司利用各种税务筹划方案侵蚀税基或转移利润以逃避税的情况愈演愈烈，据官方披露的数据，2005年至2012年，我国每年通过反避税挽回的损失从4.6亿元升至346亿元人民币。业内人士指?</t>
  </si>
  <si>
    <t>为存款保险机构确定法律身份</t>
  </si>
  <si>
    <t>存款保险法律制度起源于20世纪30年代的美国，它的建立和实施，有效化解了储户对银行业危机的恐慌，降低了整个银行金融体系的风险。    金融机构是存款保险的投保人，储户无需为此支付保险费用。但对每一存款人有一个存款保险金额的上限，超过限定数额部分的存款则不予存保?</t>
  </si>
  <si>
    <t>美财长敦促国会提高债务上限</t>
  </si>
  <si>
    <t>随着美国国会休会期临近结束，美国的债务问题即将卷土重来。美国财政部长雅各布·卢26日表示，为延缓联邦政府举债额度突破法定上限的应对措施，预计将于10月中旬难以为继，政府被迫财务违约的几率正在上升；国会应在此之前调高债务上限，以避免对经济造成损害。这一表态加强?</t>
  </si>
  <si>
    <t>英国房价飙升的喜与忧</t>
  </si>
  <si>
    <t>随着英国经济复苏迹象日益明显，再加上政府的刺激政策和当前超低利率以及消费者信心上升，英国房地产市场在经历长时间冷清后终于迎来了春天。今年以来英国房地产市场走势一路飘红，房价不断上升。根据英国皇家特许测量师协会公布的最新月度调查数据，今年7月份英国住房价格增</t>
  </si>
  <si>
    <t>BATS与Direct  Edge宣布合并</t>
  </si>
  <si>
    <t>电子交易运营商BATS全球市场公司和Direct Edge控股26日宣布，双方已经同意进行合并。这意味着，合并完成后的新公司将超过纳斯纳克成为美国交易规模第二大的证券交易所。    目前，合并协议的具体条款尚未披露。协议还需得到美国证交会的批准。双方预计，合并将于2014年上半</t>
  </si>
  <si>
    <t>3D打印挑战知识产权</t>
  </si>
  <si>
    <t>“3D打印”可谓时下最热门的技术，很多人甚至还把它喻为“第三次技术革命的标志”，美国总统奥巴马甚至在2013年的国情咨文中提到了它的名字！    它的确有些神奇，那些在传统技术条件下需要复杂工艺才能完成的制作，现在只需轻轻一按鼠标，各种工艺品、玩具、服装鞋帽、小?</t>
  </si>
  <si>
    <t>丹麦：“世界最诚信国家”是怎样炼成的</t>
  </si>
  <si>
    <t>诚信是构建健康和谐社会的基石。北欧国家丹麦多次被权威机构评为“世界上最幸福的国家”，这其实与丹麦完善的社会诚信制度和信用体系密不可分。讲诚信、重信用的价值观念渗透到丹麦社会每个角落，不管是个人还是企业，都非常看重信用，自觉做到诚实守信，童叟无欺。恶意逃避?</t>
  </si>
  <si>
    <t>德国：法制健全  信用体系完善</t>
  </si>
  <si>
    <t>在德国，无论是个人乘车、租房，还是企业注册、贷款，建立在诚信基础上的运作方式已经渗透到社会的方方面面。德国构建社会诚信主要依靠健全的法制以及完善的信用管理体系。    德国社会诚信无处不在    记者有一次在德国乡村看到，有当地农民在公路旁边出售南瓜。大小不?</t>
  </si>
  <si>
    <t>跨国公司业绩分化显示中国经济转型加速</t>
  </si>
  <si>
    <t>美国《华尔街日报》日前播发题为《跨国公司眼中的二季度中国经济》的文章，介绍了来自多个行业的跨国公司今年第二季度在中国区的表现，并引用了这些跨国公司高管的话对中国市场进行了点评。文章称，中国经济在减速的同时也正在转型，“不同行业跨国公司业绩增速出现分化，即?</t>
  </si>
  <si>
    <t>国会山的“三包”旅行风</t>
  </si>
  <si>
    <t>在长达五周的美国国会休会期，500多名美国国会参众两院议员都没闲着，很多议员在各自选区了解选民的关切，或是穿梭于工地和农田之间。不过据美国一些社会团体和媒体曝光，也有大量国会议员和幕僚利用夏季时光享受去以色列、土耳其、苏格兰等地的免费旅行。这些包吃、包住、包</t>
  </si>
  <si>
    <t>警惕渐近的国际流动性风暴</t>
  </si>
  <si>
    <t>随着美国退出量化宽松政策日渐临近，新兴市场成了本轮金融危机以来最后的“风暴眼”。在中国等国经济放缓的同时，印尼、印度等国近期股市暴跌和货币贬值引发东南亚地区的蝴蝶效应，印尼股市连续三天跌幅超过10%，泰国、马来西亚、韩国、新加坡等股市受此影响也下跌；印度卢比</t>
  </si>
  <si>
    <t>默克尔重申希腊不需要减记债务</t>
  </si>
  <si>
    <t>德国总理默克尔25日试图平复选民的紧张情绪，重申希腊不需要债务减记。但是对于希腊是否需要更多援助的问题，默克尔持保留态度。    默克尔25日在接受媒体采访时表示，欧元区2014年将再度审视希腊形势，但她认为希腊不需要债务减记，但不排除希腊将需要第三轮援助的可能性?</t>
  </si>
  <si>
    <t>要可持续利用生物资源</t>
  </si>
  <si>
    <t>2011年6月，国务院成立了“中国生物多样性保护国家委员会”，统筹协调全国生物多样性保护工作，指导“联合国生物多样性十年中国行动”。生物多样性保护法律法规体系已初步建立，制定实施了《中国生物多样性保护战略与行动计划》等一系列重大规划和计划，生物多样性保护协调机</t>
  </si>
  <si>
    <t>全球央行研判QE退出风险</t>
  </si>
  <si>
    <t>全球央行行长年会25日在美国怀俄明州杰克逊霍尔落下帷幕，美联储主席伯南克、欧洲央行行长德拉吉以及英国央行行长卡尼等重头人物缺席。本次会议讨论了全球央行非常规货币政策效应、未来退出量化宽松所产生的风险和协调管理等问题。    新兴经济体备受关注    伯南克曾借?</t>
  </si>
  <si>
    <t>欧洲房地产拐点到了吗</t>
  </si>
  <si>
    <t>随着欧元区暂时结束了历时18个月之久的经济衰退，欧元区建筑业产出实现了连续三个月的增长。处于底部徘徊的欧洲房地产业在拐点到来前隐现投资机遇。    今年二季度，欧元区国内生产总值(GDP)环比增长0.3%，宏观经济环境的改善得益于贸易、消费等项目的改善，而房地产行业似</t>
  </si>
  <si>
    <t>台湾机构盯上“成功样板”  养老产业如何回归服务本色</t>
  </si>
  <si>
    <t>19日，专注于养老机构运营的台湾恒安照护集团与主营房地产顾问咨询、代理销售的世联地产签订战略合作协议，试图合力为养老产业的发展提供更为有效的解决方案。恒安照护集团董事长胡世贤表示，大陆养老产业最大的问题在于缺乏服务的概念，这对恒安照护集团而言是机会，很有兴?</t>
  </si>
  <si>
    <t>感受日本诚信文化</t>
  </si>
  <si>
    <t>日本在市场经济体系臻于成熟的同时，社会信用体系也在不断健全和完善。    日本的信用体系的基础是良好的教育。从幼儿园开始，日本就非常重视诚信教育，说假话被认为是最大的耻辱，家长也很配合学校的教育，不许孩子说假话，这种教育一直延续到大学毕业。到了社会上，说假?</t>
  </si>
  <si>
    <t>以奇思妙想破解居住难题</t>
  </si>
  <si>
    <t>美国：用垃圾箱打造的安乐窝    乔颖    人们印象中，垃圾箱满布细菌，不时传出异味，谁都不愿靠近。美国艺术家格雷戈里·克勒恩则突发奇想，把大型垃圾箱变成“五脏俱全”的安乐窝。    坐落于纽约布鲁克林区的这个翻新垃圾箱，外形与普通的绿色大垃圾箱没什么两样，?</t>
  </si>
  <si>
    <t>美国分税制如何保护中低收入家庭</t>
  </si>
  <si>
    <t>世界上绝大多数国家的财政收入主要来自税收。为了合理地在各级政府之间进行财力分配，一般都通行分税制的管理体制。    分税制是按一定的方法将各税种的归属权、管理权、立法权等划分给各级政府的一种财税管理体制，将国家的全部税种在上下级政府之间进行划分，以此来确定?</t>
  </si>
  <si>
    <t>伯南克功过</t>
  </si>
  <si>
    <t>到明年1月，美联储主席伯南克就要卸任了。2005年他接替格林斯潘入主美国央行时，外界多有不屑；2014年他离开这栋距白宫不远的建筑时，坊间更多恶评。考虑到过去风云激荡的8年，伯南克虽有过失误，但更劳苦功高。    外界对伯南克的不满，表现在四个方面。一是预测不准，坐?</t>
  </si>
  <si>
    <t>希腊需要第三轮援助几无悬念</t>
  </si>
  <si>
    <t>德国财政部长朔伊布勒20日首次承认，希腊将需要第三轮援助贷款。此前，已有不少分析认为，希腊将需要更多援助贷款甚至进一步的债务减记，但是德国政府在9月的大选前一直试图淡化该问题。朔伊布勒的表态出人意料。    朔伊布勒在德国北部的一场选举活动中明确表示，希腊还将</t>
  </si>
  <si>
    <t>奥巴马税改方案前景难言乐观</t>
  </si>
  <si>
    <t>美国总统奥巴马7月30日在田纳西州查塔努加市继续其经济演说之旅。他向共和党人抛出降低企业税率的“橄榄枝”，以换取他们对增加政府投资的支持。    “如果华盛顿的人想要一个大妥协，来个有关中产阶级就业的大妥协如何？”奥巴马一改往日要求把企业税改革纳入更大范围财政</t>
  </si>
  <si>
    <t>安发模式：全产业链打造区域经济新样本</t>
  </si>
  <si>
    <t>酷暑的闽东骄阳似火，古田生态产业示范园里，一垄垄新西兰猕猴桃树上，累累果实压满枝头。正在田里忙碌的吉巷乡坂中村村民高老汉告诉《经济参考报》记者，这个园地一共引进了7个新西兰猕猴桃新品种，其中两个已引种成功，亩产可达3000至4000公斤，收入在4万元左右。猕猴桃树?</t>
  </si>
  <si>
    <t>丹麦土壤污染防治之道</t>
  </si>
  <si>
    <t>北欧国家丹麦是积极倡导绿色环保的先锋，民众普遍环保意识强，土壤保护也是丹麦环保部门的一项重要工作。1971年，丹麦政府设立世界上第一个环境部，从那时起，丹麦一直积极开展土壤污染防治工作，现已建立了完善的土壤污染防治的法规，为土壤保驾护航，并努力运用先进的科技?</t>
  </si>
  <si>
    <t>新兴经济体被迫逆势加息</t>
  </si>
  <si>
    <t>由于新兴经济体经济增长脚步放慢，资产价格泡沫破裂，加上市场有关美联储将退出QE的预期乌云笼罩，新兴经济体货币成为最易受冲击的对象。货币持续贬值、股市吸引力下降，资金撤出甚至引发恐慌，因此一些国家不得不采取措施阻止资本的进一步流出，据估计，印度、印尼、巴西等?</t>
  </si>
  <si>
    <t>惠而浦逆向收购合肥三洋</t>
  </si>
  <si>
    <t>很长一段时间，业界早已习惯了中国家电企业并购外资品牌的消息，但近来一起“逆向收购”引起了业内不小“震动”：美国惠而浦公司8月13日宣布，斥资34亿人民币控股合肥荣事达三洋电器股份有限公司(以下简称合肥三洋)。    业内人士分析指出，惠而浦此番“大动作”意在快速提</t>
  </si>
  <si>
    <t>澳大利亚多方参与养老服务</t>
  </si>
  <si>
    <t>澳大利亚是世界上国民平均寿命第二高的国家，老年人口占全国2300万人口的14%。澳大利亚是高福利国家，具备相对健全的养老体系。政府、非盈利机构、商业企业都是养老服务的参与方，并发挥着不同作用。    澳大利亚的养老服务有养老院、社区养老服务和其他养老服务等分类，其</t>
  </si>
  <si>
    <t>奥巴马贪玩高尔夫惹争议</t>
  </si>
  <si>
    <t>在国会休假季，美国总统奥巴马偕夫人乘坐“空军一号”飞往有“海上白宫”之称的马萨诸塞州玛莎葡萄园岛，开始总统第二任期的首次夏季休假。上岛八天之内，奥巴马六赴高尔夫俱乐部打球，并允许随行媒体拍摄照片，在美国引发质疑，他们批评在高失业和低经济增速的当前，玩心太?</t>
  </si>
  <si>
    <t>新西兰政府将调查恒天然乳品事件</t>
  </si>
  <si>
    <t>新西兰政府19日宣布，计划对该国乳制品巨头恒天然集团产品遭肉毒杆菌污染事件展开调查。目前，新西兰正在试图挽回其安全农产品出口国的声誉。    此次新西兰政府的调查将与已展开的恒天然集团的两项内部调查以及该国农业监管部门的一项调查同时进行。政府将调查被污染产品?</t>
  </si>
  <si>
    <t>新西兰进口乳制品再陷“质量门”</t>
  </si>
  <si>
    <t>《经济参考报》记者从国家质检总局获悉，中国完达山乳业股份有限公司从新西兰Westland公司进口的乳铁蛋白中被检出硝酸盐含量异常。这是继恒天然肉毒杆菌事件后，新西兰进口乳品原料再次被查出质量问题。    经核查确认，涉及的新西兰产品中共有390公斤输往中国用做乳品生产</t>
  </si>
  <si>
    <t>卢比“跌跌不休”  印度经济深陷困境</t>
  </si>
  <si>
    <t>近期，印度卢比大幅贬值引起了市场的广泛关注。尽管印度政府频繁出台政策挽救颓势，但卢比汇率上周五仍然跌至历史新低。有分析认为，在印度经济放缓、经常项目失衡、外资持续流出等多方不利因素影响下，印度扭转卢比贬值的态势恐非易事。    卢比贬值敲响印度经济警钟</t>
  </si>
  <si>
    <t>欧元区经济：颤颤巍巍地增长</t>
  </si>
  <si>
    <t>0.3%——尽管相当微弱，但欧元区经济今年二季度实现了近两年来的首度增长。欧元区的两大经济体德国和法国的良好表现支撑了这一来之不易的数据，德国经济增长了0.7%，法国增长了0.5%，增速都超过最近相当抢眼的美国经济。更可喜的是，欧元区其他国家经济的改善也相当显著。葡?</t>
  </si>
  <si>
    <t>多因素推动  油价金价继续上涨</t>
  </si>
  <si>
    <t>由于埃及局势紧张，市场对中东石油供应的担忧挥之不去，上周油价连续5日上涨。    埃及局势动荡，市场最大的担忧是影响到周边国家的石油生产和苏伊士运河的原油运输。同时，来自美国经济基本面的利好不断。美国截至8月10日当周的首次申请失业救济人数降至近6年来最低水平，</t>
  </si>
  <si>
    <t>英美货币政策显分歧  制约英镑上涨强度</t>
  </si>
  <si>
    <t>近期，市场对于美联储将于9月份开始缩减量化宽松规模的预期不断升温，与此同时，英国央行则计划在失业率降至7%以前不会升息，英美两国在货币政策上的分歧将不利于英镑后市的走势。    美联储缩减QE预期不减    近来有多位地区联储主席发表讲话，对美联储9月份开始缩减量?</t>
  </si>
  <si>
    <t>尹明善：没有梦想的企业是明日黄花</t>
  </si>
  <si>
    <t>近日，力帆股份连续出了两件大事。一个是7月12日发布公告，宣布终止呼和浩特力帆汽车部件有限公司项目，这被业界认为是当前众多民资在汽车领域遭遇滑铁卢的又一个典型案例；另一个是，在7月25日公司再发公告，宣布获得筹建财务公司批复。    8月13日，在全国工商联组织的20</t>
  </si>
  <si>
    <t>日核污水泄漏  影响尚难估计</t>
  </si>
  <si>
    <t>两年前，日本大地震中东京电力公司福岛第一核电站发生核泄漏，两年后，再爆出核电站内放射性污水日入海300吨。此外，日本东京电力公司11日发表进一步消息说，在福岛第一核电站设置的空气测量仪测量出一定数值以上的放射性物质。    日本经济产业大臣茂木敏充8月8日表示，日</t>
  </si>
  <si>
    <t>美司法部决定不起诉“伦敦鲸”</t>
  </si>
  <si>
    <t>据外媒13日报道，因同意与美国司法部合作，在摩根大通金融衍生品交易巨亏一案中出庭作证，绰号为“伦敦鲸”的前摩根大通交易员、法国人布鲁诺·伊克西尔将被免于起诉，而摩根大通与美国司法部也正就此案的和解条款进行谈判。    外媒援引知情人的话说，美国司法部和伊克西?</t>
  </si>
  <si>
    <t>是否提高消费税令安倍作难</t>
  </si>
  <si>
    <t>种种迹象表明，日本消费税上调渐行渐近。日本内阁府12日公布的初步数据显示，除去物价变动因素，第二季度日本国内生产总值(GDP)增长0.6%，按年率换算增长2.6%。主要原因是个人消费保持较高水平，日元贬值导致出口增加，外需和内需双双扩大。    日本经济已连续三个季度实现</t>
  </si>
  <si>
    <t>网络接入服务商有没有信息披露义务</t>
  </si>
  <si>
    <t>【案例】    浙江甲公司获得某电视剧著作权人韩国S公司的许可，享有在中国大陆地区的信息网络传播权。甲公司发现A网站提供了该电视剧的在线点播服务，通过技术手段锁定涉案网站提供涉案电视剧的服务器IP地址，并查明该号段属于某电信公司分公司乙公司管控。甲公司向乙公司?</t>
  </si>
  <si>
    <t>施耐德：与中国经济现代化一路同行</t>
  </si>
  <si>
    <t>2011年12月11日是中国加入世界贸易组织十周年纪念日。在这一天的人民大会堂，中国政府举办了隆重的庆祝活动，其中有一项是邀请著名跨国企业的领导人发言，作为外资企业代表，法国施耐德电气总裁兼首席执行官赵国华获得了这个致辞的机会。施耐德电气获得这种殊荣与信任既是对?</t>
  </si>
  <si>
    <t>华邮命运印证纸媒窘境</t>
  </si>
  <si>
    <t>在美国中西部农村提供有线电视、上网、电话服务的“第一有线”公司，在马里兰等州提供老年人陪护业务的凯尔特医疗公司，位于得克萨斯州的发电设备生产商福尼公司，这些风马牛不相及的企业有何关联？它们都是《华盛顿邮报》公司(华邮)的子公司。人们不禁要问，华邮到底是一家?</t>
  </si>
  <si>
    <t>地方政府债券亟待预算法国债法规范</t>
  </si>
  <si>
    <t>虽然地方政府债券的规模在不断扩大，但其地位尚未摆脱法律上的尴尬。按照《预算法》规定，只有经过特别立法和国务院的批准，地方政府才可以发行地方政府债券。    除试点省市外，国家虽然禁止地方政府自行发债，但并未禁止由中央政府代为发债的地方政府融资模式，这种由中?</t>
  </si>
  <si>
    <t>拷问恒天然超级合作社模式</t>
  </si>
  <si>
    <t>新西兰乳业巨头恒天然集团可谓流年不利。肉毒杆菌污染事件尚未平息，斯里兰卡政府日前又宣布，在恒天然奶粉中检出双氰胺，随后勒令在本国销售的新西兰奶粉产品全部下架。一时间，以安全标准高著称的新西兰乳业堕入多重“安全门”，面临四面楚歌境地。    平心而论，本轮危?</t>
  </si>
  <si>
    <t>日本消费税上调几率增大</t>
  </si>
  <si>
    <t>日本官方定于12日公布4至6月国内生产总值初值。市场普遍预测，在“安倍经济学”的推动下，二季度日本GDP增速有望在3%以上，将成为安倍政府上调消费税的重要筹码。    共同社对日本经济学家的预测调查显示，4至6月日本GDP增速经通胀调节后按年率计算大约为3%，超过日本政府?</t>
  </si>
  <si>
    <t>警惕大企业资金链断裂的连锁反应</t>
  </si>
  <si>
    <t>近期，因产能过剩引发市场销售不畅，进而连续经营亏损的大型企业有所增加。加上金融机构融资收紧因素影响，大型企业出现资金链断裂的可能性增大。据报道，中冶集团亏损引发多重困局，百余名员工北京总部讨薪；宁波家电第一品牌宁波国贸家电女老板携夫外逃美国，留下近3亿元债</t>
  </si>
  <si>
    <t>赛诺菲“行贿门”暴露制度漏洞</t>
  </si>
  <si>
    <t>继葛兰素史克的商业贿赂案后，又一家跨国药企在华陷入“行贿门”。近日，代号为“培根”的爆料人举报世界医药巨头法国赛诺菲公司，向79家医院的503位医生，借“研究经费”名义，支付约169万元的费用，引起舆论强烈关注。    赛诺菲对此表示，新药上市后的临床监测试验在全?</t>
  </si>
  <si>
    <t>保德信看好下半年全球股市</t>
  </si>
  <si>
    <t>保德信国际投资咨询公司首席投资策略师约翰·普拉温日前指出，全球股市在经历了一次健康回调后将反弹并可能进一步走高。    普拉温在近日发布的2013年8月《全球投资前景》报告中表示，支撑全球股市的因素包括：美联储、日本央行和欧洲央行的低利率政策和资产购买带来的充足</t>
  </si>
  <si>
    <t>拯救卢比  拉詹火线挂帅印度央行</t>
  </si>
  <si>
    <t>印度政府6日任命前国际货币基金组织首席经济学家拉古拉姆·拉詹为新一任印度央行行长。与之前履新的日本央行行长黑田东彦、英国央行行长卡尼相比，拉詹肩负的使命更具挑战性，当务之急便是拯救今年以来亚洲表现最差货币——卢比。    最佳人选    印度央行现任行长苏巴拉</t>
  </si>
  <si>
    <t>万元MiuMiu包服务遭人为“缩水”</t>
  </si>
  <si>
    <t>编者按    短短7年间，美国制药巨头强生产品召回高达51次，但在这51次召回中，48次与中国无缘；    价值几十万元的卡地亚腕表，买了仅10个月，表镜就脱落，店家否认质量问题，只予维修，不予退货；    经过长时间排队等待，眼看已靠近银行业务窗口，却有工作人员带着所</t>
  </si>
  <si>
    <t>页岩油会促成美国能源独立吗</t>
  </si>
  <si>
    <t>近期，美国能源署发布的《EIA2013年展望》中显示，由于开采技术的进步，2011年美国致密油(在这里广义理解为页岩油)开采了6000万吨，相比2007年大幅增产了5000余万吨。引人注目的是页岩油的增产量与当年原油进口的减少量大体相当，这也是众多机构认为美国将迎来能源独立新时代</t>
  </si>
  <si>
    <t>美国修改GDP统计方法或将颠覆历史</t>
  </si>
  <si>
    <t>上周，美国经济分析局公布了最新的国内生产总值(GDP)核算方法，通过重新定义和计算文娱、研发以及养老金等项目，美国去年的GDP总量增加了3.6%。    在全球经济缓慢复苏的背景下，美国似乎只是通过改变了计算程式上的几个数字就在一夜之间凭空增加了相当于比利时一国的GDP，</t>
  </si>
  <si>
    <t>未来中国将按新版SNA要求修订GDP核算</t>
  </si>
  <si>
    <t>《经济参考报》记者获悉，当前我国国内生产总值(GDP)是按照《中国国民经济核算体系(2002)》(CSNA)的要求进行核算的，该体系采纳了联合国1993年《国民经济核算体系》(SNA)的基本核算原则、内容和方法。国家统计局正在对2008年SNA进行研究，将逐步按照2008年SNA的要求对我国GDP</t>
  </si>
  <si>
    <t>商务部：反商业贿赂调查非针对外企</t>
  </si>
  <si>
    <t>中国对欧盟出口光伏产品的价格承诺如何执行？上海自由贸易试验区相关方案何时公布？近期对葛兰素史克等跨国药企展开的调查会不会影响跨国公司对华投资信心？商务部新闻发言人沈丹阳7日就近期经贸热点问题接受了采访。    沈丹阳说，8月2日欧委会批准中欧光伏价格承诺协议，</t>
  </si>
  <si>
    <t>过长假期是把“双刃剑”</t>
  </si>
  <si>
    <t>进入暑期，随着如织客流的消费，法国、西班牙、意大利等国家将享受到大量旅游收入，“假日经济”效应在欧洲凸显。不过与此同时，多数欧洲人也开始享受近一个月的带薪长假，过长假期对经济有“副作用”，给财政负担较重国家的复苏前景投下了不确定性。    旅游业占欧洲经济?</t>
  </si>
  <si>
    <t>奥巴马提议逐步取消“两房”</t>
  </si>
  <si>
    <t>据路透社报道，美国总统奥巴马在周二的演讲中提议整顿美国的住房抵押贷款体系，对这个错综复杂且看法两极分化的问题发表意见。抵押贷款金融问题是2007年至2009年金融危机的主要根源，并且仍在继续拖累经济复苏。    据悉，奥巴马提议逐步取消房利美和房地美这两家抵押贷款?</t>
  </si>
  <si>
    <t>日本茶乡的生意经</t>
  </si>
  <si>
    <t>在日本生活经常会喝到日本茶，对日本当代茶文化耳濡目染。但如果你到日本的茶乡走一趟，对日本茶会留下更为难忘的记忆。    静冈县是著名的日本产茶地，每年茶产量占全国总产量的38.9%，这里对弘扬茶文化也最值得称道。日前，笔者到静冈采访来到位于静冈市的静冈茶广场，受</t>
  </si>
  <si>
    <t>贝索斯2.5亿美元接手《华盛顿邮报》</t>
  </si>
  <si>
    <t>网络购物公司亚马逊创始人杰夫·贝索斯将以2.5亿美元现金收购美国最负盛名的报纸之一《华盛顿邮报》。该报已由格雷厄姆家族经营80年之久，此次易主出人意料，并引起人们对互联网时代传统纸质媒体命运和前景的感叹。    《华盛顿邮报》发行人凯瑟琳·韦茅斯5日下午在一封公?</t>
  </si>
  <si>
    <t>雅培卷入肉毒杆菌污染乳品事件</t>
  </si>
  <si>
    <t>又有在华乳企卷入新西兰恒天然乳品原料受肉毒杆菌污染事件。国家质检总局8月6日公告，雅培(上海)贸易有限公司生产的两个批次婴幼儿配方奶粉存在被肉毒杆菌污染的风险。雅培当天发布声明称，决定对这两个批次的产品进行预防性回收并销毁。此外，目前还没有消费者或涉事企业向?</t>
  </si>
  <si>
    <t>新西兰总理或为“毒奶粉”事件赴华</t>
  </si>
  <si>
    <t>为应对乳制品巨头恒天然集团产品受肉毒杆菌污染事件所引发的“信任危机”，新西兰政府出面公关。总理约翰·基6日说，如果有必要，他将为此亲赴中国。    约翰·基接受《新西兰先驱报》采访时说，新西兰外交部长默里·麦卡利将在数周内前往中国，贸易部长蒂姆·格罗泽也可能</t>
  </si>
  <si>
    <t>发达国家是怎样培养职业农民的</t>
  </si>
  <si>
    <t>根据美国人类学家沃尔夫的经典定义，传统农民主要追求维持生计，他们是身份有别于市民的群体；而职业农民则充分地进入市场，将农业作为产业，并利用一切可能的选择使报酬极大化。传统农民是社会学意义上的身份农民，它强调的是一种等级秩序；而职业农民更类似于经济学意义上?</t>
  </si>
  <si>
    <t>英国：为儿童健康成长编织社会“保护网”</t>
  </si>
  <si>
    <t>保护儿童权益，让儿童健康成长是各国政府的重要职责。作为世界上最早进入发达国家行列的英国，早在130年前就已经初步开展专门针对儿童的保护工作，相关立法和组织机构在跨越两个世纪的时间里不断发展与完善，如今已建立起由政府牵头、民间组织协助，协调指挥教育、医疗、住房</t>
  </si>
  <si>
    <t>未全面禁止新西兰奶粉进口</t>
  </si>
  <si>
    <t>“恒天然乳品原料被肉毒杆菌污染”事件继续发酵。针对有外媒称我国已停止所有新西兰奶粉进口一事，国家质检总局相关人士5日表示，叫停范围仅限恒天然相关原料及产品。恒天然集团5日在北京召开新闻发布会称，已经识别市场上90%受到影响的产品，预计48小时内完成全部召回。</t>
  </si>
  <si>
    <t>“洋奶粉”出问题国内乳企也应反思</t>
  </si>
  <si>
    <t>由于产品受到肉毒杆菌污染并波及多地，新西兰乳制品巨头恒天然集团首席执行官西奥·史毕根斯5日中午在北京召开发布会，对此进行解释并道歉，称问题产品将在未来48小时内召回。    网民表示，包括恒天然在内的众多洋乳企“接连受挫”，一方面打破了“洋奶粉”神话，另一方面</t>
  </si>
  <si>
    <t>亚洲经济体出口持续低迷</t>
  </si>
  <si>
    <t>近期，美国经济复苏状况开始改善，但并未如外界预期提振亚洲国家出口。有分析指出，随着全球货币政策收紧以及资金继续撤离新兴市场，亚洲经济体的处境或更加艰难。    路透整理的数据显示，今年二季度，中国、日本、韩国、泰国和新加坡等东亚出口国家的出口增长停滞，其中?</t>
  </si>
  <si>
    <t>德拉吉“场外喊话”底气何来</t>
  </si>
  <si>
    <t>在本次月度货币政策会议前夕，欧洲央行行长德拉吉再次喊话，支持公开央行会议纪要的提议。从不久前引入“前瞻性指引”，到打算公布过去要封存30年才能解密的会议纪要，德拉吉掌控的欧洲央行就像伯南克治下的美联储，以更透明的方式和更清晰的手段，引导市场形成于己有利的政?</t>
  </si>
  <si>
    <t>亚太股市涨跌不一</t>
  </si>
  <si>
    <t>亚太股市周一涨跌不一。多数下跌，其中以日股跌幅为最大，跌幅达到1.44%。    亚太主要股市中，日本股市以下跌报收，而香港和中国内地股市均报上升。    日本股市上周五创下五个星期以来最大单日升幅后，未能延续涨势。周一出现获利回吐，此外，外汇市场日元反弹也拖累了</t>
  </si>
  <si>
    <t>底特律破产的法律之路</t>
  </si>
  <si>
    <t>底特律，美国密歇根州最大的城市，曾经是众所周知的美国汽车工业王国。2010年，美国人口普查局的统计数据显示，当地人口为713777人，列全美第18大城市。2013年7月18日，该市因财政困难无法自救而根据美国《破产法》向美国联邦法院申请破产保护，成为美国历史上最大的申请破产</t>
  </si>
  <si>
    <t>中欧光伏价格承诺获批6日实施</t>
  </si>
  <si>
    <t>欧盟委员会日前宣布正式批准中欧光伏贸易争端的“价格承诺”协议，6日起实施。与此同时，中国机电进出口商会和近百家光伏企业开始紧急备战“价格承诺后时代”。    欧委会当日发布书面声明称，决议包含两个部分，一是接受中国太阳能电池出口商提交的“价格承诺”方案，二是</t>
  </si>
  <si>
    <t>上市银行再融资不应轻易放行</t>
  </si>
  <si>
    <t>继招行和中信银行的融资计划先后获银监会批准后，近日中行又出公告，该行董事会同意发行不超过600亿人民币或等值外币减记型合格二级资本工具，期限不少于5年，以补充中行二级资本。业内人士表示，新股IPO尚未重启，而银行股的再融资或将是A股市场不能承受之重。    近年来?</t>
  </si>
  <si>
    <t>萨默斯和耶伦的“优劣”之争</t>
  </si>
  <si>
    <t>美联储主席伯南克是金融危机后全球推行量化宽松政策的先行者，他在明年1月底任期届满后的继任人选一直是各界关注的焦点。近来美国国内关于前财长劳伦斯·萨默斯可能接任美联储主席的讨论分贝提高，而多名民主党参议员签署联名信力挺美联储副主席珍妮特·耶伦接班。萨默斯和耶</t>
  </si>
  <si>
    <t>强生被诉垄断终审败诉</t>
  </si>
  <si>
    <t>葛兰素史克公司行贿事件还没了结，强生旗下医疗器械公司因限制经销商“最低转售价格协议”，8月1日被上海市高级人民法院判决，违反《反垄断法》，赔偿经济损失53万元。    《经济参考报》记者了解到，我国《反垄断法》2008年8月1日执行，而美国很早就严格禁止限制最低转售?</t>
  </si>
  <si>
    <t>关建中：大公的欧洲战略与责任</t>
  </si>
  <si>
    <t>编者按：作为中国国际影响力最强、国际化程度最高的评级机构，大公国际资信评估有限公司(简称“大公”)一直致力于将民族信用评级品牌推向世界。日前，大公公司董事长关建中在意大利、法国、德国等欧洲国家推广路演时发表演讲，就大公公司在欧洲发展的一些情况进行了阐述，引?</t>
  </si>
  <si>
    <t>当梦想成为现实</t>
  </si>
  <si>
    <t>吸引顾客的酒保机器人    黄敏    德国一家酒吧内，酒保手端一杯鸡尾酒递给顾客，所有顾客双眼紧盯酒保，或好奇，或赞赏，因为这名酒保可不是一般人，而是仿人机器人“卡尔”。    “卡尔”工作的“机器人酒吧”坐落在德国东部的伊尔默瑙。“卡尔”有形似真人的脑袋、?</t>
  </si>
  <si>
    <t>辉映世界  梦起东方</t>
  </si>
  <si>
    <t>作为中国和亚洲第一家在欧洲注册并获得信用评级资质的评级公司，大公国际资信评估有限公司集团董事长关建中专程赴欧洲参加大公欧洲在米兰、法兰克福和巴黎进行的3场路演活动。成功的路演、适时的拜访和精彩的亮相，使大公的影响力在欧洲得到大幅提升。大公距构建世界信用评级</t>
  </si>
  <si>
    <t>打破企管“金字塔”  不妨让员工当家</t>
  </si>
  <si>
    <t>美国软件开发企业“门洛创新公司”不设中层领导，招聘、升迁、辞退等人事管理事务与产品开发、市场推广等业务由员工集体决定。    如今，越来越多企业，特别是IT企业，为激发创造力、提高工作效率，像“门洛创新公司”那样尽可能减少领导者人数，把企业大部分事务决定权交?</t>
  </si>
  <si>
    <t>不服被免  子公司前高管在美起诉两面针</t>
  </si>
  <si>
    <t>《经济参考报》记者7月31日获悉，盐城捷康三氯蔗糖制造有限公司(简称盐城捷康)原总经理安立军于美国东部时间7月22日，向纽约南区联邦法院提交诉状，状告柳州两面针股份有限公司、吴堃、张晖、叶晓坚等七人，违反《反有组织犯罪及腐化组织法》、串谋违反《反有组织犯罪及腐化?</t>
  </si>
  <si>
    <t>中美银行不以排名论英雄</t>
  </si>
  <si>
    <t>六年前，受益于当时中国股市的牛劲，中国工商银行取代美国花旗银行跃居全球市值最大银行。喜讯传来，工行董事长姜建清当时这样说，我们很平静地看待这一记录，市值并不代表一切，资产规模也不代表一切。    姜建清的冷静是值得称道的。尽管在他讲话的一年后，美国银行业仍?</t>
  </si>
  <si>
    <t>监管新规冲击欧洲大银行</t>
  </si>
  <si>
    <t>据外媒报道，为了满足监管方更加严格的风险控制规定，欧洲大型银行巴克莱银行与德意志银行7月30日均宣布将采取相应措施。    巴克莱表示将通过发行认股权证的方式筹集约58亿英镑(约合89亿美元)资金。德意志银行将开展新的资产清理活动。外界担心，将有更多的欧洲银行需要筹</t>
  </si>
  <si>
    <t>治航班延误：推卸责任不如加快改革</t>
  </si>
  <si>
    <t>中国民用航空局发布的《2012年全国民航行业发展统计公报》显示，航班正常率为74.83%，为近5年来最低。美国航空数据网站Flightstats发布6月份全球35个国际机场准点率排名，北京首都国际机场、上海浦东机场排名垫底，准点率分别为18.30%和28.72%。而且晚点问题不仅限于北京和上</t>
  </si>
  <si>
    <t>“王室经济”效应几何</t>
  </si>
  <si>
    <t>英国女王的长孙威廉王子和凯特王妃的爱情结晶于7月22日终于诞生了。这位取名为乔治·亚历山大·路易斯的小王子将取代哈里王子，成为继查尔斯王储、威廉王子之后的英国王位第三顺位继承人。同寻常百姓家庭结婚生子截然不同，凯特王妃的生子吸引了英国乃至全世界人的眼球，也再</t>
  </si>
  <si>
    <t>日本增税计划引扼杀复苏担忧</t>
  </si>
  <si>
    <t>近期，增税计划将扼杀日本经济复苏势头的担忧不断增加。对此，日本央行行长黑田东彦29日明确表示，目前的增税计划不会使日本经济受到明显拖累。几天前，日本财务大臣麻生太郎也坚称，将支持按计划提高消费税。    黑田东彦表示，即便按现有计划从明年开始分两年将消费税税?</t>
  </si>
  <si>
    <t>欧盟贸易委员：解决中欧贸易争端须开诚布公</t>
  </si>
  <si>
    <t>欧盟贸易委员德古赫特当地时间29日强调，欧中之间贸易额巨大，出现贸易争端正常，关键要以开诚布公的态度加强对话。    德古赫特当天在新闻发布会上公布中欧光伏贸易争端“友好”解决方案部分细节。他说，数量众多的中国光伏企业同意为出口至欧盟的光伏产品设置最低限价，?</t>
  </si>
  <si>
    <t>日本：把小动漫做成大产业</t>
  </si>
  <si>
    <t>中国经济正处于转型升级的关键期，政府将大力发展服务贸易作为未来发展的重点，其中动漫服务贸易的增长潜力不容小觑。动漫以喜闻乐见的形式、润物无声的魅力和轻松娱乐的方式深受青少年的青睐。我国的动漫产业起步于2004年。据国家广播电视总局的统计数据显示，2004年我国动?</t>
  </si>
  <si>
    <t>中国首个家电专利联盟引领国际标准</t>
  </si>
  <si>
    <t>“几场官司打出了一个联盟，又一不小心搞了一个国际标准。”谈起中国家电行业首个专利联盟的起起伏伏，佛山市顺德区电压力锅专利联盟秘书长邹永强说。    日前，由佛山市顺德区电压力锅专利联盟提出的电压力锅国际标准在瑞士日内瓦正式发布。这意味着这个2006年成立的中国?</t>
  </si>
  <si>
    <t>三方仍在摸底  难有实质进展</t>
  </si>
  <si>
    <t>《经济参考报》记者29日从中国商务部获悉，中日韩第二轮自贸区(FTA)谈判于7月30日至8月2日在上海举行。另据日本共同社报道，在第二轮谈判中，三方拟进一步协商谈判方式，并讨论货物、服务及竞争领域相关议题，还计划就知识产权、电子商务等举行专家会议。    作为东亚经贸?</t>
  </si>
  <si>
    <t>美调整统计方法将使GDP扩大3%</t>
  </si>
  <si>
    <t>据英国《金融时报》28日报道，本周美国经济的历史将被改写——美国将对其经济统计方法做出多年来最为重大的一次修订，这将使全球最大的经济体增加相当于一个比利时的产出。    本周三，美国商务部下属的统计机构美国经济分析局将宣布这项重大变革，这项新的计算方法将把研?</t>
  </si>
  <si>
    <t>价格承诺考验中国企业“契约精神”</t>
  </si>
  <si>
    <t>上周六，一份折中方案的出炉，宣告了中欧光伏谈判在数轮较量下终于“偃旗息鼓”，也避免了一场代价可能惊人的贸易战争。    对于中国光伏企业来说，前一秒47.6%的高税还悬于头顶，这一刻可以“喘口气”了。只要年出口规模不超过7GW，并且价格不低于0.56欧元每瓦，参与价格?</t>
  </si>
  <si>
    <t>波音将在全球检查紧急信号装置</t>
  </si>
  <si>
    <t>据外媒报道，美国波音公司(Boeing)当地时间28日号召全球航空公司对数款大型客机的紧急定位发射器进行检查，并于10天内反馈结果，以帮助监管部门决定是否需要采取相应行动。这些紧急定位发射器由美国霍尼韦尔公司(Honeywell)生产。    据悉，紧急定位发射器用于帮助工作人员</t>
  </si>
  <si>
    <t>进口车售价居高不下  纵向垄断惹的祸？</t>
  </si>
  <si>
    <t>在加拿大工作的瞿先生不久前从北美购置了一辆排量为3.0T的新款奥迪Q7，花了7.8万加元，约合人民币46万元。日前他回到国内，看到同一款的进口汽车价格吓了一跳，号称大幅优惠之后还超过了100万元。    “同样的汽车在美国市场大概只卖6万多美元，算起来只有中国的三分之一。</t>
  </si>
  <si>
    <t>美航空挖空心思掏你腰包</t>
  </si>
  <si>
    <t>边疆航空(Frontier)是一家年轻的美国廉价航空公司。在其飞往美国加州的航班上，笔者身旁的乘客尴尬地询问可乐是否免费却吃到闭门羹，脸红地改要了一杯免费的白水。笔者只是因为办理了该公司收年费的信用卡，才得到了能白喝汽水的差别待遇。不由地感慨，从前美国的航空公司只?</t>
  </si>
  <si>
    <t>“在线”教育改变大学</t>
  </si>
  <si>
    <t>在美国高等教育界，在线教学曾被视为一种低等的教育模式。但如今，从麻省理工到哈佛，一流学府都乐于把自己的精华课程制作成网络视频，供广大学子在线分享。有些大学还把在线学时计入学分，方便学生自主安排课时。    在线教学已成为高等教育发展新趋势，但它将把大学带向?</t>
  </si>
  <si>
    <t>葛兰素史克公司中国区运营几乎瘫痪</t>
  </si>
  <si>
    <t>葛兰素史克公司(简称GSK)事件被曝光至今已有一个月时间，该公司涉嫌严重经济犯罪的情况也在不断的被披露。美国《纽约时报》近日称，葛兰素史克中国研发中心违背药物临床试验的程序——即产品开始人体试验后才有动物实验报告。    《经济参考报》记者从各种渠道了解到，目前</t>
  </si>
  <si>
    <t>贾森·弗曼：奥巴马政府的经济战士</t>
  </si>
  <si>
    <t>这几年来，凡是涉及美国经济问题，奥巴马都会对一个人的建议洗耳恭听，此人就是贾森·弗曼。作为奥巴马的核心经济顾问之一，弗曼为制定美国经济政策立下了汗马功劳。如今，弗曼再次得到了肯定并迎来了事业高峰——美国总统奥巴马上个月宣布提名美国国家经济委员会第一副主任?</t>
  </si>
  <si>
    <t>奥巴马演讲重新聚焦经济</t>
  </si>
  <si>
    <t>据美国媒体报道，奥巴马总统7月24日在盖尔斯堡诺克斯学院发表关于经济政策的六篇演讲，谈论有关教育、住房、退休保障、医疗健康、贫困与就业多方面的问题。他表示第二任期中经济问题将成为首要任务，以及他所采取的政策能如何促进就业增长和经济稳定性。他希望为经济和国内政</t>
  </si>
  <si>
    <t>二季度ERI指数发布  短期出口贸易信用风险缓和</t>
  </si>
  <si>
    <t>中国出口信用保险公司日前发布二季度中国短期出口贸易风险指数（ERI）显示，短期出口贸易信用风险出现缓和态势。    2013年二季度，全球经济复苏在整体缓慢的进程中继续呈分化之势：欧债危机冲击仍在延续，欧元区经济增长处于停滞状态；美国经济一定程度上受到财政整顿的负</t>
  </si>
  <si>
    <t>世界经济复苏“前夜”的中国财政政策</t>
  </si>
  <si>
    <t>2013年第二季度，美国经济逐步企稳回暖，美联储退出量化宽松(QE3)政策的预期也进一步加强。与此同时，日本继续实施所谓的“安倍经济学”，试图通过持续的本币贬值来提振经济。总体上来讲，世界经济形势进入到复苏的“前夜”阶段，但进度可能不一。本轮复苏，“领头羊”可能是</t>
  </si>
  <si>
    <t>TTIP谈判“纽带”并没那么牢固</t>
  </si>
  <si>
    <t>美国与欧盟应对新兴经济体挑战和对经济复苏诉求一致，被认为是双方开启《跨大西洋贸易与投资伙伴协议》(TTIP)谈判的重要纽带。但在促进就业的方向、金融法规、农产品准入等多个领域，美欧看法不但有所区别，甚至还有矛盾冲突，让所谓的“纽带”看上去不那么牢固，会让双方谈?</t>
  </si>
  <si>
    <t>一汽—大众启动双线产品战略</t>
  </si>
  <si>
    <t>上半年，一汽-大众推出了一款售价22.58万元却有着纯正德国“高性能运动”基因的产品——速腾GLI。业内人士由此敏锐地觉察到，这意味着一汽-大众率先引入的“双线产品战略”已经启动。    所谓“双线产品战略”，一条是以面向普通消费者的以高品质为核心的轿车产品，另一条?</t>
  </si>
  <si>
    <t>光伏战将损害美原材料生产商</t>
  </si>
  <si>
    <t>中美欧光伏战继续演绎。由于美国对中国制造的太阳能面板征收高额关税，24日，中国对美国多晶硅开始实施临时征收反倾销税，税率高达57%。这是中美欧三方卷入的全球贸易战上演的最新一出反击剧情。    中国征收临时性关税的决定上周四正式宣布。行业专家表示，这一临时性关税</t>
  </si>
  <si>
    <t>底特律破产警示城镇化弯路</t>
  </si>
  <si>
    <t>美国著名的汽车城底特律于当地时间18日申请破产，由于底特律的债务非常庞大，目前欠下180多亿美元的长期债务和数十亿美元的短期债务，预料会成为美国规模最大的城市破产案。仔细分析底特律从曾经辉煌到现在破产的路径和原因，将给中国目前正在推行的新型城镇化以很大的警示。</t>
  </si>
  <si>
    <t>欧元区债务仍在增长  减债阻力重重</t>
  </si>
  <si>
    <t>尽管欧元区各国不断推行财政紧缩措施，但是今年一季度债务规模仍在增长。同时，西班牙和葡萄牙等重债国推行减债措施所面临的罢工和政治压力也从未减轻，在欧元区经济不断萎缩的背景下，欧元区各国的减债之路更加艰难。    欧元区债务率攀升    欧盟统计局22日发布的数据?</t>
  </si>
  <si>
    <t>欧元区应反思片面紧缩</t>
  </si>
  <si>
    <t>日前刚刚通过新一轮紧缩法案的希腊，实际上已被逼到墙角，其经济连续5年负增长，今年还将下降4.2%，6年合计下降23.4%，只及金融危机前2007年3/4的水平。很明显，在经济大幅萎缩的条件下，希腊没有能力实现预算赤字达标(占GDP3%)。    放眼全欧，其他主要赤字超标国葡萄牙、</t>
  </si>
  <si>
    <t>运用国际海洋法建设海洋强国</t>
  </si>
  <si>
    <t>《联合国海洋法公约》规定了各国可以享有的海洋权益和应予承担的海洋义务。中国是缔约国，可以享有其所规定的诸种海洋权益。    维护国家的海洋权益，不能只陷于主观的需要和愿望，还要考虑客观上的现实可能性，要把它建立在坚实的国际法的基础之上。    在综合运用政治?</t>
  </si>
  <si>
    <t>SAC资本创始人涉嫌内幕交易遭起诉</t>
  </si>
  <si>
    <t>据美联社报道，美国证券交易委员会于当地时间19日对华尔街对冲基金巨头SAC资本的创始人史蒂芬·科恩提起民事指控，称其未能监管SAC资本的两名资深投资组合经理并阻止其从事非法内幕交易，从而使得该公司牟取暴利和避免亏损，涉案数额超过2.75亿美元。    在诉状中，美国证?</t>
  </si>
  <si>
    <t>为何中小企业沦为去杠杆牺牲品</t>
  </si>
  <si>
    <t>据媒体报道，近日中国中小企业协会上书国务院副总理马凯，反映中小企业在度过了金融危机的劫难后，当前再一次面临着生死存亡的考验，其中最为突出的问题是中小企业融资难、融资贵的老问题有进一步恶化的趋势。    “钱荒”风波虽说在央行的出手救援之下已日渐平静，但监管?</t>
  </si>
  <si>
    <t>密歇根州长：底特律靠联邦注资非明智选择</t>
  </si>
  <si>
    <t>底特律所在的美国密歇根州州长里克·斯奈德21日说，联邦政府注资对申请破产的底特律进行救助不是明智选择。他表示密歇根州政府不会采取类似举措，而联邦政府是否会施以援手，取决于联邦政府的决定。    斯奈德当天接受了哥伦比亚广播公司《面向全国》电视节目采访。当被问?</t>
  </si>
  <si>
    <t>一个美国繁华都会的堕落</t>
  </si>
  <si>
    <t>180亿美元的负债，让底特律陷入了绝望。7月18日，这座“汽车之城”正式申请破产保护，从而成为美国历史上最大的破产城市。要知道，在半个世纪前，底特律还是美国产业工人的向往目标，“美国梦”的最佳实现地；但半个世纪后，一切逐渐归零，底特律事实上正沦为美国最悲惨的城?</t>
  </si>
  <si>
    <t>“养猪王国”丹麦的“养猪秘籍”</t>
  </si>
  <si>
    <t>丹麦被世界公认为“养猪王国”，其总人口只有约550万人，但每年向国际市场供应的生猪总量超过3000万头，相当于每人出口5-6头猪。近100年来，历经几代人知识、技术和经验的积累，丹麦取得了全世界对其安全优质猪肉的高度认可。    优质猪肉一直是丹麦重要的出口创汇产品，猪</t>
  </si>
  <si>
    <t>七天酒店完成私有化收购  凯雷红杉注资进军中高端市场</t>
  </si>
  <si>
    <t>七天连锁酒店已完成私有化收购，从美国纽交所退市。原股东团队携手国际投资基金成立铂涛酒店集团，进军中高端酒店消费市场。    7月中旬，铂涛酒店集团成立暨品牌战略新闻发布会在广州举行。七天连锁酒店创始人、铂涛酒店集团联席董事长郑南雁说，新组建的铂涛酒店集团已完</t>
  </si>
  <si>
    <t>巧妙打造魅力形象</t>
  </si>
  <si>
    <t>男性身背吉他更具魅力    乔颖    身为女性的你，是否会觉得身背吉他的男性格外有魅力？法国一项最新研究显示，女性更容易被身背吉他的男性所吸引。研究人员说，这表明音乐在异性选择中发挥着重要作用。    法国南布列塔尼大学研究行为科学的教授尼古拉·盖冈请一名20?</t>
  </si>
  <si>
    <t>英国银行业：重整旗鼓忙自救</t>
  </si>
  <si>
    <t>最新一期英国《银行家》杂志公布2013年全球资产排名前1000家银行榜单，英国银行业整体排名由2008年金融危机之前的全球第二跌至第十。其中苏格兰皇家银行以约83.19亿美元的税前亏损额名列全球银行亏损榜单第四位。    经历了2008年金融危机之后，英国银行业目前已走出低谷开</t>
  </si>
  <si>
    <t>希腊是扶不起的阿斗吗</t>
  </si>
  <si>
    <t>前欧元区集团主席容克不久前曾表示，他期待着第一个“希腊不再是争论焦点”的夏天。这个夏天显然还未到来。    最新统计数据表明，希腊失业率为26.9%，25岁以下年轻人的失业率为62%，超过西班牙成为欧洲失业率最高的国家。三分之二的失业人群丢掉“饭碗”起码一年以上。日?</t>
  </si>
  <si>
    <t>G20财金首脑将聚焦QE退出</t>
  </si>
  <si>
    <t>二十国集团(G20)财长与央行行长会议将于19日至20日在莫斯科召开。由于近期美联储可能削减量化宽松(QE)措施的消息引起全球金融市场剧烈波动，并导致热钱大量撤出新兴市场，外界预计此次会议必将聚焦美联储退出QE问题，并可能共同呼吁美国给出更清晰的政策承诺。    美联储可</t>
  </si>
  <si>
    <t>巴克莱因操纵电价被罚4.53亿美元</t>
  </si>
  <si>
    <t>据路透社报道，美国联邦能源监管委员会(FERC)16日宣布，对英国巴克莱银行及其四名前电力交易员操纵电力市场行为处以4.53亿美元罚款。这是该行继去年LIBOR操纵案后再一次收到天价罚单。    这项创纪录的罚款最初由FERC于2012年10月提出。当时该委员会指控巴克莱银行在2006年</t>
  </si>
  <si>
    <t>西班牙政局动荡加大经济风险</t>
  </si>
  <si>
    <t>资金丑闻令西班牙首相马里亚诺·拉霍伊的国内支持率急剧下滑，要求其下台的呼声不断增强。但拉霍伊15日表示不会辞职，并誓言将维护政治稳定，完成改革计划。他还发出警告，政局不稳可能给西班牙低迷的经济带来更大风险。    拉霍伊15日在首相府会见波兰总理唐纳德·图斯克?</t>
  </si>
  <si>
    <t>TPP谈判聚焦市场准入敏感领域</t>
  </si>
  <si>
    <t>“跨太平洋伙伴关系协定”(TPP)谈判第18次全体会议15日至25日在马来西亚东部城市亚庇举行。此次会议将就知识产权保护、市场准入等敏感领域议题展开谈判。诸多现象显示，谈判各方都希望能速战速决，以早日达成自由贸易协议。另外，日本将首次参与TPP谈判，并就关税等问题表明?</t>
  </si>
  <si>
    <t>美金融监管法案出台内幕</t>
  </si>
  <si>
    <t>在金融危机暴露了美国金融体系的巨大系统性风险后，历经坎坷出炉的《多德-弗兰克华尔街改革和消费者保护法》于2010年7月最终由美国总统奥巴马签署成为法律，这是上世纪大萧条以来美国国会出台的最重要金融监管法案。    美国重要的立法往往涉及民主、共和两党以及白宫及国?</t>
  </si>
  <si>
    <t>高盛前副总裁涉嫌误导投资者受审</t>
  </si>
  <si>
    <t>据外媒报道，高盛一名前交易员15日因涉嫌误导投资者上庭受审。金融危机后，美国金融监管机构一直被批评在惩治金融危机始作俑者方面作为不够，美监管机构试图以这桩案件表明其惩治与金融危机有关案件的姿态。    美国证券交易委员会(SEC)2010年4月向高盛前交易员法布莱斯·?</t>
  </si>
  <si>
    <t>跨国公司涉嫌在巴西招标舞弊</t>
  </si>
  <si>
    <t>据媒体14日报道，德国电信工程业巨头西门子公司向巴西经管部门揭发，它曾与多家跨国公司结成秘密联盟，垄断多座城市的地铁或轻轨工程的招标，并从中获取非法暴利。    巴西《圣保罗报》报道说，与西门子公司一同参与舞弊的其他大型跨国公司包括法国工业电气设备巨头阿尔斯?</t>
  </si>
  <si>
    <t>亚太股市走高  泰铢低位徘徊</t>
  </si>
  <si>
    <t>15日，亚太地区主要股市微幅走高，因日本股市假期休市，总体成交较为清淡。    当天，中国国家统计局发布初步核算数据，2013年上半年中国国内生产总值按可比价格计算同比增长7.6%。其中，一季度中国经济同比增长7.7%，二季度增长7.5%。上半年国民经济运行主要指标仍处在年?</t>
  </si>
  <si>
    <t>花旗二季度利润大增逾四成</t>
  </si>
  <si>
    <t>美国花旗集团15日公布财报显示，由于营业收入增长以及净信贷损失下降，第二季度集团净利润同比大增42%。    当季，花旗净利润为41.82亿美元，稀释后每股盈利1.34美元，好于市场预期。去年同期，花旗净利润为29.46亿美元，稀释后每股盈利95美分。    财报指出，花旗盈利增</t>
  </si>
  <si>
    <t>欧盟亟须走出紧缩“歧途”</t>
  </si>
  <si>
    <t>欧元区财长会议和欧盟财长会议于上周相继结束，作为夏季欧洲领导人最后聚首的决策会议，除了程序性的批准拉脱维亚加入欧元区，市场期盼的刺激经济措施却难觅踪影。    当前遭受经济衰退和高失业率之苦的欧洲急需刺激政策支持增长，但由于欧盟决策层没有达成有效共识，有力?</t>
  </si>
  <si>
    <t>法国高级时装公会主席眼中的高级定制</t>
  </si>
  <si>
    <t>2013/2014巴黎秋冬高级定制时装周日前结束，社会名流、时尚买手及各路媒体齐聚花都。时装周期间，在巴黎8区圣奥诺雷郊区街100号的办公室里，法国高级时装公会主席迪迪埃·格兰巴克侃侃而谈，为记者揭开了高级定制背后的“秘密”。    何为高级定制？    1858年，定居法国</t>
  </si>
  <si>
    <t>中美战略经济对话签署大单在即</t>
  </si>
  <si>
    <t>第五轮中美战略与经济对话框架下经济对话10日下午在美国华盛顿举行开幕式。中国国家主席习近平特别代表、国务院副总理汪洋在开幕式致辞中表示，要努力扩大双方在经济领域的共识，促使对话成效最大化，给中美经济合作带来看得见的成果。    根据日程安排，北京时间12日傍晚?</t>
  </si>
  <si>
    <t>世界主流发展模式向何方演进</t>
  </si>
  <si>
    <t>2008年国际金融危机爆发以来，世界经济进入低迷和调整，欧债危机和美国债务危机的不断深化，使世界经济复苏困难重重。但是，在危机中两类国家的不同凡响引起人们热议：一是中国等新兴经济体异军突起及其所谓“中国模式”的提出；二是发达国家中德国等经济体的优异表现，并引?</t>
  </si>
  <si>
    <t>中欧光伏双反谈判仍处僵局</t>
  </si>
  <si>
    <t>中欧就光伏双反案的第二轮价格承诺谈判至今已持续三周。《经济参考报》记者通过多方求证了解到，目前双方谈判中涉及的数量、价格等关键点上存在巨大分歧，谈判仍处于僵持阶段，而商务部的努力也还未停止，近期在向企业搜集相关市场信息作为依据去说服欧委会。    欧洲当地?</t>
  </si>
  <si>
    <t>陆克文期待中澳经贸新模式</t>
  </si>
  <si>
    <t>上周，再度出任澳大利亚总理的陆克文在堪培拉会见了中国驻澳大使；本周，陆克文邀请中国国家主席习近平通电话，与中方深入探讨双边经贸合作话题。    陆克文亲近北京的姿态显得热切而急迫，这不仅源于中澳间的共同战略和巨大的经济利益，更因为当前两个国家均处于经济转型?</t>
  </si>
  <si>
    <t>地方政府“卖地成瘾”何时休</t>
  </si>
  <si>
    <t>日前，美国《大西洋月刊》的一篇名为“中国有世界上贵得最让人难以承受的房地产市场”的文章，将中国业已失灵、价高离谱的房地产乱象再度呈现在世人面前。文章引用国际货币基金组织(IMF)的相关数据显示，世界十大最贵的房地产市场中竟有7个在中国，分别是北京、上海、深圳、?</t>
  </si>
  <si>
    <t>世界经济或仍将按以往的道路运行</t>
  </si>
  <si>
    <t>世界发展方式转型实质是英美模式转型    英美模式是导致世界经济发展陷入困境的主要原因，也是导致世界经济失衡的根源，从目前面临的主权债务危机以及美国信用危机来说，如果不对发展模式进行调整，很难走出危机，世界经济也将始终受到英美模式的困扰。从一定程度上说，英?</t>
  </si>
  <si>
    <t>中美首例跨境监管或剑指光伏企业</t>
  </si>
  <si>
    <t>中国证监会和美国证券监管机构的首次跨境会计监管合作，很有可能会在一家大型中国光伏企业——阿斯特太阳能上得到实现。    据媒体报道，证监会已完成了一家中概股公司的会计底稿整理工作并履行完相关程序，目前已经通知美方准备向美国证监会提供底稿。同时，中国证监会也?</t>
  </si>
  <si>
    <t>中企世界500强数列全球第二</t>
  </si>
  <si>
    <t>2013年《财富》世界500强企业排名8日晚揭晓，中国的上榜企业增加16家，以95家继续位列世界第二，并实现连续第十年增长。分析指出，按照目前中国经济的增长速度，明年中国上榜公司数量还会增加，且到2015年中美大公司或将有可能在榜单上平分秋色。但是，中国上榜企业存在结构?</t>
  </si>
  <si>
    <t>美移民改革的经济账</t>
  </si>
  <si>
    <t>近期美国国会参议院通过的移民改革法案不仅对于美国社会的未来面貌以及驴象两党执政理念的走势意义重大，如果得到众议院批准并最终成为法律，也会在美国的经济账本上添加浓重的笔墨。    美国两党高层历时数月磋商提出的这一法案，将为上千万非法移民提供一条成为美国公民?</t>
  </si>
  <si>
    <t>美财政部被诉侵害“两房”股东利益</t>
  </si>
  <si>
    <t>对冲基金Perry Capital日前对美国财政部提出诉讼，指责美国财政部控制房地美和房利美后，修改了两家公司的股息分配方案，使得股东利益遭受损失。目前，房利美和房地美股东的不满情绪强烈。    作为美国最大的对冲基金之一，Perry Capital2010年起投资了房地美和房利美。</t>
  </si>
  <si>
    <t>TTIP谈判正式启动欧美各怀心事</t>
  </si>
  <si>
    <t>就在8日欧美双方就美国秘密监控其他国家一事举行安全会议的同时，《跨大西洋贸易与投资伙伴协议》(TTIP)首轮谈判也如期进行。    大西洋两岸的贸易官员和专家相互握手寒暄，证明近期曝光的“棱镜门”仅仅是个略微败兴的插曲。    孕育全球最大自贸区    6月中旬，欧美?</t>
  </si>
  <si>
    <t>应对淡水河谷“大船计划”需要法律设计</t>
  </si>
  <si>
    <t>2013年4月15日，在中国交通运输部禁令依然生效的前提下，在中国船东的一片反对声中，巴西淡水河谷“马来西亚”号成功停靠连云港港口并在卸下铁矿石后于4月17日悄然离开。淡水河谷“大船计划”严重损害了中国航运企业的利益，危及中国的航运安全。这一事件，再次刺痛了中国船?</t>
  </si>
  <si>
    <t>受事故影响  韩亚航空公司股价重挫5.76%</t>
  </si>
  <si>
    <t>一架韩国韩亚航空公司波音777型客机(OZ214)北京时间7日凌晨在美国旧金山国际机场着陆时不幸失事。目前，事故已造成两名中国女中学生遇难，182人入院治疗。对于事故原因尚无正式调查结果，但外界分析称可能为飞行员失误所致。受此事件影响，首尔市场上韩亚股价8日重挫5.76%，?</t>
  </si>
  <si>
    <t>童话王国的养猪经</t>
  </si>
  <si>
    <t>“童话王国”丹麦，其总人口只有约550万人，但每年向国际市场供应的生猪总量超过3000万头，相当于每人出口5到6头猪，被世界公认为“养猪王国”。    近100年来，历经几代人知识、技术和经验的积累，丹麦取得了全世界对其安全优质猪肉的高度认可。优质猪肉一直是丹麦重要的?</t>
  </si>
  <si>
    <t>超日债遭抄底资金豪赌  违约风险犹存</t>
  </si>
  <si>
    <t>因连续两年亏损，*ST超日10亿公司债(11超日债)终将在7月8日被正式暂停上市，但在上周5个交易日中，3个交易日11超日债逆势上涨，本应是投资者离场止损的最后机会，竟成了抄底资金豪赌的盛宴。分析人士指出，在暂停上市致使11超日债流动性大为降低条件下，抄底资金更多打算将该</t>
  </si>
  <si>
    <t>希腊81亿欧元救助金恐分期发放</t>
  </si>
  <si>
    <t>欧盟经济货币事务专员瑞恩5日表示，如果希腊的国际债权人对其经济改革的进展不满意，那么希腊可能不会全额获得下笔救助贷款。    欧元区财长8日将就81亿欧元的新一批贷款发放做出决定，不过其结果取决于由欧盟委员会、国际货币基金组织(IMF)和欧洲央行组成的“三驾马车”对</t>
  </si>
  <si>
    <t>韩亚航空客机失事原因尚在调查</t>
  </si>
  <si>
    <t>北京时间7日凌晨2点27分，韩亚航空公司一架载有307人的波音777-200型客机在美国旧金山国际机场降落时发生事故。截至记者发稿时，事故已造成两名中国女性公民死亡，182人进入医院接受治疗。目前，对飞机失事原因尚无正式调查结果。    韩国国土交通部表示，还无法判断事故的</t>
  </si>
  <si>
    <t>欧亚经济论坛九月下旬举行</t>
  </si>
  <si>
    <t>2013欧亚经济论坛组委会成立大会暨第一次会议于7月5日在人民大会堂召开。会议宣布本届欧亚经济论坛将于9月26日至28日在陕西西安举行。    本届论坛主题为“深化务实合作，促进共同繁荣”，将致力于推进上合组织科技示范园区等重大项目取得实质性进展，提升地区基础设施互联</t>
  </si>
  <si>
    <t>中国海外流失文物：追难回，买不得</t>
  </si>
  <si>
    <t>6月28日，法国皮诺家族捐赠的圆明园鼠首和兔首铜像正式“安家”中国国家博物馆。不少民众揣测：这两件标志性文物150年后的失而复得能否开启海外归还中国流失文物的序幕？    多位文物专家和法律界人士表示：鼠首和兔首的回归形式恐难复制，中国海外流失文物大规模回归仍是?</t>
  </si>
  <si>
    <t>要让每个中国人都能不饿不傻不病不老</t>
  </si>
  <si>
    <t>汪建，男，华大基因研究院院长，深圳华大基因科技公司总裁，世界“人类基因组计划”科学家。    我是一名中国科技工作者，也是一名普通的老百姓。    作为一名科技工作者，我一直有一个“自私”的想法：让中国在世界科学界占有话语权，“能说上话儿”。1985年，美国科学?</t>
  </si>
  <si>
    <t>过个“不插电”假期</t>
  </si>
  <si>
    <t>暑期将近，不少美国人计划着借机远离被各种电子通信设备“捆绑”的日常生活，不用手机不上网，过一个亲近自然、放空身心的真正假期。    舍弃电子设备    乔治·辛普森打算今年暑假带家人去地中海旅游，从希腊雅典一路玩到土耳其的伊斯坦布尔。他给家人定下一条旅途中必?</t>
  </si>
  <si>
    <t>“共享经济”：消费领域新革命</t>
  </si>
  <si>
    <t>目前“共享经济”已成为热门话题。2013年德国汉诺威信息与通信技术博览会和英国《经济学家》杂志都以“共享经济”为主题，展示和介绍它给未来商业模式带来的变革。有关专家认为，“共享经济”是以社交网络为纽带，在供给者与需求者之间实现资源共享的消费经济模式，它带来全?</t>
  </si>
  <si>
    <t>法国：迈向“绿色大国”的步伐</t>
  </si>
  <si>
    <t>法国的生态文明建设在欧洲独树一帜。随着全球气候变暖等问题加剧，近些年来，法国政府对生态环保和可持续发展给予更多的关注，并且采取多项措施推动生态文明建设，以期达到经济可持续发展的目标。法国前总统萨科齐本人曾宣称，法国要当全球“生态先锋”。试图构建“绿色大国?</t>
  </si>
  <si>
    <t>默克尔称青年失业是欧洲最大危机</t>
  </si>
  <si>
    <t>德国总理默克尔3日会同法国总统奥朗德、欧洲理事会主席范龙佩及欧盟各国的劳动部长等高层召开会议，共同商讨应对青年失业问题良策。默克尔表示，青年失业或许已经成为欧洲面临的最大危机。    在欧元区南部的数个国家，已经有超过半数的25岁以下青年失业。欧盟统计局1日的?</t>
  </si>
  <si>
    <t>国际油价延续升势创14月新高</t>
  </si>
  <si>
    <t>由于市场担忧埃及局势动荡对中东石油供应产生影响，加上经济数据显示美国经济持续好转，国际油价2日延续升势。其中，纽约商品交易所主力原油期货结算价涨至14个月高点，并在3日亚洲电子盘阶段继续上涨，突破每桶100美元。    截至2日收盘，纽约商品交易所8月交货的轻质原油</t>
  </si>
  <si>
    <t>改革是唯一救市良策</t>
  </si>
  <si>
    <t>最近一段时间，股市坐上了过山车，还是不断往下探底的过山车。不少人将股市如此剧烈下跌的原因归咎为央行近期采取的一系列收紧银根的做法，导致资金面过度紧张，使得市场失血。与此同时，美国有可能退出量化宽松货币政策的预期也给市场资金带来了一定的冲击。    资金面是?</t>
  </si>
  <si>
    <t>美银行明年将执行资本金新规</t>
  </si>
  <si>
    <t>美联储2日宣布，美国银行业从明年开始将逐步采用更加严厉的银行业资本金标准，以提高银行业的抗风险能力和为美国经济复苏服务的能力，防止大型银行陷入“大而不倒”的困境，进而威胁金融及经济发展的稳定性。    美联储官员表示，各银行必须从明年1月份起执行新的、更严格?</t>
  </si>
  <si>
    <t>华尔街新财报季面临考验</t>
  </si>
  <si>
    <t>美国公司即将拉开新一轮财报季的序幕。今年上半年美股表现为十多年来最佳。由于投资者在美联储削减购债被“越炒越热”的大环境下，试图证明股价的合理性，因此第二季度公司财报情况将比第一季度受到市场更密切的审视。    美联储主席伯南克关于减少资产购买规模的表态引发?</t>
  </si>
  <si>
    <t>统账结合的社保制度应该改了</t>
  </si>
  <si>
    <t>中国经济50人论坛、新浪财经和清华经管学院联合举办的新浪·长安讲坛第234期日前召开。论坛特邀专家、中国社会科学院拉丁美洲研究所所长郑秉文发表了题为“中国社会保障制度改革的瓶颈与出路”的主题演讲。郑秉文说，当前全世界的社会保障制度都在改革，10年来中国的社保制度</t>
  </si>
  <si>
    <t>全球化正在进入全新发展阶段</t>
  </si>
  <si>
    <t>世界经济全球化的发展趋势在学术界一直都备受争议，2008年全球金融危机爆发以来，反全球化的声音再起。典型代表，德国学者格拉斯·博克斯贝格和哈拉德·克里门塔(2000)，针对全球化的过分迷信和崇拜，以德国为例比较欧美发达国家，尤其是德国的社会、经济发展状况，阐述了全?</t>
  </si>
  <si>
    <t>欧洲一体化曲折中前行</t>
  </si>
  <si>
    <t>欧债危机爆发以来，欧洲一体化受到严重挑战，希腊是否脱离欧元区，英国是否继续留在欧盟等曾一度成为热门话题。然而，过去3年多的经历表明：欧洲一体化进程虽然曲折，却在不断取得新的进展，7月1日克罗地亚加入欧盟就是力证。    欧洲一体化首先体现在欧盟和欧元区版图的扩</t>
  </si>
  <si>
    <t>地产经纪人布赖恩的新观察</t>
  </si>
  <si>
    <t>随着美国楼市从去年开始回暖“绽放绿叶”，楼市上出现很多有意思的新现象。美国马里兰州的资深地产经纪人布赖恩·鲁佩尔观察到一些市场新风向：低价位住宅供应偏紧、现金为王、亚洲买家增多等。这些现象正对美国社会和经济的原有范式带来冲击。    在流动性宽松和楼市进入?</t>
  </si>
  <si>
    <t>商务部对欧葡萄酒双反调查正式立案</t>
  </si>
  <si>
    <t>7月1日，商务部立案对原产于欧盟的进口葡萄酒进行反倾销和反补贴调查。商务部进出口公平贸易局负责人就此发表谈话指出，本次调查是由中国葡萄酒产业向商务部正式提出申请，经审查满足立案条件后，商务部依法决定立案并进行调查的。    该负责人表示，5月15日，商务部正式收</t>
  </si>
  <si>
    <t>奥斯本“三顾”卡尼</t>
  </si>
  <si>
    <t>将一个外国人请到英格兰担任央行行长，确实是标新立异之举。这是英国现任财长奥斯本的“天才创意”。在他眼中，引导英国走出金融危机之后的低迷困境，需要一位具有国际视野，精通市场买卖双方逻辑的新型银行人来担任行长一职。最重要的是，他与英国的陈旧利益体系，没有任何?</t>
  </si>
  <si>
    <t>多重利好推升日股</t>
  </si>
  <si>
    <t>在多重利好因素的推动下，日本东京股市7月1日收于近1个月来高点。    早盘时段，受6月份汇丰中国制造汇丰中国采购经理人指数降至9个月低点影响，东京股市告跌。但日本制造业大企业信心指数转正，再加上日元在外汇市场上走弱等因素，吸引投机买盘积极入场。    日本央行每</t>
  </si>
  <si>
    <t>澳联储料维持当前利率不变</t>
  </si>
  <si>
    <t>澳大利亚央行(澳联储)7月2日将举行月度货币政策会议。鉴于目前澳大利亚国内物价平稳但信贷市场疲软，市场普遍预测，澳联储可能将延续上次议息会议的做法，维持当前利率政策不变。    作为资源型国家，澳大利亚经济正面临转型阵痛，再次就任总理一职的陆克文日前表示，将推?</t>
  </si>
  <si>
    <t>葛兰素史克承认“政府部门人员到访”</t>
  </si>
  <si>
    <t>葛兰素史克(简称GSK)中国公司媒介经理6月30日接受《经济参考报》记者采访时表示，6月27日有相关政府部门人员到访了葛兰素史克公司的上海、北京办公室“目前，我们尚不清楚他们来访的目的，公司将会积极配合政府相关部门的工作。”    此前的6月28日中午，湖南省长沙市公安?</t>
  </si>
  <si>
    <t>欧洲银行业联盟面孔仍模糊</t>
  </si>
  <si>
    <t>告读者：    “看欧盟”专栏作者崇大海任期结束已经回国，今后将由经济参考报驻布鲁塞尔记者闫磊主笔，欢迎大家继续关注。    在日前刚落下帷幕的欧盟峰会上，成员国之间对银行业改革的推动所取得的进展引人瞩目，被称为银行业改革“第二步”的单一解决机制获得重要突破?</t>
  </si>
  <si>
    <t>“自我救赎”的斯诺登</t>
  </si>
  <si>
    <t>美国前中央情报局雇员、现国家安全局防务承包商博斯公司雇员爱德华·斯诺登6月9日经由英国《卫报》和美国《华盛顿邮报》自曝身份，承认他揭露包括“棱镜”项目在内的美国政府多个秘密情报监视项目，说自己无惧无悔。从那时起，心存悔意和愧疚的斯诺登，开始了“自我救赎”。$</t>
  </si>
  <si>
    <t>退休退股  常熟开关创新股权流转新机制</t>
  </si>
  <si>
    <t>编者按：    改革开放三十多年以来，中国经济奇迹般崛起，民营企业作为中国经济结构中最具活力的部分，更是获得了长足发展。中国民营企业在学习西方先进管理经验的同时，也在探索具有中国特色的企业发展模式。本次专题中的常熟开关制造有限公司，凭借十几年的探索与改革，?</t>
  </si>
  <si>
    <t>今年全球FDI料持平去年</t>
  </si>
  <si>
    <t>全球外国直接投资(FDI)两年的增长势头出现逆转。联合国贸发会议26日发布的《2013年世界投资报告》显示，2012年全球外国直接投资流入量下降18%，降至1.35万亿美元。在全球投资暗淡的大背景下，中国吸收外资略降2%，仍为全球第二大吸收外资国家，同时跃升为全球第三大对外投资?</t>
  </si>
  <si>
    <t>伯南克怎么做都是错</t>
  </si>
  <si>
    <t>在美联储主席伯南克上任以来举办的第10次议息会议新闻发布会上，今年晚些时候要开始退出第三轮量化宽松货币政策(QE3)刚从他嘴里说出，美国股市就应声下跌，美国国债收益率猛涨。有人批评伯南克测试市场反应的放气球做法风险过大，有人给他的市场沟通表现打不及格分，有人批评</t>
  </si>
  <si>
    <t>GE推进工业互联网战略</t>
  </si>
  <si>
    <t>美国通用电气公司(GE)日前宣布推出第一个支持“工业互联网”战略的大数据与分析平台，将云计算中由大型工业机器产生的数据转化为实时信息，可惠及制造、航空、医疗、能源及交通运输等全球主要行业。    GE工业强化平台由基于Hadoop的历史数据管理软件Proficy HistorianHD最</t>
  </si>
  <si>
    <t>欧美自贸区谈判敲响多哈回合丧钟？</t>
  </si>
  <si>
    <t>“多哈已死。”哥伦比亚大学教授贾格迪什·巴格瓦蒂如是说。在接受德国《世界报》采访时，巴格瓦蒂明确表示了对欧美自贸区——正式名称叫做“跨大西洋贸易与投资伙伴关系”谈判的反对。理由之一就是，欧美自贸区谈判做实了多哈回合谈判的彻底失败，而这对全球化和贸易自由化?</t>
  </si>
  <si>
    <t>中俄技术创新合作展现广阔空间</t>
  </si>
  <si>
    <t>中俄两国于2013年3月共同签署了《中俄关于合作共赢、深化全面战略协作伙伴关系的联合声明》，这是两国建立双边关系合作机制以来，特别是两国于2012年6月签署《中俄关于进一步深化平等信任的中俄全面战略协作伙伴关系的联合声明》之后，对中俄战略合作伙伴关系的进一步巩固和?</t>
  </si>
  <si>
    <t>欧企欲借“双反”抢滩我国4G市场</t>
  </si>
  <si>
    <t>《经济参考报》记者从知情人士处获悉，爱立信、诺基亚西门子(以下简称“诺西”)和阿尔卡特-朗讯(以下简称“阿朗”)等欧洲电信企业，正计划借助欧盟可能对我国电信企业“双反”调查攻占我国4G市场。    据透露，爱立信、诺西和阿朗三家公司内部已经制定了明确的份额目标，希</t>
  </si>
  <si>
    <t>沃达丰欲77亿欧元收购德国Kabel</t>
  </si>
  <si>
    <t>据外媒报道，全球第二大移动网络运营商英国沃达丰公司23日宣布，将作价77亿欧元(约合101亿美元)现金收购德国最大有线电视运营商德国Kabel公司。业界分析，这一收购显示了沃达丰实现欧洲业务增长的雄心。    这是沃达丰2007年以来最大的并购案，也是沃达丰在12个月内第二次?</t>
  </si>
  <si>
    <t>日本物流现代化的启示</t>
  </si>
  <si>
    <t>日本是一个物流非常现代化的国家，物流在生产者与消费者之间发挥着巨大的作用。快速便捷的物流改变着人们的生活方式，提高了人们的消费水平；在实现财富的同时，保质保量及时迅速的物流也提高了生产厂家和个人信誉；物流企业自身也在不断完善过程中发展壮大，成为日本的支柱?</t>
  </si>
  <si>
    <t>杜祥琬：打造能源发展中国模式</t>
  </si>
  <si>
    <t>“以怎样的国际参照，把握我国能源增长的合理空间，值得认真思考。如果按照所谓的‘发达国家平均水平’，必将把我国引向比欧、日更耗能、更高碳的准美国模式。”国家能源专家咨询委员会副主任、中国工程院原副院长杜祥琬院士指出“我国必须创造一种可持续发展的‘中国模式’?</t>
  </si>
  <si>
    <t>欧盟清算问题银行政策分歧明显</t>
  </si>
  <si>
    <t>欧盟财长22日在经过长达19小时的会谈后，未能就清算问题银行的相关政策方面达成一致，纳税人是否需要继续承担问题银行损失仍不清楚。    欧盟希望达成一项在欧盟范围内广泛接受的清算银行政策。这一政策的制定旨在减少银行发生危机时其用户的损失，避免重演金融危机时的纳?</t>
  </si>
  <si>
    <t>QE退出预期引发资金回撤潮  机构称全球资产大挪移将加剧</t>
  </si>
  <si>
    <t>6月以来资金撤离新兴市场的影响进一步发酵，热钱的突然逆转令我国各资金市场措手不及。A股跌跌不休，RQFIIA股ETF赎回潮愈演愈烈，银行间同业拆借利率飙升……一系列变化让沉醉于热钱涌入套利的投资者们惊醒：即将到来的美国量化宽松政策(QE)退潮将给新兴市场国家带来怎样的冲</t>
  </si>
  <si>
    <t>茶叶收藏“证券化”“股票式”茶叶你敢买吗</t>
  </si>
  <si>
    <t>近日，广西、云南、广东的茶叶收藏爱好者，正在热炒可抵押式茶票。最初发行价不过2万元/套的茶票，如今价格已经上涨10%。记者从中国—东盟茶博会通气会上获悉，随着今年4月份推出国内首创可抵押式茶票，国内一些茶叶交易市场也在酝酿发行此类茶票。业内人士分析认为，这意味?</t>
  </si>
  <si>
    <t>世界第四大矿企豪赌难自救</t>
  </si>
  <si>
    <t>在铁矿石市场陷入低迷时，债务缠身的世界第四大、澳大利亚第三大铁矿生产公司福蒂斯丘金属集团(Fortescue Metal Group)在高息巨额新债务的支撑下强行扩大产量，这次豪赌能够帮助这家企业自救成功吗？    福蒂斯丘金属集团成立于2003年，在铁矿石价格飙升的日子里，福蒂斯丘</t>
  </si>
  <si>
    <t>中企投资美国应入乡随俗</t>
  </si>
  <si>
    <t>欲成就大事，天时、地利、人和三者缺一不可。伴随中国企业国际化的步伐，越来越多的中资企业打算在美国当“黄皮肤老板”，但也有很多企业遭遇坎坷。三一集团在美国收购风电场项目的官司尚未盖棺定论，但美国总统奥巴马去年9月高调发布命令称该收购威胁美国国家安全，凸显收购</t>
  </si>
  <si>
    <t>经济增长乏力  有色金属外强内弱几成定局</t>
  </si>
  <si>
    <t>进入2013年，有色金属价格延续了去年的弱势。为抵御价格低迷所带来的冲击，有色行业减产停产的规模不断扩大，全球有色金属行业掀起了减产热潮。以铝行业为例，美铝、俄铝、中铝等行业巨头纷纷宣布减产计划。其中俄铝计划在2013年减产30万吨，约占其总产量的7%；美铝计划削减1</t>
  </si>
  <si>
    <t>国际游资加速逃离亚洲新兴市场</t>
  </si>
  <si>
    <t>有关美联储将退出量化宽松政策的预期近期不断升温。市场上投资者的担忧情绪正在蔓延，导致国际游资纷纷撤离亚洲新兴经济体，逆转了2008年金融危机以来海外热钱纷纷流入新兴市场的趋势。英国《金融时报》援引研究公司EPFR的数据称，在截至6月12日的一周中，亚洲股票和债券基金</t>
  </si>
  <si>
    <t>史密斯菲尔德大股东欲阻双汇收购</t>
  </si>
  <si>
    <t>美国最大生猪及猪肉供应商史密斯菲尔德(Smithfield Foods)的大股东之一斯塔博德价值基金公司(Starboard Value)17日致信董事会，要求史密斯菲尔德考虑对公司进行业务分拆，以取代双汇国际(Shuanghui International)向史密斯菲尔德发起的收购交易。斯塔博德认为分拆能给股东带?</t>
  </si>
  <si>
    <t>G8闭幕TTIP7月正式开谈</t>
  </si>
  <si>
    <t>为期两天的八国集团峰会18日在英国北爱尔兰西部厄恩湖闭幕，欧盟和美国在此期间宣布将正式展开价值超过千亿美元的《跨大西洋贸易和投资伙伴关系协定》(TTIP)首轮谈判是本次会议的重要成果之一。    欧盟委员会主席巴罗佐和美国总统奥巴马在新闻发布会上宣布，欧盟与美国将?</t>
  </si>
  <si>
    <t>市场期待美联储传递明确政策信号</t>
  </si>
  <si>
    <t>当地时间6月18日至19日，美国联邦储备委员会(美联储)将举行为期两天的货币政策决策会议，预计当前超低利率水平将维持不变。但市场关于美联储是否会在本次会议上开始撤出其量化宽松政策看法不一，全球市场因而也在会前两周发生了巨大的震荡。目前市场猜测认为，此次美联储应当</t>
  </si>
  <si>
    <t>是否“脱欧”英国很纠结</t>
  </si>
  <si>
    <t>英国最新的一项民意调查显示，对于是否脱离欧盟，英国民众的支持和反对意见的比例几乎是不相伯仲。自从欧债危机发生后，英国关于脱离欧盟的争论就从来没有中断过。无论在议会、政府或民众中从来是支持者和反对者各持己见，互不相让。今年1月，英国首相卡梅伦宣布，如果他领导</t>
  </si>
  <si>
    <t>商务部率团赴欧磋商光伏争端</t>
  </si>
  <si>
    <t>《经济参考报》记者从业内最新获悉，商务部和中国机电产品进出口商会(以下简称“机电商会”)组成的谈判团队已赴欧并于本周开始与欧委会就光伏争端解决方案展开磋商。这也是光伏案反倾销初裁后的中欧首轮正式谈判。    “在8月6日前达成磋商解决方案，无疑是当务之急，但目?</t>
  </si>
  <si>
    <t>专家提出中国更适合走“曲线路径”</t>
  </si>
  <si>
    <t>第一，利用现有的国际组织。    北极并非全球治理的空白地带，迄今为止，已经有许多国际公约、国际法和国际组织的功能和范围覆盖北极地区，如《斯匹茨卑尔根条约》、《联合国海洋法公约》、国际海事组织的相关决议、联合国粮农组织的相关条约等，这为中国等非北极国家参与?</t>
  </si>
  <si>
    <t>市场波动促G8峰会关注全球经济</t>
  </si>
  <si>
    <t>为期两天的八国集团(G8)峰会于17日下午在英国北爱尔兰厄恩湖开幕，八国首脑重点讨论的议题包括世界经济、反恐、外交政策等问题。在金融市场不断大幅波动的背景下，经济议题被迫再次成为焦点。    作为八国集团轮值主席和东道主，英国希望在峰会上重点讨论贸易、税收和透明?</t>
  </si>
  <si>
    <t>达尔文要做澳洲的“亚洲首都”</t>
  </si>
  <si>
    <t>澳大利亚面积广袤，人口只有2300万，多数集中在东南沿海以及西部的珀斯附近。北部边陲的达尔文市因19世纪那位英国自然学家得名，二战期间遭日军飞机轰炸，成为澳大利亚本土唯一遭战火蹂躏的地方。目前，只有13万人口的达尔文市一直是澳大利亚最不起眼的州一级行政地区首府。?</t>
  </si>
  <si>
    <t>日本股市何去何从？</t>
  </si>
  <si>
    <t>上周，日经指数惨遭屠戮。在13日不到数个小时的交易时间内，日经指数跌落5.6%，东证指数跌落了4.2%，美日汇率则跌至95区间。不过，机会都是跌出来的，正如“股神”巴菲特所言，别人恐惧时我贪婪。一些市场分析人士判断，此轮日本市场波动，已为长线投资者提供了一次完美的重?</t>
  </si>
  <si>
    <t>巴西迎世界杯前“期中考试”</t>
  </si>
  <si>
    <t>6月15日在巴西利亚的加林查国家体育场，随着主裁判一声哨响，巴西队与日本队之间的联合会杯赛揭幕战开踢。南美最大新兴经济体巴西也由此正式迎来明年世界杯之前的“期中考试”。    有“冠军盛筵”之称的联合会杯赛自2005年改制为每4年一届、由世界杯东道国在大赛之前1年举</t>
  </si>
  <si>
    <t>美国学者质疑“大数据”理论</t>
  </si>
  <si>
    <t>编者：2012年底问世的《大数据时代：生活、工作与思维的大变革》，以一个带有预见性的新概念，引起全球热议，至今仍居各大图书排行榜前位，作者维克托·迈尔—舍恩伯格也因之被誉为“大数据时代的预言家”。舆论认为，“大数据”颠覆了千百年来人类的思维惯例，对人类的认知?</t>
  </si>
  <si>
    <t>美联储缩减QE无进展  澳联储仍存降息风险</t>
  </si>
  <si>
    <t>未来一周，汇市最为引人注目的事件是美联储、澳联储将宣布新一期的利率决定。从目前的情况来看，美联储近期几乎没有可能宣布缩减QE规模，而澳联储预计维持利率不变，不过年内有望再度降息两次。    美联储退出政策停步不前    美国5月份非农就业数据略好于预期，但是由于</t>
  </si>
  <si>
    <t>三因素困扰国内股市八连跌</t>
  </si>
  <si>
    <t>端午节假期后首个交易日，A股市场大幅跳水，上证指数与深证成指均创下2013年新低。对市场资金的外流、新股发行改革以及实体经济与流动性收缩的远虑近忧，被市场人士解读为中国股市面临的三大困扰。    5月最后一周A股流出251亿元    最近一段时间，日本、韩国、澳大利亚?</t>
  </si>
  <si>
    <t>日本的“房产税”</t>
  </si>
  <si>
    <t>在日本，房产与土地一起都属于固定资产税的内容。日本从1950年就开始征收固定资产税，有着比较成熟的管理制度。固定资产税是一种地方税，即缴纳给市町村政府的税金。    日中创职协会久永事务所代表泽田笃志指出，日本的不动产是由土地和建筑物构成的，所以都要交税。农村?</t>
  </si>
  <si>
    <t>日本如何把权力关在笼子里</t>
  </si>
  <si>
    <t>日本的行政机构对国民来说就是一个服务机构，建立服务性政府是日本的口号。当然政府在各个方面拥有很大权力，但这种权力大多都在阳光下运行，透明而公开，受到国民的监督。公务员不论官职大小，在有效监督下都会竭力做到公平合理，高效行使自己的职责。    区长在东京都各?</t>
  </si>
  <si>
    <t>加息还是降息</t>
  </si>
  <si>
    <t>中国经济正在减速。通胀也许正在趋缓。炒股的人们和评论员们不断地给政府施加压力：降息吧！增加信贷吧！过去二十多年，中国就是这样走过来的。    希腊和西班牙也就是这样破产的：你想当选总理？你必须答应大幅度增加福利开支。更多的假期。更好的失业救济。更像样的市政?</t>
  </si>
  <si>
    <t>世行预测：全球经济今年缓速增长</t>
  </si>
  <si>
    <t>世界银行在其最新的《全球经济展望》报告中称，今年全球经济将缓速增长，尽管欧元区经济继续收缩，但发达经济体面临的增长风险已经缓解，增长趋向坚挺，而发展中经济体经济将温和回升。预计今年全球经济增长约2.2%左右，2014年增长3.0%，2015年增长3.3%。    分地区看，今?</t>
  </si>
  <si>
    <t>欧盟欲诉我课征不锈钢管进口税</t>
  </si>
  <si>
    <t>数名欧盟消息人士当地时间11日表示，欧盟计划在世界贸易组织(WTO)提出申诉，抗议中国对不锈钢管进口课征关税，这使迅速升级的中欧贸易冲突又增添了紧张因素。    消息人士称，欧盟的申诉案将争取推翻中国对欧盟无缝不锈钢管出口品的课税措施，受到影响的欧盟企业包括西班牙</t>
  </si>
  <si>
    <t>走近曹妃甸</t>
  </si>
  <si>
    <t>从2003到2013，河北曹妃甸用短短10年时间，改写了渤海湾畔的经济版图。    河北省唐山市曹妃甸的主城区、工业区、生态城、南堡开发区四大城区到处是一派欣欣向荣的景象——    2012年7月23日，曹妃甸综合保税区获国务院批复，成为河北首个综合保税区。    2012年8月28?</t>
  </si>
  <si>
    <t>成都财富论坛专家观点集萃</t>
  </si>
  <si>
    <t>布莱尔：中国进入发展的新纪元    英国前首相布莱尔在财富论坛期间接受《经济参考报》记者专访时表示，中国刚刚选出了新的领导团体，同时也进入发展的新纪元。中国拥有庞大的市场以及五千年文明，中国和中国人民能够给全世界带来巨大的贡献。全球经济的平衡或者再平衡，需?</t>
  </si>
  <si>
    <t>从苹果避税看美国税制漏洞</t>
  </si>
  <si>
    <t>当美国国内将苹果公司避税的社会压力集中在这家科技企业时，有错咬“苹果”之嫌。应该看到，美国全民避税的风气是一个体制性产物，在生产国际化的当前，国际企业巨头寻求税收最低点的努力不会停止。开展美国国内和国际层面的税制顶层设计合作才是咬对“苹果”，但鉴于税制改?</t>
  </si>
  <si>
    <t>江南春：资本市场八年沉浮</t>
  </si>
  <si>
    <t>5月24日，分众传媒(以下简称“分众”)宣布公司私有化交易完成，并已申请停止其美国存托凭证(ADS)在纳斯达克全球精选市场上的交易活动。此时距离2005年7月13日分众赴美首次公开募股(IPO)历时近八年。    这八年间，作为分众的掌门人，江南春在资本市场历经沉浮，既体验了资?</t>
  </si>
  <si>
    <t>兰亭集势赴美IPO财务短板曝隐患</t>
  </si>
  <si>
    <t>外贸电商网站兰亭集势定于美国时间6月6日在纽约证券交易所挂牌。这是继2012年11月21日欢聚时代登陆纳斯达克后，时隔半年多第一家赴美上市的中概股公司，其表现将反映出中概股公司是否能重获投资者青睐。    目前，市场对兰亭集势IPO普遍看好，并已经显现出正式挂牌交易后受</t>
  </si>
  <si>
    <t>商会急召光伏企业重商谈判方案</t>
  </si>
  <si>
    <t>欧盟咄咄逼人，中国迅速反击。在欧委会4日决定对中国光伏产品征收11.8%的临时反倾销税后，中国商务部5日随即宣布启动对欧盟葡萄酒反倾销和反补贴立案审查程序，涉案金额达10多亿美元。    与此同时，中国为下一步谈判的努力并未停止。记者从业内获悉，5日上午中国机电产品?</t>
  </si>
  <si>
    <t>资本账户开放可刺激海外人民币债券发行</t>
  </si>
  <si>
    <t>5月汇丰银行与渣打银行在新加坡发行了两批共计15亿元的人民币债券，认购倍率超3倍，显示海外投资者对于人民币债券的浓厚兴趣，离岸人民币存款的增加与人民币债券的旺销，说明中国企业利用人民币海外融资的时机已经成熟。    自2009年7月跨境贸易人民币结算业务试点开展以来</t>
  </si>
  <si>
    <t>必须对欧盟进攻性贸易政策说“不”</t>
  </si>
  <si>
    <t>不顾中国强烈反对和欧盟内部抗议，欧盟委员会还是“义无反顾”地对中国光伏产品课以惩罚性关税。作为回应，中国也立即启动对欧盟葡萄酒反倾销和反补贴调查程序。面对欧盟对华贸易政策的强硬转向，被动回击已远远不够，中国必须“多管齐下”，全面出击，敢于对欧盟“硬碰硬”?</t>
  </si>
  <si>
    <t>中冶欲变卖西澳矿山“解困”</t>
  </si>
  <si>
    <t>面对高达500亿元高额债务，中国中冶(以下简称“中冶”)不得不选择“断臂求生”，变卖手中资产“解困”。《经济参考报》记者从中冶内部人士处获悉，目前中冶正在积极寻找投资方，希望出售手中的澳大利亚兰伯特角铁矿控股权。    “公司希望寻求引入新的投资者，甚至也可以让</t>
  </si>
  <si>
    <t>警惕法国式“两面三刀”</t>
  </si>
  <si>
    <t>光伏产品反倾销案是中欧贸易摩擦第一大案。对于拿中国产品开刀，欧盟国家内部也看法不一，德国等许多国家持反对态度，但颇让人诧异的是，法国则积极支持。要知道，在4月底到访北京时，法国总统奥朗德还公开表示，法方感谢中方对欧洲和欧元的支持，并坚决反对保护主义。</t>
  </si>
  <si>
    <t>美开审苹果操纵电子书价格案</t>
  </si>
  <si>
    <t>据美联社报道，当地时间6月3日，美国纽约地方法院开庭审理美国司法部指控苹果公司操纵电子书价格一案。根据主审法官此前的表态，苹果公司很有可能会在庭审中败诉。    美国司法部律师劳伦斯·布特曼在开庭陈述中称，苹果公司在2010年打入电子书市场时，阻碍了价格竞争，给?</t>
  </si>
  <si>
    <t>德式职业教育带来低失业率</t>
  </si>
  <si>
    <t>欧元区失业率又创新高。欧洲统计局日前公布，4月份欧元区17国的失业率达12.2%。在大西洋另一边的美国，情况也不是很乐观，有种说法是，如果把那些已经放弃找工作和只做兼职工作的劳动人口计算在内的话，美国真正的失业率是14.3%。    当然“最差生”在欧洲。25岁以下年轻人</t>
  </si>
  <si>
    <t>美元中期走强或致资本流出</t>
  </si>
  <si>
    <t>美元中期走强是大概率事件，这将改变全球资本流动趋势，也将影响中国跨境资本流动，甚至带来资本阶段性集中流出的压力。对于监管层而言，如何避免资本大进之后的大出，改变资本流动绑架货币政策的被动局面，是重要课题。    美国商品期货交易委员会上周五公布的每周交易员?</t>
  </si>
  <si>
    <t>安倍刺激经济还会有大动作</t>
  </si>
  <si>
    <t>日本股市在对安倍经济学的质疑中大幅调整了两周时间，市场一直在期待有更多的刺激经济措施出台。据多家外媒报道，日本计划在全国设立经济特区，并可能对政府养老金投资基金的投资方向进行改变。    据《华尔街日报》报道，在本周晚些时候公布的日本综合性增长战略中，日本?</t>
  </si>
  <si>
    <t>台北出租车声誉卓著管理有方</t>
  </si>
  <si>
    <t>有熟悉北京交通情况的台湾朋友笑言：“在北京打车是5个人招手1辆车停下；在台北打车是1个人招手5辆车停下。”虽然是玩笑话，但以记者在台北的打车经验而言，在市区搭乘出租车的确很方便，也未遇到过拒载、绕路等不良行为，对乘客服务周到细致，电话约车也十分便利，随叫随到?</t>
  </si>
  <si>
    <t>5G全球有望共用一个标准</t>
  </si>
  <si>
    <t>近日，韩国三星电子对外宣称成功研发5G核心技术，预计在2020年之前实现商用，此举引发广泛关注。专家指出，尽管目前尚无国际公认的技术标准，但为争取战略主动，包括日本、韩国、欧盟各国在内的诸多国家均加大对5G技术的研发投入。    爱立信无线产品专家陈明表示，全球两?</t>
  </si>
  <si>
    <t>FMG求助中国钢企“救火”</t>
  </si>
  <si>
    <t>曾经依靠中国铁矿石市场迅速崛起的澳大利亚第三大铁矿石供应商FMG面临新的麻烦——高达120亿美元的巨额债务。如果FMG在6月30日之前未解决这个问题，将面临被债权人破产重整的可能性。值得注意的是，目前FMG正在四处融资，在澳大利亚和美国融资均被拒绝后，开始盯着中国这一最</t>
  </si>
  <si>
    <t>美元中长期转强背后的逻辑</t>
  </si>
  <si>
    <t>上周，美元指数一度触及84.5大关，创下近3年来最高水平。截至5月，美元指数累计上涨1.9%，是2月以来最好月度表现。此外，美国商品期货交易委员会报告显示，截至5月28日当周，美元净多头头寸增至426亿美元，是该委员会2007年开始追踪这一数据以来的最高水平。美元正处在趋势性</t>
  </si>
  <si>
    <t>欧盟反补贴报告下月交成员国投票</t>
  </si>
  <si>
    <t>本周，中欧光伏战迎来针锋对决。我国对欧盟多晶硅双反初裁在即，欧盟对我光伏产品反倾销初裁也将于5日发布。业内分析认为，若欧委会执意对华光伏临时征税，可能触发贸易战。    在显露于表面的剑拔弩张之下，一个更加长远的谋篇布局也在暗流涌动。《经济参考报》记者日前从</t>
  </si>
  <si>
    <t>跨国企业大肆避税谁之过</t>
  </si>
  <si>
    <t>近日，跨国企业避税问题在英国再掀波澜，媒体和公众又开始了一场对包括谷歌和亚马逊等多个知名跨国企业在英国大规模避税的批评和指责。    英国议会监督政府财务的公共账户委员会形容，它们在英国缴的税“简直是开玩笑”。    其实，跨国企业在英国避税不算是什么新鲜事?</t>
  </si>
  <si>
    <t>国有企业国际化取得重大进步</t>
  </si>
  <si>
    <t>从2005年优尼科收购失败到2012年尼克森并购成功，中海油在国际市场的孜孜以求终于收获海外并购大单，七年之痒见证中海油国际化的华丽转身。而在此期间多少国有企业落入海外并购陷阱，2004年上汽收购韩国双龙，历经5年整合宣告失败；2006年中集图谋收购荷兰博格，但得到的是被</t>
  </si>
  <si>
    <t>英国大数据技术应用获突破    瓶颈等问题尚待解决</t>
  </si>
  <si>
    <t>近几年，围绕信息采集和处理的大数据技术逐渐成为发达国家一大科研热点。英国从政府、研究机构到企业都已经行动起来，以期抢占“数据革命”先机。但是，大数据技术仍不成熟，其面临的信息收集不足、网络容量有限、个人信息安全等问题亟待解决。    政府大力支持技术研发</t>
  </si>
  <si>
    <t>71亿美元并购案引双汇股价大涨</t>
  </si>
  <si>
    <t>双汇国际将收购全球最大猪肉生产商、美国食品巨头史密斯菲尔德，这起并购案刺激国内上市公司双汇发展股价一度涨停，截至30日收盘涨幅达到8.73%，创出2011年瘦肉精事件后的新高。    根据双方达成的并购协议，双汇国际将收购史密斯菲尔德已发行的全部股份，价值约为71亿美元</t>
  </si>
  <si>
    <t>危化品专线：中俄能源新通道</t>
  </si>
  <si>
    <t>10%，是“十二五”期间我国石化产品需求的增长幅度。然而，由于我国原油短缺，使得石油液化气及聚烯烃类化工产品的供需矛盾日益突出。特别是一到冬天北方广大地区燃煤供暖，严重污染环境，广大百姓呼唤清洁天然气取暖。2010年中国液化石油气消费量1160万吨，增长了大约15%，?</t>
  </si>
  <si>
    <t>苹果税案：跨国逃避税之冰山一角</t>
  </si>
  <si>
    <t>近日，美国苹果公司被指逃税引发了各界对国际打击跨国逃税的关注。苹果总裁罕见地出席了听证会，否认有逃税行为，竭力说明自己是美国最大的纳税大户，和其他跨国公司一样，只是一个普通的避税者而已。事实上，苹果CEO蒂姆·库克否认的逃税和承认的避税是两个有所区别的概念。</t>
  </si>
  <si>
    <t>美国税局长换帅凸显党派纷争</t>
  </si>
  <si>
    <t>美国国内收入署的丑闻事件逐渐发酵，该署署长斯蒂文·米勒卷铺盖走人。从表面上看，这次风波的起因是国内收入署在俄亥俄州、加利福尼亚州和华府的部分职员挑出名字中带有“爱国者”、“茶叶党”等字样的保守派政治组织，对其免税地位进行挑刺，开展更严格的审核，从而触犯公?</t>
  </si>
  <si>
    <t>美国楼市无近忧有远虑</t>
  </si>
  <si>
    <t>5月28日，标准普尔公司标普/凯斯希勒房价指数报告显示，今年第一季度，美国房地产市场回暖势头明显，全国房价指数同比上涨幅度达10.2%。市场开始出现对房价快速上涨的担忧。不过，大部分人士认为，年内房地产市场仍属无忧，目前拉响警报为时尚早。    数据显示，3月份，美?</t>
  </si>
  <si>
    <t>沃尔玛遭美司法部重罚1.1亿美元</t>
  </si>
  <si>
    <t>美国最大零售商沃尔玛百货公司承认违反《清洁水法》等环境法规，被罚超过1.1亿美元。    美国司法部说，沃尔玛分布在全美的零售商店违法处置和丢弃对环境有害的垃圾。    沃尔玛就六起诉讼认罪，其中司法部和环境保护署提起的刑事和民事诉讼，使沃尔玛面临8160万美元罚款</t>
  </si>
  <si>
    <t>告诉你贫穷背后的真相</t>
  </si>
  <si>
    <t>我们每天辛勤工作，目的是为远离贫穷、走向文明和富裕。然而，世界上有很多人，即便努力工作，生活依然贫困……印度经济学家阿比吉特·班纳吉和法国经济学家埃斯特·迪弗洛，为探求贫穷的本质，历经15年，深入世界五大洲18个国家和地区，从穷人日常生活、教育、健康、创业、?</t>
  </si>
  <si>
    <t>德法联手“迎战”欧洲失业率</t>
  </si>
  <si>
    <t>欧盟经济不景气使得许多国家都面临年轻人失业率高企的问题，创纪录的青年失业问题令有关欧洲会产生“失落的一代”的担忧日益高涨。本周，德法两国财政部长和劳工部长以及一些企业人士将在巴黎就经济增长和就业等问题进行讨论，并将联合推出企业援助计划。    欧洲有关紧缩?</t>
  </si>
  <si>
    <t>量化宽松对美股影响有待观察</t>
  </si>
  <si>
    <t>美联储主席伯南克日前表示，可能在未来几次货币政策会议上削减资产购买规模。此言引发投资者恐慌和市场震荡，纽约股市在连涨四周后，上周首次收跌。    瑞士信贷分析师认为，不论是美联储越来越接近削减购债，还是日本央行推出新的政策框架，都强调了即使在超低利率的环境?</t>
  </si>
  <si>
    <t>黄金日经相继跳水央行不再是救世主</t>
  </si>
  <si>
    <t>自4月15日以来，全球投资市场的“黑天鹅”事件层出不穷，颇使人有眼花缭乱的感觉。先是黄金跳水，紧接着日经跳水，之后是贬值达半年之久的日元全面升值。但是，在所有的事件中，上周发生的日经225指数变化最具戏剧性，它在数小时之内下降了9.2%，创造了自2011年日本地震海啸?</t>
  </si>
  <si>
    <t>中瑞自贸协定有望7月签署</t>
  </si>
  <si>
    <t>27日，国新办就中国-瑞士自由贸易协定谈判结果举行新闻吹风会，首次公开披露自贸协定内容。商务部部长助理俞建华表示，现在中瑞双方正在探讨今年7月左右正式签署自贸协定的可能性。自贸区建成后，瑞士将对我国99.7%的出口产品实行零关税，并且没有任何过渡期。此外，备受关注</t>
  </si>
  <si>
    <t>苹果因涉嫌妨害竞争遭欧盟调查</t>
  </si>
  <si>
    <t>据《金融时报》报道，欧盟正着手调查苹果是否通过违反竞争的iPhone销售策略与技术限制，挤压其他智能手机生产商在欧洲市场的生存空间。    该报道称，欧盟委员会上周向数家移动网络运营商发送的调查问卷显示，此次调查集中在分销条款上，欧盟认为这些经销条款可能通过确保?</t>
  </si>
  <si>
    <t>中美跨境审计监管获实质进展</t>
  </si>
  <si>
    <t>在经历了长达两年之久的时间之后，尽管中间夹杂着措辞严厉的恐吓、不断升级的对抗以及断断续续的合作，中美跨境审计监管终于有了实质性的进展：稍早之前，中国证监会、财政部与美国公众公司会计监察委员会(PCAOB)终于达成了跨境审计监管的框架性协议。在业内人士看来，尽管只</t>
  </si>
  <si>
    <t>中欧高层今磋商光伏和通信案</t>
  </si>
  <si>
    <t>欧盟对华光伏产品反倾销初裁在即，在这最后的紧要关头，中欧高层今日将就光伏和通信设备案展开磋商。业内分析，不论是光伏还是通信，只是棋局中的一招。欧盟欲借摩擦案提高要价，直指中国市场体制核心。这已经变成中欧之间就经贸、投资领域的全面博弈。随着高层磋商的开展，?</t>
  </si>
  <si>
    <t>欧盟峰会共识恐难落实</t>
  </si>
  <si>
    <t>以打击偷漏税、降低能源成本为核心议题的欧盟峰会日前在布鲁塞尔闭幕。虽然与会各方同意在上述领域采取一系列共同行动，以提升欧洲经济竞争力，但真正落实这些措施依然存在不小难度。    欧盟委员会主席巴罗佐在会上说，欧盟各国每年因逃税和非法欺骗而损失1万亿欧元(约合1</t>
  </si>
  <si>
    <t>40家光伏企业抗议欧盟贸易保护</t>
  </si>
  <si>
    <t>24日，欧盟成员国就欧委会对华光伏征税建议案进行投票。《经济参考报》记者在欧洲采访多位接近光伏案件的资深观察人士获悉，目前只有英国和瑞典已经明确表达会投反对票，多个成员国最后时刻仍在摇摆犹豫没有做出最终决定，尤其是德国等大国的态度模糊不清。    但无论投票?</t>
  </si>
  <si>
    <t>巴菲特：看多新能源慎言新媒体</t>
  </si>
  <si>
    <t>5月13日国务院副总理汪洋在北京会见了美国伯克希尔·哈撒韦投资集团董事会主席兼首席执行官沃伦·巴菲特一行。如此高规格的会见，不禁让人猜测本次巴菲特访华可能又要在市场中引发一场其是否要投资中国的悬念。巴菲特到底看好中国的哪些领域？在前不久召开的巴菲特股东大会上</t>
  </si>
  <si>
    <t>中国光伏业恐再陷困境亟待政策支持</t>
  </si>
  <si>
    <t>就对华光伏征税案，欧盟将在24日(本周五)进行成员国投票。对于结果，业内人士并不乐观，分析欧盟将不顾成员国和行业反对声音，强行对中国光伏企业征收47%的反倾销重税。    这对于本就处于寒冬的中国光伏业而言，无疑是雪上加霜。数据显示，中国出口到欧洲的光伏电池产品涉</t>
  </si>
  <si>
    <t>原告庭下批鼎晖“不忠诚”称若败将上诉</t>
  </si>
  <si>
    <t>鼎晖声明，“天津宝鼎投资中心”不是“另起炉灶”；鼎晖相关负责人致电本报，称焦震自邹宗利所指时间至今，仅赴蒙古国乌兰巴托一次并非铅锌矿产项目所在地，同时表示愿意出示相关证据    “我告全国社保基金，并不是针对鼎晖。”5月21日下午，某投资公司合伙人邹宗利在北京</t>
  </si>
  <si>
    <t>硅谷新贵：新一代艺术伯乐</t>
  </si>
  <si>
    <t>随着西方IT产业趋于成熟，昔日硅谷怪才们纷纷着手置业、涉足慈善，融入上层社会，“学会”了西方富豪的传统爱好：艺术收藏与投资。艺术经纪人和艺术机构惊喜发现这批新主顾钱袋饱满、潜力巨大，还能为艺术界注入技术创新因素。    “巨大潜力”    3月初，一场盛大灯光秀</t>
  </si>
  <si>
    <t>美联储有望缩减QE规模非美货币全线走弱</t>
  </si>
  <si>
    <t>美联储主席伯南克周三在国会作证时暗示可能在今年缩减刺激措施，这刺激美元全面大涨，非美货币则全线走弱。而日本央行可能需要更长的时间才会开始收紧政策，下周即将公布的日本央行会议记录将为市场提供指引。    美元继续维持强势    最近美元的强势让许多投资者感到困?</t>
  </si>
  <si>
    <t>发达国家是怎样对外投资的</t>
  </si>
  <si>
    <t>据商务部统计资料显示，截至2011年，中国对外直接投资存量为4247.8亿美元，占全球存量的2%，居全球第13位，仅相当于美国对外直接投资存量的9.4%，英国的24.5%，德国的29.5%，法国的30.9%，日本的44.1%。虽然2003年以来，中国对外直接投资开始高速增长，但从国内环境看，1999?</t>
  </si>
  <si>
    <t>中欧光伏案首轮谈判破裂</t>
  </si>
  <si>
    <t>“由于欧方完全没有表现出通过磋商解决问题的诚意，导致首轮谈判无果而终，宣告破裂。”22日下午4点39分，中国机电产品进出口商会(以下简称机电商会)于北京正式发出公开声明。    22日下午，潘家园大厦9层会议室，刚刚结束与欧委会磋商回国的机电商会，紧急召开小范围媒体?</t>
  </si>
  <si>
    <t>人类学：市场调研新风潮</t>
  </si>
  <si>
    <t>最新潮的市场调研手段是什么？不是电话采访、网络问卷或数据分析，而是“人种志”——人类学的一种调研方法。美国少数走在前沿的咨询公司和大制造商聘用人类学学者作为调查员，深入受访群体，甚至同吃同住，以记录受访群体的生活方式与感受，挖掘消费者深层次需求，让企业在?</t>
  </si>
  <si>
    <t>同仁堂连陷“汞超标门”中药安全监管应当与时俱进</t>
  </si>
  <si>
    <t>据报道，近日，同仁堂旗下药品连续曝出两起“汞超标”事件，中药成分的安全问题备受关注。21日同仁堂旗下牛黄千金散及小儿至宝丸被曝朱砂成分含量分别是17.3%及0.72%，前者超国内标准，后者则远超香港标准。而朱砂主要成分是硫化汞，已经被证明含有剧毒，在美国、日本等国家?</t>
  </si>
  <si>
    <t>欧洲央行领衔新一轮降息效果不彰</t>
  </si>
  <si>
    <t>5月初，欧洲央行举行货币政策会议后决定，将欧元区主导利率下调25个基点至0.5%的历史新低，同时将隔夜贷款利率降低50个基点至1.00%，维持隔夜存款利率0不变。这是欧洲央行10个月以来首次降息，以刺激欧元区经济增长。随后几天，印度、澳大利亚、波兰、韩国以及越南等国家央行</t>
  </si>
  <si>
    <t>库克：苹果未避税税制需改革</t>
  </si>
  <si>
    <t>据外媒报道，苹果公司在遭到美国国会指控“合法避税”后，其CEO蒂姆·库克21日出席了美国参议院听证会，回应了外界有关苹果设立爱尔兰子公司以避税数十亿元美元的指责。    库克表示，苹果是美纳税金额最高的企业。去年公司在美国的有效税率为30.5%，公司对美国财政支付了?</t>
  </si>
  <si>
    <t>投资大国发展路径启示</t>
  </si>
  <si>
    <t>近年来，中国对外直接投资迅速发展，同时也遇到一些挫折，主要是市场因素，也有一些政治因素。2007年，美国颁布《外国投资与国家安全法》，2008年发布《外国人合并、收购、接管条例》，进一步加强对外资的安全审查。在此背景下，中国企业“走进美国”阻碍重重，中海油收购优?</t>
  </si>
  <si>
    <t>华府楼市的“低价房”复苏</t>
  </si>
  <si>
    <t>自去年以来，在美国很多城市，住宅楼市的复苏势头已确立。但在各种声音中，应留意其中一种：其复苏是由低价位楼房成交推动的繁荣。华盛顿地区近期公布的按邮编统计的楼房成交数据显示，低价楼房补涨、高价楼房价稳的迹象明显，而这种迹象也并非仅在美国一个城市中上演。由于?</t>
  </si>
  <si>
    <t>科技领域应限制滥用专利权</t>
  </si>
  <si>
    <t>随着中国市场及出口商在国际商务中发挥更为突出的作用，几乎没有人怀疑中国将在支配国际体系中扮演一个日益重要的角色。其中一个方面是竞争策略，在这当中，中国、欧盟和美国的相互配合正变得日益惯常。迄今为止，全球企业并购主要受欧盟和美国的两地竞争监管机构(即欧盟委员</t>
  </si>
  <si>
    <t>澳元因何失宠</t>
  </si>
  <si>
    <t>自去年6月以来，澳元汇率从高点1澳元兑1.06美元一路下跌，持续走弱的速度渐渐加快。特别是自本月初澳大利亚央行(澳联储)削减利率之后，澳元跌幅呈现出雪崩之势，仅仅在一周之内，就丢掉了近3%，甚至一度达到了1澳元仅兑换0.97美元的水平，创造了11个月以来的新低。    澳元</t>
  </si>
  <si>
    <t>存款10万欧元以上储户将分担损失</t>
  </si>
  <si>
    <t>一份针对未来欧洲银行业救助措施的法律草案显示，今后欧盟境内的银行申请资金援助，其存款额度在10万欧元以上的储户必须分担银行减记资产等造成的各项损失。    该项方案由欧洲议会经济委员会的一个法律工作组负责起草，20日这个工作组投票通过了上述条款，即2016年该方案?</t>
  </si>
  <si>
    <t>能源独立为美国经济复苏带来正效应</t>
  </si>
  <si>
    <t>美国能源工业的持续发展促进了美国就业、家庭收入、政府收入的增长    当前美国相对低位的油气价格带动了美国化工制造业等实体经济的复兴    预计在今后3-5年内，“能源独立”将与美国金融、房地产等领域协同促进，为美国经济复苏与增长带来正效应    美国“能源独立”</t>
  </si>
  <si>
    <t>欧盟多领域密集发难中国企业</t>
  </si>
  <si>
    <t>20日，来自路透社的消息显示，欧盟贸易委员卡尔·德古赫特(KarelDeGucht)日前首次明确表示，华为和中兴违反了该地区的反倾销与反补贴规定，因此准备对这两家公司展开“双反”调查，以便保护欧盟经济的一大战略领域。    光伏、通信设备、航空……最近一段时间，欧盟在多领?</t>
  </si>
  <si>
    <t>日本家电产业继续滑坡</t>
  </si>
  <si>
    <t>日本家电业还在继续滑坡，特别是夏普公司已经滑到悬崖的边缘。    夏普公司近日宣布的决算结果表明，2012财年净亏损5453亿日元，创历史最高纪录，2011财年夏普亏损3760亿日元，连续两年出现巨额亏损。    松下公司前不久公布的财报称，2012财年松下公司净亏损为7542亿日?</t>
  </si>
  <si>
    <t>英放宽对华旅游签证的潜台词</t>
  </si>
  <si>
    <t>告读者：    “看英伦”专栏作者张越男任期结束已经回国，今后将由新华社驻伦敦分社记者姜鲁榕主笔，欢迎大家继续关注。姜鲁榕曾在新华社对外部和经济信息部工作，多年从事经济新闻信息编辑报道。自2011年赴伦敦分社工作以来，一直密切跟踪英国经济和金融形势，撰写大量报?</t>
  </si>
  <si>
    <t>日经指数能飞多高</t>
  </si>
  <si>
    <t>日本首相安倍晋三上周拿到了一张令人满意的“成绩单”：日本国内生产总值(GDP)年化增长率高达3.5%，为2012年一季度以来最快，远远高于美国和欧元区。“安倍经济学”见效，自然带动日本股市不断上升。统计显示，自去年11月以来，东京股市的涨幅已高达70%。    日本股市如此?</t>
  </si>
  <si>
    <t>德法轴心：利益攸关貌合神离</t>
  </si>
  <si>
    <t>法国总统奥朗德日前面对400名记者总结了他执政一年的政策路径，也宣布了第二年的奋斗目标。奥朗德表示，第一年的执政要务是保卫法国的经济自主和社会模式，第二年则要对经济衰退发起反击。    法国经济已进入衰退，失业率连续23个月增长，创历史新高。财政赤字今年仍可能在</t>
  </si>
  <si>
    <t>港深沪综合竞争力最高</t>
  </si>
  <si>
    <t>中国社会科学院财经战略研究院19日发布《2013年中国城市竞争力蓝皮书新基准：建设可持续竞争力理想城市》。报告显示，2012年城市综合经济竞争力前10名的城市依次是：香港、深圳、上海、台北、广州、北京、苏州、佛山、天津和澳门，港澳台地区、东南地区和环渤海地区三分天下?</t>
  </si>
  <si>
    <t>新西兰的“奶业大国”之道</t>
  </si>
  <si>
    <t>新西兰乳制品出口量居世界第一，超过93%的原料奶被加工成干乳制品用于出口。出口产品以奶粉、黄油和奶酪为主，出口对象主要包括美国、中国、日本、马来西亚、欧盟等。凭借质量上乘、安全可靠的竞争优势，新西兰乳制品享誉世界。    新西兰除了得天独厚的草地资源为奶业生产</t>
  </si>
  <si>
    <t>CICP助企业跨过创新“死亡之谷”</t>
  </si>
  <si>
    <t>2012年，经济合作与发展组织(OECD)发布的《加拿大经济调查报告》显示，加拿大拥有世界级的研究所，并为用于研发的商业投资提供有力的公共支持，然而，商业部门仅将GDP的1%用于研发，远低于美国、日本、韩国和一些北欧国家。为改变这个现状，加拿大创新商品化计划(Canadian In</t>
  </si>
  <si>
    <t>日元贬值对中国经济的冲击</t>
  </si>
  <si>
    <t>日元跌跌不休，人民币则一路高走，世界两大货币的异动，美国人可以不在乎，欧洲人可以无所谓，但中国却不得不有所警惕。因为异动的结果，利好日本，但却会对中国经济带来冲击，尤其是考虑到当前不算太好的国内外经济形势。    从目前的外汇走势看，受安倍政权量化宽松政策?</t>
  </si>
  <si>
    <t>中国汽车开启核心技术引领自主高端新时代</t>
  </si>
  <si>
    <t>带着北欧萨博汽车贴地飞行的技术基因，经过北京汽车历时3年消化吸收和精心打造的自主品牌中高级轿车绅宝，日前在北京绅宝工厂以一场扣人心弦的陆地飞行秀宣告上市。    北汽集团董事长徐和谊说，绅宝上市标志着北京汽车已成功实现对欧洲豪华汽车技术的吸收运用，正式开启中</t>
  </si>
  <si>
    <t>彭博“泄密门”升级  多国展开调查</t>
  </si>
  <si>
    <t>日前因“泄密门”而被推上风口浪尖的彭博社正面临着更大的压力。据华尔街日报报道，继美国联邦储备委员会及其他一些公共机构之后，欧洲及亚洲一些国家的央行也相继就泄密一事对彭博提出质询。    彭博“泄密门”事件于上周末被高盛曝出——彭博社一名记者询问一位高盛合伙?</t>
  </si>
  <si>
    <t>华为中兴回应欧盟：未获非法补贴</t>
  </si>
  <si>
    <t>针对“欧盟计划制裁华为和中兴”的消息，15日，两家公司迅速做出回应，均表示未获非法政府补贴。    据知情人士透露，欧盟委员会近期将向中国当局发出正式警告信，称其准备就华为、中兴获得非法补贴的问题进行制裁。据该警告信的发起者欧盟贸易专员卡洛·德古赫特介绍，他?</t>
  </si>
  <si>
    <t>洋奶粉也“山寨”当重典治乱</t>
  </si>
  <si>
    <t>据报道，媒体日前调查在我国销售得不错的新西兰奶粉品牌纽贝贝，发现这款宣称“源自新西兰，现在原罐原装进口，来到中国”的产品，在新西兰根本没有销售；且其包装上注明的新西兰总代理新西兰纯天然乳品公司地址，竟是一家修车店。    对此，不少网民认为，一些国产奶粉被?</t>
  </si>
  <si>
    <t>海外银行贷阿里80亿美元的眼光</t>
  </si>
  <si>
    <t>据《华尔街日报》中文版报道，一位知情人士透露，阿里巴巴集团已从九家海外银行获得总计80亿美元的贷款。这位知情人士称，阿里巴巴集团已于4月30日达成了贷款协议。提供贷款的这九家银行分别是澳新银行、瑞士信贷集团、花旗集团、德意志银行、星展集团、汇丰控股、摩根大通、</t>
  </si>
  <si>
    <t>全球复苏格局下的中国创新驱动战略</t>
  </si>
  <si>
    <t>2013年第一季度，世界经济形势总体上进入到“后危机时期”的复苏阶段，但进度上表现不一，中国、印度、东盟等亚洲国家是“高速”复苏的地区，经济增速基本上趋近于潜在增长率，且经济形势基本稳定；美国、瑞典、加拿大等国家处于“中速”复苏，金融市场的效率得到逐步恢复，?</t>
  </si>
  <si>
    <t>美国人缘何爱当“残疾人”</t>
  </si>
  <si>
    <t>初到美国，发现残疾人停车位SUV车上箭步下车的司机是身体健硕的彪形大汉，心中颇感疑惑，这与中国人心目中的“残疾人”概念相去甚远。久而久之也就见怪不怪，发现这是美国的一种常态，美国人也发现有越来越多四肢健全的同胞拥有残疾人停车证。这背后到底有何蹊跷？    在美</t>
  </si>
  <si>
    <t>美消费数据提振美元续涨</t>
  </si>
  <si>
    <t>受当日发布的零售消费数据好于预期提振，以及市场对美国联邦储备委员会可能减缓货币刺激措施的预期增强，13日美元对主要货币汇率继续上涨。    美国商务部13日公布的数据显示，4月份美国商品零售总额为4190亿美元，环比意外上升0.1%，而3月份为下降0.5%。该数据显示美国消?</t>
  </si>
  <si>
    <t>中国企业海外直接投资缘何屡屡受阻</t>
  </si>
  <si>
    <t>中国企业在海外直接投资频频遭遇阻力。中海油收购美国石油公司优尼科(Unocal)折戟、中铝增持澳大利亚力拓公司失利、华为在美投资受阻等成为国内学者和媒体常常引用的几起投资失败的案例。事实上，即便是那些成功完成的交易，其背后也不乏曲折的经历。联想在2005年收购IBM的PC</t>
  </si>
  <si>
    <t>日元跌势未尽  股市一路上扬</t>
  </si>
  <si>
    <t>上周，日元对美元汇率跌破100大关，跌至4年来低点，近5个月来日元对美元汇率已下跌27%。刚刚结束的G7会议上，七国财长和央行行长承诺不操纵汇率，但并未对日本央行的宽松政策进行批评，因此被视为再次对日元汇率走贬开了绿灯。而事实上，近期日元跌势仍未穷尽，日元贬值的影?</t>
  </si>
  <si>
    <t>4K：彩电业下一个市场竞争点</t>
  </si>
  <si>
    <t>进入2013年以来，“4K”，一个对消费者来说比较陌生的字眼，频繁出现在各类电视机广告中。    作为一种新的显示技术，4K电视相关产品在今年美国广播电视设备展(NAB)和拉斯维加斯国际消费电子展(CES)两大展会上出尽风头。业内专家认为，这种显示技术正在给电视电影行业带来?</t>
  </si>
  <si>
    <t>澳大利亚“地主”不好当</t>
  </si>
  <si>
    <t>年过40的戴维·库克是一名典型的澳大利亚“地主”，除拥有800公顷土地外，他还从其他农场主那租种300公顷土地。而种这些地，只有他本人和一个雇工。    对于在农场长大的库克来说，辛苦不是问题，最具挑战性的是如何把农场经营下去并得到足够的经济回报。这其中包括选择种?</t>
  </si>
  <si>
    <t>粤沿海地区柴油走私形成黑色产业链</t>
  </si>
  <si>
    <t>《经济参考报》记者近日采访发现，广东沿海地区柴油走私日益猖獗，走私活动线长、面广、点多，大量私人油站、无证无牌“黑油点”扎堆涌现，团伙走私形成公司化、专业化、隐蔽化黑色产业链。    走私群体扩大：从涉黑团伙到渔民“水客”    柴油走私的活跃地带集中在粤东?</t>
  </si>
  <si>
    <t>认真面对中欧光伏贸易争端</t>
  </si>
  <si>
    <t>近日欧委会初步决定对从中国进口的光伏产品征收37%至68%的反倾销税，如果不出意外，欧盟将在6月初宣布终裁结果。    其实早在3月初启动对中国光伏产品自动登记制度时，欧盟的文件中就已明确表示：调查小组已经掌握了充分的初步证据证明由中国进口的上述产品对欧盟市场实施?</t>
  </si>
  <si>
    <t>G7未为难日式宽松  忧外溢效应</t>
  </si>
  <si>
    <t>为期两天的七国集团(G7)财政部长和央行行长会议于当地时间11日在英国白金汉郡落下帷幕。在日本官员的积极游说和努力解释下，本次会议未对日本央行的激进宽松货币政策进行批评，但一些发达国家已开始担心宽松政策造成不利于自身的外溢效应。    就在本次会议举行之前，日元?</t>
  </si>
  <si>
    <t>专家：打破部门藩篱建立联防体系</t>
  </si>
  <si>
    <t>广东沿海地区柴油走私日益泛滥，凸显出监管部门在源头治理上仍存诸多薄弱环节。针对这些情况，专家及业内人士建议，应加强区域合作，建立海陆联防体系，从源头打击走私团伙。    第一，建立财政激励机制和问责制度，调动地方政府打击走私的积极性。一个地方走私猖獗不会影?</t>
  </si>
  <si>
    <t>海外资金做空无碍股市技术性反弹</t>
  </si>
  <si>
    <t>3月以来，国际投行、评级机构、投机机构、国际媒体被指相互配合“看空、做空”中国。有论者认为，种种迹象表明，“做空中国”第二轮正在悄然酝酿，如果不能尽早意识到问题的严重性，中国恐将成为美国金融危机的买单者。然而从国内市场来看，外资的炒作虽然让大盘围绕2200点反</t>
  </si>
  <si>
    <t>央行接力降息  全球再泛宽松潮</t>
  </si>
  <si>
    <t>继澳大利亚央行7日降息后，8日韩国央行、波兰央行相继以刺激经济为名宣布下调基准利率。今年以来，在经济复苏放缓、财政支持有限的背景下，全球主要央行纷纷推行宽松货币政策，向市场注入流动性，全球资本市场迎来新一轮狂欢，而大量“热钱”再一次涌向新兴市场。    韩国?</t>
  </si>
  <si>
    <t>美国继续为石油“纠结”</t>
  </si>
  <si>
    <t>20世纪70年代，时任美国国务卿基辛格展望美国地缘政治的长期目标时宣称：“谁控制了石油，谁就控制了所有国家……”美国著名经济学家、地缘政治学家威廉·恩道尔在《石油战争：石油政治决定世界新秩序》一书中则描述了以英美为首的西方国家围绕石油展开的一个多世纪争斗历史?</t>
  </si>
  <si>
    <t>安倍第三支箭迟而不发</t>
  </si>
  <si>
    <t>安倍上台以后，表示在经济方面要有几个大动作，大胆货币量化宽松、动用财政手段和实施经济增长战略，安倍自称为“三支箭”。货币量化宽松手段已用到极致，财政手段通过扩大补充预算，增加灾区重建资金，对于每年财政支出半数以上依靠发行国债的日本来说，也没有多少余地了。?</t>
  </si>
  <si>
    <t>软银总裁将赴美游说收购Sprint</t>
  </si>
  <si>
    <t>据路透社报道，日本运营商软银总裁孙正义本周将前往美国，拜访美国第三大无线运营商Sprint Nextel的主要股东，为软银收购Sprint的交易方案寻求支持。    软银于2012年10月提出，以201亿美元收购Sprint七成股权。孙正义周二表示，他将与Sprint的主要股东讨论这笔交易，以应?</t>
  </si>
  <si>
    <t>福建东山：着力建设海洋生态文明岛</t>
  </si>
  <si>
    <t>天蓝海碧、沙白林密。4月下旬，笔者在福建东山岛看到，山清水秀，碧海银滩一派好风光，投资5亿多元的海湾生态公园正在加快建设中。    东山，2012年度财政总收入等多项指标增幅高于漳州市平均水平，连续两年获福建省县域经济发展“十佳县”第二名；“国家级生态县”通过了?</t>
  </si>
  <si>
    <t>欧盟碳交易市场陷入困境</t>
  </si>
  <si>
    <t>欧洲碳排放交易市场目前遭遇了巨大的困难。外媒报道，由于欧债危机冲击，经济活动多年来疲弱无力，工业活动减少，对排放权购买的需求减少，欧盟碳交易市场正深陷困境，市场价格不断下跌，未来难期。    2008年下半年以来，碳排放许可指标的价格开始逐步下滑。当年8月时，碳</t>
  </si>
  <si>
    <t>澳大利亚央行降息至历史低点</t>
  </si>
  <si>
    <t>澳大利亚中央银行(澳大利亚联储)7日宣布，将基准利率下调25个基点至2.75%，为1959年该行成立以来最低点位，以此缓解当前澳元持续升值以及解矿业投资热潮退却对该国经济造成的冲击。    这是自2011年11月以来澳大利亚央行第七次降息。澳大利亚央行行长史蒂文斯在央行月度例?</t>
  </si>
  <si>
    <t>美国现代农民的喜与忧</t>
  </si>
  <si>
    <t>看到衬衫笔挺、皮鞋锃亮的美国艾奥瓦州年轻小伙格兰特，你可能想不到他是个农民。当你得知他拥有硕士学位时，你更不敢相信他是中国人传统观念中的农民。如果听说他还是艾奥瓦州大豆协会负责打理全球营销的重要人物，你不禁要问，这是何等农民？    格兰特是美国当代农民的?</t>
  </si>
  <si>
    <t>欧盟驳回摩托罗拉禁售苹果手机请求</t>
  </si>
  <si>
    <t>欧盟委员会6日就摩托罗拉移动公司和苹果公司的专利纠纷做出初步裁定，驳回摩托罗拉移动基于其所持有的移动电话“标准核心专利”(SEP)而提出的，禁止苹果在德国市场销售手机的请求。    欧盟委员会当天发布的一份书面声明说“欧委会已经将其初步意见告知摩托罗拉移动公司，?</t>
  </si>
  <si>
    <t>“减核电”时代日本能源外交新布局</t>
  </si>
  <si>
    <t>2011年3月11日发生的大地震、海啸及福岛核电站事故，使日本核电事业遭受重创，随着核电站相继进入“定期检查”，在日本国内发电量中核电占比从2010年度的30.8%下降到2011年12月的7%，2012年5月5日成为日本既有54座核电反应堆全部停止运转的“历史上的一天”，其后一些核电反?</t>
  </si>
  <si>
    <t>日本海底“破冰”之举或将影响全球能源供应格局</t>
  </si>
  <si>
    <t>日本经济产业省新近宣布，成功从近海地层蕴藏的可燃冰中分离出甲烷气体，标志着日本可燃冰开采商业化迈出关键一步。专家表示，日本近几年海洋能源开发接连有重大突破，显示出福岛核事故后对于能源需求的迫切性。可燃冰利用符合全球环保趋势，一旦找到商业化捷径，或将影响全?</t>
  </si>
  <si>
    <t>欧盟将推迟多国减赤时间表</t>
  </si>
  <si>
    <t>欧盟委员会3日发布了对未来两年的经济形势评估报告。该报告表示，2013年欧元区经济萎缩幅度将较原先预期更为严重，预算赤字缩减速度将更为迟缓。欧盟当日还表示，法国等国家将需要更多的时间来达到预算减赤目标，欧盟将在本月晚些时候正式宣布这一决定，或许还需要欧盟成员国</t>
  </si>
  <si>
    <t>苹果发债热度逼人</t>
  </si>
  <si>
    <t>苹果公司日前发行170亿美元债券，创下投资级公司债发行规模的最高纪录，引来投资者争相抢购，在投资者中受欢迎度不逊于“果粉”对iPhone的钟爱。    苹果公司此次发行了六类债券中，固定利率债券年限分为三年、五年、十年和三十年，收益率分别高过美国国债收益率20个到100?</t>
  </si>
  <si>
    <t>赫内斯偷税案引发的社会思考</t>
  </si>
  <si>
    <t>全世界的足球迷应该都知道乌利·赫内斯是谁，这位拜仁慕尼黑足球俱乐部的现任主席在足球狂热的德国更是鼎鼎大名。他是德国足球事业的领军人物，在政界、商界有着深厚的人脉。在德国，赫内斯不仅是名人，还是个乐善好施的很有公信力的“好人”。正因如此，当媒体曝出赫内斯偷?</t>
  </si>
  <si>
    <t>千钧一发之刻挽回在途损失</t>
  </si>
  <si>
    <t>国内某出口商A企业(以下简称“出口商A”)与某印度买家签署了农产品(绿豆、奶花芸豆、紫花芸豆)出口合同，合同总价约70万美元，付款方式为货款的20%在发货前预付，另外80%在收到单据后承兑(DA)15天后付款，四票货物的发货时间分别是2012年9月28日、9月28日、10月30日、11月6日</t>
  </si>
  <si>
    <t>德国创新体系“五问”</t>
  </si>
  <si>
    <t>政府角色：创新的设计者还是参与者？    创新体系这个概念的一个重要特征是将政府视为参与创新活动的主体之一，尤其是在大多数发达国家，政府更关注如何通过为其他创新主体提供服务来更好地参与创新活动，而不是一个凌驾于其他主体之上的设计者。但是，由于发展中国家的市?</t>
  </si>
  <si>
    <t>创新体系：德国经济的“稳定器”</t>
  </si>
  <si>
    <t>德国创新体系一直是我国科技政策研究的重点。近年来，德国在金融危机和欧洲债务危机的双重冲击下表现出色，使德国再一次成为关注的焦点。在我国深化科技体制改革、加快创新体系建设的大背景下，重新审视德国创新体系具有重要意义。本文在介绍德国创新体系的基础上，分析了德?</t>
  </si>
  <si>
    <t>金市风云变幻  “五一”调头下冲</t>
  </si>
  <si>
    <t>金价坐上过山车。从三个交易日暴跌逾225美元/盎司，单周涨5%收复过半失地，只用了两周时间。无论分析机构和资本大鳄如何吹风，亚洲的实物购买者并未失去对黄金的兴趣，金价的跳崖是狂欢的由头，随之而来的黄金抢购潮和5月1日的下跌，让金价后市走向更加扑朔迷离。    有市?</t>
  </si>
  <si>
    <t>城市化建设应注重提升附加值</t>
  </si>
  <si>
    <t>新加坡联合早报网日前刊登新加坡国立大学东亚所所长郑永年撰写的《中国的城市化应升级城市附加值》的文章说，中国的城市化主题不应当是无限的扩张.而应当是城市的升级，其核心问题是增加城市附加值，而且要将产业升级和城市升级结合起来。    文章认为，对中国大多数城市来</t>
  </si>
  <si>
    <t>中国社科院蓝皮书：2013年度日本经济有望短暂复苏</t>
  </si>
  <si>
    <t>近日，由中华日本学会、中国社会科学院日本研究所和社会科学文献出版社联合主办的日本形势研讨会暨《日本蓝皮书(2013)》新闻发布会在京召开。蓝皮书预测，随着世界经济转暖，日本国内消费需求将会赶在2014年提高消费税率之前集中释放。2013年度日本经济有望短暂复苏。    ?</t>
  </si>
  <si>
    <t>铁路经营  市场和政府都不能少</t>
  </si>
  <si>
    <t>新一轮国务院机构改革方案中最重大的举措莫过于铁道部的撤并，由此也加快了以政企分开为特征的中国铁路改革进程。    谈到改革自然想到了国外铁路，铁路的发端、发展和改革都有国外先例可循、可资和可学，如美国、日本及欧洲国家。以国外铁路改革为鉴，可以使我们更好地研?</t>
  </si>
  <si>
    <t>欧元区两难：紧缩还是增长</t>
  </si>
  <si>
    <t>近来，欧盟领导人言论之中频频出现停止紧缩措施的苗头。欧委会主席巴罗佐关于结束紧缩政策转向经济发展的言论已经引起不小的反响，欧洲理事会主席范龙佩更是在华盛顿举行的国际货币基金组织及世界银行会议上表示欧洲人的耐心已经到了尽头。而与此同时，作为欧洲“领头羊”的?</t>
  </si>
  <si>
    <t>广交会窥见对欧出口遇冷</t>
  </si>
  <si>
    <t>中欧经贸热度下降，从广交会可以窥见一斑。《经济参考报》记者连日来在广交会一期、二期采访发现，本届广交会欧洲到会客商明显减少，出口企业也表示，欧洲市场需求不振，欧洲订单持续下降。与此同时，欧盟近来收紧的贸易政策和多项针对中国的贸易保护措施，也让我国出口企业?</t>
  </si>
  <si>
    <t>需要中国市场  重视中国研发</t>
  </si>
  <si>
    <t>DS品牌的豪华车能否像法国其他奢侈品一样在中国热销起来，至今仍是个悬念。利用标致雪铁龙集团全球董事会主席瓦兰出席第十五届上海国际车展的空隙，《经济参考报》记者就中国豪车市场前景和标致雪铁龙集团在华研发生产等问题，对瓦兰先生进行了一次难得的专访。    已有初?</t>
  </si>
  <si>
    <t>俄罗斯：从“权力反腐”走向“制度反腐”</t>
  </si>
  <si>
    <t>俄罗斯近年来加强反腐制度建设，不仅立法要求公职人员申报收入和大额支出，俄立法机关还在酝酿出台禁止公职人员拥有海外资产的法案。随着反腐立法的逐渐完善，俄罗斯正从“权力反腐”走向“制度反腐”。但俄一些专家认为，俄反腐监督和惩戒机制建设上仍存在缺失，使官员贪腐?</t>
  </si>
  <si>
    <t>中国未来应更注重人力资本积累</t>
  </si>
  <si>
    <t>星展银行(香港)有限公司高级经济师梁兆基近期在新加坡接受记者采访时表示，中国过去几十年经济发展令人瞩目，但目前衡量一个国家的财富并不仅限于物质财富和自然资源，人力资本也成为一个重要因素。他认为，中国未来应更注重人力资本积累，从人口资源大国转向人力资本强国。$</t>
  </si>
  <si>
    <t>透视丹麦经济成功之道</t>
  </si>
  <si>
    <t>丹麦经济发达灵活，富有竞争力，在持续多年的金融风暴和欧债危机中进退有据，基本上没有大的动荡。究其原因，一个主要根源是，丹麦经济活动的主体，丹麦中小企业的架构和运营均弹性灵活，对经济波动具有较强的应变和自我调节能力。另外，丹麦政府严格防止和打击市场垄断，鼓?</t>
  </si>
  <si>
    <t>欧洲央行降息预期升温</t>
  </si>
  <si>
    <t>英国经济研究公司马基特(Markit)23日公布最新数据称，欧元区4月制造业采购经理人指数(PMI)初值由3月的46.8降至46.5；服务业PMI初值由3月的46.4升至46.6；综合PMI初值持平于四个月低点46.5。其中，欧元区核心国德国4月PMI初值数据不理想，拖累欧元区PMI数据表现低迷。分析人士</t>
  </si>
  <si>
    <t>澳投资中国主权债预示着什么</t>
  </si>
  <si>
    <t>在中国主权债务风险备受关注，国际评级机构频繁预警，以及对冲基金大肆唱空之际，澳大利亚央行却反其道而行之，计划将5%的外汇资产投资于中国主权债券。这不仅预示着中澳深化金融合作迈出重要一步，也给中国金融战略升级提供了新的方向。    作为中澳深化金融合作的主要组?</t>
  </si>
  <si>
    <t>黑石将收购瑞士信贷私募股权业务</t>
  </si>
  <si>
    <t>著名的投资顾问公司黑石集团22日称，将收购瑞士信贷集团的私募股权二级市场业务部门Strategic Partners。    Strategic Partners旗下管理的资产规模目前为90亿美元，团队有26名雇员。将其出售是瑞士信贷去年7月宣布的战略剥离计划的一部分。受沃尔克规则的指导规定影响，监</t>
  </si>
  <si>
    <t>大佬眼中的黄金</t>
  </si>
  <si>
    <t>上周纽约商品交易所黄金期货遭到抛售，纽约金价一周跌幅达7.1%，为连续第四周收跌。    4月15日，纽约商品交易所黄金期货市场交投最活跃的6月交割黄金期价暴跌9.27%，创20世纪80年代以来最高点日跌幅，原因是美国高盛集团和法国兴业银行下调黄金均价预期，中国一季度国内生</t>
  </si>
  <si>
    <t>APEC部长会力促多边贸易合作</t>
  </si>
  <si>
    <t>21日，为期两天的亚太经合组织(APEC)贸易部长会议在印度尼西亚泗水闭幕。本次会议讨论了支持多边贸易机制、实现茂物目标、促进公平可持续增长、推动互联互通等议题。    印尼贸易部长维亚万表示，亚太经合组织经济体重申了反对贸易保护主义、在世贸组织框架下支持多边贸易?</t>
  </si>
  <si>
    <t>危机后的经济政策反思</t>
  </si>
  <si>
    <t>在国际货币基金组织(IMF)和世界银行春季会议期间，知名学者和财经高官探讨的一个前沿议题是在危机后反思宏观经济政策。此轮金融危机和欧债危机的烈度史无前例，也给宏观经济政策制定者的传统思维框架带来了前所未有的冲击。    首先，财政风险和金融风险的交叉传染，使政策</t>
  </si>
  <si>
    <t>IMF呼吁以“组合拳”推动复苏</t>
  </si>
  <si>
    <t>为期三天的国际货币基金组织(IMF)和世界银行2013年春季年会定于21日在华盛顿落幕。本次年会期间，IMF相继发布《世界经济展望报告》、《全球金融稳定报告》、《财政监测报告》，对当前全球经济形势、金融和财政状况进行评估，并对未来经济走势进行展望。根据IMF总裁拉加德等人</t>
  </si>
  <si>
    <t>广交会一期显示出口形势严峻</t>
  </si>
  <si>
    <t>以家电、电子、照明、化工、建材、工程机械等为主的第113届广交会一期19日闭幕《经济参考报》记者从主办方获悉，截至18日，到会客商比112届秋交会大幅增长10.5%，但与去年同期的111届春交会相比则下降2.2%，其中欧洲客商下降3.7%，美国客商下降1.8%，日本客商降幅达13.8%。</t>
  </si>
  <si>
    <t>德国是最大救援国也是最大获益方</t>
  </si>
  <si>
    <t>德国几家最主要的经济研究机构联合公布的春季报告描述了一个增长强劲的德国经济前景。尽管这个报告调低了今年的经济增长率，但认为这是去年四季度经济萎缩的影响。德国经济实际从今年春季就重现向上趋势，到2014年，在内需和出口的双重推动下，增长率会达到1.9%。劳动力市场?</t>
  </si>
  <si>
    <t>古董小提琴渐入国人收藏视野</t>
  </si>
  <si>
    <t>现代小提琴的出现距今已有300多年的历史，是自17世纪以来西方音乐中最为重要的乐器之一，其制作本身是一门极为精致的艺术。小提琴以宽广的音域、丰富的表现力一直以来活跃在独奏、协奏、交响乐等演奏中，从它诞生那天起，就一直为人们所宠爱，有着“乐器王后”美称。    小</t>
  </si>
  <si>
    <t>政采现状与制度设计预期差距大</t>
  </si>
  <si>
    <t>伴随《政府采购法》的颁布实施，我国政府采购制度建设经过十年的探索和发展，在量与质的突破中走出了一条具有中国特色的政府采购道路。但业内人士也指出，与西方成熟的政府采购制度相比，我国的政府采购还处于初级阶段，不但在规模、范围、质量、法制化程度等方面都存在较大?</t>
  </si>
  <si>
    <t>中国在向世界性角色转型</t>
  </si>
  <si>
    <t>英国《金融时报》中文网日前刊登北京大学光华管理学院客座教授贾尔斯·钱斯的题为《中国向世界性角色转型》文章认为，博鳌论坛显示中国的国际影响力日益增长，中国已准备好去了解世界，世界也应投入努力来了解中国。    文章说，首次博鳌论坛于2001年在海南岛举办，以后的?</t>
  </si>
  <si>
    <t>中俄天然气合作步入正轨  中国或具定价优势</t>
  </si>
  <si>
    <t>中国和俄罗斯的天然气合作由来已久，但是双方在2004年签订贸易协议之后就没有实质性的进展。以习近平主席首访俄罗斯为契机，俄罗斯天然气工业公司(以下简称“俄气”)和中国石油天然气集团公司签署了一份备忘录，将中国和俄罗斯的天然气合作推向正轨。双方存在已久的价格差距?</t>
  </si>
  <si>
    <t>人民币国际化将越走越宽</t>
  </si>
  <si>
    <t>随着人民币在国际中发挥的作用越来越大，人民币成为国际货币的可能性日益增加。人民币与日元、澳元等可直接兑换，不仅推高了民间对人民币国际化的期待，也是国际化道路上迈出的实质性一步。    如同人民币债券在欧洲的英国登陆，表明了西方对人民币国际化的可接受程度。尽?</t>
  </si>
  <si>
    <t>波士顿事件不改美经济轨迹</t>
  </si>
  <si>
    <t>联想到本世纪初发生的震惊世界的911事件，这次波士顿爆炸案会不会影响到美国经济，是很多人关注的问题。两次事件都是恐怖事件，都增加美国经济不确定性。不过，两者之间还是存在某些明显区别的。    一是程度不同。可以说是一目了然，不再多说了，看一看两次事件的伤亡人数</t>
  </si>
  <si>
    <t>破解改革难题中的“英德现象”</t>
  </si>
  <si>
    <t>在欧洲，英国和德国是两个极端，一个是海洋国家的领袖，一个是欧洲大陆的中坚。在很多问题上，英德立场相左，矛盾交锋不断。但其实，在当前的欧洲，英德可能是最相像的一对，都曾提前采取了大刀阔斧的改革，都因此得以幸免于欧债危机，但也都曾有一个有远见的领袖为之付出政?</t>
  </si>
  <si>
    <t>欧盟发布贸易保护工具“现代化”提案</t>
  </si>
  <si>
    <t>经过18个月的评估，欧盟委员会日前发布贸易保护工具“现代化”提案，其中。欧盟内部一些分析人士指出，如果得以批准，将对中国经济利益产生重要影响。    欧委会10日发布的一份声明称，“欧委会今日提交了一项提案，旨在根据欧盟经济当前面临的挑战调整欧盟的规则手册，以?</t>
  </si>
  <si>
    <t>北京试水文化保税模式</t>
  </si>
  <si>
    <t>“592件(套)十八世纪和十九世纪典藏级法国艺术品陈列在恒温恒湿仓库里，我们心里非常踏实。”欧文风范文化艺术(北京)有限公司总裁汪洋说，这批艺术品将参加4月22日在北京举办的法国文化周展览。    汪洋口里的“踏实”是指，“与以往国际展览不同的是，展览结束后，这批艺?</t>
  </si>
  <si>
    <t>波士顿爆炸震动全球市场</t>
  </si>
  <si>
    <t>当地时间15日，被称为全球五大马拉松赛事之一的美国波士顿马拉松比赛现场发生大爆炸，该爆炸造成人员伤亡，也引发了全球市场的波动。    当天，有23326名马拉松赛事参跑者参加的比赛在进行了4小时9分44秒后，突然从观众和旗帜后方窜出火球和浓烟，现场顿时一片大乱，当时通</t>
  </si>
  <si>
    <t>Dish拟255亿美元收购斯普林特</t>
  </si>
  <si>
    <t>据路透社报道，美国第二大卫星电视供应商Dish Network Corp.15日表示，计划以255亿美元收购美国第三大无线服务运营商斯普林特。报道称，此举可能令其他电信公司和视频公司考虑自身的兼并前景。    Dish表示，针对每股斯普林特股票(12日收盘价6.22美元)，将支付4.76美元现金</t>
  </si>
  <si>
    <t>山姆大叔缺钱修路</t>
  </si>
  <si>
    <t>畅销书《世界是平的》作者托马斯·弗里德曼在新著《昨日辉煌》中描述了对美国基础设施的一番感慨：刚从中国参会回到美国的自己体验了北京南站、京津城际高铁等现代化基础设施和中国速度，华盛顿的友人却向他抱怨，家门口老旧的地铁站扶梯修了半年还未完工。    走遍全球的?</t>
  </si>
  <si>
    <t>国际油价跌破90美元  创年内新低</t>
  </si>
  <si>
    <t>近日，国际油价持续走弱，纽约油价更是跌破90美元大关，创今年以来的最低水平。市场机构分析，国际原油跌势难逆，预计4月24日国内成品油价下调窗口降价幅度将开启，理论降价幅度在260元/吨到300元/吨。    作为全球最大的两个原油消费国，中美两国近来的重要经济数据都低于</t>
  </si>
  <si>
    <t>后查韦斯时代委经济面临潜在风险</t>
  </si>
  <si>
    <t>4月14日晚，委内瑞拉国家选举委员会宣布，被称作“查韦斯代言人”的代总统尼古拉斯·马杜罗在当天举行的总统选举中以微弱优势获胜。    2013年对于委内瑞拉而言是关键和充满挑战的一年。2013年3月5日委内瑞拉正式宣布，连续执政14年、身患癌症两年之久的查韦斯总统病逝。查</t>
  </si>
  <si>
    <t>亚洲高收益债券发行量创新高</t>
  </si>
  <si>
    <t>据英国《金融时报》报道，虽然2013年刚过去4个月，但在追求高收益的市场情绪影响下，今年全球投资者对亚洲高收益债券的需求已创下历史新高。    Dealogic数据显示，今年发行的亚洲高收益债券已经从市场中募集到181亿美元的资金，远超2010年全年创下的162亿美元的前纪录。汇</t>
  </si>
  <si>
    <t>广交会客商数有望回升</t>
  </si>
  <si>
    <t>素有“外贸风向标”之称的广交会今天正式拉开帷幕。记者从14日举行的第113届广交会开幕新闻发布会上获悉，和上届广交会相比，本届广交会成交额预计保持基本稳定，到会采购商数量有望止跌企稳，尤其是来自南美、非洲的客商增长较多。    去年，在外需萎缩明显的大背景下，我</t>
  </si>
  <si>
    <t>斯洛文尼亚会否步塞浦路斯后尘</t>
  </si>
  <si>
    <t>近日，经合组织(OECD)的一份报告让本已稍显平息的欧债危机风波再起。报告称斯洛文尼亚由于资产泡沫的破裂导致其银行坏账显著增加，目前该国银行的坏账已达70亿欧元，相当于其GDP的20%。报告预计由于受银行业坏账的影响，斯洛文尼亚今年经济将收缩2.1%。    报告将斯洛文尼?</t>
  </si>
  <si>
    <t>撒切尔夫人“铁娘子”和她的经济学</t>
  </si>
  <si>
    <t>英国前首相玛格丽特·希尔达·撒切尔8日去世。“铁娘子”是英国惟一的女首相，也是该国19世纪初期以来在任时间最长的首相。在执政11年间，她推行所谓的“撒切尔主义”，引来广泛争议。但正如自由民主党领袖、副首相尼克·克莱格所言，不管人们站在政治辩论哪一方，没人否认，</t>
  </si>
  <si>
    <t>行政手段有待“让位”市场手段</t>
  </si>
  <si>
    <t>刚刚落幕的博鳌亚洲论坛2013年年会上，楼市再次成为与会嘉宾关注的焦点。十年调控的思路和出发点是什么？如何更好地发挥税收杠杆的作用？现在是否到了出手购房的时机？面对这些问题，与会的开发商、企业代表与业界人士、专家学者展开了激辩。    “把脉”楼市调控思路</t>
  </si>
  <si>
    <t>战略机遇期内涵发生重大改变</t>
  </si>
  <si>
    <t>引进高端产业活动与生产要素的机遇整合全球资源与市场实现技术升级的机遇    扩大技术密集产品与服务出口的机遇参与全球治理改善外部环境的机遇    世纪之初，中央作出了新世纪前20年是我国和平发展战略机遇期的判断。2007年美国次级债危机引发了全球金融危机，发达国家?</t>
  </si>
  <si>
    <t>自主品牌加快自主创新大势所趋</t>
  </si>
  <si>
    <t>当前中国已经成为全球最大的汽车生产和销售国，但外资技术控制、销售垄断，数据繁荣背后难掩“汽车代工厂”的尴尬。在日前举行的博鳌亚洲论坛2013年年会上，上汽集团、北汽集团、奇瑞、长安等国内汽车业龙头企业掌门人齐聚一堂，共议如何从汽车大国变为汽车强国。    业界?</t>
  </si>
  <si>
    <t>韩国应对高智发明的做法</t>
  </si>
  <si>
    <t>为避免国外N PE对本国企业造成冲击，许多国家制定了应对措施。其中韩国在这方面进行了较多尝试。    由于IV在韩国多所大学购买专利，韩国政府和企业深感威胁，政府通过下发文件的形式禁止韩国大学试验室、研究机构和企业向IV等专利投资公司出售知识产权。2009年，韩国防止?</t>
  </si>
  <si>
    <t>西班牙主权评级遭穆迪下调警告</t>
  </si>
  <si>
    <t>评级机构穆迪9日警告称，西班牙主权信用评级有被下调至投资级以下的风险，理由是西班牙可能无法达到今年的赤字目标。穆迪目前对西班牙的评级为Baa3，只比垃圾级高出一个级别。    穆迪在一份报告中表示，尽管西班牙各级政府在财政整顿上都取得了进展，但鉴于该国在达成赤字</t>
  </si>
  <si>
    <t>外热内冷  做空日元还能持续多久</t>
  </si>
  <si>
    <t>上周，日本央行行长黑田东彦宣布启动新一轮货币宽松措施，外汇市场上日元贬值呈加速之势。截至发稿，日元对美元汇价的贬值幅度已达6%，对欧元贬值幅度达7%。令人感到蹊跷的是，日元在全世界最重量级的持有者，即日本投资者，似乎仍处于慢热状态，并不急于参与到做空日元的大?</t>
  </si>
  <si>
    <t>当“中国制造”不再便宜</t>
  </si>
  <si>
    <t>日本物价之高，世界闻名。去过日本的朋友说，在日本买一个西瓜，可在北京超市抱回一打。英国《经济学家》杂志就曾将东京列为世界物价最昂贵城市。但对高物价习以为常的日本人，最近似乎也淡定不起来了，因为进口来的中国菜，竟然还贵过了本地菜。    《日本经济新闻》此前?</t>
  </si>
  <si>
    <t>对侵害消费者知情权的行为应予制裁</t>
  </si>
  <si>
    <t>2013年刚刚开始，马肉变牛肉的丑闻就搅乱了欧洲人喜迎新年的好心情，事件受害对象已经涉及到英、法、德等16个国家的广大消费者。    为何要用马肉替代牛肉，二者悬殊的价格应当是促使不法厂商铤而走险的内在动力。为何在此时发生此事，据欧洲议会农业委员会副主席、法国政?</t>
  </si>
  <si>
    <t>塞浦路斯银行重组保护什么放弃什么</t>
  </si>
  <si>
    <t>喧嚷一时的塞浦路斯银行业危机日前终于告一段落，结局多少有些图穷匕见的“血腥”：塞浦路斯第二大银行大众银行被分拆成所谓“好银行”和“坏银行”，“好银行”的资产和负债打包并入塞浦路斯银行，“坏银行”连同其资产负债则坐待破产清算；而第一大银行塞浦路斯银行将有最?</t>
  </si>
  <si>
    <t>丹麦如何公开官员财产</t>
  </si>
  <si>
    <t>丹麦在反腐败和廉政建设方面被公认为是世界上做得最好的国家之一，多次被反腐败非政府组织“透明国际”评为“世界最清廉国家”。究其原因，从议员、内阁大臣到首相等政府官员的家庭财产和经济收入实行公开透明制度、接受公众和媒体的充分监督是一个重要因素。    丹麦法律?</t>
  </si>
  <si>
    <t>亚行：财税改革最重要最具挑战</t>
  </si>
  <si>
    <t>亚洲开发银行(亚行)9日在北京发布报告上调2013年中国经济增长预期至8.2%，但同时指出中国经济仍面临一系列下行风险，中国亟须推进的一系列改革中，财税改革是最重要、最具挑战性的改革。    亚行发布的《亚洲发展展望2013》报告认为，尽管2013年中国经济将延续高增长低通胀</t>
  </si>
  <si>
    <t>欧洲千家光伏企业要求放弃制裁中国</t>
  </si>
  <si>
    <t>据德国《法兰克福汇报》9日报道，超过1000家欧洲光伏产品企业要求欧盟委员会放弃对中国太阳能企业征收惩罚性关税。    在一份发给欧盟贸易委员卡雷尔·德古特的公开信中，上述光伏企业表示，如果欧委会针对中国太阳能电池板的反倾销和反补贴调查最终决定实施惩罚性关税，这</t>
  </si>
  <si>
    <t>人民币对澳元直接交易本日起开展</t>
  </si>
  <si>
    <t>中国外汇交易中心9日晚间宣布，为促进中国与澳大利亚之间的双边贸易和投资，便利人民币和澳大利亚元在贸易投资结算中的使用，满足经济主体降低汇兑成本需要，经中国人民银行授权，自2013年4月10日起银行间外汇市场完善人民币对澳大利亚元的交易方式，发展人民币对澳大利亚元?</t>
  </si>
  <si>
    <t>加快构建中国版本的自贸区网络</t>
  </si>
  <si>
    <t>近期，美国加快了推进区域经贸合作的步伐，成为全球关注的焦点。美国推动TPP(跨太平洋战略经济伙伴协定)和TTIP(跨大西洋贸易与投资伙伴协定)突然提速，其动因何在，对全球和中国有何重大影响，我国如何应对？    博鳌亚洲论坛2013年年会期间，全球化合作论坛副秘书长、G20?</t>
  </si>
  <si>
    <t>亚洲可成新信息浪潮最大受益者</t>
  </si>
  <si>
    <t>移动互联网市场拥有广阔的前景，而在博鳌亚洲论坛2013年年会“移动互联：热点的‘冷’思考”圆桌讨论中，与会的各位业内人士就在新一轮信息浪潮中亚洲应该扮演的角色进行了热烈的讨论。与会人士认为，亚洲企业有机会在这一轮浪潮中成为最大的受益者，但是需要可持续的商业模?</t>
  </si>
  <si>
    <t>专家博鳌激辩“国五条”</t>
  </si>
  <si>
    <t>楼市话题到哪儿都是热点。“诸位对‘国五条’怎么看？”8日，博鳌亚洲论坛2013年年会一场关于楼市调控的分论坛上，刚一开场，主持人就直接向嘉宾抛出问题，迅速点燃全场热情，引发任志强、潘石屹、住建部专家秦虹等嘉宾的激烈争辩。    住建部政策研究中心主任秦虹首先发声</t>
  </si>
  <si>
    <t>自由平等的市场是释放制度红利的前提</t>
  </si>
  <si>
    <t>国企改革成为博鳌亚洲论坛2013年年会上热议的一个焦点话题。多位学者表示，打破垄断、推进国企改革应是中国改革的一项迫切议程，同时也是释放新的制度红利的必要前提。    在“中国改革议程：释放新的制度红利”分论坛上，国民经济研究所所长樊纲表示，中国需要释放新的制?</t>
  </si>
  <si>
    <t>美国经济复苏的“温差”</t>
  </si>
  <si>
    <t>美国住宅楼市从去年开始回暖，吸引大量买家入市。与美国大中城市住宅地产成交量价齐增的势头相比，更能反映实体经济走势的商业地产复苏则明显慢半拍。这种温差并非偶然，表明美国实体经济要迎来快速增长尚需时日。    美国知名地产研究机构雷斯公司(Reis Inc.)发布的最新报</t>
  </si>
  <si>
    <t>索罗斯警示中国式次贷风险</t>
  </si>
  <si>
    <t>8日，在博鳌亚洲论坛2013年年会一场对话会中，著名投资家、索罗斯基金管理公司创始人乔治·索罗斯警告称中国须关注影子银行、政府融资平台以及房地产信贷引发的坏账风险。    他说，由于生产效率的提高是一个缓慢的过程，中国在G D P慢慢下降到8%或者更低的增长的速度的情?</t>
  </si>
  <si>
    <t>调研显示四成小微企业融资成本超过10%</t>
  </si>
  <si>
    <t>《小微企业融资发展报告：中国现状及亚洲实践》(以下简称《报告》)日前在博鳌亚洲论坛2013年年会期间发布。报告的调查结果显示，有59.4%的小微企业表示，其借款成本在5%至10%之间，更有四成以上的小微企业表示借款成本超过10%。而在小微企业主动寻求转型升级的过程中，其融资</t>
  </si>
  <si>
    <t>全球产业转移现新格局：从“单向”到“双向”</t>
  </si>
  <si>
    <t>博鳌亚洲论坛2013年年会期间，中国首份《中国产业升级研究报告》由中国国际经济交流中心与华夏幸福基业股份有限公司联合发布。报告指出，全球经济格局正处在大调整时期，产业转移正在形成新的世界格局。由产业创新引发的产业新布局和分工新体系正在形成。在难得的机遇和挑战?</t>
  </si>
  <si>
    <t>下一个债务爆发点还在欧洲</t>
  </si>
  <si>
    <t>短期内债务风险点还在欧洲。西班牙由于房地产泡沫崩溃导致银行业资本金不足，意大利主权债务规模太大，两国可能是欧元区债务危机的下一个爆发点。    就长期来讲，下一个风险的爆发点也可能在美国。当前美国双赤字一直居高不下，美国公共债务率在全球发达经济体中，仅次于?</t>
  </si>
  <si>
    <t>“塞浦路斯模式”能否撼动“避税天堂”</t>
  </si>
  <si>
    <t>欧元集团主席、荷兰财政大臣戴赛尔布卢姆曾表示塞浦路斯救助方案可作为未来类似救助方案的范例，由于此言一出即引起金融市场恐慌，他隔天改口说塞浦路斯是个特例，宏观经济调控要根据各个国家的具体情况，所以不存在模式或模板的问题。他的出尔反尔其实道出了实情，塞浦路斯?</t>
  </si>
  <si>
    <t>联合OTT服务商推出新服务</t>
  </si>
  <si>
    <t>有国外电信运营商人士指出，“对微信收费”反映出国内电信运营商过时的经营理念。    英国电信运营商沃达丰大伦敦地区销售经理杨毅向《经济参考报》记者表示，运营商在网络建成后，其主要成本是网络的维护、运营和管理费用，属于固定成本。也就是说，用户打电话1分钟和100?</t>
  </si>
  <si>
    <t>台湾利率市场化经验教训值得借鉴</t>
  </si>
  <si>
    <t>最近，大陆利率市场化是热点问题，是各方面关注的焦点。台湾地区已于1989年实现了利率市场化，这方面的经验教训值得大陆借鉴。    首先，当经济发展到一定阶段，利率市场化势在必行。大陆现在的情形是：一方面，居民储蓄余额超40万亿元，有超3万亿美元的外汇储备，资金供给</t>
  </si>
  <si>
    <t>美日制造业逊预期  亚洲恢复扩张</t>
  </si>
  <si>
    <t>4月1日，美、日和亚洲一些国家都公布了最新的有关制造业的统计数字。数据显示，美日制造业各有特点，但都弱于预期；而亚洲一些国家的制造业正回到扩张轨道之中。    美国供应管理学会(ISM)公布的数据显示，处于扩张中的美国制造业活动3月份出现放缓。尽管制造业活动仍处于?</t>
  </si>
  <si>
    <t>“美素丽儿”问题奶有多少不能说的秘密</t>
  </si>
  <si>
    <t>擦改营养标识、用欧标替换国标、私印外包装盒……2012年底苏州质监就发现了瑞士玺乐集团中国代理商偷梁换柱的违法行为，然而，4个月后公众才知晓，各地才开始下架问题产品“美素丽儿”问题奶粉事件，不仅让消费者看清洋奶粉质量参差不齐的现实，也再次折射了我国食品安全监管</t>
  </si>
  <si>
    <t>高溢价收购海外资产须防金融风险</t>
  </si>
  <si>
    <t>欧美国家在遭受了2008年的金融危机后，国际地位迅速下降。而与此相反，包括中国在内的新兴经济体的国际地位却逐渐提高，丰厚的外汇储备成了中国企业进行海外并购的坚实后盾。2012年，中国三大油企共完成了305.68亿美元的海外石油资产并购，其中最为引人注目的便是中海油以151</t>
  </si>
  <si>
    <t>纳斯达克7.5亿美元收购ESpeed</t>
  </si>
  <si>
    <t>纳斯达克OMX集团将从货币经纪商BGCPartners手中以7.5亿美元现金收购美国国债电子交易平台ESpeed。此次收购交易总额预计为12.3亿美元。    据路透社4月1日报道，该交易将令纳斯达克未来更多地涉足固定收益市场，符合其在股票交易之外扩展其他资产类别的长期战略。几年来，纳</t>
  </si>
  <si>
    <t>美参院为何四年才出一份预算案</t>
  </si>
  <si>
    <t>“如果你喜欢法律和香肠，那么最好不要细问这两样东西的制作过程。”这是西方人喜欢说的一段笑话。美国国会参议院近日出炉的四年来首份联邦政府财年预算案就是对此的最佳注脚。    自奥巴马总统上任以来，美国参议院1440多日“哑枪”，没有出台一份联邦政府的年度预算案，?</t>
  </si>
  <si>
    <t>医改需公私合作提高效率</t>
  </si>
  <si>
    <t>作为行业翘楚，美国安泰公司连续三年被《财富》杂志评选为“全球最值得推崇的健康保障及保险公司第一名”。安泰集团董事会主席、首席执行官兼总裁薄立倪先生频繁参与国家层面的医疗卫生改革的讨论。在“中国发展高层论坛2013”会场，薄立倪先生作为演讲嘉宾参与了关于医疗卫?</t>
  </si>
  <si>
    <t>中国的改革应从“乌龟”变成“兔子”</t>
  </si>
  <si>
    <t>在中国发展高层论坛2013年会期间，美国耶鲁大学高级研究员、摩根士丹利前亚洲主席史蒂芬·罗奇接受了《经济参考报》记者的专访。    作为华尔街最有影响力的经济学家之一，在全球拥有最多读者的经济分析师，他以对全球经济复苏的悲观态度而闻名。与罗奇对世界经济一向的悲?</t>
  </si>
  <si>
    <t>澳大利亚如何吸引中国投资</t>
  </si>
  <si>
    <t>据毕马威会计师事务所与悉尼大学中国研究中心联合进行的一项调查，2012年，澳大利亚虽然仍在中国对外直接投资目的地国中排名第一，但其领先优势正在丧失。    这种情况反映出，中国对外直接投资正在发生转变，向多元化转变。    多元化，首先是目的地的多元化。作为占据?</t>
  </si>
  <si>
    <t>美国经济有所好转  但仍不牢固</t>
  </si>
  <si>
    <t>威廉·科恩是著名的政治家和社会活动家，曾在克林顿政府时期担任美国国防部长，现为美国科恩集团总裁兼首席执行官。科恩集团创立于2001年，其宗旨是帮助跨国公司把握海外商机、解决难题，为客户提供商务战略咨询服务。日前，威廉·科恩在中国发展高层论坛2013年会上接受了《?</t>
  </si>
  <si>
    <t>强化再保险机制应对巨灾风险</t>
  </si>
  <si>
    <t>虽然增长迅猛，但中国农业保险发展缺乏有效的风险分散机制等问题一直是行业各方关注的焦点。在日前举行的“中国发展高层论坛”上，瑞士再保险中国总裁魏希霆就巨灾保险等问题接受了《经济参考报》记者专访。    《经济参考报》：由于风险分散机制的缺失，中国保险业在巨灾?</t>
  </si>
  <si>
    <t>治理雾霾须打“电力组合拳”</t>
  </si>
  <si>
    <t>刚刚进入2013年，包括首都北京在内的我国中东部地区就陷入严重的雾霾之中。如何治理雾霾，一时间成为媒体热议、公众关注的焦点话题。笔者认为，治理雾霾要用组合拳，要打“以电代煤、以电代油、电从远方来”的组合拳。    分析雾霾产生的原因，主要是工业燃煤和汽车尾气排?</t>
  </si>
  <si>
    <t>中医药发展要上升为国家战略</t>
  </si>
  <si>
    <t>编者按近年来，人民群众对中医药的需求日渐升温，中医药在国家应急和医改中的独特优势逐步显现；与此同时，西方国家和药业巨头通过立法、认证、中药配方专利化等方式，抢夺中医药标准制定、知识产权和未来市场制高点的意图明显。加快我国中医药发展日益成为关系民族自信、国?</t>
  </si>
  <si>
    <t>中日韩自贸区谈判复杂性增加</t>
  </si>
  <si>
    <t>28日，中日韩自贸区首轮谈判在韩国首尔落下帷幕。《经济参考报》记者从中国商务部获悉，在为期三天的首轮谈判中，三方讨论了自贸区的机制安排、谈判领域及谈判方式等议题。三方商定将在2013年举行三轮谈判，后两轮谈判将分别在中国和日本举行。    专家表示，首轮谈判的开?</t>
  </si>
  <si>
    <t>美元走强的转折点是否已出现</t>
  </si>
  <si>
    <t>最近一段时间以来，伴随着美国经济数据的好转，标普指数与美元指数呈现出了正相关的趋势。这是一个惊人的变化。货币投资者正在进行争论，美元走强的转折点是否已经出现？在过去长达10年的时间中，美元的贬值成为资本世界的常态。特别是金融危机之后，在美联储主席伯南克坚定?</t>
  </si>
  <si>
    <t>欧债危机五年内不会结束</t>
  </si>
  <si>
    <t>美国斯坦福大学教授、美国总统经济顾问委员会前主席迈克尔·博斯金在出席日前在北京举行的“中国发展高层论坛”间隙接受了《经济参考报》记者的专访。他就目前市场关注的欧债危机、美国和日本量化宽松政策以及中国的经济改革等话题表达了自己的看法。    欧债危机五年内不?</t>
  </si>
  <si>
    <t>一季度股基跑赢大盘中欧业绩大反转</t>
  </si>
  <si>
    <t>2012年基金年报在本周陆续披露，而2013年一季度亦接近尾声。告别过往一年的业绩，各家基金公司在新年伊始又展开了新一轮的比拼。整体而言，纳入Wind统计的335只普通股票型基金平均回报率超过7%，跑赢了大盘。不过其间各家基金公司产品的业绩也开始出现进一步分化。    一季</t>
  </si>
  <si>
    <t>倾听金砖国家的声音</t>
  </si>
  <si>
    <t>金砖国家第五次领导人会晤3月27日在南非海滨城市德班落下帷幕。金砖五国，五年一轮回。    在国际金融危机紧要时刻成立的金砖国家合作机制，经过五年的发展，已经成为国际舞台上一支令人瞩目的力量。在长达十几页的“德班声明”中，全球主要新兴市场国家的声音得到了全面展</t>
  </si>
  <si>
    <t>TPP：撩拨美国“重返亚洲”心绪</t>
  </si>
  <si>
    <t>TPP——跨太平洋伙伴关系协议，2005年由新加坡、新西兰、智利和文莱四个国家签署的小型多边贸易协定。2008年，美国宣布加入该协议，TPP遂被广泛认为是美国重返亚洲战略的重要步骤。    今年3月15日，日本首相安倍晋三宣布日本将正式加入TPP谈判，一时间，TPP一词再度引起人</t>
  </si>
  <si>
    <t>塞浦路斯救援方式在欧引争议</t>
  </si>
  <si>
    <t>塞浦路斯和国际救援组织达成新的救援协议后，塞浦路斯局势暂时缓和，但是关于塞浦路斯救援方案是否会成为其他欧元区国家银行救援的参照还是引发了争议，市场也显现担忧。    欧元区危机爆发以来，这种让储户“断腕”自救的做法，还是第一次出现。    欧元集团主席迪塞尔?</t>
  </si>
  <si>
    <t>日欧自由贸易谈判之难</t>
  </si>
  <si>
    <t>日本与欧盟25日宣布启动有关贸易自由化的“经济伙伴关系协定”(EPA)谈判。日本首相安倍晋三当晚与欧洲理事会主席范龙佩通电话，双方决定启动EPA谈判，并确定第一轮谈判将于4月举行。    日本此前已宣布加入“泛太平洋战略经济伙伴关系协定”(TPP)谈判。安倍政府将强化同欧?</t>
  </si>
  <si>
    <t>让“金砖”传导中国能量</t>
  </si>
  <si>
    <t>中国外汇储备充裕，中资渴求走出去机遇，而南非、俄罗斯则急需外来投资；中国是能源矿产消费大国，而俄罗斯、巴西则是能源矿产出口大国；中国长于基础设施建设，推动制造业转型，而南非、印度等亟须强化基建投资，并欢迎制造业等项目。    金砖国家间不断提高的互补性，是?</t>
  </si>
  <si>
    <t>英国央行要求银行业融资250亿英镑</t>
  </si>
  <si>
    <t>英国央行当地时间27日表示，到2013年底，英国大型银行必须再融资250亿英镑(约合380亿美元)，以预防潜在损失。    英国央行金融政策委员会在一份声明里称，由于英国商业不动产和欧元区经济的高风险贷款问题，英国银行业在未来三年可能面临约500亿英镑(约合750亿美元)的损失?</t>
  </si>
  <si>
    <t>北欧模式：从烙大饼到烹小鲜</t>
  </si>
  <si>
    <t>最近，《经济学人》封面文章《下一个超级偶像》将瑞典、丹麦、挪威和芬兰等北欧国家奉为全球楷模，北欧发展模式再次成为各国舆论高谈阔论的理想模式。北欧模式到底是一种什么样的模式，有哪些成功之处，对急速变化中的中国以何借鉴？    简言之，北欧模式就是高收入、高税?</t>
  </si>
  <si>
    <t>伦敦基本金属期货价格25日普跌</t>
  </si>
  <si>
    <t>伦敦金属交易所(LME)基本金属期货价格25日普跌，收盘时除锡价微涨以外，其他金属价格均低于上一交易日，其中又以镍的价格跌幅最为明显。    塞浦路斯援助僵局出现转机。欧元集团主席戴塞尔布卢姆25日凌晨宣布，欧元区财长已经批准此前由塞浦路斯和欧盟、国际货币基金组织、</t>
  </si>
  <si>
    <t>十电九亏  中小电商频现裁员倒闭</t>
  </si>
  <si>
    <t>“一半是海水，一半是火焰。”中国网络零售市场近年来持续快速增长，市场交易规模自2012年首次跨过一万亿元大关后，预计将在今年顺利超过美国成为全球最大的网络零售市场。然而与此同时，当前我国电子商务企业却普遍深陷“十电九亏”的窘境，其中一些中小型电商网站在成本高?</t>
  </si>
  <si>
    <t>协议达成  塞浦路斯“逃过一劫”</t>
  </si>
  <si>
    <t>25日，塞浦路斯与“三驾马车”就100亿欧元(约合130亿美元)的救助协议要点达成一致。塞浦路斯存款人10万欧元以上存款将被冻结用于解决债务问题，以避免这个80万人口的岛国陷于破产并脱离欧元区。    据报道，塞浦路斯总统阿纳斯塔夏季斯和欧盟、欧洲中央银行及国际货币基金?</t>
  </si>
  <si>
    <t>美国财富分配不均加剧的背后</t>
  </si>
  <si>
    <t>美国斯佩克特雷姆集团日前公布的一份调查报告显示，剔除房产以外的家庭财富超过百万美元的人士达到近900万，超过2011年的860万。与这份报告前后发布的2013年度美国《总统经济报告》则指出，过去十年间，美国普通工薪阶层的收入增长停滞。两份报告的鲜明反差传递出这样一个信?</t>
  </si>
  <si>
    <t>中国成全球最大石油进口国是警讯</t>
  </si>
  <si>
    <t>美国能源情报署数据显示，去年12月美国石油日净进口量只有598万桶，而中国海关数据则是，中国当月石油日净进口量已迅猛达到612万桶。尽管从年度计，美国仍是世界石油的最大买家，但随着美国“页岩气革命”的深入、中国对能源需求的增加，中国超越美国成为最大石油进口国，已?</t>
  </si>
  <si>
    <t>“金砖”国家合力谋变</t>
  </si>
  <si>
    <t>本月底，第五届金砖国家峰会将在南非召开，核心议题是建立金砖国家发展银行和金砖国家货币储备库。    一些分析人士认为，一旦各方落实相关议题，将深刻改变二战后形成的国际金融秩序，大大提升中国为首的新兴经济大国的金融话语权。金融是现代经济的血液，金砖五国金融机?</t>
  </si>
  <si>
    <t>德意政府换届恐令欧债危机增负</t>
  </si>
  <si>
    <t>在欧元区财长批准相关各方达成的新救助协议之后，塞浦路斯救援风波暂时告一段落。但是，这个地中海岛国的危机牵动了欧元区各方，反映出其中的矛盾重重和利益分歧，亦凸显欧债危机化解之难。    塞浦路斯与欧元集团25日达成新的救援协议，该国10万欧元以上的存款将面临“减?</t>
  </si>
  <si>
    <t>人民币即期汇率周一再创新高</t>
  </si>
  <si>
    <t>受人民币中间价上调和塞浦路斯救助协议推动的欧元上涨影响，人民币对美元即期汇率周一升至汇改以来的新高。    人民币对美元即期汇率25日开盘报6.2095，突破20日盘中6.2113的历史高位再创新高。市场预期，在全球主要经济体再宽松的大背景下，基于中国出口的强劲恢复和经济?</t>
  </si>
  <si>
    <t>中俄能源合作驶入快车道</t>
  </si>
  <si>
    <t>中国国家主席习近平24日结束了对友好邻邦俄罗斯的国事访问。俄罗斯成为习近平就任国家主席后出访的首个国家，充分体现了中国新领导层对中俄关系的高度重视，表明中俄全面战略协作伙伴关系的高水平和特殊性。    习近平主席22日在莫斯科克里姆林宫同俄罗斯总统普京举行了会?</t>
  </si>
  <si>
    <t>塞浦路斯：谁在玩火？</t>
  </si>
  <si>
    <t>也许对许多人来说，塞浦路斯到底在哪儿都不太能确定。这个地中海上的小岛国短短几天便成为世界关注的焦点，是因为作为第五个申请救助的欧元区国家，接受的救助协议是要对银行储户的存款征税以筹措58亿欧元资金，以此来换得100亿欧元的金融救助。而此前接受救助的国家无论承受</t>
  </si>
  <si>
    <t>中科英华恐再现西藏发展式资本游戏</t>
  </si>
  <si>
    <t>3月21日中科英华股价报收每股6.23元，较宣布定增收购厚地稀土前上涨72.58%。但投资者却对厚地稀土价值存在分歧，甚至有分析称，厚地稀土将再次沦为炒作工具，使中科英华此番收购，最终演变成此前西藏发展式的资本游戏。对此，3月20日中科英华董事会办公室在接受《经济参考报?</t>
  </si>
  <si>
    <t>美重罚中国维C生产企业不公正</t>
  </si>
  <si>
    <t>因两家美国公司起诉我国维C出口商联合抬升价格，美国法院日前裁定，我国原料药龙头企业——华北制药集团支付高达1.6亿美元赔偿金。这是我国制药企业首次在美国反垄断诉讼中遭受处罚裁定。    不少网民指出，中国出口的产品一卖便宜，就被美国法院裁定为倾销，此举不公正，?</t>
  </si>
  <si>
    <t>欧债危机使德国进退维谷</t>
  </si>
  <si>
    <t>德国经济在欧债危机中近乎“一枝独秀”的表现，把德国推上了欧盟领导者的地位，这是德国未曾预料到的。毕竟长时间以来，德国习惯于隐藏在法国背后“垂帘听政”。然而，这种对德国而言舒适的时光不再。随着法国的相对衰弱，德国被推到了风口浪尖。不过，德国似乎很长时间里并?</t>
  </si>
  <si>
    <t>英国公布年度预算下调增长预期</t>
  </si>
  <si>
    <t>当地时间3月19日，英国财政大臣奥斯本公布了英国年度预算声明，阐述未来英国经济政策的走向和公共财政状况。    奥斯本表示，英国面临内外的挑战仍将持续，欧元区经济仍然非常脆弱。预算案进一步下调了今明两年英国经济的增长率预测值。预算案预计，今年英国的经济增长率为</t>
  </si>
  <si>
    <t>塞浦路斯国会否决存款税方案</t>
  </si>
  <si>
    <t>塞浦路斯国会19日否决了备受争议的存款征税议案，尽管该方案已修改为不对低于2万欧元的储户征税。    据悉，塞浦路斯国会以0票赞成、36票反对、19票弃权的投票结果否决了该项计划。    根据欧元集团与塞浦路斯政府16日达成的救助协议，塞浦路斯银行存款账户需缴纳一次性?</t>
  </si>
  <si>
    <t>美宽松货币政策将继续推高国际油价</t>
  </si>
  <si>
    <t>由于国际油价以美元计，美元货币政策对国际油价影响很大。在美国一轮又一轮的宽松货币政策作用下，国际油价成了美元转嫁过度滥发的抵押物。因此，我们才会看到这样一条油价生态链：美联储每“宽松”一轮美元货币，投机商就扩张一次投机持仓规模，国际油价就攀升一个新台阶。$</t>
  </si>
  <si>
    <t>欧盟春季峰会成果寥寥  南北分歧加剧</t>
  </si>
  <si>
    <t>为期两天的欧盟春季峰会15日在布鲁塞尔落下帷幕。本次峰会把重点与难点放在如何保持经济增长与财政紧缩的平衡上，然而，峰会不但未达成实质性成果，反而扩大了南北欧在此问题上的分歧。    一年之计在于春，但欧盟领导人并未好好把握时机，为全年推进债务危机解决进程打下?</t>
  </si>
  <si>
    <t>美股“围城”</t>
  </si>
  <si>
    <t>今年1月，纽约股市因美国政府避免“财政悬崖”而大涨。2月美国公司去年四季度盈利状况好于预期，刺激股市继续上扬。到了3月，道琼斯工业平均指数连涨10日，其中8日创新高，标普500指数距离历史最高也几点之遥。    不过，奈特资本集团(Knight Capital Group)主管马克·奥托</t>
  </si>
  <si>
    <t>外资投行预警中国金融风险</t>
  </si>
  <si>
    <t>包括野村证券在内的外资投行正在集体预警中国的金融风险，不过，在这些机构大喊“狼来了”的背后，尚不能确定其到底是一种有益的提醒还是仅仅出于交易策略的考虑。    在上周六(3月16日)举行的一个电话会议中，野村中国首席经济学家张智威博士表示，中国目前正表现出与日本</t>
  </si>
  <si>
    <t>花旗7.3亿美元和解债券误导案</t>
  </si>
  <si>
    <t>据外媒报道，美国知名金融机构花旗集团3月18日同意支付7.3亿美元就有关涉嫌误导债券投资者的指控达成和解协议。据称，这是与金融危机相关集体诉讼中金额第二大的赔款。    周一达成的这项和解协议针对在2006年5月至2008年11月之间的48只优先股和债券交易。在这项和解协议下</t>
  </si>
  <si>
    <t>白宫上演“谢绝参观”财政秀</t>
  </si>
  <si>
    <t>当美国华府进入樱花盛开的最美时节，白宫近期令人扫兴地宣布，由于政府开支受到自动减赤机制冲击，将取消向公众免费提供的游览项目。此言一出，美国公众哗然，民调显示多数美国民众对白宫“谢绝参观”的提议用脚投票。奥巴马政府是真要勒紧裤腰带过日子，还是要把自己装扮成?</t>
  </si>
  <si>
    <t>被指“明抢”  塞浦路斯或调整存款税方案</t>
  </si>
  <si>
    <t>因国内出现大规模银行储户排队提现和抗议示威活动，塞浦路斯议会将原订于17日举行的、针对救助协议中存款征税议案的投票，推迟到当地时间18日下午举行。塞浦路斯官方表示，以征收存款税的方式换取100亿欧元的救助资金是迫不得已的选择，若议会投票否决这项协议，该国两大银行</t>
  </si>
  <si>
    <t>美国新财长“中国赶考”应做好三件事</t>
  </si>
  <si>
    <t>美国新任财政部长雅各布·卢3月19日至20日访问中国，这是他2月28日宣誓就职以来第一次出国访问。    卢曾在花旗集团、布鲁金斯学会和美国政府担任多种职务，经历“复杂”，但与其前任保尔森和盖特纳相比，唯独缺少了一点国际经济事务方面的历练。    从这个意义上说，卢?</t>
  </si>
  <si>
    <t>美财长访华  新阶段对话仍聚焦汇率</t>
  </si>
  <si>
    <t>美国新任财政部长雅各布·卢将于19日和20日访问中国，与中国新领导层就网络安全、人民币汇率、贸易失衡、出口和知识产权等问题进行讨论。分析称，中美双方新上任官员近期加深交流，有助于为一年一度的中美战略与经济对话顺利举行打下基础。    讨论两国在增长与合作中的机?</t>
  </si>
  <si>
    <t>瑞典马尔默市的“二次城镇化”</t>
  </si>
  <si>
    <t>位于瑞典南部港口的马尔默市是北欧实现工业化与城镇化最早的地区之一。自上世纪90年代初以来，这座瑞典第三大城市启动“二次城镇化”进程，即通过科学统筹的城市规划与建设，摆脱对造船业等传统重工业的依赖，逐步实现以高科技、低能耗产业为龙头的可持续发展。其重点建设的?</t>
  </si>
  <si>
    <t>英国再工业化开启？</t>
  </si>
  <si>
    <t>据英国《金融时报》报道，英国一家名为Symington’s的意面酱和桶装面生产商正在筹划将生产基地从中国广州搬回英国利兹，因为中国的生产成本已经与英国本土生产成本不相上下。    Symington’s企业发展经理称，目前在中国生产与在英国生产的成本差不多，如果能及时迁回英国?</t>
  </si>
  <si>
    <t>瑞典缘何成“跨国企业摇篮”？</t>
  </si>
  <si>
    <t>瑞典企业开拓海外市场的脚步始于一百多年前，有限的国土面积与人口数量一直推动着以爱立信、沃尔沃、宜家家居为代表的瑞典企业走向国际。尽管它们如今成为市场遍布全球的知名跨国集团，但这样的成果并非一蹴而就，而是稳扎稳打，一步一个脚印的在不同文化、不同规则的海外市?</t>
  </si>
  <si>
    <t>欧盟峰会关注就业增长</t>
  </si>
  <si>
    <t>欧盟领导人峰会14日至15日在布鲁塞尔召开，预计本次会议上有关欧盟的就业问题会成为一个重要的关注点，而欧盟久拖不决的经济增长问题仍将是一个不可回避的话题。    青年失业率畸高亟待解决    据报道，峰会尚未召开，布鲁塞尔市政府就提示，欧盟峰会将遭遇万人示威活动?</t>
  </si>
  <si>
    <t>欧美自贸协定谈判加速</t>
  </si>
  <si>
    <t>欧盟委员会贸易委员德古赫特12日称，已获得授权与美国进行双边自由贸易协定——“跨大西洋贸易和投资伙伴协定”(TTIP)谈判。同日美国总统奥巴马发表讲话时表示，正在进行的包括与欧盟的数项自贸谈判将对促进就业和改善经济起到重要作用。显示欧美双方的自贸协定谈判提速。</t>
  </si>
  <si>
    <t>意大利对紧缩说“不”</t>
  </si>
  <si>
    <t>一个在2009年才成立的政党在意大利的议会选举中异军突起，一跃成为意大利第三大党，这就是由前喜剧演员格里洛领导的“五星运动”。每四个选民中就有一个将选票投给这个没有组织结构、严格意义上来说都不能称之为“党”的组织，不仅是格里洛对意大利现状无情刻薄的批判深得人?</t>
  </si>
  <si>
    <t>葡萄牙获“三驾马车”同意延期减赤</t>
  </si>
  <si>
    <t>葡萄牙国家统计局11日公布的数据显示，2012年葡经济萎缩3.2%，为自1975年以来最严重的经济衰退。葡萄牙政府预计，今年该国经济还将继续萎缩1.9%。由欧盟委员会、欧洲中央银行和国际货币基金组织组成的“三驾马车”已同意将葡萄牙减赤目标期限再延长一年。    2011年，葡萄?</t>
  </si>
  <si>
    <t>治理雾霾  必须转变能源发展方式</t>
  </si>
  <si>
    <t>近年来，由于空气中PM2.5(细颗粒物)浓度过高，我国区域性雾霾污染频发。今年1月份以来，长时间、大范围的雾霾天气更是横扫我国中东部地区，尤以京津冀鲁、长三角和珠三角地区为甚。    雾霾，既影响经济社会发展，也危害民众健康。    “这已经是当前社会最大的矛盾之一?</t>
  </si>
  <si>
    <t>拉脱维亚有望明年加入欧元区</t>
  </si>
  <si>
    <t>拉脱维亚日前正式向欧盟委员会提交申请，希望欧委会制作额外的欧元区经济趋同报告，以便让拉脱维亚在2014年1月1日正式加入欧元区。考虑到欧债危机逐渐缓解，加之拉脱维亚经济的良好表现，拉脱维亚加入欧元区将是一个双赢的结果。    近年来拉脱维亚经济表现良好。2012年4季</t>
  </si>
  <si>
    <t>可持续发展是城镇化的最高目标</t>
  </si>
  <si>
    <t>“童话王国”丹麦首都哥本哈根是全球闻名的低碳环保先锋城市，也是世界上最宜居的城市之一。长期以来，哥本哈根市政府积极应对气候变化挑战，在城市规划、建设、发展和管理中大力推进可持续发展战略，成效显著。过去十年，哥本哈根城市二氧化碳排放量减少了20%，现在正在向20</t>
  </si>
  <si>
    <t>FBI与SEC合作调查高频交易</t>
  </si>
  <si>
    <t>据英国《金融时报》报道，美国联邦调查局(FBI)开始和美国证券交易委员会(SEC)携手调查有关高频交易技术有可能导致的市场操纵威胁，这类交易已经超出了传统执法的能力范围。    美国证券交易委员会的量化分析部正在集中精力应对高频交易公司和黑池交易日益流行的问题：交易?</t>
  </si>
  <si>
    <t>日刊称日本应对人民币国际化趋势早作准备</t>
  </si>
  <si>
    <t>日本《经济学人》周刊最近一期刊登立命馆大学政策科学部教授西村阳造一篇题为《日元要防备人民币国际化》的文章，认为人民币国际化关键取决于中国的经济增长而非政策优劣，人民币国际化将成为大势所趋，但全面实现还需一二十年。作为应对，日本需要讨论如何优先加强经济增长?</t>
  </si>
  <si>
    <t>宽松预期带动全球市场劲升</t>
  </si>
  <si>
    <t>受全球宽松货币政策预期和经济数据回暖提振，美国股市主要股指创下历史新高，并带动全球市场掀起一波升浪：欧洲股市5日大涨，收盘创4年半以来新高；亚太股市6日普涨，摩根士丹利亚太指数(MXAP)盘中涨幅超过1%，日经指数6日盘中更是达到4年内最高水平。    自2009年3月触及6</t>
  </si>
  <si>
    <t>“狼”真的来了？</t>
  </si>
  <si>
    <t>3月1日午夜，随着美国总统奥巴马签署行政令，本财年联邦政府削减850亿美元开支的计划正式启动。奥巴马一直空喊着“狼来了”，这次“狼”真的来了。    在“边缘政策”上一贯运气不错的奥巴马以为国会两党还能在最后一刻达成协议，但他这一次却失算了《洛杉矶时报》说，自动</t>
  </si>
  <si>
    <t>中国企业“走出去”要防范内幕交易风险</t>
  </si>
  <si>
    <t>去年，中国海洋石油有限公司以151亿美元现金收购了加拿大能源企业尼克森股份公司(NexenInc.，以下简称尼克森)，美国证监会就及时发现涉嫌内幕交易的行为并迅速立案展开调查。这是继中国石油天然气集团公司在加拿大爆出内幕交易丑闻后，中国企业在“走出去”过程中再触内幕交?</t>
  </si>
  <si>
    <t>重振造船业雄风</t>
  </si>
  <si>
    <t>欧洲一直在世界造船业中占有重要位置。据统计，欧洲有150余家大型船厂，其中约有40家活跃在全球商业造船市场。如果按吨位计算，欧盟造船企业在全球造船市场的份额约有15%，而如果按产值来计算，欧盟企业与韩国企业几乎并列占据世界第一的位置。欧盟造船业在一些高端船型如豪?</t>
  </si>
  <si>
    <t>机构称全球迎第三轮货币大宽松</t>
  </si>
  <si>
    <t>澳大利亚央行5日宣布，维持基准隔夜拆款利率在3%不变，这拉开了本周多个央行公布利率决议的序幕。市场预期欧洲央行、英国央行和日本银行本周也将宣布维持基准利率不变，但上述三家央行面临本地经济需继续采取刺激措施的压力，机构称全球将迎来第三轮货币大宽松。    5日率?</t>
  </si>
  <si>
    <t>法兰克福：一个宜居的国际金融都市</t>
  </si>
  <si>
    <t>许多初次来到德国法兰克福的游客心里都会有着巨大的反差：想象中在国际上名头不小的法兰克福无论如何也得像上海一样有着四处林立的高楼大厦，实际到了法兰克福才发现，如果只想浮光掠影地走马观花的话半天时间就足够了。    “同中国的大城市相比，法兰克福的规模可能就像?</t>
  </si>
  <si>
    <t>底特律缘何濒临破产</t>
  </si>
  <si>
    <t>由于财政告急，闻名世界的美国汽车城底特律可能面临破产。    2月19日，一个由密歇根州政府任命的专家小组宣布底特律陷入财政危机；3月1日该州州长施奈德宣布底特律市处于财政紧急状态，并有准备接管这座车城的态势。施耐德表示，除非底特律市虚弱的财政状况出现快速好转，</t>
  </si>
  <si>
    <t>“变色龙”奥巴马</t>
  </si>
  <si>
    <t>2010年2月，刚上任不久的美国总统奥巴马便设立了由18位民主、共和两党官员和专家学者组成的全国财政责任和改革委员会，兴师动众地大谈削减政府赤字，但在今年连任后却说保经济增长比削减赤字重要。    好一个“变色龙”奥巴马，美国会众议长博纳批评得没错，奥巴马在减赤议</t>
  </si>
  <si>
    <t>美改称“自动减支影响有限”</t>
  </si>
  <si>
    <t>由于美国政府未能就减赤协议的替代性措施达成协议，3月1日，美国总统奥巴马签署了自动减支令，正式启动强制性支出削减机制。而从美国媒体的报道来看，包括总统奥巴马在内的各派论调多转向“自动减支影响有限”。    不同领域受影响程度不同    奥巴马的指令将要求超过20?</t>
  </si>
  <si>
    <t>英镑魅力逐渐消失</t>
  </si>
  <si>
    <t>今年伊始，英镑进入下跌通道。目前，英镑对美元比价为1比1.5155，跌至近3年来的最低水平，比去年年底接近1比1.63的高位下跌了近7%。    随着穆迪将英国主权债务评级从最高级3A下调至AA1，英镑今年低位徘徊的走势成为普遍预期。根据美林银行的研究，目前全球基金经理减持英?</t>
  </si>
  <si>
    <t>微信“摇”出移动互联网时代商机</t>
  </si>
  <si>
    <t>2月25日，腾讯内部邮件称，企业发展事业群广州研发线下成立微信美国办公室，负责美国微信用户的发展及研究、公司客户关系的建立及拓展合作等。这意味着，微信正式开始拓展美国市场。此前，科技博客网站TheNextWeb在2012年10月份的一篇报道里曾分析了微信的国际化路线与进入美</t>
  </si>
  <si>
    <t>重点关注美国失业率和中国宏观经济数据</t>
  </si>
  <si>
    <t>下周外围经济数据主要集中在欧美非制造业PM I及美国失业率，风险事件主要包括欧洲、英国以及日本央行利率决议。中国方面，两会开幕在即，预计市场会对两会涉及题材有所反应；周六统计局将公布1-2月宏观数据，将对盘面走势做出指引。    3月4日，星期一，欧元区公布3月Senti</t>
  </si>
  <si>
    <t>日本加入TPP利弊几何</t>
  </si>
  <si>
    <t>日本首相安倍晋三访美没能就日本参加TPP(跨太平洋战略经济伙伴关系协定)谈判明确表态，似乎在这一问题上未交上令美国满意的答卷，但各种迹象表明，由于安倍政权正在全力推动，日本国内舆论支持参加TPP谈判的呼声日占上风，日本参加TPP可能只是时间问题。    日本参加TPP有?</t>
  </si>
  <si>
    <t>世界移动通信大会：近场通信成新热点</t>
  </si>
  <si>
    <t>正在西班牙巴塞罗那举行的世界移动通信大会上，全球移动通信协会强力推介的近场通信(NFC)技术高调登场，成为业界新热点。    近场通信是一种非接触式识别和互联技术，能允许电子设备在几厘米距离内实现信息和数据的交换，其运用已扩展至交通、旅行、购物等方面。与同为短程</t>
  </si>
  <si>
    <t>丹麦的时尚主张</t>
  </si>
  <si>
    <t>与巴黎、伦敦、米兰和纽约等世界时尚之都不同，丹麦以独树一帜的时尚设计闻名于世，其简约实用、典雅清新、经典与现代交织的风格是北欧时尚的典型代表，设计师们秉承“设计为生活”的理念诠释时尚，鲜明的时尚元素往往融合于实用主义美学之中。在时尚领域的大胆探索和锐意创?</t>
  </si>
  <si>
    <t>奔跑在创新创业赛道上的美国新牛仔</t>
  </si>
  <si>
    <t>美国创新创业活跃，被称作“创业天堂”。美国农村的创新创业氛围同样浓厚，世人心目中的美国“牛仔”如今成为美国庞大的创新创业大军中一个不可忽略的组成部分。有研究表明，发达程度越高，农村家庭收入中的非农部分所占比例就越高；美国农村人口占16%，农业人口则不到2%。可</t>
  </si>
  <si>
    <t>伯南克重申宽松慎言退出</t>
  </si>
  <si>
    <t>美国联邦储备委员会(美联储)主席本·伯南克26日在美国参议院银行委员会就半年期货币政策报告作证时，向市场发出了明确信号：短期内不会考虑实施退出策略。伯南克还试图弱化宽松政策的负面危害，并向议员们保证美联储有能力驾驭由此带来的潜在风险。    大体看好经济前景</t>
  </si>
  <si>
    <t>美研究机构：政治壁垒阻挠中国对美投资</t>
  </si>
  <si>
    <t>美国罗迪厄姆咨询公司25日发布报告说，2012年中国对欧盟投资是对美国投资的两倍，主要原因是美国政治因素阻挠了中国对美基础设施和高技术领域的投资。    报告说，自2008年以来中国对美欧投资快速增长。在2008年之前，中国对欧盟27国投资每年不到10亿美元，到2009年和2010?</t>
  </si>
  <si>
    <t>奥巴马等待共和党妥协</t>
  </si>
  <si>
    <t>距离美国全面自动减支措施将自动生效的时间，还剩短短的三天，但共和、民主两党仍未有任何达成协议的迹象。    尽管美国总统奥巴马上周五在会见到访的日本首相安倍晋三时指出，他本人并不认为美国在3月1日时启动自动减支措施已是势在必行无法避免，国会两院接下来将不会坐?</t>
  </si>
  <si>
    <t>中海油151亿美元收购尼克森</t>
  </si>
  <si>
    <t>中国海洋石油有限公司2月26日宣布完成对加拿大尼克森公司的收购，此次收购的普通股和优先股的总对价约为151亿美元，此外中海油还将承担尼克森43亿美元的债务，收购总价达194亿美元，这是中国企业成功完成的最大一笔海外并购。    业内人士认为，此次收购成功将使得中海油全</t>
  </si>
  <si>
    <t>囊中羞涩的美国地方政府</t>
  </si>
  <si>
    <t>“现在换领驾照不再是5美元，而是20美元。”弗吉尼亚州阿灵顿县一家交管局的服务收费比去年涨了数倍。这是美国地方政府税源增长乏力的一个缩影。    和美国联邦政府的“信用卡”可以无限制调高额度不同，美国地方政府基本上都有平衡预算的压力，金融危机衰退之后销售税增长</t>
  </si>
  <si>
    <t>意大利大选结果安抚市场情绪</t>
  </si>
  <si>
    <t>意大利议会选举24日至25日举行，正式结果当地时间26日公布。投票程序25日下午3时结束，出口民调显示，中左翼联盟在议会参、众两院选举中全面领先，该联盟领导人皮耶路易吉·贝尔萨尼有望成为新一届政府总理。    据意大利国家电视台报道，在参议院选举中，中左翼联盟的支持</t>
  </si>
  <si>
    <t>市场关注伯南克有关退出策略表态</t>
  </si>
  <si>
    <t>美联储主席伯南克26日、27日将分别在参议院银行委员会、众议院预算委员会就2012年下半年美国货币政策进行陈述。预计本次作证将有三大看点：一是如何判断美国经济复苏态势，二是如何评价去年下半年继续推行的新量化宽松政策，三是会否就未来可能实施的退出策略进行表态。</t>
  </si>
  <si>
    <t>QE若提前退出对中国影响不大</t>
  </si>
  <si>
    <t>美国联邦储备委员会近日公布的最近一次议息会议纪要显示，多位美联储成员对进一步购买资产的潜在成本和风险表示关注和忧虑，认为需在就业完全好转之前就逐步缩小量化宽松措施(QE)规模。这也意味着，此前意见高度统一的量化宽松政策，在美联储内部已经产生分歧，且退出的声音?</t>
  </si>
  <si>
    <t>日电子业去电视化背后隐藏更大战略变局</t>
  </si>
  <si>
    <t>长期深陷亏损困境的日本电子业似乎正在迎来业绩转机：松下、夏普等企业公布的最新财务数据显示，其当季已经开始盈利，而这被媒体解读为日本电子企业此前集体去电视化战略成功的表现。然而笔者却认为，日本电子业集体去电视化的举动仅仅是规避本国货币价值变动风险的战术性举?</t>
  </si>
  <si>
    <t>黑田入主日本央行传闻推升股市</t>
  </si>
  <si>
    <t>日本多家媒体报道称，支持日本推行货币宽松政策的亚洲开发银行行长黑田东彦或将担任日本央行行长一职。在此消息的刺激下，25日东京股市日经225种股票平均价格指数高开高走，以11662.52点报收，比上一个交易日飙升2.43%，为近53个月来新高。    据日本共同社《日本经济新闻?</t>
  </si>
  <si>
    <t>日本称近期将加入TPP谈判</t>
  </si>
  <si>
    <t>日本首相安倍晋三近日在美国访问期间，对于高铁技术、能源、贸易等领域释放了强烈合作信号，日本官方透露近期将宣布正式加入《跨太平洋战略经济伙伴协定》(TPP)谈判。分析人士称，日本与美国经济关系升温，将助其全球经济地位的恢复。    日本将宣布加入TPP谈判    日本?</t>
  </si>
  <si>
    <t>贝氏“搅局”急煞欧洲</t>
  </si>
  <si>
    <t>即使不会再一次当选总理，贝卢斯科尼还是成功地再次成为欧洲的焦点人物。去年底意大利总理蒙蒂宣布辞职的同时，曾三度任意大利总理的贝卢斯科尼高调复出，宣布参加今年的议会及总理竞选。这一消息当时就引发欧洲债券市场动荡，让欧元汇率承压。    2011年贝卢斯科尼因信任?</t>
  </si>
  <si>
    <t>7亿美元红包落袋  京东仍难言“不差钱”</t>
  </si>
  <si>
    <t>蛇年春节，京东商城(以下简称“京东”)收获了一份令外界咋舌的大礼——新一轮约7亿美元(约合44亿元人民币)的普通股股权融资，投资方包括本轮入股的新股东加拿大安大略教师退休基金和来自沙特的王国控股公司，而京东的一些主要股东亦跟投了本轮。    不过，巨额的融资并没有</t>
  </si>
  <si>
    <t>美英量化宽松政策各唱各调</t>
  </si>
  <si>
    <t>美国联邦储备委员会20日公布的最近一次议息会议纪要显示，美联储多位高级官员担心目前正在进行的大规模资产购买计划(QE)将推升通胀压力，威胁金融体系稳定，这被外界认为将提前停止购债计划。同日公布的英国央行货币会议纪要却显示了对通胀压力不同的态度，且欲小幅扩大购债?</t>
  </si>
  <si>
    <t>陨星坠俄“天外来客”受追捧</t>
  </si>
  <si>
    <t>一颗陨星2月15日上午坠落在俄罗斯中部乌拉尔山区。一些美国专家说，陨星坠落在地面的碎块可能给那些迅速出门“淘石”的人带来一笔财富。一些当地人已经发现这一“商机”，在互联网上拍卖陨星碎块。    瑟夫·古特海因茨是陨石专家和前美国国家航空航天局高级特工。他接受俄</t>
  </si>
  <si>
    <t>经济升温  美企掀新一轮并购潮</t>
  </si>
  <si>
    <t>近几个月，对未来全球经济的乐观情绪有所升温，企业之间的并购活动也变得频繁，有分析认为，美国企业将掀起新一轮并购热潮。不过，密集的并购也招来更严的监管，美国学者认为，在经济趋于好转之际，反垄断的力度可能会更强。    不妨先看一下最近见诸报端的一些收购大案：$</t>
  </si>
  <si>
    <t>公海资源：国家间下一个激烈争夺点</t>
  </si>
  <si>
    <t>近年来，驻在牙买加的联合国机构国际海底管理局频繁接到咨询，该机构掌管公海海底矿藏资源，而公海面积约占地球表面积的51%。据联合国统计局解释，在联合国框架下，“全球公地”主要指为《南极条约》(1959年)、《外太空条约》(1966年)、《月球条约》(1979年)、《联合国海洋法</t>
  </si>
  <si>
    <t>推进收入分配改革应对世界经济转型</t>
  </si>
  <si>
    <t>2012年是世界经济形势极为复杂的一年。面对全球金融危机过后的深度转型期，美国、欧盟和日本等发达经济体纷纷启动了宽松货币政策，给世界经济带来了新的影响，也给我国宏观经济形势的稳定带来了冲击和影响。我国仍处于重要的战略机遇期，但同时也是结构性矛盾的凸显期，切实?</t>
  </si>
  <si>
    <t>美国媒体预测：中国经济前景乐观</t>
  </si>
  <si>
    <t>部分美国媒体近日刊登文章和报道，对中国2013年经济发展前景以及与增长相关的各要素进行预测，普遍作出较为乐观的判断，同时提出可能潜在的问题。美国《福布斯》杂志网站日前刊文《2013年中国预测》说，在新一届领导人的良好管理下，2013年中国经济增速将有望保持在8%以上，?</t>
  </si>
  <si>
    <t>BP漏油事故罚金将低于预期</t>
  </si>
  <si>
    <t>因考虑到回收原油，因2010年墨西哥湾漏油事件受罚的英国石油公司(BP)在美国民事审判中的罚金将被降低。    新奥尔良地方法院法官卡尔·巴比尔19日表示，所回收的油并未接触任何周围环境的海水，亦未释放到环境中。双方同意该81万桶漏油不会用于计算法定最高处罚。外媒称，B</t>
  </si>
  <si>
    <t>美元对多数主要货币汇率上涨</t>
  </si>
  <si>
    <t>美元对多数主要货币汇率19日上涨，由于日本官员表示日本政府不打算要求央行购买外国国债压低汇率，美元对日元汇率涨幅收窄，截至纽约汇市尾盘1美元兑换93.44日元。    日本副首相兼财政大臣麻生太郎19日表示，日本政府不打算要求央行购买外国国债以缓和金融市场紧张形势。?</t>
  </si>
  <si>
    <t>日本为何鲜有公款大吃大喝</t>
  </si>
  <si>
    <t>日本很少有公款大吃大喝，原因是每年预算各个单位招待费预算极少，一般单位都是提前制定下一年的预算，制定预算时，为了节约开支，招待费很容易被砍掉。执行预算时，很多单位很少、甚至几乎没有招待费，相关人员要请客必须自掏腰包，谁都舍不得大吃大喝。    上个世纪90年?</t>
  </si>
  <si>
    <t>挪威公务接待以“抠门”和“小气”出名</t>
  </si>
  <si>
    <t>挪威是一个北欧小国，人口只有500万；挪威又是一个富国，人均国内生产总值单算陆地部分就达4.5万美元。相对应的是，挪威的公务接待却以“抠门”和“小气”出名。    比如说，一个市政府接待客人，大多是一杯咖啡，几片饼干；贵宾来访，多加一束鲜花或一盒巧克力；只有到了?</t>
  </si>
  <si>
    <t>企业竞相押宝页岩气开发“虚火”旺</t>
  </si>
  <si>
    <t>第二轮页岩气招标的落幕，并没有令各路资本押宝页岩气止步。    近日，没有直接参与招标的四川民企宏华集团以与神华地质勘探有限责任公司(以下简称神华地勘)合作的方式，曲线进入页岩气开发领域。与此同时，美国页岩气“巨鳄”Carrizo公司也跃跃欲试，想通过技术合作从中国</t>
  </si>
  <si>
    <t>安倍或下周提名日本央行新行长</t>
  </si>
  <si>
    <t>新任日本央行行长人选可能在下周揭晓。    日本内阁官房长官菅义伟19日在东京表示，日本政府可能将在下周提出日本央行行长及两位副行长的人选。    据《华尔街日报》报道，菅义伟在例行新闻发布会上说，日本首相安倍晋三会在访美回国后考虑日本央行正副行长的人选问题。?</t>
  </si>
  <si>
    <t>监管存盲区页岩气开发环境风险倍增</t>
  </si>
  <si>
    <t>尽管美国的页岩能源革命令人振奋，但欲将其在中国复制，其给环境带来的风险不容小觑。    业内人士和环保专家向《经济参考报》记者指出，页岩气开采中耗水量是常规天然气的10倍左右，且面临许多环境风险，而我国页岩气田多数分布在缺水地区，钻探一口井的环保支出需数百万?</t>
  </si>
  <si>
    <t>丹麦：生育福利制度让人民“很幸福”</t>
  </si>
  <si>
    <t>丹麦是一个生育福利优厚的国家。生孩子，你不用担心丢了工作、影响晋升或受经济损失，无须操心母子的健康保障，更不必为没有足够时间照看孩子而烦恼，国家对这一切都已做了贴心周到的制度性安排，医疗服务体系高度发达，妇幼保健处处以人为本，是典型的北欧高福利模式。</t>
  </si>
  <si>
    <t>芬兰：未成年人福利形成全方位网络</t>
  </si>
  <si>
    <t>芬兰上世纪初内战结束时，曾有2万孤儿无家可归，引起人们对儿童保护的关注。如今，芬兰儿童无家可归的现象很少见，但是每年仍有1.7万名儿童因家庭环境差，被安置在亲属家、寄养家庭、社会福利机构或政府福利院中。    经过一个多世纪的设计与发展，芬兰的儿童保护工作呈现?</t>
  </si>
  <si>
    <t>中国2013年经济社会诸多热点问题</t>
  </si>
  <si>
    <t>美国《华尔街日报》中文网近日刊登了题为《2013年的中国》的报道，在该报道中，麦肯锡驻上海亚洲地区董事长欧高敦对2013年的中国经济、社会等多个方面热点议题进行预测，包括中资银行表现、基础设施支出等。他预测，猪肉或鸡肉的价格会翻一番，一支欧洲足球队将投资中超。</t>
  </si>
  <si>
    <t>欧盟为银行业薪酬设定高门槛</t>
  </si>
  <si>
    <t>据外媒报道，本周，欧盟将对欧盟银行家薪资实行严格限制进行正式讨论，这意味着对银行业安全性的改革正在进入关键的一周，欧盟银行高管奖金将遭遇2008年金融危机以来最严格的限制。    在各国财政紧缩之际，欧盟银行高管仍领取高额薪酬引起了公众的不满。因此，欧洲议会开?</t>
  </si>
  <si>
    <t>货币战争2.0时代已来临？</t>
  </si>
  <si>
    <t>近期，西方七国集团(G7)和二十国集团(G20)接连就汇率问题发声。在日本新一届安倍晋三政府采取宽松货币政策导致日元汇率走低的背景下，“货币战争”正成为国际财经界出现频率非常之高的一个词语。    应该说，“货币战争”是本轮国际金融危机中一个被反复炒作的概念。早在20</t>
  </si>
  <si>
    <t>全球复苏切勿押宝宽松货币政策</t>
  </si>
  <si>
    <t>世界经济复苏前景之所以存在巨大的不确定性，除了危机成因空前复杂之外，是本该作为金融稳定器的美国持续推行不负责任的经济政策所致。美欧不愿通过正常手段修复经济与金融体系，极有可能造成更大的经济隐患。主要经济体亟须摒弃损人并不利己的非合作性博弈政策，扩大互利合?</t>
  </si>
  <si>
    <t>G20声明未批日本  东京股指大涨2%</t>
  </si>
  <si>
    <t>为期两天的二十国集团(G20)财长和央行行长会议于莫斯科当地时间16日结束，会后发布的联合声明未对日本近期实施大规模货币宽松政策导致日元持续贬值进行点名批评。在此消息刺激下，外汇市场上日元汇率18日继续走低，东京股市上日经指数涨幅超过2%。    G20财长和央行行长会?</t>
  </si>
  <si>
    <t>再见，盖特纳</t>
  </si>
  <si>
    <t>在波谲云诡的金融危机余波四年间度过美国第75任财政部长生涯的盖特纳终于可以享受片刻宁静了。近日，美国财政部公布了盖特纳任内的75个重要事件。回顾这四年，盖特纳的表现可以用高强度、高风险、高能量来概括。    作为美国最重要的财经官员，四年任期之内公务出差99次，?</t>
  </si>
  <si>
    <t>英国ZOPA公司P2P网贷获投资人青睐</t>
  </si>
  <si>
    <t>英国ZOPA公司是全球首个P2P网络小额贷款平台。去年底，这家成功走过近8个年头的互联网金融机构获得了来自罗斯柴尔德家族的投资。老牌金融大佬对ZOPA及P2P网贷行业的认可，令互联网金融业的前景更加光明，上升态势或不可挡。    事实上，ZOPA早就得到了一些重头投资人的青睐</t>
  </si>
  <si>
    <t>琥珀艺术品：来自远古的收藏</t>
  </si>
  <si>
    <t>近两年的珠宝玉石收藏市场上，翡翠、和田玉、田黄石等高端藏品因前期涨幅过快价格有所回落，而琥珀的价格却以每年增值20%左右的速度向上稳步攀升，其中非常珍稀的绿珀、蓝珀等，身价更是上涨了二、三十倍。    业内人士表示，随着琥珀的身影不断现身拍卖市场且价格不断创下</t>
  </si>
  <si>
    <t>美国就业市场现“技能缺口”</t>
  </si>
  <si>
    <t>2009年以来，美国上千万人失业或未充分就业。政府推出经济刺激计划，新增数百万就业岗位，试图拉升就业率。另一方面，美国企业却苦于所谓“技能缺口”：企业急需具备行业相关技术和经验的工人，应聘合格者寥寥无几，只能“宁缺毋滥”。    截至2012年年底，全美有大约300万</t>
  </si>
  <si>
    <t>大摩在美被诉销售“有毒”资产</t>
  </si>
  <si>
    <t>据《纽约时报》近日报道，台湾中华开发工业银行此前在纽约起诉了摩根士丹利，原因是摩根士丹利在明知美国房地产市场已经出现麻烦的情况下，将部分名为“Stack2006-1”的担保债务凭证(简称CDO)，也就是所谓的“有毒资产”卖给了该行，使其蒙受巨额损失。    业内分析人士认?</t>
  </si>
  <si>
    <t>德国拟立法遏制商业银行风险投机</t>
  </si>
  <si>
    <t>德国财政部长朔伊布勒6日说，德国政府当天通过了一项旨在遏制商业银行过度风险投机的法律草案，以减少该行业面临的风险。此举意在保证德国商业银行能从2008年席卷全球的金融风暴中汲取教训，有效防范金融风险并最大限度保护广大普通储户的利益。    四个月前，芬兰中央银行</t>
  </si>
  <si>
    <t>日本解决城市化难题的“政府之手”</t>
  </si>
  <si>
    <t>日本的城市化进程完成于二战以后。1950年开始，日本进入战后经济高速增长和快速城市化阶段，城市化率从1950年的37%上升到1977年的76%。20世纪70年代，日本经济增长放慢，进入后工业化时代，城市化率进一步增大，到2005年，日本生活在城市的人口超过86%。近年来，由于日元升值</t>
  </si>
  <si>
    <t>发达国家欲重构世界贸易格局</t>
  </si>
  <si>
    <t>综合外媒消息，欧盟贸易委员德古赫特5日飞抵华盛顿与美国贸易代表柯克会谈。这次会谈的重点之一，就是敲定关于正式启动欧美自贸谈判的联合评估报告。从双方近期的系列言论来看，酝酿10年之久的跨大西洋自由贸易区正走向现实。    德古赫特近日接受路透社专访时表示，欧美目</t>
  </si>
  <si>
    <t>戴尔私有化面临客户流失风险</t>
  </si>
  <si>
    <t>美国戴尔公司5日宣布私有化方案，协议规模达244亿美元。作为戴尔在业界最大的两个竞争对手，惠普和联想随即发表了不同“腔调”的评价。惠普声称要趁机抢夺戴尔品牌的用户；而联想集团则称不会受戴尔私有化影响，只会专注自己策略。    戴尔创始人迈克尔·戴尔说，打算协同?</t>
  </si>
  <si>
    <t>英报称：券商进入影子银行业带来风险</t>
  </si>
  <si>
    <t>英国《金融时报》网站日前刊登题为《中国券商变身影子银行》的报道，报道说，在银行业监管机构加大对信托基金借贷的管理力度后，证券经纪公司正迅速进入中国影子银行业，2012年通过券商展开的影子银行业务可能增长了将近600%。报道称，券商此类业务“存在明显的风险”。</t>
  </si>
  <si>
    <t>日本央行行长“选秀”</t>
  </si>
  <si>
    <t>日本央行行长白川方明5日宣布于3月19日提前离职，理由是为日本政府搭建央行新领导班子提供方便。白川称这一决定未受政治压力影响，但明眼人都能看出，安倍晋三上台后，多次施压要求央行配合政府推出超宽松货币政策，作风向来稳健的白川不敢怒也不敢言，成了受气的“小媳妇”?</t>
  </si>
  <si>
    <t>预算赤字降  美债务仍将创新高</t>
  </si>
  <si>
    <t>美国国会预算办公室5日称，过去四年美国联邦预算赤字削减一半，今年预算赤字更有望跌破万亿美元，但联邦债务仍将触及1950年以来的最高水平。    由于3月1日自动生效的减支时间窗临近，美国总统奥巴马6日呼吁国会通过一项小规模的减支及税负改革方案，以延后自动生效的较大?</t>
  </si>
  <si>
    <t>盖特纳的功与过</t>
  </si>
  <si>
    <t>美国财长盖特纳终于可以享受片刻宁静了。    近日，美国财政部公布了盖特纳任内的75个重要事件。回顾这四年，盖特纳的表现可以用高强度、高风险、高能量来概括。    作为美国最重要的财经官员，四年任期之内公务出差99次，与外国政府首脑会面76次，参加美国国会听证会67?</t>
  </si>
  <si>
    <t>金融市场重回风险偏好模式</t>
  </si>
  <si>
    <t>国际金融协会4日发布资本市场监测报告称，尾部风险下降和流动性充裕已推动全球投资者从“风险厌恶”模式转为“风险偏好”模式，但各地区经济增长持续分化意味着信用风险可能被低估。在投资者风险偏好回升和乐观情绪蔓延的背景下，仍然存在欧元区债务危机如何演变、美国是否大</t>
  </si>
  <si>
    <t>美司法部起诉标普“逐利”评级</t>
  </si>
  <si>
    <t>由于在次贷危机时因商业利益对债券给出不当评级，美国司法部将对国际评级机构标准普尔公司提起民事诉讼，这是联邦政府首次对评级机构发起的法律诉讼，可能引发大型评级机构相继遭受法律制裁。    司法部针对的是标普在2007年可能存在针对债务抵押权证(CDO)的不当评级行为而</t>
  </si>
  <si>
    <t>欧洲会否再现“失去的一代”</t>
  </si>
  <si>
    <t>从政治家到经济学家，包括舆论，几乎一致认为欧洲主权债务危机最严重的时期或已结束。欧洲央行行长德拉吉文艺腔地表示“欧元区最厚重的乌云已经消散”，欧洲人可以更有信心地开始新的一年。但实际上，且不说欧债危机并没有结束，欧元区在2013年能否整体走出经济衰退也是个疑?</t>
  </si>
  <si>
    <t>面对“337”中国企业莫言放弃</t>
  </si>
  <si>
    <t>近日，美国国际贸易委员会对华为、中兴两家企业发起“337调查”，以确定上述企业的3G和4G设备是否侵犯美国公司专利权。美国国际贸易委员会还发表声明说，美国有4家企业在今年1月初向美国国际贸易委员会提出申诉，指控华为、中兴等企业的产品侵犯了他们的专利权，要求启动“33</t>
  </si>
  <si>
    <t>美欧专家：生态文明建设是中国未来发展机遇</t>
  </si>
  <si>
    <t>针对中国将生态文明纳入国家未来整体发展布局，美欧多位专家接受记者专访时表示，中国把环保列入国家发展首要任务之一是重要进步，“这对于中国来说是一种发展机遇”。但如何将共识转化为基层的切实行动至关重要，中国不能再复制西方的错误发展模式，宜尽快探索走上一条更好?</t>
  </si>
  <si>
    <t>美国能躲过“页岩气诅咒”吗</t>
  </si>
  <si>
    <t>在一张美国夜景的卫星照片上，在美国北达科他州的巴肯和德克萨斯州的鹰滩，可清晰地看到眩目的光亮。此地远离城市，显然非人类灯光。那是什么？答案是燃烧的页岩气。这似乎颇像“大萧条”时的倾倒牛奶事件一样，油气巨头为了节省贮藏和运输费用，宁可将大量的页岩气一把火烧?</t>
  </si>
  <si>
    <t>欧洲投行奖金拟削两成</t>
  </si>
  <si>
    <t>欧洲投资银行奖金池今后数周将缩减两成，将拉开欧洲投行与美国竞争对手之间的薪酬档次。    预期落空    英国《金融时报》3日援引消息人士的话报道，英国巴克莱银行、瑞士信贷银行和瑞士银行等欧洲银行2012年奖金整体水平将减少至多15%，但其投资银行分支奖金降幅可能接?</t>
  </si>
  <si>
    <t>“货币战争”是不是来了</t>
  </si>
  <si>
    <t>1月31日，美联储宣布维持量化宽松货币政策不变，直至失业率降至6.5%以下；此前，日本央行宣布重大政策转向，引入2%的通胀目标，自2014年起实施无限量宽松措施。一时间，“货币战争”之说甚嚣尘上。    客观地说，虽然目前并没到“货币战争”的程度，但主要发达经济体不顾量</t>
  </si>
  <si>
    <t>奥巴马称美经济出现改善迹象</t>
  </si>
  <si>
    <t>美国总统奥巴马2日发表讲话，呼吁国会用平衡的方式来削减赤字，以促进经济增长和创造就业。    奥巴马当天在每周例行广播讲话中说，未来几周将面临一些重要的决定，包括关于采用何种方式在减少债务的同时促进经济增长和就业。    奥巴马指出，美国经济出现了真正的改善迹</t>
  </si>
  <si>
    <t>通胀压力渐缓  三大央行仍难降息</t>
  </si>
  <si>
    <t>本周澳大利亚、英国、欧洲央行将相继公布最新利率决定。虽然相关数据显示通胀压力减小或通胀目标上调预期增强，货币宽松政策空间渐大，但市场人士大多预计三大央行都不会有降息动作。    澳大利亚央行5日举行利率会议，分析师对该央行此次是否会降息产生了分歧。多数分析师</t>
  </si>
  <si>
    <t>俄罗斯油气产量小幅增加</t>
  </si>
  <si>
    <t>俄罗斯燃料能源综合体中央调度局2日公布的数据显示，今年1月份俄油气产量同比均实现小幅增长。    数据显示，1月份俄石油和凝析气开采量约为4427.8万吨，比去年同期增加1.2%。在出口方面，当月向非独联体国家出口石油1740.6万吨，同比降2.4%；向独联体国家出口石油240.6万?</t>
  </si>
  <si>
    <t>英国“新贵”私立大学挑战剑桥</t>
  </si>
  <si>
    <t>新人文学院，一所新成立的私立大学，首批注册新生仅60人，每年学费高达1.8万英镑(约合2.95万美元)，两倍于剑桥大学等英国公立名校的收费上限，被英国媒体戏称为“钱桥大学”。    除了收费高于同业，新人文学院也承诺聘请顶级名师授课，向学生提供一对一辅导，打算在教学方</t>
  </si>
  <si>
    <t>欧盟指令困扰丹麦中医药产业发展</t>
  </si>
  <si>
    <t>最近10年来，丹麦中医诊所如雨后春笋般涌现，作为辅助治疗的中成药也日益受到青睐。然而，根据欧盟指令，从2011年5月1日起，包括中药在内的传统植物药必须经过注册才能在欧盟市场作为药物销售和使用。迄今，尚无一种中药在欧盟注册成功。这无疑将给蒸蒸日上的丹麦中医药产业?</t>
  </si>
  <si>
    <t>市值估值双触底  中石油、工行市值负增长</t>
  </si>
  <si>
    <t>1月31日中国上市公司市值管理研究中心在京发布的《2012年中国A股市值年度报告》指出，A股市值规模与估值水平在2012年经历了双双触底后，于年底企稳回升。    股东增持创近年新高民营企业显活力    报告显示，2012年A股总市值和估值水平皆在11月末跌至全年最低水平，市值?</t>
  </si>
  <si>
    <t>“近视”的美国金融监管者</t>
  </si>
  <si>
    <t>全球八百年的金融危机史显示，在顺风顺水的日子里，国家、银行、个人和企业往往缺乏忧患意识，且积累了过量的债务，等到不可避免的衰退降临，金融危机的风险也随之到来。    最新公布的美国金融监管者在2007年的完整会议记录和电话记录显示，包括美联储主席伯南克在内的监?</t>
  </si>
  <si>
    <t>伦敦：从“雾都”到生态之城</t>
  </si>
  <si>
    <t>上世纪50年代，伦敦雾霭重重酿成灾难，英国人自此痛定思痛大力整治环境，并实现产业转型，打造生态社会。时至今日，伦敦摘掉了“雾都”的帽子，蜕变为蓝天白云的“生态之城”，绿色产业成为英国的经济增长领域。从工业革命的先驱到生态文明的领跑者，英国为世界其他国家的工?</t>
  </si>
  <si>
    <t>中国二手车市场发展滞后</t>
  </si>
  <si>
    <t>统计表明，我国2012年二手车交易量预计为480万辆，仅相当于美国同年二手车交易量的1/10。    商务部市场体系建设司司长常晓村说，目前我国二手车90%是直接交易完成的，通过品牌的交易不足1/10，通过拍卖还不足1%，由此可以看出，中国二手车市场发展目前相对滞后。    去?</t>
  </si>
  <si>
    <t>加速油品升级  切断雾霾“祸源”</t>
  </si>
  <si>
    <t>一个月内，雾霾四袭京城，众多城市也都纷纷变身“雾都”，28日中央气象台也发布今年首个霾蓝色预警，称未来一两天内，霾总面积超过130万平方公里。温家宝总理近日表示应采取措施应对雾霾天气。与此同时，汽车尾气排放成为新的关注热点，关于“中石化成品油硫含量为欧洲的15倍</t>
  </si>
  <si>
    <t>移民改革圆了谁的“美国梦”？</t>
  </si>
  <si>
    <t>身为首位非洲裔美国总统，奥巴马实现“美国梦”的历程，在国际舞台上成为最有说服力的个案之一。但如今美国这个最大移民社会的面貌已发生重要变化，“美国梦”一词从语境到内涵也面临现实考验，移民改革问题首当其冲。    29日，第二任期第二周，奥巴马高调在拉斯维加斯宣?</t>
  </si>
  <si>
    <t>BP因漏油事件赔偿40亿美元</t>
  </si>
  <si>
    <t>美国联邦法官萨拉·万斯29日批准英国石油公司(BP)关于墨西哥湾漏油事件的刑事和解协议。根据协议，英国石油公司承认故意杀人罪等14项罪行，同意支付40亿美元的赔偿金。    据《休斯敦纪事报》报道，联邦法官在作出这一裁决前，听取了漏油事件死难工人家属的陈述。很多家属?</t>
  </si>
  <si>
    <t>德国政府有点“抠”</t>
  </si>
  <si>
    <t>德国算得上欧洲的有钱“大户”，对饱受债务危机折磨的邻居总是慷慨解囊，担当大金主。不过，对自己，德国政府可没那么大方，有时甚至有点“抠”……    “说起来你可能会觉得好笑，我们自己开会时，会议桌上什么喝的都不会有，”德国投资与贸易署公共关系高级经理曹奕说。$</t>
  </si>
  <si>
    <t>借力“页岩气革命”中俄油气合作潜力巨大</t>
  </si>
  <si>
    <t>作为东北亚地区主要的能源生产国和能源消费国，中俄能源合作潜力巨大。在29日召开的中俄油气合作研讨会上，与会专家指出，全球“页岩气革命”带来国际能源格局的深刻变革，这将为中俄能源合作带来巨大机遇。    2011年起，俄罗斯通过中俄原油管道每年向中国供应1500万吨原?</t>
  </si>
  <si>
    <t>莫让全球金融监管悄然烂尾</t>
  </si>
  <si>
    <t>在今年的世界经济论坛达沃斯年会上，德国总理默克尔、国际货币基金组织副总裁朱民以及加拿大央行行长卡尼，在不同场合表达了相同的观点——尽管本轮国际金融危机已过数年，欧美大型金融机构也逐渐恢复元气，但针对它们的全球监管绝不能手软，更不能烂尾。放到几年前，这些呼?</t>
  </si>
  <si>
    <t>美国楼市复苏未果</t>
  </si>
  <si>
    <t>美国房地产业的复苏是不争的事实，但时至今日仍远离2007年次贷危机前的水平。按照世界大型企业研究会房地产业专家凯茜·博扬契奇的话说，要想回到危机前的盛况至少还有两三年的路要走。    刚刚过去的2012年，美国房价上涨6%，今年预计还将继续增长7.5%。房价上涨自然是市?</t>
  </si>
  <si>
    <t>拟增千亿额度用于台湾RQFII试点</t>
  </si>
  <si>
    <t>中国证监会网站29日发布公告称，2013年1月29日，大陆方面证券及期货监督管理机构负责人郭树清及台湾方面金融监督管理机构负责人陈裕璋在台北共同主持了首次两岸证券及期货监管合作会议。在此次会议上，大陆方面承诺对台进一步开放资本市场，考虑单独增加台湾方面1000亿RQFII?</t>
  </si>
  <si>
    <t>中国智能手机进入“性价比”时代</t>
  </si>
  <si>
    <t>刚刚过去不久的2012年对于中国手机市场是具有里程碑意义的一年，在众多消费者选择价格相对低廉的实惠型智能手机的推动下，中国智能手机出货量首次超过美国。而在2013年，中国将继续成为全球第一大智能手机市场，同时业界预测中国智能手机市场“性价比”时代来临，智能手机市?</t>
  </si>
  <si>
    <t>中国企业“走出去”亟待提高综合素质</t>
  </si>
  <si>
    <t>英国《金融时报》中文网近日登载美国德杰律师事务所亚洲业务执行合伙伴人、国际兼并收购和国际仲裁法律业务专家陶景洲的文章说，对于中国企业而言，“走出去”是一项高风险的投资活动。中国企业必须做足功课来应对各方面可能的风险和障碍。针对中国企业“走出去”，文章提出?</t>
  </si>
  <si>
    <t>屡遭英政府逃税指责  星巴克威胁中止投资</t>
  </si>
  <si>
    <t>英国媒体27日报道，星巴克威胁英国政府，可能中止在英国的投资计划，理由是首相戴维·卡梅伦屡次“不公平”地指认这家美国咖啡连锁企业逃税。    增设分店计划或搁置    卡梅伦几天前在瑞士达沃斯举行的世界经济论坛上说，逃税企业应该“清醒过来”，正视纳税责任。媒体?</t>
  </si>
  <si>
    <t>美联储年内首次议息料无新意</t>
  </si>
  <si>
    <t>美国联邦储备委员会(美联储)于当地时间29、30两日举行2013年首次货币政策决策会议。华尔街分析师普遍预计，鉴于美国当前仍旧保持“低就业复苏”态势，美联储将执行去年12月12日公布的量化宽松政策。    经济延续复苏态势    美联储最新一期全国经济形势调查报告(“褐皮书</t>
  </si>
  <si>
    <t>国双数据中心助推“大数据时代”</t>
  </si>
  <si>
    <t>1月23日，在线业务优化产品与服务提供商国双科技在京召开新闻发布会，揭幕成立“国双数据中心”。这是国双科技继联合国家信息中心去年成立“网络政府研究中心”以来，潜心打造的第二个研究机构。国双数据中心同时首次发布了《中国互联网发展数据报告2012》和《中国政府网站发</t>
  </si>
  <si>
    <t>那些失业的年轻人</t>
  </si>
  <si>
    <t>从政治家到经济学家，舆论几乎一致认为，欧洲主权债务危机最严重的时期或已结束。欧洲央行行长德拉吉文艺腔地表示，“欧元区最厚重的乌云已经消散”，欧洲人可以更有信心地开始新的一年。但实际上，且不说欧债危机并没有结束，欧元区在2013年能否整体走出经济衰退也是个问号?</t>
  </si>
  <si>
    <t>欧元区整体债务高峰期尚未到来</t>
  </si>
  <si>
    <t>欧盟统计局23日发布的最新统计数据显示，尽管欧元区在治理欧债危机过程中一再强调各国政府努力紧缩财政、开源节流，但目前欧元区17国政府债务水平仍然居高不下。德国商业银行分析师表示，鉴于目前南欧国家经济陷入衰退，而世界其他主要经济体明显缺乏增长动力，欧元区整体债?</t>
  </si>
  <si>
    <t>雾霾阵痛</t>
  </si>
  <si>
    <t>27日，本月第四次雾霾侵扰京城，10时空气质量实况监测显示，城区、郊区空气质量指数AQI均在200以上，为五级重度污染。    1月份以来，我国中东部地区持续出现雾霾天气，与空气质量相关的呼吸道疾病病例相应增多，也引发了人们的“空气焦虑”。    专家表示，持续雾霾污染</t>
  </si>
  <si>
    <t>我国全要素生产率在降低</t>
  </si>
  <si>
    <t>尽管我国经济增长快于西方，但是已呈缓慢下滑势头。随着国外进口需求的进一步萎缩，我国传统出口、投资与消费三驾马车的经济模式已难以为继，而单独依靠投资或消费的增长方式似乎也不太现实，新经济增长方式成型迫在眉睫。    未来如何在我国人口增长、增加消费、减少房地?</t>
  </si>
  <si>
    <t>电荒阴云笼罩巴西</t>
  </si>
  <si>
    <t>在北半球经历寒冬的当下，地处南半球的热带国家巴西近几个月来却在经受高温酷暑的煎熬。对于巴西政府来说，比高温更难受的，是国内有可能出现的“电荒”。    在东南沿海的里约热内卢等地，去年年末几天里，官方测量的最高气温一度达到43.2摄氏度，是1915年有历史记录以来?</t>
  </si>
  <si>
    <t>北京烤鸭怎样“飞”过肯德基炸鸡</t>
  </si>
  <si>
    <t>近日看到一则新闻，截至2011年12月底，美国肯德基已成功地在中国大陆的700多个城市和乡镇开出了近3500家餐厅。由此不禁想到，这个以炸鸡为典型代表的快餐店20多年前进入中国后就风靡全中国，长盛不衰，在中国任何城市的肯德基店，只要一进去，排队等候是最常见的景观，美国肯</t>
  </si>
  <si>
    <t>美国最“廉价”的一代</t>
  </si>
  <si>
    <t>调查显示，现在的美国年轻一代既不爱买车，也不爱买房，被称为最“廉价”的一代。这究竟是经济衰退时期的暂时表现，还是一代人消费习惯的永久改变？    购车意愿下降    2009年，美国福特汽车公司从欧洲引进新款迷你车型“嘉年华”，旨在吸引美国年轻人注意。此举颇为大?</t>
  </si>
  <si>
    <t>寿险业“重理财、轻保障”亟须扭转</t>
  </si>
  <si>
    <t>2012年保险行业增速直线下滑，寿险业更是经营惨淡。在低迷的投资环境下，将“理财”视为拼抢阵地的寿险遭遇银行、信托等机构夹击，遭遇滑铁卢。    专家认为，保障产品匮乏的寿险企业亟须认清核心价值，扭转“重理财、轻保障”的现状，才能冲破发展迷雾。    寿险“理财?</t>
  </si>
  <si>
    <t>美欧日衰退为中国提供罕见战略机遇</t>
  </si>
  <si>
    <t>针对中国战略机遇期问题，德国外交政策协会研究所所长艾伯哈特·桑德施耐德、德国波恩大学全球研究中心主任辜学武认为，美、欧、日同时衰退为中国未来10年提供了罕见的战略机遇，但中国也面临着如何以和平及合作方式与其他大国重写国际规则的重大挑战，中国可通过推进中美战?</t>
  </si>
  <si>
    <t>日本达成2%通胀新目标有点儿难</t>
  </si>
  <si>
    <t>在新首相安倍晋三的强大压力下，日本央行在22日的货币政策会议上决定设定物价年涨幅为2%的通胀目标，并与政府发表有关摆脱通缩和防止日元升值的共同声明。会议同时决定，继去年12月后再次实施进一步的货币宽松政策。安倍政权的思路是，通过量化宽松改变日元升值、提振股市；?</t>
  </si>
  <si>
    <t>货币战预警升级中国怎么办</t>
  </si>
  <si>
    <t>日本央行22日决定引入2%的通胀目标，同时决定自2014年起实施每月定期购入资产的“无限期”货币宽松措施。    开闸放水的绝不仅日本一家。当前，从美联储到欧洲央行、英国央行，货币决策者都在采取更加积极的干预措施刺激经济。在短期增长动能不足，公共财政受限背景下，市?</t>
  </si>
  <si>
    <t>伊根—琼斯评级业务遭禁18个月</t>
  </si>
  <si>
    <t>美国信用评级公司后起之辈伊根-琼斯遇到麻烦。美国证券交易委员会(SEC)对其发起指控，该公司22日同意被禁止从事资产支持证券和政府债券评级业务18个月以及支付3万美元罚金与美国证券交易委员会达成和解协议。    曾批评过一般评级支付模式存在利益冲突的伊根-琼斯成为美国?</t>
  </si>
  <si>
    <t>欧洲银行新发债券重获青睐</t>
  </si>
  <si>
    <t>据英国《金融时报》报道，前几年一直回避欧洲债券市场的美国投资者，开始重新抢购欧元区内银行发行的债券。    Dealogic的数据显示，2012年全球银行债券发行规模为1.26万亿美元，为2002年以来最低水平。其中，银行融资的主要来源——高级无担保债券的发行规模为2003年以来?</t>
  </si>
  <si>
    <t>德国：把握机遇十大作法助重新崛起</t>
  </si>
  <si>
    <t>作为两次世界大战的发起国，德国在二战结束后不仅经济破产、国家分裂，且名誉扫地，受到世界各国的防范和制约。但经过60多年的发展，德国不仅实现重新统一，成为欧洲第一、世界第四大经济体，而且借助在欧债危机中的优异表现，政治影响力也大为提升。作为欧元区经济的“发动?</t>
  </si>
  <si>
    <t>中国未来需要驾驭的挑战是自己的成功</t>
  </si>
  <si>
    <t>新加坡前驻联合国常任代表、新加坡国立大学李光耀公共政策学院院长马凯硕表示，中国需要学会驾驭的挑战之一实际上恰恰是自己的成功。这是因为中国在过去几十年取得了令世人瞩目的成就，也创造了中等收入群体。同时，中国崛起的过程令其他国家感到不舒服。因此，未来十年，中?</t>
  </si>
  <si>
    <t>电商行业传统竞争模式已被终结</t>
  </si>
  <si>
    <t>去年以来，国内电商企业试水金融服务领域的消息频频见诸报端，而此前美国电子商务企业也推出了类似的金融服务产品，针对电商企业进军金融领域是模式创新还是不务正业，业界一直存在着诸多争议。在笔者看来，经历了去年大大小小的价格纷争后，国内电子商务企业转而寻求一种新?</t>
  </si>
  <si>
    <t>欧盟财长会：银行监管在分歧中求进展</t>
  </si>
  <si>
    <t>2013年首次欧盟财政会议1月22日开始在布鲁塞尔召开，欧盟财长将讨论银行监管、金融交易税以及EMS机制等问题。此后，许多欧盟代表还将参加在瑞士达沃斯召开的世界经济论坛第43次年会。    本次财长会议上，欧盟27国财长将讨论是否允许11国现行征收金融交易税并且和欧洲议会?</t>
  </si>
  <si>
    <t>英国金融业一季度或新裁1.8万人</t>
  </si>
  <si>
    <t>英国工业联合会(CBI)最新公布调查结果显示，受资本密集型行业业务萎缩影响，英国金融业一季度裁员人数将达1.8万人。    根据普华永道和CBI联合发布的报告，英国银行业在去年四季度遭受损失，将再次引发英国经济减速已经蔓延至各个领域的恐慌。    据悉，普华永道的报告指</t>
  </si>
  <si>
    <t>国内最大两家骨科器械企业被美企收购</t>
  </si>
  <si>
    <t>1月17日，美国史赛克公司宣布收购位于常州的骨科产品生产商创生公司。此前，美国美敦力公司在去年11月中旬成功收购我国另一家骨科器械企业康辉公司。    创生公司和康辉公司分别是国内骨科医疗器械行业排名第一、第二位的企业。在短短两个月内、两家中国骨科领先企业都被外</t>
  </si>
  <si>
    <t>中概股集体回暖打开赴美IPO窗口</t>
  </si>
  <si>
    <t>美国当地时间1月18日，中概股股价再度延续之前上涨趋势。i美股编制的中概30指数(ICS30)显示，当日ICS30收报719.5点，上涨6.3点，涨幅为0.88%。尽管1月18日的ICS30表现不温不火，但在过去的6个月中，这一指数已经从560点左右一路上涨，上涨超过155点，涨幅超过27.7%，显示出中</t>
  </si>
  <si>
    <t>法国“光辉30年”后的滑落</t>
  </si>
  <si>
    <t>法国在二战后走上经济振兴之路，经历“光辉30年”成为全球第五大经济体，跻身西方七大工业发达国家之列。但从上世纪80年代至今，法国没有把握好经济全球化等带来的机遇和挑战，国家竞争力持续下降。相对被誉为“欧洲经济发动机”的德国，如今法国已变成“欧洲心脏的定时炸弹?</t>
  </si>
  <si>
    <t>波音787险象环生  藏多重隐患</t>
  </si>
  <si>
    <t>拥有数项第一的美国波音787梦想飞机进入2013年连发故障，从上周初至本周三，十天七次事故，频率极高，虽未造成人员伤亡，但无疑已引发了全球对其安全性的高度关注，也因此让人反思其中存在的深层问题。    多国航班停飞波音787    从7日起，波音787在日本接连发生燃料泄?</t>
  </si>
  <si>
    <t>雅各布·卢：美债上限谈判主攻手</t>
  </si>
  <si>
    <t>谁来接替盖特纳担任美国财长？这个不大不小的悬念日前揭晓。    奥巴马总统提名现任白宫办公厅主任雅各布·约瑟夫·卢担此重任。“除了卢，我想不出更好的人选”，希望在第二个任期中大展拳脚的奥巴马说，“他知道纸上的每一个数字，预算中的每一个美元，我们做出的每一个?</t>
  </si>
  <si>
    <t>两国际组织发布全球贸易测算新方法</t>
  </si>
  <si>
    <t>“这是一个产品，还是一项服务？”世界贸易组织(世贸组织)总干事拉米16日在经济合作与发展组织(经合组织)位于巴黎的总部举起一台苹果平板电脑(IPAD)问道。    从外观来看，苹果平板电脑是一个产品，其价值可在国际贸易中体现，但它所隐含的服务却难以真实再现。为了反映各?</t>
  </si>
  <si>
    <t>事故频发  日航空公司暂停波音787飞行</t>
  </si>
  <si>
    <t>日本两家最大航空公司日本航空公司和全日空航空公司16日宣布，暂时停止旗下波音787梦想飞机的飞行任务。此前两家公司均有该款型号的飞机发生故障导致紧急迫降的事故发生。    据日本媒体报道，日本全日空公司一架波音787客机16日上午从山口县宇部机场飞往东京羽田机场，飞?</t>
  </si>
  <si>
    <t>欧洲议会的微妙地位</t>
  </si>
  <si>
    <t>近几次欧盟峰会有一个有趣的现象，就是在各国首脑们紧张地关门讨论时，欧洲议会的议长舒尔茨总要搞一个新闻发布会，他在会上慷慨激昂地发表演说，而台下的记者寥寥。看来各国记者心知肚明，在当前阶段，真正对欧盟，特别是对经济政策有影响力的，是欧盟的四个P residents——</t>
  </si>
  <si>
    <t>惠誉预警  美3A信用评级再告急</t>
  </si>
  <si>
    <t>在提高债务上限问题上，美国国会和政府又打拉锯战，令国际信用评级机构失去耐心。惠誉15日发出警告，若不能及时提高债务上限避免国家违约风险，美国可能丧失长期主权信用AAA等级。    所谓债务上限，是指美国国会为美国财政部发行国债设定的法定上限，随着国债规模的扩大需</t>
  </si>
  <si>
    <t>伟大互联网公司架构风险的出路何在</t>
  </si>
  <si>
    <t>在美国、香港等地上市的100多家中国企业，包括新浪、搜狐、网易、腾讯、百度等，虽然有着伟大的贡献，但其协议控制模式在监管与合同两个方面都暗藏巨大的法律风险，可能发生严重的系统性危机。    “协议控制-VIE模式”展示了市场创新与过度监管之间的博弈，在这一群体性规</t>
  </si>
  <si>
    <t>印度：欲靠服务业跻身大国之列</t>
  </si>
  <si>
    <t>最近二十多年来，印度迈向世界强国的步伐加快，国际地位有显著提高。印度在上世纪90年代初开始实行经济自由化改革，新世纪以来经济发展进入快车道，尤其是以外包产业为代表的服务业主导经济发展成为印度发展的一大特色，使得印度与中国、俄罗斯和巴西一起被视为未来推动世界?</t>
  </si>
  <si>
    <t>人均水平低使中国近期难成第一</t>
  </si>
  <si>
    <t>法国著名学者、前总统经济顾问雅克·阿塔利日前接受记者采访时认为，未来10年，美国仍将在军事、经济、科研创新等方面占据主导地位，世界将向全球治理方向发展。中国面临的重大挑战是要营造和平稳定的内外发展环境，继续完善社会保障和创建有中国特色的社会民主制度。受制于?</t>
  </si>
  <si>
    <t>美债务上限谈判仍僵持不下</t>
  </si>
  <si>
    <t>美国总统奥巴马、财政部长盖特纳和美联储主席伯南克14日一齐敦促尽快达成债务上限协议，但白宫与共和党议员围绕债务上限和减支问题的谈判仍僵持不下。    各方敦促达成协议    奥巴马14日称，美国债务违约风险正在伤害美国经济，如果真的发生违约，则将拖累美国陷入另一?</t>
  </si>
  <si>
    <t>奥巴马只得直面控枪呼声</t>
  </si>
  <si>
    <t>美国枪支行业陷入一个前所未有的道德困境，也面临越来越大的政治压力，经营环境恶化。    长期以来，美国枪支行业的利润率一直相当可观。据《华尔街日报》报道，近年来随着各州和联邦政府放松限制，美国枪支制造商的销售额快速增长。美国有接近13万家联邦注册枪械销售商，?</t>
  </si>
  <si>
    <t>日本推出史上第二大规模补充预算案</t>
  </si>
  <si>
    <t>日本政府15日通过了总规模达13.1万亿日元(1美元约合88.73日元)的2012财年(截至2013年3月底)补充预算案。为此，日本政府将追加发行5.211万亿日元国债。    这是日本政府有史以来规模第二大的补充预算案，仅次于14.7万亿日元的2009财年第一次补充预算案。与此前一次不同的是?</t>
  </si>
  <si>
    <t>环保部急令地方控污染减排放</t>
  </si>
  <si>
    <t>北京空气质量已连续5天严重超标，其他多地也持续受到雾霾天气困扰。环保部14日紧急发出通知，要求各地在继续强化火电、钢铁、水泥等行业二氧化硫、氮氧化物总量控制基础上，突出抓好工业烟粉尘、施工扬尘、挥发性有机物和机动车尾气污染治理工作。    当日，亚洲开发银行和</t>
  </si>
  <si>
    <t>新技术恐难拯救日本家电业</t>
  </si>
  <si>
    <t>风光不再的日本家电企业将希望寄托在了新技术的应用上，但值得关注的是，正是过度重视技术研发而忽视产品市场推广，造成了日本家电业陷入全面衰退的局面。    “鸿夏恋”恐陷入僵局    “鸿夏恋”是2012年全球家电行业最受关注的事件之一。然而，夏普与鸿海的入股谈判近?</t>
  </si>
  <si>
    <t>安倍“强心针”恐难治经济顽疾</t>
  </si>
  <si>
    <t>日本首相安倍晋三13日再次表示，日本央行必须设定2%的通胀目标，通过大胆放松货币政策，消除持续长达近20年的通缩。此前，安倍在11日阐述了日本新政府振兴经济的构想，并于当日批准一项涉及金额超过20万亿日元(约合2241亿美元)的经济刺激计划。    安倍当选后，外汇市场上?</t>
  </si>
  <si>
    <t>2.7万亿境外资金有望涌入A股</t>
  </si>
  <si>
    <t>“目前可能只有1.5%、1.6%的比例，我们希望在现有基础上可以乘以10或乘以9这样的规模。”在谈到境外机构投资者对A股市场的投资时，中国证监会主席郭树清14日在香港举行的2013亚洲金融论坛上表示，针对QFII的一些规范和措施正在调整，未来将进一步放宽QFII，开放更多参与者进?</t>
  </si>
  <si>
    <t>博纳先生何去何从</t>
  </si>
  <si>
    <t>在1939年描述美国政治生态的经典电影《史密斯先生去华盛顿》中，血气方刚的新当选参议员史密斯进入美国国会山的大绞肉机，完全不懂华府做事规则的年轻人空有一腔热血，格格不入的理想主义引来冷嘲热讽，上演了一出美国政治的悲喜剧。这样的悲喜剧近期在华府再度上演，而故事?</t>
  </si>
  <si>
    <t>新能源产业要发展  财政补贴须先行</t>
  </si>
  <si>
    <t>发展新能源是实现低碳经济的行之有效的途径，对保护环境具有重要的意义。然而，目前新能源面临着财政补贴不及时、缺乏新能源发电配额标准以及融资困难等因素，制约了它的发展。尤其是面对美国、欧盟等国家采取双反政策，我国新能源财政补贴环节以及手段应有所改善。根据发达?</t>
  </si>
  <si>
    <t>国际大都市WiFi进展节奏不一</t>
  </si>
  <si>
    <t>随着智能手机、平板电脑日益普及，人们对无线上网信号(WiFi)的依存度也越来越高。如何普及并管理无线网络信号，成为一些国际大都市面临的课题。    加拿大：面面俱到    奥斯卡·乔弗里是多伦多一家公司的首席执行官。作为商务人士，他时常出差，且每到一地都要先了解哪?</t>
  </si>
  <si>
    <t>手机“变形记”</t>
  </si>
  <si>
    <t>如果你还只是用手机打电话、拍照、上网，那么你就“out”了。随着智能手机应用的花样翻新，如今手机早已不是移动电话、个人数字助理那么简单，与此同时，人们的生活方式也正在被颠覆。    美国：中学生用手机做作业    当你的孩子告诉你他/她在用手机做作业时，不要以为?</t>
  </si>
  <si>
    <t>农产品“天气炒作”动能不足  多品种冲高回落</t>
  </si>
  <si>
    <t>受低温雨雪天气和消费旺季双重因素叠加影响，近期农产品价格走势强劲，农产品期货品种中的菜籽菜粕、白糖等品种掀起了一轮“天气炒作”，并受到资金追捧。但因持续上涨动能明显不足，期价冲高后很快回落。而与外盘关联度较大的豆类则因南美天气良好而风光不再。在缺乏重大炒?</t>
  </si>
  <si>
    <t>欧盟制定创业行动计划以振兴经济</t>
  </si>
  <si>
    <t>欧盟委员会9日发布《2020创业行动计划》。该行动计划强调教育和培训的重要作用，高度重视在学校中提倡创业精神，希望以此造就新一代创业者，振兴欧洲经济。    欧盟创业行动计划主要在6个方面采取特别措施，营造有利于创业的社会环境：    第一，便利创业融资。欧盟委员?</t>
  </si>
  <si>
    <t>多重因素推动美国经济持续复苏</t>
  </si>
  <si>
    <t>从当前货币增长率和银行信贷增长率来看，美国经济正处于稳定的复苏阶段，2013年经济表现可能接近潜在增长率    美国的实体经济正缓慢复苏，对QE3和QE4的需求不是很大，货币政策的真正意图在于降低失业率    2012财政年度的财政收入进一步增加，2013年的财政状况可能有根?</t>
  </si>
  <si>
    <t>欧洲失业率年内恐难见顶</t>
  </si>
  <si>
    <t>欧洲南部重债国就业状况恶化令欧盟失业率屡创新高，2012年11月份的最新数据达11.8%，专家预计，欧元区失业率到2014年年初将蹿升至12.5%。此外，欧洲就业形势“南北分化”日趋严重，将令欧洲央行等决策难度加大。欧盟委员会建议，应从新兴行业创造工作岗位做起，尤其要在绿色?</t>
  </si>
  <si>
    <t>日本：战败后舍军保民经济迅速崛起</t>
  </si>
  <si>
    <t>二战结束后，日本经济萧条，民生凋敝。根据当时的国际机遇，日本采取了在安全和外交上依靠美国、集中全力发展经济的战略，并通过大力拓展对外贸易、推动科技创新等方式，迅速实现经济恢复与高速发展，并在1968年超过联邦德国成为资本主义世界第二号经济大国。此后，日本又多?</t>
  </si>
  <si>
    <t>三大矿山哄抬矿价捞筹码</t>
  </si>
  <si>
    <t>即使在钢铁需求并未出现大幅回暖的情况下，三大矿山也总有办法让低迷的铁矿石市场“起死回生”。    《经济参考报》日前从国内钢厂处了解到，三大矿山除了严格控制铁矿石发货量并用频繁现货招标拉高矿石价格外，其中最大的必和必拓公司正在利用新加坡环球铁矿石现货交易平?</t>
  </si>
  <si>
    <t>波音787事故连连  安全性再遭质疑</t>
  </si>
  <si>
    <t>日本航空公司旗下两架波音787型“梦想客机”7日、8日接连在美国波士顿机场发生危险事故，9日日本全日空航空公司又有一架该型客机因制动系统故障取消航班。目前，美日航空部门已着手调查事故原因，而波音股价连跌两天。    美国东部时间7日10时，一架从东京出发抵达波士顿洛</t>
  </si>
  <si>
    <t>芒市“黎明之城”破晓启航</t>
  </si>
  <si>
    <t>一提云南，我们首先想到的一定是古迹星罗的大理、惬意悠闲的丽江、风情万种的西双版纳、遥远神秘的香格里拉，然而伴随着一句“中国距离印度洋最近的城市”的宣传语，一个边陲小城闯入了人们的视野。    芒市，德宏傣族景颇族自治州的州政府所在地。相传释迦牟尼传教来到这?</t>
  </si>
  <si>
    <t>来芒市体验玉文化的魅力</t>
  </si>
  <si>
    <t>芒市，历史上曾经是边关重镇，也是中国通往东南亚和南亚的重要通道。而在这条通道上，无论是过去还是现在，玉石一直扮演着重要的角色。    茶马古道铃声悠扬    这是一条蜿蜒崎岖的山路，路面上的石头已被马蹄磨得光滑如镜，坑坑洼洼的马蹄涡沉积着浑浊的泥浆，赶马锅头?</t>
  </si>
  <si>
    <t>小城市扮演大角色</t>
  </si>
  <si>
    <t>国家卫生城市、国家园林城市、全国科普示范市、全国双拥模范城、省级文明城市，一串串亮丽光鲜的头衔背后是芒市人民为建设美丽新芒市付出的不懈努力。    不过，芒市显然并不满足于此，在中国南向战略中，芒市将扮演着更加重要的角色。作为中国离印度洋最近的城市，这个昔?</t>
  </si>
  <si>
    <t>欧英央行刺激措施本月暂无动作</t>
  </si>
  <si>
    <t>本周四(10日)，英国和欧洲央行将相继公布最新利率决议，分析人士预计欧洲两大央行在2013年第一次货币政策决议中均不会“开火”，降息、增加注资等刺激方案要稍后进行，受此预期影响欧元近期走势强劲。    路透社调查的多数分析师都认为欧洲央行将维持基准利率在0.75%的纪录</t>
  </si>
  <si>
    <t>投资澳洲农业前景可观</t>
  </si>
  <si>
    <t>澳大利亚是中国的第七大贸易伙伴，却是中国对外投资的第一大目的地，中国对澳投资以矿业为主，但近年来，澳大利亚的农业领域越来越受到中国投资者的青睐。仅2012年下半年，澳大利亚媒体集中报道的就有山东如意集团收购澳最大棉花农场“库比”、上海中福获得西澳大利亚州奥得?</t>
  </si>
  <si>
    <t>伦敦金融城欢迎巴塞尔协议放松流动性</t>
  </si>
  <si>
    <t>英国伦敦金融城对巴塞尔银行监管委员会6日发布的银行业流动性新规表示“热烈欢迎”。受该消息提振，当天伦敦股市的金融板块在大盘面临上行压力的情形下，表现一枝独秀，英国巴克莱银行更是以3.79%的涨幅领涨。    根据6日发布的《巴塞尔协议III》新版本，巴塞尔银行监管委?</t>
  </si>
  <si>
    <t>农产品期货全线上涨  金价继续下跌</t>
  </si>
  <si>
    <t>7日，芝加哥农产品期货市场上，受技术性空头回补和市场对美国农产品需求预期增加的提振，玉米、小麦和大豆期货合约价格全线上涨。    当天，玉米市场交投最活跃的3月合约收于每蒲式耳6.885美元，比前一交易日上涨5.25美分，涨幅为0.77%。小麦3月合约收于每蒲式耳7.5125美元</t>
  </si>
  <si>
    <t>华尔街止赎调查和解  美国银行“破财免灾”</t>
  </si>
  <si>
    <t>华尔街10家金融机构7日与美国监管机构达成和解协议，以支付85亿美元赔款的代价，终止了监管机构对其在办理房屋止赎手续过程违规操作行为的严格审查。    美国联邦储备委员会当日发表的声明称，10家金融机构同意以和解的方式结束多家监管机构的联合调查。声明指出，赔付款额</t>
  </si>
  <si>
    <t>英国：通过明确自身定位扭转颓势</t>
  </si>
  <si>
    <t>编者按纵观世界部分国家的发展历程，后进国家迅速崛起与大国持续保持强盛，无一不是抓住了各自的战略机遇，而国家从兴盛转向衰落则基本上都与错失机遇或未能将挑战转化为机遇有关。英国、法国、德国、日本、印度等国的发展历程可资我国借鉴。    二战后，遭受沉重打击的英?</t>
  </si>
  <si>
    <t>全球奶业供求链扭曲严重</t>
  </si>
  <si>
    <t>澳大利亚《每日电讯报》等西方媒体近日连续报道，中国人的抢购行为导致澳洲超市婴儿奶粉出现缺货乃至脱销，直接损害当地婴幼儿权益。某些媒体呛声发问，谁动了我的奶粉？另一方面，部分西方国家中奶贱伤农，牛奶价格甚至低于瓶装水。在这背后，是国际品牌商高度垄断之下，全?</t>
  </si>
  <si>
    <t>全球金融危机后的中国机遇</t>
  </si>
  <si>
    <t>美国金融危机由于去“杠杆化”导致美国金融资产大幅贬值，中美之间因资产价格变化带来两国金融资本实力的改变，将会使21世纪的中美外交关系更多地涉及金融领域的合作。    中美金融资本实力的改变，将从三方面影响中美金融外交关系：    首先，中美金融资本实力的改变，?</t>
  </si>
  <si>
    <t>5亿债务未解  超日再卖希腊电站求生</t>
  </si>
  <si>
    <t>超日太阳董事长倪开禄的回国和美国、意大利电站的出售，并未让“跑路门”所暴露出来的5亿元债务违约问题有所缓解。在银行抽贷观望、政府救助有限之下，其希腊电站也将面临易主的命运。    “我们合资成立的超日天华卢森堡公司在希腊有40兆瓦的电站项目，之前国开行已经同意</t>
  </si>
  <si>
    <t>威格林银行助客户逃税分行面临关张</t>
  </si>
  <si>
    <t>成立于1714年的瑞士历史最悠久的私人银行威格林银行(Wegelin)承认帮助美国富裕客户通过海外银行账户隐匿资金，从而逃税至少12亿美元的刑事串谋指控，这家银行即将关闭在美国的分行。    威格林银行是首家被美国指控协助美国纳税人避税的境外银行。它为100多位美国客户逃税1</t>
  </si>
  <si>
    <t>缩水的圣诞购物季</t>
  </si>
  <si>
    <t>埃里克是美国弗吉尼亚州一家体育用品连锁店的售货员，商店在圣诞节到来前通宵营业，但顾客寥寥。埃里克不仅为商店的生意捏一把汗，也像很多美国人一样，担心美国无法在新年到来之际的“财政悬崖”前勒马，自己的钱袋子也会缩水。“财政悬崖”虽然最终得以跨越，但对圣诞购物?</t>
  </si>
  <si>
    <t>鏖兵大西南：中缅管道建设倒计时</t>
  </si>
  <si>
    <t>编者按：西起印度洋东岸、横贯缅甸、跨越中国滇黔桂三省区的中缅油气管道，是由中石油实施的我国继东北(中俄)、西北(中亚)和海上(途经马六甲海峡)三条能源进口通道之后构筑的第四条能源进口战略通道，对于促进中缅经济发展、造福两国人民、特别是保障我国能源安全意义重大。$</t>
  </si>
  <si>
    <t>“财政悬崖”暂解  美经济变数仍存</t>
  </si>
  <si>
    <t>美国未能赶在2012年的最后一天就“财政悬崖”问题达成一致，但还是在今年元旦当天就此形成一份协议，从而暂时避开了“财政悬崖”，也让全球市场迎来开门红。不过，在新的一年，美国并非已经无忧，美国经济仍须面对若干变数，而量化宽松政策是否会提前退出尚需观察。　　　?</t>
  </si>
  <si>
    <t>2013：通胀恐如影随形</t>
  </si>
  <si>
    <t>根据国内外形势综合判断，2013年，通货膨胀将是中国经济挥之难去的阴影，稳增长与抑通胀将是两难选择。　　　　美国联邦储备委员会于2012年12月12日推出第四轮量化宽松货币政策，为市场不断注入流动性，此举无疑会推高以美元为结算单位的大宗商品价格。在中国经济发展高度?</t>
  </si>
  <si>
    <t>“超速行驶”的英国火车票价</t>
  </si>
  <si>
    <t>英国的火车票价之高令人咋舌，如今生活在英国的人们将不得不接受火车票再次涨价的事实：从2013年1月2日开始，全英火车票价平均上涨4.2%，个别线路的涨幅甚至达到9.2%。　　　　涨价后，从伦敦东北部的诺维奇（Norwich）到伦敦的当天来回票价格高达107.7英镑（约合人民币107</t>
  </si>
  <si>
    <t>中国品牌需要有力量的“视觉锤”</t>
  </si>
  <si>
    <t>40年前，美国最具影响力的营销杂志《广告时代》刊登艾尔·里斯与合伙人共同撰写的系列文章“定位时代的到来”，营销学领域一次变革拉开大幕；继而，艾尔·里斯完成《定位》一书，明确提出：营销的竞争是一场关于心智的竞争。此后，定位理论对美国以及全球企业产生了深远的影?</t>
  </si>
  <si>
    <t>美国并未真正躲过“财政悬崖”</t>
  </si>
  <si>
    <t>2013年1月1日，美国两党在最后一刻达成妥协议案，议案将提高年收入超过45万美元家庭的税率、延长失业福利，并将全面减支计划推迟两个月。美国经济似乎短暂躲过一劫，将“财政悬崖”变成“财政斜坡”。然而，中长期看，不改变美国财政大政府主义，断崖式的冲击早晚都会到来。$</t>
  </si>
  <si>
    <t>全球企业信心回暖掀新一轮并购潮</t>
  </si>
  <si>
    <t>2014年，在世界经济缓慢复苏的背景下，全球企业信心整体回暖，国际并购活动如火如荼，形成了新一轮企业并购热潮。从地域来看，北美、亚太、欧洲等地区是引领本轮全球并购浪潮的主要市场；从行业来看，医药、能源、通信、移动等领域的企业并购尤为活跃。随着未来全球经济前景?</t>
  </si>
  <si>
    <t>奥巴马经济成绩单难言突破</t>
  </si>
  <si>
    <t>美国总统奥巴马曾在去年年终记者会上高调宣称2014年是“突破之年”和“行动之年”，但由于适逢进入国会中期选举的政治周期，奥巴马向来又不善于同国会寻求合作，今年奥巴马政府在推动经济施政重点方面乏善可陈。不过，凭借美国经济强势复苏、就业市场明显改善和美联储平稳退?</t>
  </si>
  <si>
    <t>加拿大龙虾何以走俏中国</t>
  </si>
  <si>
    <t>春节临近，正值中国等亚洲市场龙虾消费旺季，远在大西洋沿岸的加拿大捕虾业也迎来一年之中销售最为繁忙的季节。    “早在五六年前，销往中国内地的龙虾贸易就很火，而且每年都在增长，但是我不能透露公司的具体销售数据，因为这涉及商业机密。”这是加拿大新斯科舍省哈利?</t>
  </si>
  <si>
    <t>美国经济复活尚存变数</t>
  </si>
  <si>
    <t>随着美国政府财政紧缩的负面效应逐渐消退和个人消费等内生动力不断夯实，美国经济在年初因严寒天气而意外萎缩后一直强势回升，全年增长有望接近3%。在世界其他经济体普遍复苏乏力的大背景下，美国不仅未受拖累反而展现较强韧性，成为发达经济体中表现最好的一个。    明年?</t>
  </si>
  <si>
    <t>查处外企行贿：既要严惩行贿者  更不能放过受贿人</t>
  </si>
  <si>
    <t>据报道，取得我国首张直销牌照的雅芳中国公司承认在华行贿，同意向美国支付1.35亿美元了结案件。雅芳在华行贿多年，美国罚中国却不罚，这一怪象引发众多博友热议。博友认为，我国相关部门必须及时亮剑，进行反商业贿赂调查并加大打击力度，完善相关法律并制定《反商业贿赂法?</t>
  </si>
  <si>
    <t>90后“极客”拓展无限创业空间</t>
  </si>
  <si>
    <t>按照美国畅销书《极客与怪杰》里面对“极客”——Geek的描述，极客指的是这样一群人：年龄在21岁到34岁之间，从年少就怀揣远大理想，到30岁时的理想就是要改变世界，做更多有意义的事情。极客，代表了一种蔑视常规的商业力量，甚至是全新的商业手法和视野。比尔·盖茨、乔布?</t>
  </si>
  <si>
    <t>2015汇市：新兴动荡美元称王</t>
  </si>
  <si>
    <t>现实版的“货币战争”在2014年底展开，但暴跌的卢布仍没有找到俄罗斯的敌人。究竟是石油经济的崩溃？还是投机者的兴风作浪？或是地缘政治危机带动的动荡？    眼下，卢布危机带动新兴市场货币震荡已现端倪，巴西、土耳其和印尼等国货币兑美元汇率剧烈贬值。货币动荡导致的?</t>
  </si>
  <si>
    <t>安倍经济学失灵  日本经济惨淡迎新</t>
  </si>
  <si>
    <t>在即将过去的2014年，尽管安倍内阁将振兴经济作为施政的重中之重，并从金融和财政政策等方面采用多种措施，努力促进经济复苏，但结果与愿望相违，经济连续两个季度下滑，陷入技术性衰退。日本经济在惨淡中迎来新的一年。    安倍晋三在2014年加大了推进以“大胆的货币政策?</t>
  </si>
  <si>
    <t>资本市场：牛熊切换终“逆袭”</t>
  </si>
  <si>
    <t>即将走过的2014注定是中国资本市场不平凡的一年，在此之前A股已经在熊市中走过了7个年头，上半年还在2000点附近挣扎的上证指数，却在年末掀起了波澜壮阔的牛市大行情。单日成交量突破万亿，总市值超过日本跃升全球第二，创纪录的中国股市在2014年一举完成了由“熊”到“牛”?</t>
  </si>
  <si>
    <t>卢布汇率暂稳  俄通胀问题抬头</t>
  </si>
  <si>
    <t>据外媒报道，俄罗斯方面25日表示，货币危机已经结束，但是警告说俄通货膨胀率有可能攀爬到10%以上，这将对正在与经济危机作斗争的俄罗斯政府提出挑战。    上周，由于石油价格暴跌，俄罗斯卢布跌至新低，同时西方对乌克兰危机的制裁几乎使俄罗斯企业从西方市场上进行借贷变</t>
  </si>
  <si>
    <t>农产品走私：花样翻新歪招多</t>
  </si>
  <si>
    <t>凌晨时分，在中越边境的广西防城港市那良镇滩散村，30岁的唐某某在家中被海关缉私警察抓获。他涉嫌以“保货”的方式从非设关地偷运走私越南大米入境。    而远在北方的海滨城市大连，海关人员在下厂核查时，发现某企业在生产过程中，用国产棉花料件顶替部分进口棉花保税料?</t>
  </si>
  <si>
    <t>当法国经济迎来“中国暖流”</t>
  </si>
  <si>
    <t>“中国储蓄者拯救了我们的退休金”——法国大报《费加罗报》日前在其经济版头条刊登了这样一则消息。《费加罗报》称，法国已经退休的人应该感谢中国储蓄者，因为在中法金融机构的共同努力下，中国人不久将可以购买用人民币计价的法国社会保险债券，这意味着手有余钱的中国投?</t>
  </si>
  <si>
    <t>先抑后扬  美国经济释放增长潜能</t>
  </si>
  <si>
    <t>在经历了第一季度的严冬考验后，美国经济逐渐释放出增长潜能，与羸弱的欧元区、乏力的日本以及调整中的“金砖国家”等主要经济体一起，共同描绘出全球经济新格局。国际机构普遍预计，2015年，尽管仍存内忧外患，但美国经济将保持强劲复苏之势。    多项数据为强劲增长背书$</t>
  </si>
  <si>
    <t>2014年国际十大经济新闻</t>
  </si>
  <si>
    <t>1、欧美俄展开经济制裁拉锯战    3月以来，美国和欧盟因乌克兰问题对俄罗斯实施多轮制裁。作为回应，8月，俄罗斯决定在未来一年内禁止或限制从对俄实施制裁的国家进口部分农产品。9月12日，美国以俄罗斯继续破坏乌克兰东部稳定为由，宣布对其国防、金融和能源行业采取进一?</t>
  </si>
  <si>
    <t>“伪生态文明建设”之风不可长</t>
  </si>
  <si>
    <t>生态文明建设在我国改革发展总体布局中日见重要。党的十八大更是把生态文明建设摆到“五位一体”的高度来论述。但是在一些地方出现了假生态文明建设之名行破坏生态文明之实的“伪生态文明建设”，而且这种情况在一些地方势头不小，对此需要加以甄别和防范。    这种“伪生?</t>
  </si>
  <si>
    <t>澳电讯公司6.97亿美元收购亚太环通</t>
  </si>
  <si>
    <t>为进一步拓展亚洲业务，澳大利亚电讯巨头澳电讯公司（Telstra）将以6.97亿美元价格收购亚洲私营通讯服务商亚太环通（Pacnet）。这是澳电讯公司进行的最大金额的收购之一。    澳电讯公司23日在一份声明中表示，这笔6.97亿美元的交易将包括约4亿美元的总负债，预计将于2015?</t>
  </si>
  <si>
    <t>亚太股市假期前交投淡静</t>
  </si>
  <si>
    <t>隔夜美股走强，标准普尔500指数收涨0.38%，创下纪录收盘高位。其他两个股指也走势不错。欧洲方面，英国、法国和德国的股指均报上涨。原油市场上油价仅收复少许失地，但沙特部长的讲话促使油价再度下跌。外汇市场方面，由于市场预期欧洲央行最早可能在1月份采取行动，欧元兑美</t>
  </si>
  <si>
    <t>日本造船业沉寂之后的修炼</t>
  </si>
  <si>
    <t>日本造船行业经历了10多年的“沉寂”与“修炼”之后，从2012年开始重现生机。日本造船工业会和日本船舶出口工会分别发表的数据表明，2013年的船舶竣工量为1742万总吨；同年，日本与外国船东签订的出口船舶合同达到1461万总吨，比上一年增加了79.8%；2014年上半年，日本接到的</t>
  </si>
  <si>
    <t>“工资难大涨”忽略了生产率提高因素</t>
  </si>
  <si>
    <t>据媒体报道，社科院工业经济研究所日前发布的一份报告指出，中国制造业平均工资超过大多数东南亚国家和南亚国家，工资水平在今后一段时间内不会像前几年那样大幅度增长。    消息一出，立即引起网友的广泛质疑。尤其是党的十八大报告明确提出，到2020年实现国内生产总值和?</t>
  </si>
  <si>
    <t>俄罗斯经济面临艰难时刻</t>
  </si>
  <si>
    <t>俄罗斯央行18日采取行动，大量抛售外汇，卢布止跌并大幅反弹超过10%。不过，美加和欧盟随之继续抛出对俄罗斯的制裁措施，给俄罗斯施加压力。    加拿大19日对俄罗斯实施新一轮制裁行动，包括限制能源技术的出口，以此就莫斯科跟乌克兰冲突持续问题向俄罗斯总统普京施压。加</t>
  </si>
  <si>
    <t>低油价让加国经济承压</t>
  </si>
  <si>
    <t>“都跌破1加元每升了，从来没这么便宜过！”刚刚给爱车加完油回来的史密斯难掩激动之情。    枫叶之国的这个寒冬，恐怕没有什么话题比汽油价格更加热乎了。截至19日的最新数据显示，4年半以来，加拿大汽油均价第一次跌破1加元每升。而在笔者所在的多伦多地区，一些加油站的</t>
  </si>
  <si>
    <t>Lending  Club上市：中国互联网金融学什么？</t>
  </si>
  <si>
    <t>美国最大的P2P网贷公司Lending Club（以下简称LC）致力于改变银行体系，让贷款利率更低投资更高。日前LC在纽交所成功挂牌并受到投资者追捧，上市首日股价飙涨56%。    2007年成立的LC成长迅速，目前已放贷50亿美金，由于放贷利率为14.8%，存款利率高达8.6%，投资者平均年化</t>
  </si>
  <si>
    <t>日内瓦靠什么吸引众多国际组织安家</t>
  </si>
  <si>
    <t>中国是联合国五个常任理事国之一，在国际事务中发挥着重要作用。近年来，中国各城市迅猛发展，但遗憾的是重要国际组织在中国安家的少之又少。而这方面，日内瓦的一些做法值得我们借鉴。    日内瓦市是个不到30万人口的小城市，却有多达200余家国际组织和各类代表机构在此安</t>
  </si>
  <si>
    <t>聚美优品出手反制“股市秃鹫”</t>
  </si>
  <si>
    <t>化妆品特卖商城聚美优品在赴美上市半年多后，由于受股价下滑、业务模式调整等影响，近日遭遇美国多家律师事务所的集体诉讼。聚美优品CEO陈欧日前做出回应，称这些律所起诉其实是为了背后的利益，这些律所和律师又被称作“股市秃鹫”。专家表示，聚美优品成为近年来海外做空机</t>
  </si>
  <si>
    <t>普京：俄经济两年内走出困境</t>
  </si>
  <si>
    <t>俄罗斯总统普京在18日举行的年度大型记者招待会上表示，俄罗斯目前的经济困境主要是由外部因素引起的，目前俄金融经济形势仍保持在正常轨道。在最坏情况下，俄罗斯能够在两年内走出经济困境；俄罗斯拥有充足的外汇储备，卢布汇率终将稳定下来。    今年3月以来，随着乌克兰</t>
  </si>
  <si>
    <t>美商务部将对中国太阳能产品征收高关税</t>
  </si>
  <si>
    <t>美国商务部16日宣布终裁结果，认定从中国大陆进口的晶体硅光伏产品存在倾销和补贴行为，从台湾地区进口的此类产品存在倾销行为，将对相关产品征收高额的进口关税，累计关税幅度高达200%以上。有分析称，此举可能加剧中美两国的贸易紧张。    根据当天发表的声明，中国大陆?</t>
  </si>
  <si>
    <t>假如“春天”们周日营业</t>
  </si>
  <si>
    <t>假如“春天”百货、“老佛爷”这些著名法国奢侈品商店周日营业，法国经济能迎来春天吗？这事说起来挺有意思。    法国有条全球知名的商业街叫奥斯曼大街，“春天”、“老佛爷”是这条街上头牌中的头牌，每年吸引的顾客数不胜数。尽管生意很好，但由于法国对星期天营业有严?</t>
  </si>
  <si>
    <t>俄罗斯央行紧急大幅加息至17%</t>
  </si>
  <si>
    <t>因俄罗斯卢布大幅贬值，俄罗斯央行16日凌晨紧急宣布，将关键利率从10.5大幅上调650个基点，至17%。这是俄罗斯央行近一周以来第二次加息，也是自1998年以来最大幅度的加息。此举在一定程度上有利于稳定卢布和控制通胀，但同时也将给本已疲弱的俄罗斯经济增加额外的负担。而在?</t>
  </si>
  <si>
    <t>中国经济更多得益私营企业崛起</t>
  </si>
  <si>
    <t>美国著名中国经济问题专家尼古拉斯·拉迪新著《民进国退》今年9月在美出版发行。作者认为，中国改革开放以来实现的经济增长并不像许多人认为的那样得益于推行“国家资本主义”，很大程度上是私营企业崛起的结果。该书分析了中国国有企业作用下降与私营企业兴起壮大的原因，并</t>
  </si>
  <si>
    <t>什么是“花园城市”</t>
  </si>
  <si>
    <t>“花园城市”是一种理想的规划社区，英国城镇规划者埃比尼泽·霍华德首次在他的《明天：通往社会变革的和平之路》中提出和阐述了这一理念。他的城乡融合设想、对于绿地和人口密度控制的强调，如今已成为郊区和城市规划不可或缺的内涵。    霍华德在19世纪末提出这一理念是?</t>
  </si>
  <si>
    <t>中国燃气获亚行4.5亿美元贷款</t>
  </si>
  <si>
    <t>12月16日，中国燃气控股有限公司（下称“中国燃气”）与亚洲开发银行（下称“亚行”）签署了一项最多可达4.5亿美元的长期贷款协议，将参考PPP模式于2018年以前在中国建设并运营820座加气站，以推广天然气在交通领域的应用，抑制快速增长的汽车与内河船舶造成的污染物排放。</t>
  </si>
  <si>
    <t>布局中国经济更好未来</t>
  </si>
  <si>
    <t>曾在芬兰央行和国际货币基金组织任职的瑞穗证券亚洲公司董事总经理、首席经济学家沈建光所著《什么决定中国未来？》，是一本帮助读者了解中国经济未来走向的佳作。作者从国内外经济环境、政策导向和可操作区间、既定风险及潜在风险等角度，探讨经济多个领域深化改革的动力及?</t>
  </si>
  <si>
    <t>欧盟峰会“找不着北”</t>
  </si>
  <si>
    <t>新欧盟机构的领导人全部就位的首次欧盟峰会即将召开，预计将重点讨论大规模投资计划、结构性改革、地缘政治协调等议题。然而，这些为推动欧洲经济复苏而开出的“药方”被指缺乏新意，甚至偏离症结，效果难言乐观。    新官上任三把火，新一届欧盟携3150亿欧元投资计划亮相?</t>
  </si>
  <si>
    <t>“一带一路”明年将获实质推进</t>
  </si>
  <si>
    <t>12月15日，中国国务院总理李克强在阿斯塔纳会见俄罗斯总理梅德韦杰夫，2014年我国领导人外交的收官之行进入第二天。对于这次“年底外交”，各界普遍预测主要将谈及丝绸之路经济带、海上丝绸之路建设(“一带一路”)明年实质推出的问题。    就在总理启程前不久，中央经济工?</t>
  </si>
  <si>
    <t>驴象两党财政斗法意味着什么</t>
  </si>
  <si>
    <t>美国国会13日终于通过联邦政府2015财年综合拨款法案，为绝大部分联邦政府部门提供拨款运营至明年9月底，暂时结束了民主、共和两党在财政议题上的新一轮博弈。从综合拨款法案的出台过程来看，驴象两党斗法的频繁上演和达成妥协的艰难拉锯折射出美国政治两极分化严重、党派内部</t>
  </si>
  <si>
    <t>欧佩克重申不减产立场</t>
  </si>
  <si>
    <t>石油输出国组织（欧佩克）近日再度发声维护此前宣布的不减产决定，称目前原油市场表现疲弱并非供需基本面的反映，而可能是受投机者驱使所致，欧佩克有信心经受住油价走低的考验，不会削减石油产量。受此消息影响，国际油价再度刷新五年来最低纪录。    欧佩克秘书长阿卜杜?</t>
  </si>
  <si>
    <t>中广核“曲线救国”欲破中核垄断</t>
  </si>
  <si>
    <t>《经济参考报》记者15日获悉，中国广核集团（“中广核”）与哈萨克斯坦国家原子能工业公司签署关于扩大和深化核能领域互利合作的协议，双方将在铀资源开发、核燃料生产、和平利用原子能及通过中国和哈萨克斯坦领土过境运输铀产品方面开展战略合作，并计划在哈萨克斯坦建立合?</t>
  </si>
  <si>
    <t>安倍经济学加剧日本贫富分化</t>
  </si>
  <si>
    <t>安倍晋三2012年12月再次出任日本首相后推出了“大胆的金融政策”、“积极的财政政策”等所谓的安倍经济学举措。日本政府有关方面以及民间经济研究机构最近相继发表的统计报告和研究结果表明，安倍经济学推出两年后致使富人更富，穷人更穷。    在日本政府一系列提振股市政?</t>
  </si>
  <si>
    <t>我国海水淡化大规模民用尚存困难</t>
  </si>
  <si>
    <t>近日，马尔代夫首都马累海水淡化厂发生失火事故，导致全岛缺水的事件，引发广泛关注，也让人们对海水淡化有了深刻印象。    我国不少地方也面临水资源短缺，海水淡化前景不言而喻。记者从2014中国海洋经济博览会上了解到，我国海水淡化产业发展迅速，总产水规模十年间增长?</t>
  </si>
  <si>
    <t>日本如何监管电商交易</t>
  </si>
  <si>
    <t>日本的电子商务起步较晚，但发展势头迅猛。日本经济产业省发布的调查统计结果显示，2013年，日本企业对个人的电子商务交易总额达到了11.2万亿日元（约合1100亿美元），比上年增长17.4%。随着电子商务的快速发展，日本政府有关部门加大了对电子商务的监管力度。    尽管日本</t>
  </si>
  <si>
    <t>全球新兴市场再遇货币贬值风暴</t>
  </si>
  <si>
    <t>受多重利空因素影响，近几个月新兴市场货币全面下跌。其中，俄罗斯卢布对美元自今年初以来已累计下跌约40%，巴西雷亚尔对美元汇率在最近三个月也下跌了17%。    货币贬值加剧了新兴市场资本外逃、股市下跌、通胀高企、债务上涨等问题，各新兴经济体政府被迫纷纷出手上调利?</t>
  </si>
  <si>
    <t>“同股不同权”：在港激起千层浪</t>
  </si>
  <si>
    <t>随着阿里巴巴因香港股权架构规定而转投美国上市，近期又有小米可能海外上市的消息传出，一项讨论在香港舆论中热烈起来——能否允许新兴企业以“同股不同权”模式在港上市？壮大港股市场与保护投资者利益之间该如何平衡？    什么是“同股不同权”    所谓“同股同权”是?</t>
  </si>
  <si>
    <t>松下幸之助为什么哭泣</t>
  </si>
  <si>
    <t>进入21世纪后，曾经风光一时的日本家电企业创新乏力、弱势凸显。2011年，松下、夏普、索尼三巨头分别出现7722亿、3760亿、4566亿日元的亏损额。后续年度，业务虽略有起色，但前景仍不明朗。如同日本家电企业的崛起一样，其衰落同样有着独具一格的日本特色。曾负责松下国外营?</t>
  </si>
  <si>
    <t>中医药国际教育“走出去”需迈三道槛</t>
  </si>
  <si>
    <t>中医药学是我国的传统优势学科，在对外教育中具有重要地位。近日在成都举办的首届“中国——东盟传统医药教育培训研讨会”上，有关人士认为，目前我国中医药国际教育还存在师资差异、教材混乱、标准缺失等“三大难题”，需要进一步加强与东盟各国的团结合作，共建联盟，促进?</t>
  </si>
  <si>
    <t>国际油价10日跌至5年新低</t>
  </si>
  <si>
    <t>由于石油输出国组织（欧佩克）10日表示明年全球石油需求疲弱，加之美国原油库存和产量增加，国际油价10日大幅下跌至2009年7月以来的低点。    欧佩克10日表示，明年全球对欧佩克石油的需求预计将降至10年低点，且远低于目前的产量，如果欧佩克不减产或者美国的页岩油气产量</t>
  </si>
  <si>
    <t>网络问政还需有更实质性步伐</t>
  </si>
  <si>
    <t>据报道，近日中国政府网联合新浪和腾讯推出“国务院2014年十大政策”评选活动，列出了加强雾霾等大气治理、深化医疗卫生体制改革、促进旅游改革发展、全面建立临时救助制度等30项政策，邀请网友在12月8日到18日期间参与投票评选。投票结束后，参与投票的“幸运网友”还有机会</t>
  </si>
  <si>
    <t>本土券商谋取“全球化机会”</t>
  </si>
  <si>
    <t>海通证券股份有限公司近日宣布，拟通过全资控股子公司海通国际控股有限公司收购圣灵投资银行100%的股权，购买价格高达3.79亿欧元。这也将是中国内地证券公司收购欧洲投行的第一单。    海通证券将“触角”伸向更为广阔的海外市场，或许透露着一个信号：在越来越多中国企业?</t>
  </si>
  <si>
    <t>乐视在硅谷组建汽车研发团队</t>
  </si>
  <si>
    <t>12月10日，乐视召开新闻发布会对其电动汽车项目作出说明。乐视对其电动汽车称为“超级汽车”，并称这一项目已经筹备一年之久。通过前期筹备，乐视已经在美国硅谷建立了超级汽车的研发团队。不过，乐视同时表示，由于超级汽车项目涉及公司商业机密，并没有公开超级汽车的研发?</t>
  </si>
  <si>
    <t>美联储对华尔街巨头提出更高资本要求</t>
  </si>
  <si>
    <t>美国联邦储备委员会9日表示，将对美国国内具有系统重要性的8家大银行提出比目前更高的资本要求。    被美联储点名的8家银行分别是美国银行、纽约梅隆银行、花旗银行、高盛集团、摩根大通、摩根士丹利、道富集团和富国银行。    根据美联储当日投票通过的这项提案，根据各</t>
  </si>
  <si>
    <t>美国会深夜敲定1.1万亿美元支出法案</t>
  </si>
  <si>
    <t>美国国会磋商代表当地时间9日深夜敲定了1.1万亿美元的庞大支出法案，这意味着大多数联邦政府将有钱运作至明年9月，联邦政府2015财年将摆脱被迫关门的阴影。    这项1.1万亿美元的支出法案几乎可以支持所有联邦政府运作至2015财年结束，即明年9月底，其中包括1.014万亿美元?</t>
  </si>
  <si>
    <t>奥巴马“求助”参院新掌门推税改</t>
  </si>
  <si>
    <t>美国总统奥巴马日前在白宫与参议院共和党领袖麦康奈尔举行了11月国会中期选举以来的首次单独会谈，这是奥巴马寻求与参议院新掌门合作的最新迹象。在共和党赢得参众两院的控制权后，奥巴马及其白宫政策顾问都将麦康奈尔视为国会山上唯一可以帮助奥巴马奠定总统第二任期政策遗?</t>
  </si>
  <si>
    <t>渤海漏油案蹉跎三年开庭索赔1.48亿</t>
  </si>
  <si>
    <t>蹉跎三年，曾经使渤海湾受到严重污染的康菲漏油案终于在9日开庭。在天津海事法院，21名河北乐亭县养殖户诉被告康菲石油中国有限公司、中国海洋石油总公司，索赔1.48亿元。    “海洋污染涉及面广，受害方多，再加上康菲天津公司注册地在利比里亚，原被告主体资格和主张事实</t>
  </si>
  <si>
    <t>德银涉嫌逃税在美遭起诉</t>
  </si>
  <si>
    <t>美国司法部门8日对德意志银行提起诉讼，指控后者在15年前通过建立空壳公司的方式进行避税，涉及金额高达上亿美元。据悉，美国政府拟向德意志银行追回税款及罚金共计1.9亿美元。    据路透社报道，美国联邦检察官普利特·巴拉拉8日向纽约曼哈顿地区法院对德意志银行提起诉讼</t>
  </si>
  <si>
    <t>希腊主权债务明年预计达3170亿欧元</t>
  </si>
  <si>
    <t>希腊议会8日凌晨以155票支持、134票反对、1票弃权通过2015年预算案，预测该国主权债务负担约为3170亿欧元，占国内生产总值比例为171%。    这一预算案预测2015年希腊预算赤字占国内生产总值的比例从2014年的1.3%降至0.2%，基本预算盈余达到国内生产总值的3%，失业率从今年?</t>
  </si>
  <si>
    <t>期盼更多中资企业赴英投资</t>
  </si>
  <si>
    <t>编者按：英国贸易投资总署首席执行官多米尼克·杰尔米（Dominic Jermey）本周在华进行访问，为英国贸易投资造势，同时公布由尚品、天猫两大平台运营的英国商品在线销售方案。访华前，杰尔米为本报独家撰文，点评中英经贸政策成果，展望两国双边合作前景。    一年前，英国?</t>
  </si>
  <si>
    <t>英国财政预算的困局与门道</t>
  </si>
  <si>
    <t>财相演讲刚完，全英国各大房产中介、律师行甚至会计师事务所都开始噼里啪啦敲键盘，做模型，都想看一看最新印花税会对他们和客户带来什么影响。    和在3月春季预算报告中宣布养老金制度改革一样，英国财政大臣乔治·奥斯本在3日的秋季预算报告国会演讲中再次抛出重磅炸弹?</t>
  </si>
  <si>
    <t>欧元区财长会审议明年预算评估报告</t>
  </si>
  <si>
    <t>欧元区财长会于当地时间8日在比利时布鲁塞尔举行，各国财长将就欧盟委员会此前发布的2015年成员国财政预算评估结果进行审议。此前一天，德国总理默克尔向法国、意大利喊话，希望这两个可能违反欧盟预算规定的国家采取更多改进措施。    上月底，欧盟委员会公布了欧元区成员</t>
  </si>
  <si>
    <t>美债仍是触发全球风险的“黑天鹅”</t>
  </si>
  <si>
    <t>美债是全球风险的受益者，但也是全球风险的制造者。当前，全球经济仍存在诸多潜在风险隐患，美债就是其中之一。最新数据显示，美国公共债务总额首次超过GDP，达到18万亿美元，这一信号在未来对全球市场产生的影响不可低估。    美国债务持续增长来源于长期的赤字经济。一般</t>
  </si>
  <si>
    <t>国际油价颓势难改</t>
  </si>
  <si>
    <t>尽管国际油价在当周首个交易日大幅反弹，但反扑之势很快被利空消息“镇压”。国际金价同样依旧挣扎于1200美元/盎司一线。    国际原油市场上，利空消息继续传来，油价下行压力持续增加。美国能源信息局3日公布的数据显示，此前一周美国原油产量升至每日908万桶，为1983年以</t>
  </si>
  <si>
    <t>欧盟反垄断隔山打牛直指谷歌</t>
  </si>
  <si>
    <t>11月27日，欧洲议会以383票比174票、56张弃权票通过了支持欧盟委员会对搜索引擎进行调查、并将搜索引擎与其他商业服务相分离的动议，以加强欧盟的竞争规则。由于谷歌在欧洲部分国家的互联网搜索份额超过90%，因此，谷歌被认为是欧洲议会通过的此项动议的主要打击对象。外界普</t>
  </si>
  <si>
    <t>芬兰推动延迟退休和养老金制度改革取得成效</t>
  </si>
  <si>
    <t>芬兰养老金体系在世界上享有较高声誉。在新近公布的墨尔本美世全球养老金指数中，芬兰名列第四。不过，面对不断加剧的老龄化态势和全球金融危机，芬兰采取多轮延迟退休和养老金制度改革以缓解财政压力，取得了一定效果。    逐步完善国家与个人缴费养老金制度    1937年?</t>
  </si>
  <si>
    <t>美国地产商力拼“艺术范”</t>
  </si>
  <si>
    <t>经过连续13个季度的复苏，美国房价涨势已显疲态。不过，迈阿密这座美国南部都市的房产市场却成为例外。在“兴奋度”不减的热潮中，当地开发商各显神通，力拼“艺术范”，以求市场先机。    开发商纷纷选择拼高雅    2013年，经历次贷危机洗劫的迈阿密刚缓过口气。以前超?</t>
  </si>
  <si>
    <t>对入境旅游英国客源市场的分析</t>
  </si>
  <si>
    <t>作为一个老牌的旅游发达国家，英国一直是中国较为稳定的客源国之一，目前排在入境旅游客源国市场的第15位。自2010年以来，英国赴华游客入境人数呈现小幅稳步增长态势。    根据中国国家旅游局发布的统计数据显示：2013年，英国入境旅游者62.50万人次，同比增长了1.07%，占?</t>
  </si>
  <si>
    <t>人民币国际化缘何广受欢迎</t>
  </si>
  <si>
    <t>中国银行3日正式启动巴黎人民币清算行服务。在启动仪式上，从法国前总理拉法兰到法国财政部和央行代表，无不对人民币进一步国际化表示真挚欢迎。辞发于外，情溢于中，法国各界对人民币国际化的支持令人印象深刻。    从法兰克福到伦敦，从悉尼到多伦多，国际社会为人民币国</t>
  </si>
  <si>
    <t>华平今年在华投资已超10亿美元</t>
  </si>
  <si>
    <t>作为全球领先的私募投资集团，华平今年在中国的投资明显提速。美国华平投资集团（Warburg Pincus）联席CEO纪杰（Chip Kaye）日前在接受《经济参考报》记者采访时透露，今年以来，华平在华投资已经超过10亿美元，占华平在华投资总额的20%。尤其是作为战略投资者以及唯一的私募</t>
  </si>
  <si>
    <t>雷军系2.2亿美元入股世纪互联</t>
  </si>
  <si>
    <t>曾经遭遇做空的世纪互联迎来今年以来最大的股东变更。12月3日，世纪互联宣布分别已与金山软件、小米和新加坡淡马锡签署股权认购协议，累计获得2.96亿美元投资。值得注意的是，雷军旗下两大公司金山和小米合计入股世纪互联2.2亿美元，并一举成为继世纪互联创始人陈升及其管理?</t>
  </si>
  <si>
    <t>阿里何以成美国零售商“公敌”</t>
  </si>
  <si>
    <t>近日，Target、百思买、Home Depot、JC Penney等美国主要的零售商通过广告向阿里巴巴发难，称阿里巴巴可能会扼杀美国本土公司，要求国会结束对阿里巴巴和其他在线零售商巨头的特殊税收待遇。    对于这则视频广告，阿里巴巴近日给予了反驳。阿里巴巴说：“这则广告严重失实</t>
  </si>
  <si>
    <t>摩根士丹利获中国平安48亿美元增发承销权</t>
  </si>
  <si>
    <t>据外媒3日报道，针对上周中国平安保险公司公开的约48亿美元定向股票增发，摩根士丹利在最后一刻开出了优厚条件，从高盛和瑞士信贷手中夺下此单的独家承销权，一跃成为排名第一的亚洲投行。    中国平安上周宣布，根据股东大会一般性授权，定向增发逾5.94亿股H股股票，预计?</t>
  </si>
  <si>
    <t>长期低利率致美金融市场风险上升</t>
  </si>
  <si>
    <t>据《金融时报》、法新社等外媒报道，美国财政部下属金融研究办公室在提交给美国国会的一份年度报告中警告说，在经历了长达六年的低利率之后，影响金融市场稳定的风险正在上升。    这份报告指出，由于利率长期偏低，助长了金融行业过度冒险行为，投资者通过提高杠杆率更为?</t>
  </si>
  <si>
    <t>皮凯蒂：财富分配不均是世界性问题</t>
  </si>
  <si>
    <t>托马斯·皮凯蒂在中国红了。凭借受到知识界热捧、同时引起自由派和保守派论争的《21世纪资本论》，这位年轻法国经济学家在中国经济学界有着很高知名度。日前，托马斯·皮凯蒂对中国做了一次旋风式学术旅行，先后在上海、北京多所著名高校进行演讲和交流，使《经济参考报》记?</t>
  </si>
  <si>
    <t>美国制造的前世与今生</t>
  </si>
  <si>
    <t>当美国正在失去汽车等传统制造业优势的时候，奥巴马总统近年来数度公开表示，要通过减税等优惠举措，重振美国的先进制造业。重振意味着曾经辉煌。二战后，美国商品曾行销全球，赚取大量贸易顺差。然而，种种迹象表明，美国制造近年来正在走下坡路：1950年美国制造业在GDP中占</t>
  </si>
  <si>
    <t>澳央行连续16个月维持利率不变</t>
  </si>
  <si>
    <t>澳大利亚央行12月2日召开例行货币政策会议，连续第16个月维持利率在2.5%不变，符合市场预期。澳大利亚央行还暗示将维持宽松货币政策，并且澳元汇率需进一步走弱以支持经济增长。目前市场普遍预期澳大利亚央行将于明年开始降息，预计时间为第二或者第三季度。    澳大利亚央</t>
  </si>
  <si>
    <t>亚洲多元化金融市场体系亟待建立</t>
  </si>
  <si>
    <t>APEC会议之后，亚太区域经济与贸易合作进入一个新时期。但与贸易合作相对应的是，当前亚洲金融体系建设滞后，亚洲金融合作整体上还处于初级阶段，合作的广度和深度还有待全面深化，应积极打造亚洲货币稳定体系、亚洲资本市场体系和亚洲信用体系建设，促进本地区金融稳定和亚?</t>
  </si>
  <si>
    <t>美英制造业继续扩张</t>
  </si>
  <si>
    <t>美国供应管理协会12月1日公布的报告显示，11月美国制造业连续第18个月扩张，但是扩张速度有所放缓，显示美国经济复苏保持回升势头。    报告显示，11月美国制造业采购经理人指数从前月的59下降到58.7。制造业采购经理人指数是衡量美国制造业综合发展状况的晴雨表，该指数以</t>
  </si>
  <si>
    <t>国际油价金价低位反弹</t>
  </si>
  <si>
    <t>因投资者空头补进操作明显，欧洲、中国经济数据表现不佳，日本主权信用评级遭下调等，国际油价、金价12月1日双双出现强势反弹。其中，金价录得逾一年来最大单日涨幅。    国际油价在上周大跌后，抄底资金逢低买入，国际油价1日大幅反弹。截至当日收盘，纽约商品交易所2015?</t>
  </si>
  <si>
    <t>日本经济有望温和复苏</t>
  </si>
  <si>
    <t>尽管受消费税上调拖累，日本经济陷入衰退,但日本企业在第三季度的投资增加额超出预期,预计今年第三季度GDP修正值可能好于初值，同时，第四季度日本经济状况相比第三季度会有所好转。    日本首相、自民党总裁安倍晋三12月1日也在日本众议院选举党首辩论中，继续为“安倍经?</t>
  </si>
  <si>
    <t>利马气候大会力求为新协议清除障碍</t>
  </si>
  <si>
    <t>2014年《联合国气候变化框架公约》（以下简称《公约》）第20次缔约方会议暨《京都议定书》第10次缔约方会议12月1日至12日将在秘鲁首都利马召开。此次气候峰会对2015年巴黎气候大会能否达成新的全球气候协议来说至关重要。    《公约》于1992年5月在联合国纽约总部通过，目?</t>
  </si>
  <si>
    <t>油价中期将重回每桶85至90美元</t>
  </si>
  <si>
    <t>俄罗斯能源部长诺瓦克11月30日表示，国际油价下跌的局面并未超出预期，从中期看油价将重回每桶85至90美元。    诺瓦克当天接受俄罗斯独立电视台采访时说，国际原油市场供大于求、美元走强、亚太地区经济发展不如预期、欧洲国家经济增长缓慢等因素导致油价走低。现阶段低迷?</t>
  </si>
  <si>
    <t>中国专利量质齐升的冷思考</t>
  </si>
  <si>
    <t>欧洲专利局最新数据显示，中国以22292件新申请专利数位居该局的年申请量前五位，紧随美国、日本、德国。随着中欧在知识产权领域合作的深化，中国专利在欧洲表现抢眼，还获得质量、数量均好的口碑。    欧洲专利局局长伯努瓦·巴蒂斯戴利在日前举行的中欧知识产权双边会议之</t>
  </si>
  <si>
    <t>日本新能源产业布局再提速</t>
  </si>
  <si>
    <t>日本能源资源匮乏，即使所有的核电站全部正常发电，其自给率也只能达到19.5%。进入21世纪以后，随着石油价格高涨，能源供应偏紧以及环保意识的增强，日本决定增强新能源的开发利用。    太阳能发电受地理环境影响相对较小，适建场所多，被日本政府列为新能源战略的重点开发</t>
  </si>
  <si>
    <t>油价走低拖累金属价格普遍下跌</t>
  </si>
  <si>
    <t>在市场供过于求的背景下，国际油价上周继续下跌，尤其是石油输出国组织（欧佩克）宣布不减产决定的消息导致油价11月28日重挫逾10%。油价暴跌拖累了全球大宗商品价格，上周金价和基础金属价格普遍下跌，相关大宗商品价格指数一度降至五年低位。    受国际油价下跌等因素影响</t>
  </si>
  <si>
    <t>自建物流能从“成本大户”变“利润大户”吗</t>
  </si>
  <si>
    <t>“双十一”大战硝烟已淡，但下半场的物流PK仍未结束。对于“奇葩快递”的各种吐槽表明，高效的物流及配送能力将成为电商下一轮竞争的聚焦点。    《经济参考报》记者日前独家探营国内最大的单体物流中心——京东“亚洲一号”，这个位于上海嘉定区的物流仓库90%的操作均实现</t>
  </si>
  <si>
    <t>重视应对欧盟诉求  推进投资协定谈判</t>
  </si>
  <si>
    <t>根据2013年底第16次中欧领导人会议达成的共识，中欧正式启动双边投资协定谈判，截至目前，谈判已进行三轮，双方就投资协定的概念性问题充分交换了意见。随着下半年欧盟领导层换届尘埃落定，未来中欧投资协定谈判进程有望加快。    欧盟对华存在六大诉求    国际金融危机?</t>
  </si>
  <si>
    <t>日本地方银行面临生死劫</t>
  </si>
  <si>
    <t>日本横滨银行与东日本银行，鹿儿岛银行与肥后银行等主要地方银行近日相继决定进行合并重组，组建金融控股公司。在这之前的10月，东京都民银行与八千代银行已经合并重组为东京TY金融控股银行。为了在日益加剧的竞争中保生存求发展，日本地方银行加快了整合的步伐。    泡沫?</t>
  </si>
  <si>
    <t>Yota和小米有很多共同点</t>
  </si>
  <si>
    <t>2014年APEC领导人峰会期间，俄罗斯总统普京送给习近平主席一部俄国本土品牌手机Yota Phone，两位领导人把玩手机的照片也让“手机外交”成为热议话题。    早在2012年12月《华尔街日报》就在其官网上发表了题为《在智能手机大战中 俄罗斯人即将到来》的文章，文章围绕Yota P</t>
  </si>
  <si>
    <t>四国减产协议落空重创国际油价</t>
  </si>
  <si>
    <t>全球数个最大石油生产国25日举行应对原油市场供应过剩问题的谈判，但未能达成减产协议。这一消息引发当日油价暴跌至近四年低位，给将于27日召开的石油输出国组织（欧佩克）产量制定会议的前景蒙上阴影。尽管几个月来油价持续下跌令欧佩克内部产生担忧情绪，但前一日的谈判失?</t>
  </si>
  <si>
    <t>剥离4家子公司  三星拉开重组大幕</t>
  </si>
  <si>
    <t>韩国三星集团26日宣布，将旗下四家涉及石油化工和军事工业的子公司出售给韩华集团。据报道，交易总额超过1.9万亿韩元（约合人民币106亿元），预计明年上半年完成。    据韩联社报道，涉及交易的4家公司为三星综合化学、三星道达尔、三星商业设备以及三星泰勒斯。这是自1997</t>
  </si>
  <si>
    <t>“三驾马车”发力  美国经济受益</t>
  </si>
  <si>
    <t>在世界经济普遍疲软的背景下，美国经济却连续两个季度强势复苏，为全球经济增长增添一抹亮色。分析人士认为，消费支出保持稳定、企业投资略有起色、出口相对强劲等“三驾马车”发力是当前美国经济风景独好的主要原因。    美国商务部25日公布的首次修正数据显示，今年第三?</t>
  </si>
  <si>
    <t>生态蜜桔销海外  守住青山赚外汇</t>
  </si>
  <si>
    <t>“今年是蜜桔的‘小年’，预计能产35万公斤。去年‘大年’产量有50万公斤，除了卖到东南亚国家以外，还销往俄罗斯、哈萨克斯坦，能赚100多万元！”广西柳州市柳城县农民罗奇明日前这样告诉记者。    罗奇明的150多亩蜜桔种植园位于柳城县华侨农场第一作业区，近日跻身当地?</t>
  </si>
  <si>
    <t>欧盟将推3000亿欧元战略投资计划</t>
  </si>
  <si>
    <t>欧盟委员会25日召开会议，讨论通过备受关注的逾3000亿欧元的投资计划。这项计划主要投资于欧盟成员国的基础设施建设，以促进欧盟地区的经济增长和提振就业。欧盟委员会新任主席容克将在26日向欧洲议会提交这一计划。这项计划将是容克本月初上任以来正式提出的第一项重要倡议?</t>
  </si>
  <si>
    <t>风神轮胎包车闯欧洲</t>
  </si>
  <si>
    <t>2013年11月23日，首趟“风神号”郑欧国际铁路货运专列从郑州铁路集装箱中心站鸣笛出发，踏上西行之路。专列满载41个集装箱的1万多套全钢载重子午胎均由焦作生产，而其目的地正是盛产宝马、奔驰、大众等豪车的德国。    郑欧班列自去年7月正式开行以来，“风神号”是第一个?</t>
  </si>
  <si>
    <t>日本政府认为经济仍持续温和复苏</t>
  </si>
  <si>
    <t>日本内阁府25日发布月度经济报告，维持对该国经济的积极评价。报告认为，尽管消费税上调导致经济连续两个季度下滑，但日本经济仍处于持续温和复苏通道。    报告说：“日本经济仍持续温和复苏，但在个人消费方面出现疲弱现象。”这显示消费税上调对国内需求的拖累作用仍在?</t>
  </si>
  <si>
    <t>油管之争映射加美石油战略博弈</t>
  </si>
  <si>
    <t>跨越加美边境的基石(KeystoneXL)输油管道议案，日前在美国参议院以一票之差被否决。这一筹划6年之久的输油管道项目受到美国数次阻挠，加拿大方面难免有些失落。    这条输油管道由泛加拿大能源公司（TransCanada Co.）提议修建，全长约2700公里，借助该管道，每日可将83万?</t>
  </si>
  <si>
    <t>油价下跌趋势短期难以逆转</t>
  </si>
  <si>
    <t>从今年夏天开始，原油价格狂泻30%至4年来最低点，截至北京时间19日晚，美国原油期货价格再次跌破75美元，较前日继续下跌。    有分析称，油价大跌正是美国与石油输出国组织（欧佩克）合谋的结果，为的是打击对手俄罗斯、伊朗和委内瑞拉等国。而实际情况也许是另一种情形，?</t>
  </si>
  <si>
    <t>山猪满山跑  生态换金来</t>
  </si>
  <si>
    <t>山上种松树，山下养山猪，山猪满山跑，生态换金来。记者近日在广西东兰县兰木乡弄台村看到，当地一处长满松树的山坡上，数百头黑山猪正在林间觅食。饲养员一声哨响，数百头黑山猪直冲下山，奔向猪舍。    “别看这里养殖基地距离县城远，饲养的黑山猪可受欢迎呢！”兰木乡?</t>
  </si>
  <si>
    <t>营销视角下的中国经济新常态</t>
  </si>
  <si>
    <t>那些曾经倍受敬畏的跨国公司在中国的失败，就是因为它们抱着那套“先进”的营销方法企图“教育中国消费者”，而不是适应中国消费者。中国企业曾经被视为“落后”的营销方法，恰恰是适应市场的结果。    中国企业的营销，一方面，尽管用的是西方营销理论和跨国公司经验，但?</t>
  </si>
  <si>
    <t>德国大众壳下的英国宾利心</t>
  </si>
  <si>
    <t>“历史是一个值得玩味的东西。二战时期，德国空军轰炸了当时的宾利发动机工厂，半个多世纪后，德国企业又收购了这家英国企业。”听完宾利汽车企业传讯经理马修介绍宾利工厂76年厂史，笔者不禁慨叹。    占地43.5万平方米的宾利工厂是英格兰柴郡的龙头企业，这个集设计、工?</t>
  </si>
  <si>
    <t>走向经济新常态的转型与改革</t>
  </si>
  <si>
    <t>2014年11月1-2日，中国（海南）改革发展研究院与联合国开发计划署、中国国际经济技术交流中心和德国国际合作机构合作召开了以“走向新常态的新兴经济体”为主题的2014’新兴经济体经济政策论坛。来自中央相关部委、研究机构、高等院校和27个省市自治区，以及德国、巴西、俄罗</t>
  </si>
  <si>
    <t>破解“阴谋论”下国际油价暴跌迷局</t>
  </si>
  <si>
    <t>国际油价连跌不止，全球市场再度泛起"阴谋论"，所谓的"石油战"如同此前的"货币战"一样，撩拨着全球投资者的敏感神经。    围观两个“阴谋论”    从国际政治的角度出发，一个“阴谋论”是将俄罗斯与美国之间的外交博弈无限放大，原油市场是双方战略棋局之中的必争之地；?</t>
  </si>
  <si>
    <t>触目惊心水危机</t>
  </si>
  <si>
    <t>全国657个城市中，有300多个属于联合国人居署评价标准的“严重缺水”和“缺水”城市；全国十大水系水质一半污染；国控重点湖泊水质四成污染；31个大型淡水湖泊水质17个污染；9个重要海湾中，辽东湾、渤海湾和胶州湾水质差，长江口、杭州湾、闽江口和珠江口水质极差……</t>
  </si>
  <si>
    <t>当代影像艺术收藏</t>
  </si>
  <si>
    <t>九十年代末，年轻的美国人罗伯特手持一张名单，游走于中国收藏影像作品，成就为中国当代影像艺术有影响的人士。2001年，来自法国文化部和蓬皮杜艺术中心的代表在平遥国际摄影大展上，希望收藏邵逸农和慕辰的《家谱》和晋永权的《三峡》，但中国摄影家却不知如何报价。今天的?</t>
  </si>
  <si>
    <t>发债融资80亿美元  IPO难解阿里巴巴资金饥渴？</t>
  </si>
  <si>
    <t>刚刚IPO的阿里巴巴日前宣布，计划在海外发行高级无抵押债券，最多融资80亿美元。消息一出，立刻引起各界热议：阿里通过IPO融资250亿美元后，立刻展开新的融资计划，这是否意味着目前的阿里仍有着极高的资金需求，即便是美国市场上最大规模的IPO都无法满足其资金饥渴？    ?</t>
  </si>
  <si>
    <t>在欧洲逛“跳市”</t>
  </si>
  <si>
    <t>在欧洲长驻闲时逛跳蚤市场不但可以丰富日常生活，还可以了解当地文化和传统，更主要的目的当然是淘宝，但在欧洲淘宝讲究多多。    欧洲的“跳市”多以旧货为主，也有一些古董或艺术品混杂其中，这种状况颇像北京的潘家园，但因为欧洲旧货市场或古董市场没有太大的泡沫成分?</t>
  </si>
  <si>
    <t>以客户需求为创新导向</t>
  </si>
  <si>
    <t>11月17日，全球最大的听力解决方案供应商瑞士SONOVA集团发布了2014/15财年半年报，销售额达9.902亿瑞士法郎，按当地货币计量增长7.7%；息税折旧摊销前利润达2.159亿瑞士法郎，按当地币计量增长12.1%。目前，亚太地区的业务占整个公司业务的11%。该公司对2014/15年全年预期保?</t>
  </si>
  <si>
    <t>美联储会议纪要警示美多重经济风险</t>
  </si>
  <si>
    <t>美联储19日公布的10月份货币政策会议纪要显示，美国经济复苏步伐稳健，料将继续保持改善态势，但仍然面临通胀水平过低、金融市场震荡、全球经济形势不乐观等风险因素，未来可能影响美国的中期经济增长前景。尽管美联储在此次会议上宣布结束量化宽松政策，但通胀前景走弱可能?</t>
  </si>
  <si>
    <t>美国邮政改革迫在眉睫</t>
  </si>
  <si>
    <t>美国邮政日前公布的财报显示，在截至今年9月30日的2014财年，该机构净亏损55亿美元，为连续第八年亏损，曾经辉煌一时的全球邮政巨无霸陷入了生存危机。分析人士认为，如果美国国会不通过立法对美国邮政低效的商业模式彻底进行改革，美国邮政将无法走出入不敷出的困局。</t>
  </si>
  <si>
    <t>中国互联网经济仍具高增长潜力</t>
  </si>
  <si>
    <t>11月19日，世界互联网大会在中国乌镇开幕，中国三大互联网公司阿里巴巴、腾讯、百度的创始人马云、马化腾和李彦宏，以及微软、谷歌和苹果等外资公司的代表出席此次会议。他们将在为期3天的会议中讨论跨境电子商务、信息消费、网络安全等众多产业发展问题。    英国科技研究</t>
  </si>
  <si>
    <t>贸易全球化巅峰期已过去</t>
  </si>
  <si>
    <t>近两年，全球贸易增长和经济增长一样平庸，缺乏亮点。英国《金融时报》抢先刊载国际货币基金组织和世界银行的研究成果称，全球贸易已经度过巅峰时期。    据《金融时报》报道，这份将于12月份刊载于国际货币基金组织旗下刊物《金融与发展》上的研究报告表示，国际贸易这一?</t>
  </si>
  <si>
    <t>纽约金价18日强劲反弹</t>
  </si>
  <si>
    <t>美元走软推升金价，纽约商品交易所黄金期货市场交投最活跃的2014年12月黄金期价18日比前一交易日上涨13.6美元，收于每盎司1197.1美元，涨幅为1.15%。    德国18日公布的11月分析师及投资者信心指数一年来首次上涨，使得市场对德国经济避免衰退重树信心。受此影响，欧元对美</t>
  </si>
  <si>
    <t>拉加德：决策者应各展其能迎战“新平庸”</t>
  </si>
  <si>
    <t>国际货币基金组织（IMF）总裁拉加德在出席亚太经合组织（APEC）会议期间接受了《经济参考报》记者专访，并围绕世界经济、中国经济、APEC会议期间的热点议题、IMF份额改革等发表了自己的看法。    《经济参考报》：您最近提出世界经济面临“新平庸”挑战的说法，您如何看待?</t>
  </si>
  <si>
    <t>阿里加速金融业务全球化布局</t>
  </si>
  <si>
    <t>11月18日，负责阿里巴巴金融业务的实体公司蚂蚁金服宣布，旗下公司支付宝将在澳大利亚悉尼设立子公司Alipay Australia，为中澳跨境电商发展提供支持；当日蚂蚁金服还向《经济参考报》记者证实公司已联手盈富泰克，对新加坡移动安全和加密技术企业V-Key公司进行了总额1200万美</t>
  </si>
  <si>
    <t>欧洲央行拟购主权债券推欧版QE</t>
  </si>
  <si>
    <t>欧洲央行行长德拉吉17日表示，近来欧元区经济增长动能减弱，如果该地区经济增速和通胀水平持续处于低迷状态，欧洲央行将采取进一步的非常规措施来刺激经济，其中包括购买国债。这一表态推升了欧洲央行可能将实施量化宽松政策（QE）的市场预期。分析人士认为，考虑到欧元区当?</t>
  </si>
  <si>
    <t>日本推迟消费税增长计划</t>
  </si>
  <si>
    <t>日本首相安倍晋三18日正式宣布推迟本定于2015年10月起执行的增长消费税第二步计划。    安倍在当天晚些时候召开的记者发布会上表示，今年第三季度国内生产总值（GDP）数据再现负增长，证明日本经济目前还未进入复苏轨迹，如期进一步增税至10%将很可能打击该国20年来对抗通?</t>
  </si>
  <si>
    <t>让中国智慧激活全球新商道</t>
  </si>
  <si>
    <t>从山明水净的雁栖湖畔到碧海蓝天的南太平洋岛国，中国领导人日程从APEC时间过渡到G20时间，中国经济外交季从北半球的初冬切换到了南半球的初夏。整个11月，中国领导人围绕促进亚太合作、全球共赢等一系列重大问题，在诸多双边多边场合阐述中国观点、中国方案、中国优势，传递</t>
  </si>
  <si>
    <t>聆听太平洋的诉说</t>
  </si>
  <si>
    <t>沃尔特·麦克杜格尔是美国宾夕法尼亚大学历史教授，曾以《天与地：太空时代的政治史》一书获得1986年普利策历史奖。本书中，沃尔特化身“说书人”，讲述了北太平洋地区400多年来风云变幻的历史。    沃尔特运用艺术“手段”激活了不同年代不同国家颇具代表的6位历史人物，?</t>
  </si>
  <si>
    <t>拉美钢铁业期冀与中国合作共赢</t>
  </si>
  <si>
    <t>拉美钢铁业日前就如何应对快速增长的中国钢铁出口展开讨论，多家钢铁巨头表示，应尊重市场规律，强化自身优势，未来与中国钢铁业合作共赢。    在日前召开的拉美钢铁大会上，联合国拉美和加勒比经济委员会（拉加经委会）国际贸易和一体化中心主任奥斯瓦尔多·罗萨莱斯提出?</t>
  </si>
  <si>
    <t>中亚油气管道点亮丝路经济带</t>
  </si>
  <si>
    <t>11月14日，中石油集团公司在京召开“中石油在中亚”新闻座谈会。新闻发言人曲广学宣布，中亚天然气管道自投产以来，累计向中国输气突破1000亿立方米；同时，中哈原油管道自投产以来，已经累计向中国输油超过7000万吨。    记者注意到，这是曲广学自今年4月就任中石油思想政</t>
  </si>
  <si>
    <t>G20峰会推出“布里斯班行动计划”</t>
  </si>
  <si>
    <t>二十国集团（G20）16日结束了为期两天的领导人峰会并发布了联合公报，就经济增长、基础设施投资、贸易自由化、税收和金融监管，以及能源安全等一系列议题达成了共识。会议宣布G20峰会2016年将在中国举办。    推动经济增长    G20领导人峰会于15日至16日在澳大利亚昆士兰</t>
  </si>
  <si>
    <t>俄罗斯应加速经济结构改革</t>
  </si>
  <si>
    <t>在西方制裁和国际原油价格下跌的双重打击下，俄罗斯经济遭遇寒冬。尽管外部环境的恶化导致了俄罗斯经济的困境，但不得不说俄罗斯自身经济发展中存在的问题不可回避。    目前俄罗斯石油和天然气占总出口的75%，高于1980年67%的比例。控制天然气资源、基础设施、银行和媒体?</t>
  </si>
  <si>
    <t>告别资金宽松盛宴  拉美经济寻新出路</t>
  </si>
  <si>
    <t>对于拉美许多国家来说，2014年是个糟糕的年份：巴西出现“技术性衰退”，阿根廷遭遇“拉美陷阱”，委内瑞拉深陷经济危机……经济不景气促使拉美国家政府反思以往政策，更多地将目光投向与发展中国家的合作，寻找打破眼下僵局的新出路。    物产丰富的拉美是全球大宗商品的?</t>
  </si>
  <si>
    <t>行业垄断需斟酌  欺诈发行应严惩</t>
  </si>
  <si>
    <t>墨西哥突然取消高铁中标  走出去还需研究政治生态    11月9日，中国铁建股份有限公司正式对墨西哥取消高铁项目中标结果作出回应。该公司称：“对此我公司异常震惊。中国铁建此次投标，始终遵守墨政府公开招标程序和要求，投标内容也符合墨方标书规定。”中国铁建称，北京时</t>
  </si>
  <si>
    <t>西方需要“第四次国家革命”</t>
  </si>
  <si>
    <t>不久前，英国《经济学家》杂志总编约翰·米克尔思韦特、执行主编阿德里安·伍尔德里奇推出新著《第四次革命：全球竞争如何重塑国家》，对西方国家发出警告，认为日益膨胀的公共权利政策造成巨大财政负担，反过来又威胁到公共权利，这是代议制民主带来的负面后果。作者指出，?</t>
  </si>
  <si>
    <t>国际机构呼吁推进欧版量化宽松</t>
  </si>
  <si>
    <t>二十国集团（G20）峰会将于15日至16日在澳大利亚布里斯班举行。峰会举行前，国际货币基金组织（IMF）和经济合作与发展组织（OECD）均对全球经济下行风险作出预警，敦促各国加快采取应对措施，尤其是欧洲央行应加快推进欧版量化宽松政策，避免欧洲经济增长趋于停滞，拖累全球?</t>
  </si>
  <si>
    <t>伊利科研创新的“众筹”模式</t>
  </si>
  <si>
    <t>近日，2014年“中国营养学会营养科研基金—伊利营养与健康研究基金”正式启动，该基金重点关注水解乳糖牛奶对骨骼健康的影响、乳蛋白及其亚结构的消化吸收利用模式和营养功能研究等，将为入选科研专家提供一定额度的科研基金支持，受到众多国内营养专家和行业人士的积极关注?</t>
  </si>
  <si>
    <t>法国在G20中的纵横捭阖</t>
  </si>
  <si>
    <t>二十国集团（G20）峰会即将在澳大利亚布里斯班召开，G20再次成为焦点话题。    对于G20，这几年国内媒体一直较为关注，但偏重于报道G20的议题和成果，以及有关中国的作用和主张，对于其他国家在G20中的纵横捭阖往往言之不详，G20江湖的复杂性不得其闻。法国是众所周知的欧?</t>
  </si>
  <si>
    <t>中国将积极参与“两洋铁路”建设</t>
  </si>
  <si>
    <t>12日，中国国家主席习近平在北京同秘鲁总统乌马拉举行会谈时表示，中方将积极参与建设从秘鲁到巴西、连接太平洋和大西洋的“两洋铁路”项目。会谈后，两国元首共同见证了中国、巴西、秘鲁三国有关部门设立“两洋铁路”联合工作组等合作文件的签署。    “两洋铁路”是指横?</t>
  </si>
  <si>
    <t>英国高官访华促进对英投资</t>
  </si>
  <si>
    <t>英国社区与地方政府事务部大臣埃里克·皮克斯本周开启访华之旅，将推动英中贸易往来，进一步吸引中国企业向英国经济注入大规模投资。    根据英国驻华使馆发布的新闻简报，在为期三天的访问中，皮克斯将会见一些知名的中国企业，介绍英国在城市再生进程中的机遇，尤其是在?</t>
  </si>
  <si>
    <t>生态建设蓄积“绿巨能”</t>
  </si>
  <si>
    <t>先污染后治理，西方发达国家走过的这条产业与环境残酷博弈的发展之路，曾经和正在被国内一些地方或明或暗追随。但是，这条路在长江上游生态保护重地行不通。坚持“环境立县”30年，四川省长宁县逐渐走出一条既要金山银山、又要绿水青山的生态产业文明之路——    要不要发?</t>
  </si>
  <si>
    <t>日本ETC优惠收费疏导高速公路流量</t>
  </si>
  <si>
    <t>时隔近8年，重返东京任职，发现日本的一个重要变化就是，东京及日本全国的高速公路收费站以及大部分机动车辆都已经安装和配备了不用停车就可以交费的电子收费系统（ETC）。过去那种需要在收费站之前排长队等候交费通行的现象已经基本消失，高速公路比以往更加畅通快捷。</t>
  </si>
  <si>
    <t>APEC峰会中国收到的礼物</t>
  </si>
  <si>
    <t>重大会议，往往成为诞生重大成果的舞台。    对中国而言，北京APEC会议的第一个实质性礼物，应该就是10日基本达成的中国和韩国自贸区协定。    虽然中国和新西兰等国也达成过自贸协定，但中韩协定是迄今为止对外商谈的覆盖领域最广、涉及国别贸易额最大的自贸区。根据谈?</t>
  </si>
  <si>
    <t>李克强：希望墨方公平对待中企</t>
  </si>
  <si>
    <t>据中国政府网消息，国务院总理李克强11日下午在会见墨西哥总统培尼亚时表示，中国高铁技术先进，安全可靠，性价比高，运营经验丰富，两国就此开展合作是互利双赢的。不久前，中墨企业联合体按照墨方招标程序，凭借自身竞争力，成功中标墨西哥城至克雷塔罗市高铁项目，这一结?</t>
  </si>
  <si>
    <t>中美认同信息技术贸易协议扩围</t>
  </si>
  <si>
    <t>据外媒报道，11日，中美就信息技术贸易协议(ITA)扩大范围达成一致。该协定有望覆盖1万亿美元的贸易商品。英国《金融时报》认为，双方在这一协议上取得突破，有助于推进由五十多个国家和地区参与的《信息技术协议》更新的谈判。    ITA是1997年生效的世界贸易组织框架下的多</t>
  </si>
  <si>
    <t>FTAAP实现路径：TPP与RCEP的融合</t>
  </si>
  <si>
    <t>围绕着亚太自贸区（FTAAP）建设及其路线图即将浮出水面，FTAAP选择什么样的实现路径将决定着亚太经贸格局的未来走向。    2009年，澳大利亚、中国、韩国、新西兰四国学者联合研究报告表明，在货物贸易自由化、货物贸易自由化+贸易便利化、取消关税+贸易便利化+服务贸易自由</t>
  </si>
  <si>
    <t>奥巴马亚太再平衡战略面临考验</t>
  </si>
  <si>
    <t>美国总统奥巴马10日抵达北京开始为期一周的亚洲之旅，将先后出席亚太经合组织领导人非正式会议、东亚峰会和二十国集团领导人峰会，并对中国进行国事访问。观察人士认为，此次出访成果不仅将检验奥巴马政府在余下两年任期内处理国际事务的能力，也将关系到奥巴马最终能否留下?</t>
  </si>
  <si>
    <t>中韩自贸区协定将覆盖17个领域</t>
  </si>
  <si>
    <t>据中国商务部网站消息，11月10日，中国国家主席习近平与韩国总统朴槿惠在北京举行会晤，双方共同确认中韩自贸区结束实质性谈判。会晤后，在两国领导人共同见证下，中国商务部部长高虎城和韩国通商产业资源部部长尹相直，分别代表两国政府签署了结束中韩自贸区实质性谈判的会?</t>
  </si>
  <si>
    <t>上市后首迎“双十一”  京东股价压力空前</t>
  </si>
  <si>
    <t>对于登陆美国市场的阿里和京东而言，今年双十一意义格外不同，在资本的注目和压力下，这场全民购物狂欢节，很有可能最终演变成国内电商行业双雄IPO后的首次直接对话。其双十一当日的业绩，对两家公司而言，都至关重要，不仅仅关系着自身股价的走势，更会影响无数投资者的信心</t>
  </si>
  <si>
    <t>墨高铁毁约警示国企出海风险</t>
  </si>
  <si>
    <t>连日来，有关墨西哥取消中企高铁投标结果事件引人关注。对于此次变脸，墨西哥方面解释是为了避免出现对投标程序合法性和透明度的怀疑，将给其他如日本、德国等竞争企业更多准备投标的时间。虽然中铁建最后还有“煮熟的鸭子”飞回来的变数，但消息公布后，铁路基建类股票遭遇?</t>
  </si>
  <si>
    <t>亚太民众最担忧的十大经济挑战</t>
  </si>
  <si>
    <t>对亚太经济乃至世界经济而言，2014年属于流年不利。美国经济虽稍有起色，但欧盟和日本经济又有衰退迹象，新兴经济体也是增长乏力，中国经济放缓也成大趋势。根据11月7日亚太经济合作理事会发布的报告，未来两年亚太经济增速将只有3.8%，到2019年则进一步回落到3.5%。    什</t>
  </si>
  <si>
    <t>分析师：美企盈利前景不应乐观过度</t>
  </si>
  <si>
    <t>美国企业第三季度的财务报告披露已经接近尾声。许多企业均公布了好于预期的业绩报告，不过，一些分析师提醒投资者，认为美国企业的盈利可以高枕无忧为时过早。    据外媒报道，Evercore的数据显示，已经在上周早些时候公布业绩的标普500公司中，66%的企业业绩超过了预期。?</t>
  </si>
  <si>
    <t>TPP谈判年内仍难达成协议</t>
  </si>
  <si>
    <t>《跨太平洋战略经济伙伴协定》（TPP）12个谈判参与国的贸易部长日前在北京亚太经合组织（APEC）会议举行间隙进行了会谈，商讨有关谈判进展的相关事项。据日本媒体报道，日本经济财政大臣甘利明表示，TPP谈判国未能如美国提议的那样在年内为达成协议清除谈判障碍，尽管各谈判?</t>
  </si>
  <si>
    <t>西气东输拉动区域经济绿色转型</t>
  </si>
  <si>
    <t>秋日的深圳依然热气逼人，坐落于前海湾的中国石油西气东输二线大铲岛分输压气站里，伴随着压缩机轰隆隆的运转声，来自万里之外中亚阿姆河畔的天然气在这里升压，输送到香港龙鼓滩末站，最后到达青山发电厂。    作为西气东输“能源大动脉”的重要组成部分，西二线是我国首?</t>
  </si>
  <si>
    <t>我国与东南亚电力“互联互通”提速</t>
  </si>
  <si>
    <t>在今年北京APEC会议上，全球舆论聚焦中国提出的“加强全方位基础设施与互联互通建设”。“互联发展”将为APEC成员创造更多的发展机会，而在能源领域，中国已经与相邻的东南亚国家展开了互联互通的尝试。事实上，随着东南亚国家经济崛起、能源缺口扩大，中国与东南亚地区在电?</t>
  </si>
  <si>
    <t>中铁建回应：必要时将维权</t>
  </si>
  <si>
    <t>11月9日，中国铁建股份有限公司正式对墨西哥取消高铁项目中标结果作出回应。该公司称：“对此我公司异常震惊。中国铁建此次投标，始终遵守墨政府公开招标程序和要求，投标内容也符合墨方标书规定。”    中国铁建称，北京时间11月7日13时20分（墨西哥时间11月6日23时20分）</t>
  </si>
  <si>
    <t>人民币挺进美国后院</t>
  </si>
  <si>
    <t>北美首个人民币离岸中心落户加拿大。加拿大政府11月8日声明，中加两国已同意采取多项措施，推进加拿大人民币市场的稳定和健康发展，并在加拿大建立北美首个人民币离岸中心。    根据中加双方协议，两国央行签署了规模为2000亿元人民币/300亿加元的双边本币互换协议，旨在支</t>
  </si>
  <si>
    <t>奥巴马经济政策面临洗牌</t>
  </si>
  <si>
    <t>美国中期选举4日晚落下帷幕。共和党在此次选举中保住了国会众议院多数党地位，还赢得参议院控制权，全面掌控国会。这意味着美国民主党总统奥巴马在剩下的两年任期内将面临经济政策大洗牌，税收、移民、能源、贸易和金融监管政策均可能进行调整。    仍将首推经济议程</t>
  </si>
  <si>
    <t>美国专家：没有中国参与  TPP运行存疑</t>
  </si>
  <si>
    <t>在亚太经合组织（APEC）系列会议举行之前，前国际货币基金组织（IMF）中国事务主管、美国康奈尔大学贸易政策教授埃斯瓦尔·普拉萨德接受了《经济参考报》记者的专访。普拉萨德表示，没有中国参与的跨太平洋伙伴关系（TPP）运行将存在疑问，他期望亚太地区最终能形成一个真正?</t>
  </si>
  <si>
    <t>全球航天变迁的蛛丝马迹</t>
  </si>
  <si>
    <t>航天届最近颇为热闹。这边美国轨道科学公司的发射任务失败，火箭凌空爆炸；那边中国探月工程三期再入返回飞行试验任务的返回器平安回家。在这两起引人关注的航天事件里，你看到了什么？    如果你说，看到中国航天超越美国在即，美国航天不过如此而已。那么我只能回答两字?</t>
  </si>
  <si>
    <t>APEC的挑战：全球贸易规则之争</t>
  </si>
  <si>
    <t>2008年国际金融危机以来，全球贸易格局正在发生颠覆性的变化，以美国为主导的发达国家开始发力重构全球贸易的战略新规则，APEC当前面临的最大挑战主要是来自于全球贸易的规则之争。    从国际贸易规则形成和演进的历史经验看，国际贸易规则的构建主要由大国发起，先形成小?</t>
  </si>
  <si>
    <t>“新常态”下如何承担大国责任</t>
  </si>
  <si>
    <t>亚太经合组织(APEC)北京会议周大幕已经拉开，责任和义务，自然又是不少媒体报道的关键词。颇有意思的是，最近几年，全球经济步入“新常态”，西方一些政客和媒体对中国和其他崛起中的新兴经济体进行偏颇指责，总是爱拿“国际责任”说事儿。言下之意，你们已经发展壮大，要么?</t>
  </si>
  <si>
    <t>欧盟“去德”意愿可能恰不逢时</t>
  </si>
  <si>
    <t>新一届欧盟委员会于本周起正式运行，以秉持强硬的“大欧洲”主张的欧委会主席容克将给欧洲经济带来新的期待。其对欧委会结构的改革被认为将进一步削弱德国等大国的话语权，但经济火车头们被打压可能对欧洲保住复苏成果产生影响。    作为欧盟行使权力的最高机构，新一届欧?</t>
  </si>
  <si>
    <t>从“山寨”到超越</t>
  </si>
  <si>
    <t>1959年，日本的大和运输公司介入东京-大阪的长距离运输。此时其他公司已经占领了主要市场。大和运输尽管获得了顾客，利润却相当低。大和运输窥探最大竞争对手的运作发现，对手承接的小宗货物运输更多。很显然，如果大和运输也转向小宗货物运输，经营效益很可能会因此提高。但</t>
  </si>
  <si>
    <t>APEC使命：催生地区贸易新框架</t>
  </si>
  <si>
    <t>一直以来被视为松散性贸易组织的APEC正在向经贸合作的制度框架转型。从这个意义上讲，2014年的APEC峰会也许是一个重要的历史性转折点。    全球经济步入“新常态”，亚洲也不例外。2008年国际金融危机后，世界经济“低增长、低需求、低通胀”特征明显，全球贸易增长与以往?</t>
  </si>
  <si>
    <t>阿根廷指控宝洁税务欺诈</t>
  </si>
  <si>
    <t>据外媒报道，阿根廷联邦税务局2日表示，因美国宝洁公司涉嫌税务欺诈，将暂停该公司在阿根廷的业务。    阿根廷联邦税务局表示，宝洁公司通过其设在瑞士的一家子公司，在近期与巴西进行的电动剃须产品和卫生间用品进口交易中，虚报货物价格1.38亿美元，以此将资金转移到国外</t>
  </si>
  <si>
    <t>什么故事打动了以色列投资家</t>
  </si>
  <si>
    <t>埃里泽·马诺，是以色列一位著名的高科技创业家和投资家，他的好友、瑞典物理学家戴维·努德福什曾讲过一个故事，他非常喜欢这个故事，并“将它当作人生的引路明灯”。    这是一个物理学家的故事，但在马诺眼中，这也与创新意识有着密切的联系。故事的主人公之一，是曾获?</t>
  </si>
  <si>
    <t>经济问题将主导美国中期选举走向</t>
  </si>
  <si>
    <t>美国中期选举即将进入冲刺阶段。虽然影响选举结果的话题很多，但是经济毫无疑问仍是主导话题。美国媒体认为，民主党此次选举要取得较大优势难度不小。    美联社-捷孚凯进行的民调结果显示，在可能投票的选民中，10人中有9人认为经济极度重要或非常重要，位居调查议题之首?</t>
  </si>
  <si>
    <t>强势美元这次又要牺牲谁</t>
  </si>
  <si>
    <t>10月最后一个交易日，美元指数一度上摸至86.524，并在纽约汇市尾盘站上3周以来高点。这一表现再次印证了美国财政部此前的判断，根据其发布的《国际经济和汇率政策报告》，最近三个月美元汇率大幅升值，从6月底至9月底，美元对主要货币汇率平均升值7.1%。    简单地说，美元</t>
  </si>
  <si>
    <t>经济难题困扰日本大学校园</t>
  </si>
  <si>
    <t>日本是亚洲教育大国，高等教育相当先进和发达，大约三分之一以上的国民接受过高等教育，拥有大学毕业文凭。然而，进入21世纪以后，随着日本经济的长期低迷，经济问题开始困扰日本大学校园，出现了大学生因经济问题中途退学人数大幅增加、奖学金贷款负担过重难以按时偿还，以?</t>
  </si>
  <si>
    <t>对财富分配话题的再认识</t>
  </si>
  <si>
    <t>现在一本书想火起来并不容易，不仅要有扎实的内容，还要能切中时代的脉搏。从这个角度看，《21世纪资本论》显然都做到了。    这本在美国引起诸多学者争论的鸿篇巨制有两个十分突出的特点，一是作者尽可能多地搜集英法等老牌资本主义国家的数据，跨度长达三百年以上，而且?</t>
  </si>
  <si>
    <t>“QE终结”考验新兴市场</t>
  </si>
  <si>
    <t>美国联邦储备委员会29日宣布10月结束资产购买计划，即量化宽松措施（QE）。这意味着美联储长达六年的经济刺激计划终告结束，正在开启回归正常化的大幕。    有分析认为，美联储退出QE的市场进程符合市场预期，对市场冲击有限，但是一旦美联储转向实质加息，新兴市场国家将?</t>
  </si>
  <si>
    <t>加拿大免费医疗“看上去很美”</t>
  </si>
  <si>
    <t>今年初，住在加拿大艾伯塔省卡尔加里市的退休女护士德瑞思科膝盖剧烈疼痛，她去当地医院求医时，被告知要等两周才能安排做各项检查，如果查出病情严重需要手术，那还必须至少再等上7个月。疼痛难忍且心急如焚的德瑞思科无奈之下，只好接受一位外科医生的建议，去加勒比海一家</t>
  </si>
  <si>
    <t>退出QE，美国会立即加息么？</t>
  </si>
  <si>
    <t>10月30日，美国联邦市场委员会(FOMC)宣布退出量化宽松货币政策(QE3)，QE3自11月结束，维持0-0.25%的联邦基金利率不变。美联储发布的前瞻性指引中，保留了“低利率维持相当长一段时间”的表述，主要内容符合市场预期。美联储对通胀和就业的判断和描述比之前明显更为乐观，资本</t>
  </si>
  <si>
    <t>中国客赴美旅游潜力大</t>
  </si>
  <si>
    <t>“APEC假期去哪儿玩？”刚过完国庆假期的北京人又迎来长假期，去哪儿玩还真得想想。和前几年不同的是，现在越来越多的中国老百姓在选择旅游目的地时开始把目光投向海外，美国就是热门之一。    据美国旅游推广机构BrandUSA预计，综合考虑入境人数和消费金额等指标，预计到2</t>
  </si>
  <si>
    <t>中国仍是有吸引力的市场</t>
  </si>
  <si>
    <t>法国投资集团欧瑞泽基金已有130多年的历史，是一家表现良好的上市公司，投资的公司包括雅高Accor酒店集团，欧洲汽车Europcat等欧洲多个行业里具有成长性的企业。正值企业旗下公司与中国签署两项合作协议之际，记者专访了公司的首席执行官派屈克·塞勒先生和公司董事总经理兼?</t>
  </si>
  <si>
    <t>法意妥协  欧盟延续财政整顿政策</t>
  </si>
  <si>
    <t>欧盟委员会当地时间28日表示，经过审查，欧元区18个成员国2015年财政预算案均未发现严重问题。这意味着在法、意两国作出“最后一分钟的妥协”后，欧元区国家来年预算案全部过关，此前引发欧元区内部分歧的财政整顿政策将得以继续执行。    为避免重蹈债务危机覆辙，2013年?</t>
  </si>
  <si>
    <t>不应低估蒙古国修建标轨铁路的意义</t>
  </si>
  <si>
    <t>蒙古国国家大呼拉尔（也就是国会）日前通过决议，将在中国邻近的两段铁路采用与中国相同的标准轨。蒙古国的“变轨”，不仅将给蒙古国带来实实在在的经济效益，对东亚经济的整合也有不可低估的意义。    蒙古国和俄罗斯以及其他原苏联加盟共和国一样，采用的是轨距1520毫米?</t>
  </si>
  <si>
    <t>法国航空三季度营业利润重挫60%</t>
  </si>
  <si>
    <t>欧洲第二大航空公司法国航空29日宣布，因旗下飞行员罢工两周导致营业收入和营业利润大幅下滑，该公司第三季度业绩受到极大影响，营业利润下滑幅度高达60%。未来，法航将重点调整投资计划、削减成本，以提高公司盈利。    法国航空当日表示，该公司第三季度营业收入下滑至67</t>
  </si>
  <si>
    <t>美国10月份消费者信心大幅反弹</t>
  </si>
  <si>
    <t>美国经济研究机构世界大型企业研究会28日发布的报告显示，得益于就业市场改善和油价下跌，10月份美国消费者信心指数大幅反弹，升至七年新高。    报告显示，10月份世界大型企业研究会消费者信心指数为94.5，高于9月份修正后的89.0，创2007年10月以来新高，好于经济学家普遍</t>
  </si>
  <si>
    <t>油价大跌考验美国“页岩革命”</t>
  </si>
  <si>
    <t>自今年6月以来，国际原油价格已大幅下挫超过20%，但作为石油输出国组织（欧佩克）最大石油生产国的沙特阿拉伯宁愿承受油价持续走低也不削减产量，以捍卫其市场份额，被外界视为新一轮能源价格战的开端。这轮价格战不仅将使遭受经济制裁的俄罗斯、伊朗等传统产油国经济雪上加?</t>
  </si>
  <si>
    <t>沟通东西南北  “港产城”联动发展</t>
  </si>
  <si>
    <t>连云港，是新亚欧大陆桥的东方桥头堡，是海陆双向开放的重要交汇点，一直以来都是通向日本、韩国以及南海各地的重要港口。今年是连云港获批沿海开放城市30周年，也是连云港“一带一路”建设元年。未来，连云港将在新的历史起点，纵深推进“港产城”融合发展，以更大的开放格?</t>
  </si>
  <si>
    <t>美日分歧依旧  TPP谈判推进吃力</t>
  </si>
  <si>
    <t>跨太平洋战略经济伙伴协定（TPP）谈判部长级会议27日在悉尼落幕。在会后发表的共同声明中，与会12国谈判代表称，本次会议取得了“重要进展”。但是，在本次会议上就基本要素达成共识的愿望并未实现，而美国、日本在关键问题上的分歧难以妥协，仍是TPP谈判的最大障碍。    ?</t>
  </si>
  <si>
    <t>通胀风险低  美联储或推迟加息</t>
  </si>
  <si>
    <t>美联储将于当地时间29日结束为期两天的货币政策会议。外界预计美联储会宣布结束量化宽松（QE）操作，即资产购买计划，美联储还可能重申将在一段时间内维持低利率政策。在美国通胀率维持低位、全球经济复苏形势不佳的背景下，一些分析认为美联储或将加息时点推后至明年下半年?</t>
  </si>
  <si>
    <t>日本软银向印度网络公司投资8.37亿美元</t>
  </si>
  <si>
    <t>日本移动通讯供应商软银集团28日宣布，将向两家印度网络科技公司投资8.37亿美元，从而成为这两家公司的最大股东。软银目前正在加速拓展其海外业务，在未来10年内将向印度投资100亿美元。    软银当日发布正式声明宣布，将向印度最大电子商务平台Snapdeal投资6.27亿美元。Sn</t>
  </si>
  <si>
    <t>世界伊斯兰经济论坛关注债券业务</t>
  </si>
  <si>
    <t>第10届世界伊斯兰经济论坛近日在迪拜开幕，本次论坛的主题是“为经济增长创造新型伙伴关系”。迪拜酋长穆罕默德·本·拉希德·阿勒马克图姆和马来西亚总理纳吉布、哈萨克斯坦总统纳扎尔巴耶夫等多国政要出席了会议。    迪拜工商会首席执行官布阿米在致辞中说，期待今后几?</t>
  </si>
  <si>
    <t>中国经济高速增长远没有结束</t>
  </si>
  <si>
    <t>今年10月上旬，世界银行在新加坡发布最新报告，将中国2014年经济增长预期由之前的7.6%调低至7.4%，低于7.5%的中国官方目标。世行同时将中国明后两年经济增长预期从7.5%下调至7.2%和7.1%。人们不禁要问，中国经济过去30年高速增长的绚丽华章是否就此翻过，从此在中低速增长轨?</t>
  </si>
  <si>
    <t>中国将向阿根廷开放高粱市场</t>
  </si>
  <si>
    <t>据外媒报道，阿根廷农业部长助理加布里埃尔·德尔加多近日表示，中国今年将向其开放高粱市场，分析称这将给美国高粱带来竞争压力。阿根廷农业部长将在下个月访华时签署双边协议，这将为中国从阿根廷进口高粱铺平道路。    中国国内玉米价格高，这让畜牧业养殖者被迫使用高?</t>
  </si>
  <si>
    <t>“法式大餐”重启创新模式</t>
  </si>
  <si>
    <t>两年一度的巴黎国际食品展近日开幕。这个世界最大的食品行业博览会名不虚传，1700种新品令人目不暇接，游客们一路免费品尝，眼福口福并享，实在惬意。    在一派热闹景象里，法国食品企业的创新表现尤其抢眼。法国《费加罗报》说，今年展出的新产品里四分之一来自法国，比?</t>
  </si>
  <si>
    <t>25家银行未通过欧洲央行压力测试</t>
  </si>
  <si>
    <t>欧洲央行26日公布欧元区银行业综合性评估结果。其中，备受关注的大型银行压力测试结果显示，在欧元区130家最大银行中，有25家银行未能通过压力测试，其中13家银行需在未来六至九个月内融资100亿欧元。此次评估结果提供了自金融危机爆发以来对欧元区银行业健康状况最清晰的呈?</t>
  </si>
  <si>
    <t>IMF为特别提款权设定利率下限</t>
  </si>
  <si>
    <t>国际货币基金组织(IMF)近日宣布为特别提款权利率设定0.05%的下限。由于构成特别提款权一篮子货币的发行国持续实行宽松货币政策且面临通缩风险，此举旨在避免特别提款权出现负利率。    目前特别提款权利率为0.03%。IMF执行董事会24日晚间发表声明说，该利率从10月27日起将?</t>
  </si>
  <si>
    <t>APEC财长会议构建新金融生态</t>
  </si>
  <si>
    <t>APEC财长会议22日至24日在北京召开，会议把促进基础设施投融资合作作为一个重点领域，在推广PPP模式方面形成系列具体成果，并签署筹建亚洲基础设施投资银行谅解备忘录。    上述成果引发国际社会高度关注，因为它们不仅勾画出一种新型金融机构轮廓，更代表了一种新的金融生</t>
  </si>
  <si>
    <t>美国多招加大埃博拉防控力度</t>
  </si>
  <si>
    <t>10月的美国，笼罩在埃博拉的阴影中。    从埃博拉患者被误诊，到两名护士感染，再到病毒观察期人员乘飞机、坐邮轮出行，美国政府在应对埃博拉方面屡屡失手，暴露出防范机制存在的漏洞。    如今，这个超级大国已进入埃博拉危机模式，正加紧出台弥补漏洞的措施。其他国家?</t>
  </si>
  <si>
    <t>原来城市可以这样“建”</t>
  </si>
  <si>
    <t>在城市化大潮中，如何快速建造一座新城？美国一家公司创造了“盒子中的城市”模式，一揽子快速搞定智能城市建设，被称为“建筑业中的宜家”。    它在世界各地承揽项目，韩国松岛新城是其第一张名片。曾风靡全球的“江南Style”视频便是在松岛拍摄的。    把城市出售给世</t>
  </si>
  <si>
    <t>原油熊市考验欧佩克忍耐力</t>
  </si>
  <si>
    <t>因美国原油库存激增、美元汇价走强，国际原油价格22日进一步走低，纽约油价跌至两年来最低水平，每桶80美元心理关口岌岌可危。分析人士指出，此轮持续了数月的下跌行情受多重利空因素影响，短期内难以扭转。国家油价持续下跌，牵动着主要产油国的神经，但石油输出国组织(欧佩</t>
  </si>
  <si>
    <t>谨防“投资环境恶化论”屏蔽外资</t>
  </si>
  <si>
    <t>今年以来，在我国加强反垄断调查执法，净化商业环境的大背景下，部分西方媒体和机构声称跨国公司在华投资的“黄金时代”已经结束，再掀“中国投资环境恶化论”波澜。    《经济参考报》记者在北京、上海、天津等地采访发现，外商投资企业对于在华经营的“抱怨”集中在劳动?</t>
  </si>
  <si>
    <t>筹建亚投行框架备忘录周五签署</t>
  </si>
  <si>
    <t>“《筹建亚投行的政府间框架备忘录》草案终稿达成共识，将于本周五在人民大会堂正式签署。”《经济参考报》记者22日在APEC财政部长会议上从印尼财政部财政政策办公室主任Andin Hadiyanto处获悉。这意味着亚投行筹建迈出关键一步，预计半年内亚洲基础设施投资银行有望正式成立</t>
  </si>
  <si>
    <t>“安倍经济学”遭质疑陷进退两难</t>
  </si>
  <si>
    <t>日本财务省22日发布数据显示，受化石能源进口不断增长、日元贬值的影响，2014财年上半年日本货物贸易逆差升至5.4271万亿日元。这一数据创下自1979年有可比数字以来同期贸易逆差额峰值。贸易赤字持续扩大或加剧日本经济增速放缓的担忧，这将增加外界对“安倍经济学”有效性的?</t>
  </si>
  <si>
    <t>中俄边境“农贸大市场”采购忙</t>
  </si>
  <si>
    <t>在专门经营对俄果蔬产品进出口的绥芬河市蓝洋农业科技综合开发有限公司，工人们正忙着把五彩椒、西红柿、马铃薯、圆葱，以及来自山东烟台、寿光的苹果、大葱、芹菜等20多种果蔬打包装箱。仅需2天，这些来自中国多地的新鲜果蔬通过中俄边境绥芬河口岸，就可以登上俄罗斯家庭的</t>
  </si>
  <si>
    <t>强势美元或令美联储推迟加息</t>
  </si>
  <si>
    <t>华盛顿有个不成文的规定，除美国财政部长外，一般美国政府部门官员不得公开就美元汇率发表评论。但近期多位重量级美联储高官纷纷打破这一禁忌，罕见地对美元涨势进行口头“干预”，显示强势美元正阻碍美国经济复苏，并可能影响美联储启动金融危机后首次加息的时机。    美?</t>
  </si>
  <si>
    <t>对影子银行风险当理性看待</t>
  </si>
  <si>
    <t>近日，国际货币基金组织金融顾问何塞-范内斯表示，如不解决影子银行的风险，将有可能危及全球金融稳定。IMF《全球金融稳定报告》指出，中国影子银行的规模和快速增长增加地区性风险，应当引起监管者和投资人的注意。    截至2014年3月，中国的影子银行社会融资升至GDP的35%</t>
  </si>
  <si>
    <t>境外“游学”是一种什么服务</t>
  </si>
  <si>
    <t>“走进美国常青藤名校课堂，零距离感受世界顶级学府，同时还能参观自由女神像等著名景点”，这样的广告对很多学生和家长而言并不陌生。近年来，选择以境外游学方式增长孩子见识的消费群体不断壮大，因此引发的纠纷也逐渐显现。日前法院审结的一起境外游学案件，对大家了解这?</t>
  </si>
  <si>
    <t>马哲睿：长着小胡子的大人物</t>
  </si>
  <si>
    <t>道达尔总裁马哲睿20日在飞行事故中不幸遇难，谁也未曾想到，他的人生会在事业的巅峰戛然而止。回顾马哲睿的一生，三大特点令人印象深刻。    首先，马哲睿把毕生精力献给了道达尔。马哲睿1951年生于法国西部的旺代省，外祖父是皮埃尔·泰亭哲——法国知名香槟酒品牌泰亭哲?</t>
  </si>
  <si>
    <t>日本“家电王国”败给了谁</t>
  </si>
  <si>
    <t>日本索尼公司最近宣布，由于智能手机、彩电等消费电子产品的销售持续低迷，预计在截止到明年3月底的本会计年度将发生2300亿日元的巨亏。在此之前，索尼公司已经宣布出售个人电脑部门，将彩电部门分离，组建独立的分公司，在裁减1万名员工的基础上再削减5000名。本会计年度是?</t>
  </si>
  <si>
    <t>债务评级遭降  俄经济恐陷衰退</t>
  </si>
  <si>
    <t>18日，国际三大评级机构之一的穆迪将俄罗斯债务评级从BAA1下调至BAA2，距垃圾级仅一步之遥，对其展望为负面。评级下调既反映出俄罗斯经济面临的困境，也给俄罗斯经济带来了负面影响，使其面临巨大考验。    穆迪在公告中表示，调降俄罗斯评级的主要原因是，认为“俄罗斯受?</t>
  </si>
  <si>
    <t>全球制造业呼唤“第三种制造模式”</t>
  </si>
  <si>
    <t>在第三次工业革命背景下，世界各国争相进行战略调整以适应新时代制造业的发展进程，如德国提出了工业4.0战略，美国提出了智能制造战略，全球范围的制造业变革反映出什么样的趋势，这种变革又将对家电制造格局产生怎样的影响？《经济参考报》记者就这些问题采访了家电产业问题</t>
  </si>
  <si>
    <t>日本央行称经济仍持续温和复苏</t>
  </si>
  <si>
    <t>日本中央银行在20日发布的季度经济报告中维持了对该国大部分地区的经济基本评估，认为尽管日本经济在消费税上涨3个百分点的影响下经历了部分疲软，但总体来说仍实现持续温和复苏，国内需求、就业环境以及收入状况均已经得到稳固改善。    报告显示，在日本九个地区中，日本</t>
  </si>
  <si>
    <t>外企乍现“隐性撤离”</t>
  </si>
  <si>
    <t>编者按：“外资大规模撤离”成为近期舆论焦点。一方面，在美国逐步退出量化宽松政策，中国经济增速放缓背景下，国际资本调整布局；另一方面，中国加大结构调整和经济转型，力促产业升级，且招商引资更加注重质量而非数量，对在华外资正在去“超国民待遇”化，在华外资经营压?</t>
  </si>
  <si>
    <t>俄乌就天然气价格达成初步协议</t>
  </si>
  <si>
    <t>俄罗斯能源部当地时间17日表示，俄罗斯与乌克兰在经过多次会谈之后，就支付天然气欠款和供应等议题达成初步一致。这一进展为本月21日举行的俄罗斯、乌克兰、欧洲联盟天然气三方会议铺路，也令外界对于俄乌危机有望达成和解方案的预期升温。不过此轮会谈同时显示，俄乌两国以?</t>
  </si>
  <si>
    <t>“中国国企完全能够搞好”</t>
  </si>
  <si>
    <t>“国有企业并非低效、腐败的代名词。包括美国在内的很多资本主义国家都有国企。”神华集团总经理凌文博士近日在与北京大学青年学子对话时称“中国国企完全能够搞好。”    凌文是在10月13日于北大光华管理学院的讲堂上做上述表示的。在这里，面对200余名大学生，凌文根据自</t>
  </si>
  <si>
    <t>多地城际铁路网规划被迫“瘦身”</t>
  </si>
  <si>
    <t>地方政府对城际铁路的投资建设正趋于理性。据记者了解，今年除东部沿海地区发达省份加强了城际铁路建设，中西部城际铁路建设几乎停滞。因面临融资难、债务重、盈利差等困境，包括四川、河南等省份意欲重新审视本省的城际铁路网规划，以使规划更具操作性，避免重复投资、过度?</t>
  </si>
  <si>
    <t>法国政府力推能源结构调整</t>
  </si>
  <si>
    <t>法国能源转型法案14日获众议院通过，这意味着法国向能源消费和生产“调结构”迈出重要一步。这一法案对法国经济运行和社会生活可能产生较大影响，预计未来三年将为法国增加10万个就业岗位，并有利于推动环保行业的发展。    法国众议院14日宣布，以314票赞成、219票反对、3</t>
  </si>
  <si>
    <t>澳大利亚能否留住“中国红利”</t>
  </si>
  <si>
    <t>澳大利亚外交和贸易部14日公布的一份年度统计报告显示，2013年澳大利亚对华贸易出口较前一年增长28.1%，达1015亿澳元(约合886亿美元)，近5年来澳对华出口年均增长率高达21.4%。当年，澳中贸易额较前一年增长20%，达1509亿澳元(约合1317亿美元)。    报告认为，造成上述趋势</t>
  </si>
  <si>
    <t>中国核电三巨头加速海外抢滩布局</t>
  </si>
  <si>
    <t>中国核电“走出去”再下一城。当地时间10月14日，罗马尼亚政府部际核电项目“谈判委员会”正式宣布：中广核成为罗马尼亚Cernavoda核电站3、4号机组项目(以下简称“罗核项目”)的“最终投资者”。据了解，10月17日，中广核还将依照此结果，与罗马尼亚国家核电公司签订该项目建</t>
  </si>
  <si>
    <t>台资银行登陆助力两岸金融合作</t>
  </si>
  <si>
    <t>近日，中国银监会批复同意台湾合作金库商业银行、彰化商业银行筹建福州分行的申请，这是福建省首批获批筹建的台资银行全资大陆一级分行，标志着福建省在构建海峡西岸现代金融中心建设中又迈出重要一步。    据福建银监局介绍，除了合作金库商业银行和彰化商业银行两家外，?</t>
  </si>
  <si>
    <t>优化市场机制  不妨借鉴梯若尔学说</t>
  </si>
  <si>
    <t>新鲜出炉的2014年诺贝尔经济学奖单独授予了法国人让·梯若尔，表彰他对于市场力量和管制问题的研究所作出的贡献。他兼备深厚的数学功底和敏锐的经济学洞察力，研究成果涉及了经济学诸多方面各个领域，是经济学家中少有的全才、天才，这次他单独获奖也打破了近年来经济学诺奖?</t>
  </si>
  <si>
    <t>奥巴马经济牌难为选情加分</t>
  </si>
  <si>
    <t>随着11月美国国会中期选举临近，美国总统奥巴马开始马不停蹄地前往各州宣讲自己的经济政绩，并参加民主党筹款会议，力图帮助民主党守住参议院的多数席位。但由于美国居民中位数收入下滑，广大民众并未切身感受到经济复苏成果，主打“经济牌”的效果令人质疑；而近期奥巴马处?</t>
  </si>
  <si>
    <t>欧元区增支出促增长呼声渐高</t>
  </si>
  <si>
    <t>欧元区各国财长13日在卢森堡召开会议。在欧洲经济低增长局面持续的背景下，加紧出台措施增加支出提振经济的呼声渐高，但是为了避免重蹈债务危机覆辙，欧盟推行的严格财政纪律仍未出现松动，各国若要推行增支等计划仍然存在巨大阻力。    呼吁增加投资    欧元集团主席戴?</t>
  </si>
  <si>
    <t>河北迁安：一座钢铁重镇的转型样本</t>
  </si>
  <si>
    <t>“直到现在，迁安的铁矿资源也没有枯竭，还能再采50年。但如果不着眼长远、未雨绸缪，像某些资源型城市那样，等资源枯竭了、一些工人下岗失业了再转型，为时已晚。有产业互补，才可以做到东方不亮西方亮，丢了南方有北方。”河北迁安市委书记李忠说。    河北省迁安市是一?</t>
  </si>
  <si>
    <t>德国下调今年增长预期至1.2%</t>
  </si>
  <si>
    <t>德国政府14日宣布，大幅下调今年德国经济增长预期，由年初预期的增长1.8%下调至增长1.2%，同时将明年经济增长预期由增长2%调低至增长1.3%。    当天，德国经济部长加布里尔在柏林表示，德国处在对外经济困难的航道，地缘政治危机增加了德国的不安全感，世界经济增长缓慢也?</t>
  </si>
  <si>
    <t>法国工业悄悄复苏</t>
  </si>
  <si>
    <t>时下，美国的“再工业化”战略可谓成绩斐然，德国的“工业4.0”战略也颇令人耳目一新，但较少为人知的是，法国的工业复苏也已悄悄拉开帷幕。    和美德相似，法国之所以开始重振工业，是“穷则思变”的结果。近年来，法国经济萎靡不振，挥之不去的衰退阴影迫使法国检视自己</t>
  </si>
  <si>
    <t>法国学者获今年诺贝尔经济学奖</t>
  </si>
  <si>
    <t>瑞典皇家科学院13日宣布，将2014年诺贝尔经济学奖授予法国经济学家让·梯若尔（Jean Tirole），以表彰他在研究市场力量与调控方面的贡献。    诺贝尔经济学奖评选委员会的评委们表示，很多行业都有被少数大企业主导或单一垄断的现象，如果不加以调控和规范，就会引发市场产</t>
  </si>
  <si>
    <t>美要求银行评估汽车贷款风险</t>
  </si>
  <si>
    <t>据路透社报道，知情人士透露的消息称，由于美国许多银行汽车贷款业务的快速增长，美国监管者正在要求银行对其汽车融资的头寸情况披露更多细节。    根据Equifax的统计数据，美国银行的汽车贷款余额自2011年4月以来已经增加了三成多，8月达到最高点。银行监管者对此类别借贷</t>
  </si>
  <si>
    <t>从寓言看以色列人创业精神</t>
  </si>
  <si>
    <t>当谈论何为创业精神时，以色列风险投资人卡姆兰·埃里安对很多人讲过这样一则寓言：    在公园里，小孩看到一头大象，他问母亲：“为什么体型如此庞大而强壮的大象，不踢破矮小的栅栏逃跑呢？”    母亲不知道，于是他们问动物园管理员，管理员这样回答：大象到动物园时?</t>
  </si>
  <si>
    <t>重视的不是“大楼”而是“大师”</t>
  </si>
  <si>
    <t>走访多所日本名牌大学，包括著名国立大学在内，发现建筑都很朴素甚至简陋。可以说，日本的大学重视的不是“大楼”，而是“大师”，而能够出大师，与坚持教授治校，保持大学学术研究氛围密不可分。    以日本最高学府东京大学为例，该校是日本近代第一所国立大学，在迄今为?</t>
  </si>
  <si>
    <t>何伟：小人物造就了今天的中国</t>
  </si>
  <si>
    <t>《纽约客》记者、作家何伟“回”中国了。10天时间里，他一天最多接受8场采访，奔波北京上海两地，以日均一场的频率参加公众活动，每一场人头攒动如“名利场”。    出生在美国的Peter Hessler(彼得·海瑟勒)，在中国他是“何伟”，在埃及他是布尔特勒(阿拉伯发音)。身负三?</t>
  </si>
  <si>
    <t>日本抢占再生医疗技术市场制高点</t>
  </si>
  <si>
    <t>日本相关机构近期成功实施了全球首例诱导多功能干细胞(iPS细胞)移植手术，这是iPS细胞技术首次应用于临床治疗，表明日本再生医疗技术取得重大进展。    日本政府近年来不断为再生医疗技术研究和临床应用进行政策“松绑”，希望在全世界率先实现尖端医疗技术的临床应用，抢?</t>
  </si>
  <si>
    <t>国内楼市波动助推海外置业潮</t>
  </si>
  <si>
    <t>随着中国经济的发展，房地产市场的增温越来越快，民众对于房产市场的关注度也不断提升。当今的中国，与世界联系越来越紧密，国人的视野也从过去的小范围扩大到了全世界，而眼下，在中国大起大伏的房产市场波动中，许多国内房企把目光转移到了海外，进驻海外房地产市场，兴起?</t>
  </si>
  <si>
    <t>李克强访德助力升级全方位合作</t>
  </si>
  <si>
    <t>应德意志联邦共和国总理默克尔邀请，中国国务院总理李克强于10月9日对德国进行正式访问并主持第三轮中德政府磋商。中德双方将签署20余份政府间合作协议和有分量的商业合同，涉及工业、信息化、能源、科教、农业、卫生、航空航天、节能环保等领域。双方还将就签证便利化等提出</t>
  </si>
  <si>
    <t>安邦掷120亿购纽约地标酒店</t>
  </si>
  <si>
    <t>中资险企的海外不动产投资已成潮流。安邦保险日前宣布，与希尔顿全球集团股份有限公司签订协议，以19.5亿美元收购纽约华尔道夫酒店。这是中国险企首次投资美国不动产，也是截至目前中国险企投资海外不动产的最大一单。    险企境外投资放开两年来，长期、稳定的投资回报使?</t>
  </si>
  <si>
    <t>美联储不急于加息  非美货币集体反弹</t>
  </si>
  <si>
    <t>美联储10月8日公布的最近一期货币政策会议纪要显示，美联储官员就是否调整利率政策的前瞻性指引进行了激烈辩论，但最终决定不作调整以免市场误解其政策立场。美联储官员还明确表达了对美元表现强势的担忧，因为这会打压美国经济和通胀，而且多数美联储官员认为就业市场资源存</t>
  </si>
  <si>
    <t>卡梅伦打出经济牌</t>
  </si>
  <si>
    <t>随着月初英国保守党领袖、英国首相卡梅伦在保守党年度大会上的演讲收场，英国政党年会大戏的重头戏部分落下帷幕。这是各党派在明年5月份大选之前的最后一次大会，自然也成为党派团结内部、拉拢民心、为明年大选做动员的一次大集结，以及检验党派民意高低的较量场。    在苏</t>
  </si>
  <si>
    <t>互联网金融逼传统银行业“纠错”</t>
  </si>
  <si>
    <t>由中欧国际工商学院与新华社《财经国家周刊》联合主办的“2014第八届中国银行家高峰论坛”近日在京举行。本次论坛以“中国银行业：因势而变”为主题，来自商业银行、行业协会、研究机构的专家学者参与了此次论坛，共同把脉新形势下中国银行业面对的全新战略机遇和挑战。(中国</t>
  </si>
  <si>
    <t>应重视诺奖得主背后的研究</t>
  </si>
  <si>
    <t>3名日本出生的科学家因发现新型节能光源而获得2014年度诺贝尔物理学奖。诺贝尔物理学奖评审委员会7日在瑞典首都斯德哥尔摩宣布这一消息时认定，3名获奖者发明了一种蓝色发光二极管(LED)，帮助人们以更节能的方式获得白色光源，依据这一原理问世的LED灯“将点亮整个21世纪”。</t>
  </si>
  <si>
    <t>俄罗斯卢布对美元汇率创历史新低</t>
  </si>
  <si>
    <t>受西方制裁、国际油价下挫，以及俄罗斯资本外逃严重等因素影响，俄罗斯卢布对美元汇率6日创下历史新低，并一度跌破1美元兑换40卢布心理关口。    莫斯科交易所6日开盘后，卢布对美元汇率小幅下跌，达到1美元兑换40.03卢布。当天收盘数据显示，卢布对美元汇率收于1美元兑换3</t>
  </si>
  <si>
    <t>法政府新预算靠不靠谱？</t>
  </si>
  <si>
    <t>法国财政部长萨潘10月1日公布了法国政府2015年的预算草案。该草案清晰勾勒出未来三年法国政府“钱袋子”的管理思路，三大要点跃然纸上：减支出、降赤字和促就业。尤其令人印象深刻的是，其计划减支总额达到500亿欧元，规模之大为半个世纪以来仅有。    在草案的字里行间，?</t>
  </si>
  <si>
    <t>拨开美国就业市场迷雾</t>
  </si>
  <si>
    <t>美国就业市场越来越成为市场人士关注的焦点，因为其复苏状况直接关系到美联储未来启动加息的时机和节奏，进而影响到美国和全球利率水平的变化。但美国就业市场指标非常复杂，有时还会释放出相互矛盾的信号，让人不得不问，到底该如何解读美国的就业市场走势？目前美国就业复?</t>
  </si>
  <si>
    <t>海尔“天铂”诠释第四代空调</t>
  </si>
  <si>
    <t>前段时间，国内不少媒体曾报道说，海尔空调将推出革命性产品，引发了业界的广泛关注，而在9月初在德国召开的IFA展上，海尔曝光了一款神秘空调效果图，更是激发了人们的好奇心。随着新品“天铂”的出现，海尔人所称的第四代空调开始揭开神秘面纱。    日前，海尔在北京发布?</t>
  </si>
  <si>
    <t>亚太股市29日涨跌不一。日元走软给日股带来支撑，港股和澳大利亚股市受负面因素影响跌幅较大。总体而言，亚太股市走势不强。MSCI明晟亚太地区(除日本)指数跌0.7%，触及5月中旬以来低点。    受日元疲软等利好因素影响，29日东京股市高开高走。当天东京外汇市场日元兑美元汇</t>
  </si>
  <si>
    <t>资管风险急需跨行业监管</t>
  </si>
  <si>
    <t>宏观经济下行压力增大了我国金融市场信用风险的暴露。    今年年初以来信托公司信托计划兑付风险事件时有发生；9月1日中国证监会对部分证券公司、基金子公司违规开展资产管理行为进行了通报；近期某银行近40亿元资管计划投资向刚性兑付融资转化。这些情况表明，当前我国金?</t>
  </si>
  <si>
    <t>全球反跨国避税行动再升级</t>
  </si>
  <si>
    <t>近期，全球反跨国避税领域消息不断。美国本周出台首批有针对性的反税收倒置一揽子措施，严厉打击在美公司将总部迁至海外避税的行为，开启了打击跨国避税行动的新篇章。同时，欧盟和澳大利亚等国家和地区也已开始加大对大型企业的跨国避税行为的监管力度。另一方面，刚刚闭幕?</t>
  </si>
  <si>
    <t>美日TPP谈判年内恐难达成协议</t>
  </si>
  <si>
    <t>美国和日本为期两天的双边贸易协商于24日结束，但双方未能达成共识。此前，外界将此次会谈视为对继续推进“跨太平洋战略经济伙伴协定”(TPP)谈判至关重要的一步。分析人士认为，此次协商结果可能会为TPP谈判前景蒙上阴影，该谈判在年内完成的可能性大大降低。    美国贸易?</t>
  </si>
  <si>
    <t>美国遏制避税新规对跨国并购影响几何？</t>
  </si>
  <si>
    <t>美国财政部日前公布了新的一揽子措施，旨在遏制在美公司通过将总部迁至海外，以逃避国内高额企业税的现象。    受此政策影响，美国股市相关公司股价大幅下挫。截至23日交易结束时，美国制药巨头艾伯维下跌1.96%，而其收购对象爱尔兰药企希尔制药公司的股价则下挫2.17%。美?</t>
  </si>
  <si>
    <t>金融改革大方向：回归实体</t>
  </si>
  <si>
    <t>在各项金融制度形成过程中，金融监管部门通常需要征求金融机构的意见，但极少有征求实体企业意见的，由此，这些金融制度更多地反映了相关金融机构的利益取向，很难反映实体企业的诉求。    近10年来，在加入世贸组织的背景下，中国商业银行的税后利润呈快速增长的态势，与?</t>
  </si>
  <si>
    <t>第二次机器革命重塑经济生态圈</t>
  </si>
  <si>
    <t>在美国学者埃里克·布赖恩约弗森和安德鲁·麦卡菲合著的《第二次机器革命》中文版本月出版不久，《经济参考报》记者独家专访了这本畅销书作者之一安德鲁·麦卡菲教授。麦卡菲教授表示，第二次机器革命对人类将产生深远影响，将改变整个世界。    在《第二次机器革命》一书?</t>
  </si>
  <si>
    <t>苏格兰公投留下后遗症</t>
  </si>
  <si>
    <t>在某种程度上，苏格兰独立公投结果可以说是皆大欢喜，一来英国中央政府保住了三分之一的国土和307年的联合王国，没有给英女王伊丽莎白二世的晚年留下巨大遗憾；二来按照公投前的承诺，苏格兰地方政府也将获得更多自主权力，包括税收、财政支出和福利政策等，这在英国中央政府</t>
  </si>
  <si>
    <t>促改革和稳增长不是对立关系</t>
  </si>
  <si>
    <t>9月21日，英国《每日电讯报》发表题为《全球金融灾难的10个警示征兆》的文章，把“中国经济减速”列为“十大警示征兆”的首位。    其实，在中国8月份经济数据出炉之后，这种过度担心中国经济“失速”的论调已经成为全球经济界的一种“时髦”，人人都为中国经济把脉，人人?</t>
  </si>
  <si>
    <t>美国出台新规打击企业跨国避税</t>
  </si>
  <si>
    <t>美国财政部22日公布新的一揽子措施，旨在遏制在美公司通过将总部迁至海外以逃避国内高额企业税的现象。新措施将减少已进行海外并购的公司所获得的税收优惠，并使新的避税行为更难操作且收益更少。这是美国政府为解决近来愈演愈烈的跨国避税行为这一紧迫问题而采取的最新行动?</t>
  </si>
  <si>
    <t>联合国气候峰会致力扫清谈判障碍</t>
  </si>
  <si>
    <t>2014年联合国(UN)气候峰会于美国东部时间23日在纽约联合国总部举行，125个成员国的国家元首、政府首脑或高级官员参会。联合国负责政策规划的助理秘书长罗伯特·奥尔表示，峰会将在结束时发布主席总结，对当天各方的行动宣言加以总结。会议将致力为清除未来谈判中的政治障碍做</t>
  </si>
  <si>
    <t>日本复苏步履日渐沉重</t>
  </si>
  <si>
    <t>尽管日本首相安倍晋三日前表示“经济继续处于良性循环之中”，经济再生大臣甘利明也强调“经济复苏基调坚实，没有必要悲观”。但日本最近相继发布的一系列经济数据显示，日本经济复苏步履沉重，前景并不乐观。    在日本整体经济形势中，尽管有东京股市日经股指9月19日升至</t>
  </si>
  <si>
    <t>阿里股价回落4.26%</t>
  </si>
  <si>
    <t>尽管在第二个交易日阿里巴巴股价有所回落，但多市场人士对却此并不感到担心，反而认为阿里股价将在多种利好因素的推动下继续上涨，并有可能在未来一年内达到IPO发行价一倍的水平。    美国当地时间9月22日，阿里巴巴股价在第二个交易日中下跌4美元，最终报收于每股89.89美?</t>
  </si>
  <si>
    <t>国际机构呼吁协同应对埃博拉疫情</t>
  </si>
  <si>
    <t>最近数周，埃博拉疫情的发展再次成为国际社会关注焦点。不少重大国际会议均在讨论该议题，许多国际机构纷纷呼吁加快协同应对，避免疫情向非洲更大的经济体蔓延，造成严重经济后果。    埃博拉病毒具有高度的传染性，通过人的体液传播，感染症状为发烧和无法控制地出血。目?</t>
  </si>
  <si>
    <t>耶伦的维稳术</t>
  </si>
  <si>
    <t>随着美联储将于10月底结束近六年的量化宽松政策，美联储内外对于何时启动首次加息的争论日益升温，但这并没有打乱美联储主席耶伦扩大就业的既定政策步伐。在刚刚结束的9月份货币政策例会后的新闻发布会上，耶伦重申美国就业市场并未完全复苏，美联储在量化宽松政策结束后仍将</t>
  </si>
  <si>
    <t>中新经济走廊建设达成共识</t>
  </si>
  <si>
    <t>《经济参考报》记者注意到，近期关于打造中国新加坡经济走廊先后有两项共识对外宣布，显示中新经济走廊的概念再度引起关注。    中国-东盟商务和投资峰会召开前的中国-东盟智库论坛上，来自中国、印度和东盟10国的专家学者提出了关于携手共建中国-新加坡经济走廊的“南宁共</t>
  </si>
  <si>
    <t>日经股指下跌0.71%</t>
  </si>
  <si>
    <t>在投资家担忧市场短期过热、获利回吐操作明显以及外部市场普遍低迷等多重利空因素影响下，22日东京股市低开低走，日经225种股票平均价格指数在收盘时比前一个交易日下跌0.71%。    上周五美国股市几无变动，虽然阿里巴巴首日上市表现强劲，但被甲骨文和雅虎等科技股下跌所?</t>
  </si>
  <si>
    <t>我国星空产业亟待突破三大障碍</t>
  </si>
  <si>
    <t>西藏阿里地区打造的我国首个暗夜保护区正式投入运营，这有望成为亚洲首个获得国际认证的暗夜保护区，为位于阿里的国家新一代天文观测台址提供夜间环境保障。阿里地区将借此打造集“科研、环保、科普”为一体的星空产业。作为全新领域，星空产业尚处起步阶段，有待从产业政策?</t>
  </si>
  <si>
    <t>央行鼓励跨境人民币创新业务试点</t>
  </si>
  <si>
    <t>9月16日至19日，在广西南宁市举办的第11届中国—东盟博览会上，中国人民银行相关负责人表示，鼓励跨境人民币创新业务试点，继续稳步推进跨境人民币业务。来自国内外的众多金融界人士对此展开热议，认为人民币跨境使用将成为未来的一个重要趋势，跨境人民币业务创新重点或将逐</t>
  </si>
  <si>
    <t>贫富差距拉大给加国敲响警钟</t>
  </si>
  <si>
    <t>在许多人的印象中，加拿大都快成“社会主义”了。孩子上小学和中学不要钱，看病不要钱，退休后有养老金和养老保险，真是一个无忧无虑的理想社会。而这一切都源于政府通过税收来调节贫富差距，甚至可以说是“劫富济贫”，以维持整个社会的公平和稳定。但实际情况似乎与人们的?</t>
  </si>
  <si>
    <t>美联储退出量化宽松  将首推加息</t>
  </si>
  <si>
    <t>美国联邦储备委员会17日结束为期两天的货币政策会议，明确将提高联邦基金利率(即商业银行间隔夜拆借利率)作为货币政策正常化的第一步。美联储同时小幅调低了对美国经济增长的预期，对于启动首次加息的表态仍维持谨慎。多数市场人士预计美联储将于明年年中启动加息。    退?</t>
  </si>
  <si>
    <t>太空游：未来就是一次平常的旅行</t>
  </si>
  <si>
    <t>美国XCOR宇航公司已经向中国推出了太空游，目前中国大陆已售出32张船票。买票的人都是谁？他们为什么要去太空旅行？    10万美元一张船票    一个瓢泼大雨的夜晚，北京某健身房内，佟京京汗流浃背地与拳击教练对打。几次被撂倒后，她躲在柱子后大哭，泪水和汗水混在一起?</t>
  </si>
  <si>
    <t>欧洲央行再推长期贷款计划</t>
  </si>
  <si>
    <t>欧洲央行18日将启动新一轮定向长期再融资操作(TLTRO)。该行呼吁欧洲银行业积极竞标这批贷款，希望借此刺激银行业向企业和家庭放贷，从而提振欧元区经济。但分析称这项操作的收效可能不及预期，欧元区经济要想加速增长，还需加快推进量化宽松等更多举措。    再推长期贷款项</t>
  </si>
  <si>
    <t>兴办公积金银行是鸡肋还是机会？</t>
  </si>
  <si>
    <t>当前住宅产业出现房价高企、炒作成风、金融风险积累等现象，国际上众多始于房地产的“经济危机”教训，都提醒人们从住房金融寻找解决路径。《经济参考报》记者了解到，许多国家都设立了独立的政策性住房金融机构，为保障性住房的建设与运营提供金融支持，为吸引商业金融体系?</t>
  </si>
  <si>
    <t>索尼预计本财年将亏损2300亿日元</t>
  </si>
  <si>
    <t>日本索尼公司17日表示，由于移动通信领域业务持续不景气，预计该公司2014财年净亏损额将较此前预计的500亿日元进一步扩大至2300亿日元(约合21.5亿美元)。同时，该公司宣布将采取裁员、取消红利发放等措施来应对当前困境。    当日，索尼召开发布会称，日益激烈的外部竞争，</t>
  </si>
  <si>
    <t>美对华钢制搁架产品发起“双反”调查</t>
  </si>
  <si>
    <t>美国商务部16日宣布，对从中国进口的无螺栓钢制搁架产品发起反倾销和反补贴(“双反”)调查。    美国商务部说，发起这项调查是回应美国艾德塞制造公司的申诉。该公司称，中国出口到美国的无螺栓钢制搁架产品存在倾销行为，倾销幅度为40%至211%，同时中国出口商和生产商收到</t>
  </si>
  <si>
    <t>三一重工精打细算扎根巴西</t>
  </si>
  <si>
    <t>临近巴西最大城市圣保罗的雅卡雷伊市最近频频见诸中国报端，继奇瑞汽车在此设立中国在巴西的首家乘用车厂之后，同样来自中国的三一集团不久后也将正式在此建厂，与奇瑞比邻而居。    今年7月中旬，在中巴两国领导人的见证下，三一集团董事长梁稳根与圣保罗投资局负责人签署</t>
  </si>
  <si>
    <t>中法经济合作“实”字当先</t>
  </si>
  <si>
    <t>15日，第二次中法高级别经济财金对话在法国首都巴黎举行。从权威渠道透露的消息看，此次对话内容丰富，最终取得数十项具体成果，为波澜壮阔的中法经济合作画卷增添了多个新亮点。    中法高级别经济财金对话是去年3月法国总统奥朗德访华期间，中法两国元首同意建立的一个新</t>
  </si>
  <si>
    <t>微软25亿美元收购Mojang</t>
  </si>
  <si>
    <t>美国微软公司15日宣布，将以25亿美元收购瑞典电子游戏开发商Mojang公司及其风靡全球的游戏产品Minecraft。预计此举将有助于微软在设备和服务方面增强实力。    微软表示，Mojang将并入微软的游戏开发工作室，Minecraft则将继续像现在这样在个人电脑、IOS和安卓操作系统以及</t>
  </si>
  <si>
    <t>海外学者称中国经济需推动多重改革</t>
  </si>
  <si>
    <t>经济参考报社、厦门大学与德国施普林格出版社日前在德国海德堡联合举行“2014年中国宏观经济国际研讨会暨中国季度宏观经济模型(CQMM)秋季预测发布会”。在中方发布最新经济预测报告后，来自德国、新加坡的专家学者就中国宏观经济形势进行了深入交流和探讨，并呼吁对政府调控?</t>
  </si>
  <si>
    <t>“削薪令”未削弱美国国企竞争力</t>
  </si>
  <si>
    <t>国企老总到底该拿多少薪水？这是一个曾经让白宫很头疼的问题。    与薪酬相关的，则是一个专有名词：“金色降落伞”。不是指真正的降落伞，而是美国人对高薪大鳄们的讽刺性说法，意指这些高管们虽然搞垮了公司，但他们却能带着大把的收益，乘坐降落伞安全着陆。    曾经?</t>
  </si>
  <si>
    <t>美联储加息时点难有定论</t>
  </si>
  <si>
    <t>美国联邦储备委员会(美联储)将于当地时间16日、17日两天举行货币政策决策会议。因美国经济继续保持温和复苏态势，市场人士大多预计美联储不会改变既定策略，在本次会议上将继续削减量化宽松(QE)规模。    美联储自2013年冬天启动量化宽松货币政策退出计划，从当年12月最后?</t>
  </si>
  <si>
    <t>俄政府拟建危机应对储备基金</t>
  </si>
  <si>
    <t>俄罗斯财政部长安东·西卢安诺夫15日表示，俄罗斯将从本国退休基金账户和本年度政府预算存留中划拨部分资金，在2015年建立一个规模达数十亿美元的危机应对储备基金，以向受制裁影响的企业提供资助。    俄罗斯新闻社当日援引西卢安诺夫的话称，俄政府正在计划建立一个大规?</t>
  </si>
  <si>
    <t>谁说金融危机已随雷曼远去</t>
  </si>
  <si>
    <t>9月15日是华尔街投行雷曼兄弟申请破产保护的“祭日”。6年前，这家已有158年历史的金融巨头走到了尽头，并引发一场席卷全球的金融灾难。6年后，没了雷曼兄弟的华尔街基本恢复如初，美国经济亦是一脸阳光灿烂，甚至债券市场上那些被这家投行坑苦了的无担保债权持有人，也终于?</t>
  </si>
  <si>
    <t>中国将成全球光伏产业发展引擎</t>
  </si>
  <si>
    <t>200多位行业专家、企业领袖日前齐聚“2014光伏领袖峰会”，为中国光伏产业发展破解难题。亚洲光伏产业协会联席主席朱共山在峰会上表示，如果相关政策和配套设施、措施能顺利实施、落地，中国或将成为推动全球光伏产业发展的引擎。    中国光伏市场份额占全球1/3    由中?</t>
  </si>
  <si>
    <t>治霾“持久战”需打“组合拳”</t>
  </si>
  <si>
    <t>国务院颁布实施《大气污染防治行动计划》(简称“大气十条”)已一周年。业内专家表示，我国治霾的复杂性远超欧美国家，注定是要打“持久战”，在此过程中要善打“组合拳”，采取综合施治。    专家表示，我国雾霾是在工业化发展与机动车剧增同步的情况下，污染叠加并相互作?</t>
  </si>
  <si>
    <t>乌克兰僵局或令欧洲复苏停滞</t>
  </si>
  <si>
    <t>最近一周，欧盟与俄罗斯就乌克兰局势的博弈再度升级，僵持不下的局面可能令欧洲微弱的复苏苗头承受不起，甚至有再度下行的风险。    8日，欧盟宣布正式通过对俄罗斯追加制裁方案，13日起正式实施。欧盟制裁方案加强了对俄罗斯进入欧盟资本市场的限制，具体措施包括：欧盟公</t>
  </si>
  <si>
    <t>“俏十岁”崛起背后的故事</t>
  </si>
  <si>
    <t>靠微博、微信等自媒体口碑营销的“俏十岁”无疑是化妆品行业的一匹黑马。如日中天的“俏十岁”如何做到在一年多的时间里迅速崛起？它的创始人武斌又有着怎样的人生经历，从而走上了“美丽”这条道路？    初见武斌，你一定不会和面膜达人联系到一起。短发、格子衬衫和朴实?</t>
  </si>
  <si>
    <t>世界经济增长因何一慢再慢</t>
  </si>
  <si>
    <t>今年二季度以来，全球经济面临着日益严峻的挑战。国际货币基金组织(IMF)最近将2014年世界经济增长预期从4月份的3.7%下调至3.4%。IMF预计下半年世界经济增速可能“出现反弹”，但同时警告说“下行风险仍然令人担忧”。世界经济增长因何放缓？    气候变化影响巨大而深远</t>
  </si>
  <si>
    <t>美国应尽快承认中国市场经济地位</t>
  </si>
  <si>
    <t>与一些西方观察家认为中国经济出现“国进民退”不同，华盛顿智库彼得森国际经济研究所高级研究员尼古拉斯·拉迪(中文名罗迪)认为，改革开放30多年来，中国的经济活动在很多领域已经高度市场化。未来，市场力量还将继续在中国经济发展中发挥决定性作用，私营经济将保持快速增?</t>
  </si>
  <si>
    <t>看重培养良好行为习惯</t>
  </si>
  <si>
    <t>2012年12月底，我带着儿子方雨去往美国，进行为期一年的学习。我们去的地方是位于美国中部的密苏里州哥伦比亚市，这是一个常住人口只有10万的小城，城市中心区只有一条主街，因此多年来中国学生们喜欢戏称它为“哥村”。    “哥村”人虽少，却风景优美，并有悠久的历史，?</t>
  </si>
  <si>
    <t>苏格兰公投牵动英镑  升息预期主导美元</t>
  </si>
  <si>
    <t>虽然本周英国央行行长卡尼发表讲话时称，英国央行或将在2015年春开始升息，但是这次卡尼的讲话不管用了，在本周缺乏重磅数据的情况下，苏格兰独立与否主导了英镑的走势，卡尼的讲话可以说仅仅抑制了汇价跌幅。    金融市场中，唯独汇市对苏格兰独立担忧反应最为剧烈的原因?</t>
  </si>
  <si>
    <t>英国金融机构纷纷制订应急预案</t>
  </si>
  <si>
    <t>虽然最新民意调查结果显示英国苏格兰地区反独阵营重获优势，但英国金融业仍担心一周后(18日)的公投结果会对市场产生冲击，为此苏格兰皇家银行等金融机构纷纷制订应急预案。    反独阵营保持微弱优势    10日，苏格兰《每日纪事报》委托瑟韦申调查公司进行的民调结果显示?</t>
  </si>
  <si>
    <t>全新沃尔沃XC90定义新豪华SUV格局</t>
  </si>
  <si>
    <t>沃尔沃汽车斥资110亿美元历时三年研发的全新一代7座豪华SUVXC90日前在瑞典首都斯德哥尔摩迎来全球首秀。    在沃尔沃看来，全新沃XC90在定义新一代豪华SUV市场格局的同时，将肩负沃尔沃全球品牌复兴和打造独树一帜的北欧豪华汽车形象的重大责任。    沃尔沃汽车集团总裁?</t>
  </si>
  <si>
    <t>欧盟欲与美国签署紧急能源协议</t>
  </si>
  <si>
    <t>俄乌冲突导致的俄罗斯和西方的紧张关系始终没有消除。欧盟在考量对俄罗斯步步加大制裁力度的同时，一方面要对俄罗斯的经济命脉能源领域下手，另一方面则又希望推动和美国签署紧急能源协议以保自身能源平安。    欧盟贸易专员德古特9日在华盛顿举行的一个记者招待会上表示，</t>
  </si>
  <si>
    <t>联合国将为主权债务重组拟定多边法律框架</t>
  </si>
  <si>
    <t>第68届联合国大会9日通过决议，决定通过政府间谈判进程，为主权债务重组进程拟定一个多边法律框架，以改善国际金融体系。阿根廷总统克里斯蒂娜为此专门发表讲话，认为这是阿根廷等国在国家债务重组问题上多年力争所取得的进展。    该项提案的要点在于，为未来的主权债务契</t>
  </si>
  <si>
    <t>中国FDI流入量创新高居全球第二</t>
  </si>
  <si>
    <t>在第十八届中国国际投资贸易洽谈会上，联合国贸发会议发布了《世界投资报告2014(中文版)》，报告显示，2013年中国FDI(外国直接投资)流入量达到1240亿美元，创历史新高，仅次于美国居全球第二位。今年以来中国FDI流入量继续保持稳定的发展态势。来自商务部的数据显示，截至7月</t>
  </si>
  <si>
    <t>联合国报告预警制造业再衰退风险</t>
  </si>
  <si>
    <t>联合国工业发展组织(UNIDO)8日发布的报告显示，由于全球主要经济体的相互经济制裁，二季度全球制造业增速明显放缓，全球制造业正面临另一次衰退风险。这将会波及发达经济体和东亚以及拉美等地区的发展中经济体。    制造业增速明显放缓    自2011年第一季度以来，联合国?</t>
  </si>
  <si>
    <t>法国政府缘何“扶不动”楼市</t>
  </si>
  <si>
    <t>最近，法国最大的房地产经纪公司Orpi组织了一项调查，结果耐人寻味：只有15%的人认为，法国政府是影响楼市的最重要因素。从这个结果可以看出，法国公众对政府的宏观调控能力有多么不信任。大家已经不大相信，法国政府能够让法国惨淡的楼市重回健康轨道了。那么，法国政府为何</t>
  </si>
  <si>
    <t>恒天然溢价25%  收购贝因美两成股权</t>
  </si>
  <si>
    <t>9月9日，已停牌近三个月的贝因美婴童食品股份有限公司(以下简称贝因美)首日复牌即一字涨停。    公司于前一晚发布公告称，接新西兰恒天然乳品(香港)有限公司通知，恒天然拟以向公司全体股东发出部分要约收购的方式增持不高于2.045亿股股份(约占公司总股本的20%)，要约收购?</t>
  </si>
  <si>
    <t>前SAC职员因内幕交易获刑9年</t>
  </si>
  <si>
    <t>据多家外媒报道，当地时间8日，对冲基金SAC资本前投资组合经理马修因参与美国历史上获利最高的内幕交易而被判监禁9年。这被认为是美国检方对SAC创始人史蒂文·科恩所进行调查的一次胜利。而对SAC的调查，是美国政府打击对冲基金公司内幕交易的一部分。    现年40岁的马修被</t>
  </si>
  <si>
    <t>日元贬值喜忧参半</t>
  </si>
  <si>
    <t>从2012年9月的77日元兑换1美元到目前的105日元兑换1美元，日元汇率持续下跌。有的行业从中大受其益，有的行业却是雪上加霜，真可谓几家欢喜几家愁。    日元大幅贬值给日本汽车、电子机械和旅游等行业带来很大好处。日本汽车的主要市场在国外，日元对美元的汇率下跌1日元，</t>
  </si>
  <si>
    <t>丹麦首相访华深化能源等领域经贸合作</t>
  </si>
  <si>
    <t>丹麦首相赫勒·托宁-施密特9日至12日对中国进行为期四天的访问，将进一步推进中丹两国在政治和经贸领域的双赢关系，并促进两国民间交流往来。    陪同丹麦首相访华的包括丹麦气候、能源与建筑大臣拉斯穆斯·赫维格·彼得森，环境大臣克尔斯滕·布罗斯博，以及由数家丹麦企?</t>
  </si>
  <si>
    <t>直击苏格兰独立公投</t>
  </si>
  <si>
    <t>“这是最好的时代，这是最坏的时代，这是智慧的时代，这是愚蠢的时代；这是信仰的时期，这是怀疑的时期……”英国大文豪狄更斯《双城记》中的开篇语同样适用于描述围绕苏格兰独立公投莫衷一是的氛围和利益之争。    电视辩论开启公投序幕    9月18日苏格兰将进行独立公投</t>
  </si>
  <si>
    <t>华西证券9亿元资管产品陷黑洞</t>
  </si>
  <si>
    <t>正在全力冲刺上市的华西证券股份有限公司(以下简称“华西证券”)的资产管理业务遭遇滑铁卢，其发行的数款资产管理产品违规投向其关联方四川省川威集团有限公司(以下简称“川威集团”)及其关联企业，现在川威集团濒临破产，华西证券的潜在损失可能高达9亿元，其上市梦面临泡汤</t>
  </si>
  <si>
    <t>央企高管限薪只是第一步</t>
  </si>
  <si>
    <t>同样是政府要求限薪，和美国金融大鳄的一毛难拔不同，借着中期业绩的发布，国有银行的一把手们纷纷表态支持限薪。但是，对于建立更有效率、更加公平的国企管理体制而言，高管限薪只是第一步。    对于国企管理体制的改革，从上世纪80年代的厂长负责制，到承包经营责任制，?</t>
  </si>
  <si>
    <t>法企担忧欧盟对俄制裁再升级伤及自身</t>
  </si>
  <si>
    <t>欧盟日前表示将在近期根据乌克兰事态发展对俄罗斯采取进一步行动，这意味着欧盟有可能在接下来几天内升级对俄罗斯的制裁。这使得不少法国企业倍感压力。    据统计，目前在俄罗斯发展的法国企业大概有1200家，与俄罗斯企业合作的法企数量更是多达6000家。从石油巨头道达尔?</t>
  </si>
  <si>
    <t>环渤海煤价13周后首涨  下游需求仍疲软</t>
  </si>
  <si>
    <t>作为煤炭市场风向标的环渤海动力煤价格指数，在连续下降十三周后终于出现回升。    《经济参考报》记者从秦皇岛海运煤炭交易市场获悉，环渤海地区发热量5500大卡动力煤的综合平均价格报收于482元/吨，本报告期(8月27日至9月2日)比前一报告期上涨了4元/吨。这是连续下跌十三</t>
  </si>
  <si>
    <t>中东：世界经济的弃儿</t>
  </si>
  <si>
    <t>中东像个火药桶，这是过去半个多世纪的国际公论。想想看，五次中东战争，两次海湾战争，中间还有两伊战争，若干次攻打加沙，至今没完没了的利比亚冲突、叙利亚内战……战争的根源，民族矛盾、历史恩怨、宗教纷争，每个问题都能说上三天三夜。    但最近几十年，世界大体太?</t>
  </si>
  <si>
    <t>高盛投资圣灵银行债券恐巨亏</t>
  </si>
  <si>
    <t>据外媒报道，葡萄牙圣灵银行今夏濒临破产前，高盛曾购买了该行8.35亿美元的债券。目前看来，这笔投资恐将面临大额亏损。    高盛7月时曾购买8.35亿美元圣灵银行的债券，但数周后圣灵集团旗下子公司因为财务问题，寻求债权人保护，最终圣灵银行被迫接受政府援助。圣灵银行向</t>
  </si>
  <si>
    <t>制造业数据欠佳  伦敦股市承压</t>
  </si>
  <si>
    <t>伦敦股市《金融时报》100种股票平均价格指数1日收盘小幅上涨，报收于6825.31点，比前一交易日上涨5.56点，涨幅为0.08%。    受利空的中国和英国制造业数据打压，伦敦股市当天行情低迷，主要股指低开低走，盘中承压明显。尾盘阶段，股指实现小幅反弹，并最终小幅收涨。当天?</t>
  </si>
  <si>
    <t>巴克莱出售西班牙零售银行业务</t>
  </si>
  <si>
    <t>英国巴克莱银行8月31日宣布，将旗下西班牙零售和企业银行业务以8亿欧元(约合10.5亿美元)出售给西班牙第三大银行凯克萨银行。    这是巴克莱银行近期正在进行的重大重组的最新进展。    据美国《华尔街日报》报道，此次交易包括巴克莱在西班牙的零售银行业务、财富和投资?</t>
  </si>
  <si>
    <t>中国反腐刺破“马爹利泡沫”</t>
  </si>
  <si>
    <t>总部位于巴黎的全球知名酒商保乐利加公布的数据显示，马爹利等多款法国名贵白兰地2013至2014财年在中国的销售额大幅下滑23%。跌势如此之猛，以至于法国《回声报》也不由得感慨：“在中国市场上，名贵白兰地的销售额以两位数速度增长的时代结束了。”    法国名贵白兰地的遭</t>
  </si>
  <si>
    <t>欧元创新低  卢布未止跌</t>
  </si>
  <si>
    <t>本周，欧洲央行即将举行议息会议，外汇市场上欧元汇率处于守势。9月1日，欧元汇率创出一年来新低，对美元汇率降至1.3119，是2013年9月以来的低点，当日跌幅为0.1%。    一些分析师认为，欧元区经济增长仍存在风险，通缩阴影笼罩，而俄乌冲突难以解决，美国和欧盟仍在寻求对</t>
  </si>
  <si>
    <t>天然气管道设备需求加速释放</t>
  </si>
  <si>
    <t>据外交部网站消息，国务院副总理张高丽出席中俄能源合作委员会第十一次会议，并参加9月1日中俄东线天然气管道俄境内段开工仪式。按照今年5月中俄两国达成的天然气合作协议，合同金额近4000亿美元，管线总长度达5000公里，再加上国内重大能源通道建设的推进，管道设备企业将迎</t>
  </si>
  <si>
    <t>投资美国如何通过安全审查</t>
  </si>
  <si>
    <t>2012年，中国在美国已经成为“受管辖交易”数量最大的申报国。相对于中国的投资量，中国投资受到了CFIUS(美国外国投资委员会)的“特殊照顾”。    CFIUS国家安全审查具有如下特点：标准模糊、随意，行业审查范围边界设定宽泛，审查方法不确定，审查程序不透明，对中国国有?</t>
  </si>
  <si>
    <t>从大时代角度看混合所有制</t>
  </si>
  <si>
    <t>中共十八届三中全会强调，要积极发展混合所有制经济。我国经济改革为何强调发展混合所有制经济，这里有着基本的经济理论问题。    混合经济从何而来    混合经济概念最初是汉森在1941年发表的《财政政策和经济周期》一文中给出的。而西方很流行的萨缪尔森的经济学中也有?</t>
  </si>
  <si>
    <t>中英强化知识产权保护值得期待</t>
  </si>
  <si>
    <t>编者按：英国知识产权大臣娜薇尔-露芙9月1日来华访问。行前，娜薇尔-露芙女士为《经济参考报》独家撰文，解读中英两国近年来在经贸领域取得的成果，同时展望两国在知识产权方面的合作前景。    这是我首次作为英国知识产权大臣访华，但并非我个人的第一次。上任前，我在一?</t>
  </si>
  <si>
    <t>大力推进城市污水处理回用  缓解水资源短缺</t>
  </si>
  <si>
    <t>中国可持续发展研究会理事、东华大学教授柳建设日前在北欧-中国绿色经济与企业可持续发展交流论坛上指出，水资源短缺已经成为制约我国社会经济发展的瓶颈。大力推进城市污水处理回用是缓解水资源短缺和建设节水型社会的重要手段，具有投资少、见效快等特点。    柳建设强调</t>
  </si>
  <si>
    <t>“十三五”期间GDP增长仍可7%</t>
  </si>
  <si>
    <t>中国社科院副院长、学部委员蔡昉日前在人口与劳动经济研究所主办的“中日经济增长与劳动力市场研讨会”上表示，虽然中国经济平均潜在增长率逐年下降，但是可以通过改革创造新的红利，提高潜在增长率。“十二五”后两年把GDP年度增长率预期目标定在7.5%是合适的，“十三五”时</t>
  </si>
  <si>
    <t>贝宝：美国“余额宝”覆灭  变身银行突围</t>
  </si>
  <si>
    <t>2013年的6月，余额宝诞生，互联网金融热潮随之席卷中国大江南北。一年多来，国内各种“类余额宝”产品如雨后春笋般涌现。余额宝在经历了迅速扩张后，开始面临增长乏力的瓶颈，收益率也从去年最高时的7%降至目前的4%左右。    自余额宝诞生之日起，围绕中国互联网金融发展的</t>
  </si>
  <si>
    <t>亚马逊跨境逆袭  冲击千亿海淘市场</t>
  </si>
  <si>
    <t>美国电商巨头亚马逊近日宣布，将在上海自贸区设立国际贸易总部，通过“跨境通”平台，实现美国货物直邮中国。亚马逊此举无疑将为国内网民带来更多便利和优惠，而近年来一直处于“灰色地带”的海淘、代购产业料将遭受冲击。    千亿海淘市场面临冲击    20日，美国电商巨?</t>
  </si>
  <si>
    <t>日本机器人产业向生活服务化迈进</t>
  </si>
  <si>
    <t>日本政府今年6月提出的“经济成长战略”将机器人产业列入今后大力扶植和重点发展产业，并设立由专家学者组成的“机器人革命实现会议”，为发展和普及机器人的使用制定了5年计划，并定于东京奥运会举办的2020年举行机器人奥运会，向世界展示日本最先进的机器人技术。    日?</t>
  </si>
  <si>
    <t>电子支付有利于刺激农村居民消费</t>
  </si>
  <si>
    <t>8月26日，Visa公司与美国斯坦福大学在北京大学新成立的斯坦福中心举办主题为“中国的城镇化及其对国内消费的影响”的研讨会。中国社会科学院金融研究所支付清算研究中心主任杨涛在会上表示，近些年来，新兴电子支付对于居民消费的影响和促进作用越来越明显。尤其是在新型城镇</t>
  </si>
  <si>
    <t>美银“史上最贵和解”再揭华尔街黑幕</t>
  </si>
  <si>
    <t>经过数月艰难磋商，美国银行近日终于与美国司法部达成和解，同意支付166.5亿美元了结抵押贷款支持证券相关诉讼。这是美国联邦政府史上针对单一公司开出的最大《罚单》。和解协议还包括一份30页的文件，揭露了华尔街抵押贷款支持证券运转中不为人知的黑幕——    美国史上最</t>
  </si>
  <si>
    <t>法国政府亟待攻克“失业关”</t>
  </si>
  <si>
    <t>法国劳工部27日公布的统计数据显示，7月份法国失业人数再创新高，就业形势有全面恶化之势。种种迹象表明，法国面临的失业难题短期内难破解。刚刚完成重组的法国新政府着实任重道远。    根据法国劳工部27日最新出炉的月度统计数据，7月份法国本土无业人数创历史新高，总计?</t>
  </si>
  <si>
    <t>加拿大汽车反垄断毫不手软</t>
  </si>
  <si>
    <t>近日，中加两国在打击汽车零部件串通投标的垄断行为上，表现出惊人相似的做法。    8月20日(北京时间)，中国反垄断部门宣布向12家日本汽车零部件企业开出巨额罚单(12.35亿元人民币)，碰巧的是，远在大洋彼岸的加拿大反垄断机构——加拿大竞争局8月20日(当地时间)宣布，安大</t>
  </si>
  <si>
    <t>需求上升将支撑美国经济稳步增长</t>
  </si>
  <si>
    <t>26日的数据显示，美国对于飞机、机械和其他耐用品的需求上升，同时消费者的信心也在回升，美国经济呈现出延续二季度强劲增长的势头。    美国商务部26日公布的数据显示，受到商用飞机订单大幅上涨影响，7月份美国工厂耐用品订货额环比涨幅创下新高。经季节调整，7月份美国?</t>
  </si>
  <si>
    <t>南非二季度经济增0.6%  免于衰退</t>
  </si>
  <si>
    <t>南非统计局最新公布的统计数字显示，南非第二季度GDP年率增长0.6%，而今年第一季度南非的经济收缩了0.6%，第二季度的数据使南非免于立即跌入衰退陷阱。但是，仍有分析担忧南非有可能再度陷入衰退。路透调查还预计，欧洲和中国经济放缓影响本周即将公布的7月份贸易数据，南非?</t>
  </si>
  <si>
    <t>上海自贸区催生“进口商品直销”模式</t>
  </si>
  <si>
    <t>莫桑比克彩虹虾4斤才138元，已经卖断货；30元一斤的美国车厘子，被顾客整箱购买……挂牌快到一年的上海自贸区，又让“中国大妈”火了一次，不过这次的主题不是注册公司，而是抢购食品。    推动这一消费热潮的，是自贸区催生的“进口商品直销”模式。在此之前，“跨境电商?</t>
  </si>
  <si>
    <t>乌克兰危机为德国经济蒙上阴影</t>
  </si>
  <si>
    <t>围绕着乌克兰危机的欧美俄制裁战不断升级，如何找到化解僵局的突破口成为各方关注的焦点。受制裁战的影响，德国经济遭遇严重冲击，该国二季度国内生产总值再次陷入负增长区间，并且今年对俄出口最高可能大幅下滑25%。德国总理默克尔近日表示，将积极帮助寻找平息乌克兰局势的</t>
  </si>
  <si>
    <t>油橄榄：洋作物在陇南找到了家</t>
  </si>
  <si>
    <t>在很多人眼中，油橄榄通常只分布在西方地中海沿岸。然而深处中国西北内陆地区，也有一片油橄榄的适宜生长地。在甘肃省陇南市，这种来自地中海沿岸的洋作物，找到了适宜自己的东方水土。    目前，陇南市成为全国最大的初榨油橄榄生产基地，油橄榄变成了当地百姓的“金果果?</t>
  </si>
  <si>
    <t>欧盟反垄断值得中国借鉴</t>
  </si>
  <si>
    <t>今年入夏以来，中国政府实施了一系列反垄断组合拳，涉及行业广泛，涉案企业众多，处罚力度大，引人关注。对照已挥舞反垄断重拳10余年的欧盟当局，我国的监管处罚力度仍有增强的空间。    中国反垄断执法之所以备受关注，一定程度上也反映出原有执法力度不够、处罚过少过轻?</t>
  </si>
  <si>
    <t>法国政府重组对资本市场影响不大</t>
  </si>
  <si>
    <t>法国政府25日在集体辞职后进行重组，但这一政局变化对法国资本市场影响不大。    当天，法国CAC40指数上涨2.1%至4342.11点。此外，二级市场10年期法国国债收益率降至1.309%，创历史新低。业内人士认为，这反映出法国国债需求上升。    据业内人士分析，此次法国政局变动?</t>
  </si>
  <si>
    <t>东盟经济部长会议推进共同体建设</t>
  </si>
  <si>
    <t>为期四天的第46届东盟经济部长系列会议25日在缅甸内比都揭幕。来自10个成员国的经济部长及相关代表将围绕如期建成东盟经济共同体这一主题展开密集协商。    东盟轮值主席国缅甸总统吴登盛在开幕式上呼吁东盟国家努力实现2015年建成经济共同体的宏伟蓝图。据新华社报道，吴?</t>
  </si>
  <si>
    <t>法国质疑紧缩政策之声高涨</t>
  </si>
  <si>
    <t>由于经济增长低迷且长时间无法重振，法国内部对紧缩经济政策的辩论越来越激烈。    法国经济部长蒙特堡23日接受《世界报》采访时对预算紧缩举措大肆抨击，向政府的减赤措施发难。他认为这样的措举以降低赤字为优先，但是却抑制了经济复苏。他表示，“我们必须把摆脱经济危?</t>
  </si>
  <si>
    <t>互联网巨头海外上市存隐忧</t>
  </si>
  <si>
    <t>中国已经是一个互联网大国。即将在美国上市的阿里巴巴，将成为美国乃至世界股市最大一单IPO。但让人遗憾的是，这或许也是中国市场对西方的最大一笔利益输送。尽管这种输出有其合理性，但却凸显出中国资本市场存在的种种缺陷和隐忧。    从表面看，百度、腾讯、阿里巴巴(外?</t>
  </si>
  <si>
    <t>中国不能自外于亚洲基金护照建设</t>
  </si>
  <si>
    <t>如何深化亚洲金融合作是促进亚洲经济大融合的关键，推进亚洲金融合作，关键在于整合亚洲存量金融资源，这其中推进亚洲基金护照(ARFP)建设是极其重要的一环。    近期，亚洲区域基金互认正在加速推进，一个类似欧洲基金护照的亚洲版图逐步形成。目前，有六个区域市场参与了?</t>
  </si>
  <si>
    <t>亚太国家应制定地区性贫困线标准</t>
  </si>
  <si>
    <t>亚洲开发银行日前发布报告称，传统每人每日1.25美元的贫困线标准已不适应亚太国家的实际情况，建议制定亚太地区性贫困线标准。    亚行在题为“亚太2014年主要指标”报告中说，目前广泛使用的每天1.25美元贫困线标准是根据世界15个最贫困国家的贫困线平均值制定的。这些国?</t>
  </si>
  <si>
    <t>加拿大家庭税费有多重</t>
  </si>
  <si>
    <t>总部位于温哥华的一家著名智库“弗雷泽研究所”日前发表一份研究报告称，加拿大普通家庭在税务上的花费要高于衣、食、住上的开销。    报告称，2013年加拿大普通家庭收入77381加元，税费支出共计32369加元，占到收入的41.8%，而在衣、食、住方面的花销加起来占总支出的36.1</t>
  </si>
  <si>
    <t>欧美俄经济制裁拉锯战难停火</t>
  </si>
  <si>
    <t>近期，乌克兰危机引发的俄罗斯与西方制裁战不断升级。在欧美对俄罗斯经济多个核心领域展开制裁之后，俄罗斯也开始表现出积极的反攻姿态，颁布了欧美食品进口禁令，并暗示可能扩大反制裁范围，市场甚至担忧今冬欧洲可能面临“断气”威胁。随着俄乌地缘政治紧张局势持续加剧，?</t>
  </si>
  <si>
    <t>美元强势冲高  关注杰克逊霍尔年会</t>
  </si>
  <si>
    <t>今年的杰克逊霍尔全球央行年会于8月21-23日举行，美联储主席耶伦和欧洲央行行长德拉基都将于周五(8月22日)在该年会上发表讲话，预计将提供一些有关未来政策方向的线索，因此当前市场的注意力都集中在本次会议上。    尽管分析人士预计本次杰克逊霍尔年会不会出现两年前美联</t>
  </si>
  <si>
    <t>空间不大风险不小  美国楼市并非“淘金”之所</t>
  </si>
  <si>
    <t>中国投资者赴美投资房地产日渐增多，中国人在美国楼市大赚特赚的报道又让更多人动了心思。不过，记者采访时了解到，如果出于资产保值增值和投资多元化，美国房地产或许是不错选择，但其投机空间其实并不大，且蕴含着不小风险。如果抱着“淘金”、“大捞一笔”的念头进入美国?</t>
  </si>
  <si>
    <t>汽车行业反垄断罚单或已全部开出</t>
  </si>
  <si>
    <t>《经济参考报》记者从知情人士处获悉，备受市场关注的包括一汽-大众奥迪在内部分汽车企业在华涉嫌垄断违规的行为，执法机构已经完成了相关处罚工作，具体罚单将于近期陆续公布。另外，针对日本汽车配件厂商价格卡特尔一案，中国执法机构于8月20日公布处罚决定。国家发展改革?</t>
  </si>
  <si>
    <t>国际金价油价普跌</t>
  </si>
  <si>
    <t>尽管伊拉克和乌克兰局势紧张，但投资者对供应的担忧缓解，国际油价19日继续下跌。而美国楼市数据向好令黄金的避险属性减弱，19日金价也出现下滑。    目前伊拉克的紧张局势主要集中在北部，南部的石油产区没有受到太大影响。伊政府军和库尔德武装18日联手夺回被极端组织占?</t>
  </si>
  <si>
    <t>必和必拓将分拆200亿美元业务</t>
  </si>
  <si>
    <t>据外媒19日报道，全球最大的矿业巨头澳大利亚必和必拓宣布了即将分拆价值约200亿美元的镍、铝等非核心资产业务的计划。这将成为矿业公司历史上最大一笔拆分。    据悉，剥离的业务绝大部分是必和必拓在2001年的并购中获得的，通过拆分必和必拓将创建一家名为NewCo，由目前?</t>
  </si>
  <si>
    <t>渣打银行因监控缺陷或遭罚3亿美元</t>
  </si>
  <si>
    <t>据外媒报道，英国渣打银行与美国银行业监管机构接近达成一项和解协议，前者将支付2亿至3亿美元罚金，以了结关于其在承诺改进监控工作后仍然无法核查出高风险交易的指控。    据英国《金融时报》援引知情人士称，纽约金融服务局最早可能于本周宣布这项和解协议。一旦宣布，?</t>
  </si>
  <si>
    <t>东京股市七连阳</t>
  </si>
  <si>
    <t>在隔夜美国股市大幅上扬、日元对美元汇率走软及亚州其他市场大多向好等多重利好因素提振下，19日东京股市高开高走，日经225种股票平均价格指数在收盘时比前一交易日上涨0.83%，实现七连阳。这是东京股市去年12月实现“九连阳”以来持续最长的连涨行情。    截至19日收盘，?</t>
  </si>
  <si>
    <t>大批投行可能撤离伦敦</t>
  </si>
  <si>
    <t>据外媒报道，因担忧英国可能退出欧盟，华尔街银行正在制定初步计划，将部分在伦敦开展的业务迁移至爱尔兰。    据熟悉美国银行、花旗集团和摩根士丹利的消息人士向英国《金融时报》透露，如果需要将部分欧洲业务迁出英国，这些银行会考虑把爱尔兰作为一个有利的落脚点。其?</t>
  </si>
  <si>
    <t>亚太股市涨跌互现</t>
  </si>
  <si>
    <t>亚太地区主要股市18日涨跌互现，影响投资者情绪的主要因素包括俄罗斯与乌克兰之间最新一轮紧张局势和中国部分经济数据不佳。    18日，日本东京股市日经225种股票平均价格指数上涨0.03%；澳大利亚悉尼股市S&amp;P/ASX200股指上涨0.37%；中国香港恒生指数持平，微涨0.52点；印度</t>
  </si>
  <si>
    <t>经济下行要求宏观调控创新</t>
  </si>
  <si>
    <t>当前中国人力资本提高很快，但不被吸纳，形成了初级拉动者过度就业问题，而劳动生产率提高不了，却要求福利，就容易陷入类似拉丁美洲一些国家的所谓“福利陷阱”，因此阻碍人力资本被吸纳的体制必须改革，因此要从存量调整和体制改革入手，而非简单的流量刺激。    当前中?</t>
  </si>
  <si>
    <t>跨国车企钻政策漏洞通吃上下游产业链</t>
  </si>
  <si>
    <t>自2011年开始，国家发展改革委反垄断部门已对汽车行业经销与售后环节进行了长达3年的反垄断调查，《经济参考报》记者从权威人士和相关行业协会了解到，首批调查处罚将在月内“收网”：至少12家日本零部件企业面临的罚单总额将超过10亿元；而奥迪、克莱斯勒以及另外几家整车企</t>
  </si>
  <si>
    <t>薪资涨势成英国启动加息关键</t>
  </si>
  <si>
    <t>最新数据显示，英国经济规模超过金融危机前水平已确定无疑，但与之对比鲜明的是薪资上涨缓慢，这也成为英国央行迟迟未启动加息，甚至不敢明确表态将很快加息的一个主要因素。此外，欧元区增长停滞和地缘政治风险因素也将令英国央行在启动加息时更加谨慎。    复苏势头巩固$</t>
  </si>
  <si>
    <t>需求疲弱推动大宗商品价格走低</t>
  </si>
  <si>
    <t>由于全球经济增长显示出放缓迹象以及供需失衡等因素影响，当周国际油价和金价普遍下跌。伦敦油价当周下滑1.42%，纽约油价下跌0.31%。纽约金价当周小幅下滑0.37%。    油价大幅回落的部分原因是全球一些大型经济体经济增速放缓。欧盟统计局14日公布的初步统计数据显示，今年</t>
  </si>
  <si>
    <t>埃博拉肆虐西非  全球严防疫情</t>
  </si>
  <si>
    <t>在经过近半年的抗击后，世界卫生组织8月8日正式宣布，西非埃博拉病毒是国际公共卫生紧急事件，将对其他国家造成风险，需采取协调性措施。正如世界卫生组织在声明中所称，埃博拉病毒是一种“不寻常事件”，其后果可能会“特别严重”。疫情最严重的几内亚、利比里亚和塞拉利昂?</t>
  </si>
  <si>
    <t>美妆视频走红英国：赢了人气  赢财气</t>
  </si>
  <si>
    <t>他们年轻，知道如何塑造完美妆容，经常自制传授化妆技巧的视频发布到网上。他们赢得众多粉丝，继而把日益提升的影响力转化为广告效益。他们是英国近年来颇引人注目的美妆教学视频博主。    英国媒体称这群时尚“达人”从事的工作是英国发展最快的行业之一。    靠视频吸?</t>
  </si>
  <si>
    <t>狙击埃博拉呼唤全球合作</t>
  </si>
  <si>
    <t>埃博拉在非洲肆虐半年，一些卫生组织大呼疫情失控，世界卫生组织8日也将西非地区持续蔓延的埃博拉疫情升级为国际关注的突发公共卫生事件，并于12日史无前例地批准未经测试和尚处实验阶段的美国试验性新药抗埃博拉血清(ZMapp)投入运用。疫情警报在西非经久不息，为非洲的公共?</t>
  </si>
  <si>
    <t>中国转型发展需要新支点</t>
  </si>
  <si>
    <t>在经历一个持续的“赶超”过程之后，特别是在中国年度国民经济活动总量超过日本之后，中国经济发展就历史性地进入了一个真正的“大超越”阶段。大超越需要以大转型为前提。大转型、大发展、大超越需要新载体。“新丝绸之路”及其“经济带”等战略安排就是这类新载体之一。而?</t>
  </si>
  <si>
    <t>欧俄贸易战将累及全球经济</t>
  </si>
  <si>
    <t>本周节气上进入秋季，欧洲政治中心比利时布鲁塞尔市郊的农场部分农作物已步入成熟期。收获在望之际，俄罗斯禁止进口欧盟多数农产品的制裁牵动当地人心，欧盟正在抓紧展开损失评估和资金补助工作。    俄罗斯政府上周宣布，未来一年内俄将禁止进口原产于美国、欧盟、加拿大?</t>
  </si>
  <si>
    <t>尽快跨入高收入行列是发展战略核心</t>
  </si>
  <si>
    <t>成为高收入国家是我国必须尽早完成的战略任务。原因有四：首先，只有成为高收入国家才能真正傲立世界民族之林、实现中华民族复兴。高收入国家未必傲立称雄，但游离在高收入国家之外肯定不能真正傲视群雄。据世界银行报告，近年来我国人均收入水平增长很快，但2013年还排名在?</t>
  </si>
  <si>
    <t>日本二季度经济萎缩三年最甚</t>
  </si>
  <si>
    <t>日本内阁府13日公布的速报数据显示，2014年第二季度该国经通胀调整后的实际国内生产总值(GDP)环比萎缩1.7%。根据环比数字，日本当季GDP折算成年率萎缩6.8%，这一数据创下2011年第一季度以来的最大降幅，但略好于预期的萎缩7%。    为了支持公共财政，日本政府今年4月将消费</t>
  </si>
  <si>
    <t>奥巴马重新定位美非关系</t>
  </si>
  <si>
    <t>“我们与非洲的合作还停留在表层，我们正在错失机会。”在上周于华盛顿举行的首届美国非洲领导人峰会上，美国前总统比尔·克林顿如此警告美国官员和商界领袖。    克林顿曾于2000年签署促进美非贸易的《非洲发展和机遇法》，给予符合条件的撒哈拉以南非洲国家对美出口的大?</t>
  </si>
  <si>
    <t>欧元区经济恶化可能性加大</t>
  </si>
  <si>
    <t>欧元区、德国和法国14日将公布二季度国内生产总值(GDP)数据。不少分析预计，在欧美与俄罗斯制裁战升级等因素影响下，德国经济二季度可能会出现负增长，而欧元区经济增长也将难以提速。    德国“引擎”增长受挫    欧元区最大经济体德国去年引领欧元区走出经济衰退，但今</t>
  </si>
  <si>
    <t>美5%最富家庭收入占全国总收入27.6%</t>
  </si>
  <si>
    <t>美国市长联合会11日发布报告说，金融危机过后，美国经济虽然持续复苏，就业形势不断好转，但美国高收入家庭成为此轮经济复苏最大受益者。美国收入差距不断拉大，如果此趋势继续加强将威胁未来经济发展。    报告显示，金融危机爆发以来，美国的收入差距进一步拉大。2005至2</t>
  </si>
  <si>
    <t>被遗忘权：扼制美国网络霸权的壁垒</t>
  </si>
  <si>
    <t>不久前，欧洲法院作出一项最终裁定，认定一般公民应该享有“被遗忘权”，有权要求谷歌从搜寻结果中移除有关个人资料的相关链接。    欧洲没有谷歌、facebook那样具有绝对霸主地位的网络产业巨头，欧洲个人甚至国家信息安全可能受制于美国。欧盟承认并扩大“被遗忘权”，表?</t>
  </si>
  <si>
    <t>地缘政治风险考验全球经济</t>
  </si>
  <si>
    <t>引来俄罗斯和西方角力的乌克兰，战火依然不断。战场外，经济制裁不断升级，俄罗斯政府近日正式宣布了其反制裁措施。地缘政治风险正威胁着全球经济复苏，俄罗斯和西方之间的经济制裁战不仅冲击到相关各国经济，更增加了全球经济复苏的不确定性。    俄实施反制裁    俄罗?</t>
  </si>
  <si>
    <t>没有质量支撑的互联网思维只是空谈</t>
  </si>
  <si>
    <t>前段时间，享誉全球并以苛刻著称的第三方权威检测机构德国电器工程师协会(以下简称VDE)，向海尔冰箱颁发了VDE-QTM(VDE-Quality tested mark)质量认证证书，这是该机构颁发的全球冰箱行业首张QTM质量认证。此前，全球冰箱行业尚无任何产品和品牌获得过VDE颁发的QTM质量认证。$</t>
  </si>
  <si>
    <t>加国油砂开采或可借力中国技术</t>
  </si>
  <si>
    <t>油砂大国加拿大再度面临环保人士的发难。    8月7日，北美自由贸易协定的环保机构——环境合作委员会又开始对加拿大阿尔伯塔省的油砂项目进行指责，表示将进行调查，以确定加拿大政府是否对其境内油砂公司尾矿池有毒物质泄漏采取了法律措施。    该委员会已经不是第一次?</t>
  </si>
  <si>
    <t>郑煤集团三年三高管落马</t>
  </si>
  <si>
    <t>11日中午，中纪委网站通报，郑州煤炭工业(集团)有限责任公司(以下简称郑煤集团)党委常委、郑州煤电股份有限公司(下称郑州煤电)总经理祁亮山涉嫌严重违纪违法，目前正接受组织调查。这已是三年内该集团落马的第三名高管，对于身陷业绩亏损的企业而言无疑是一场“连夜雨”。</t>
  </si>
  <si>
    <t>稀土案败诉也是一次市场历练</t>
  </si>
  <si>
    <t>据报道，世界贸易组织(WTO)日前公布了美国、欧盟、日本诉中国稀土、钨、钼相关产品出口管理措施案(简称稀土案)上诉机构报告。上诉机构维持此前WTO专家组关于中方涉案产品的出口关税、出口配额措施不符合有关世贸规则和中方加入世贸组织承诺的裁决。    虽然对可能产生的结?</t>
  </si>
  <si>
    <t>通用汽车撤销死亡事故诉讼请求被驳回</t>
  </si>
  <si>
    <t>据外媒报道，美国佐治亚州一名法官当地时间9日驳回了通用汽车要求撤销一宗汽车死亡事故诉讼的请求。这显示出通用汽车面临的点火开关召回危机还有很长的路要走。    29岁的护士布鲁克·梅尔顿2010年在亚特兰大附近的一起事故中丧生。她的家人2011年对通用汽车提起了诉讼，认</t>
  </si>
  <si>
    <t>“鹬蚌”相争  中国未必是“渔翁”</t>
  </si>
  <si>
    <t>围绕乌克兰危机，美欧等西方国家与俄罗斯正上演一出制裁与反制裁的对手戏。一些分析人士认为，鹬蚌相争渔翁得利，西方世界越乱，对中国越有利。    持渔翁之利论者主要论据有二：其一，西方与俄角力，俄油气出口、农产品进口更依赖中国市场，从而增加中方议价权，中俄贸易?</t>
  </si>
  <si>
    <t>阿根廷起诉美政府加剧债务僵局</t>
  </si>
  <si>
    <t>距离阿根廷陷入“选择性债务违约”已逾十日，僵局仍在继续。由于不满美国司法部门作出的判决，阿根廷近日正式向海牙国际法庭对美国政府提起诉讼。美国法院则紧随其后，威胁将判阿根廷政府藐视法庭。这场债务风波似有愈演愈烈之势。不过，有消息称，数家国际投行正在商洽从“?</t>
  </si>
  <si>
    <t>金价油价小幅上涨</t>
  </si>
  <si>
    <t>受西方国家与俄罗斯制裁战升级、伊拉克和加沙地缘政治危机的影响，上周国际油价和金价均获得一定支撑。    据法新社报道，由于地缘政治紧张局势部分抵消了供应充足的情况，上周原油价格整体小幅上涨。前一周纽约原油期货主要交割地库欣地区的原油库存上升，导致国际油价有?</t>
  </si>
  <si>
    <t>美欧揪住微软垄断“前科”不松手</t>
  </si>
  <si>
    <t>自上世纪90年代以来，作为全球软件业领军企业，微软在多个国家一直不断被卷入各种反垄断调查和诉讼，并进行和解或接受处罚，其中包括美国、欧盟、日本、韩国和俄罗斯等国家和地区。    微软：垄断行为“前科”多    微软垄断案是美国反垄断实践中的一个经典案例。美国司?</t>
  </si>
  <si>
    <t>反垄断不能止于“洋老虎”</t>
  </si>
  <si>
    <t>据报道，中国政府近期对奥迪、克莱斯勒、奔驰、微软、高通等多家跨国企业发起密集反垄断调查。国家发改委称，已查明奥迪及克莱斯勒存在垄断行为，近期将会受到处罚。此外，已完成调查日本12家企业实施汽车零部件和轴承价格垄断案，也将依法进行处罚。    不少网民指出，反?</t>
  </si>
  <si>
    <t>重建汽车行业制度剑指品牌授权模式</t>
  </si>
  <si>
    <t>汽车企业反垄断调查正不断深入。国家发改委6日在新闻发布会上表示，已完成对日本12家企业实施汽车零部件和轴承价格垄断案的调查工作，并将依法进行处罚。另外，克莱斯勒、奥迪也已被查明确实存在垄断行为，近期将受到相应处罚。    多位业内专家在接受《经济参考报》记者采</t>
  </si>
  <si>
    <t>英央行年内启动加息几率增加</t>
  </si>
  <si>
    <t>英国中央银行英格兰银行6至7日将召开月度货币政策会议。外界普遍预期此次会议仍将维持现有政策立场。但有分析认为，最新的服务业采购经理人指数(PMI)数据显示英国经济下半年很可能维持强劲增势，英央行年内启动加息可能性增加，本周会议上可能会3年来首次有央行官员投票赞成?</t>
  </si>
  <si>
    <t>苹果三星撤销美国境外专利诉讼</t>
  </si>
  <si>
    <t>美国苹果公司和韩国三星电子6日宣布，已就撤销在美国以外的其他国家进行的所有专利诉讼达成和解。这意味着，两家全球最大智能手机生产商之间持续多年的法律纠纷有所缓和，未来两家公司的专利诉讼主战场将集中在美国。    三星6日发布声明称，苹果和三星已同意终止在美国以?</t>
  </si>
  <si>
    <t>美非领导人峰会聚焦经贸投资</t>
  </si>
  <si>
    <t>首届美国和非洲领导人峰会于4日至6日在华盛顿举行。此次峰会旨在推动美国与非洲国家的经贸关系，期间美国与非洲国家将对拓展《非洲增长与机遇法案》进行重点讨论，并在多个领域达成合作协议，美国企业正计划对非洲进行140亿美元的投资。尽管此次峰会被视为美国将调整对非洲战</t>
  </si>
  <si>
    <t>欧洲经济这个暑期有点烦</t>
  </si>
  <si>
    <t>处于缓慢爬坡期的欧洲经济，在传统暑期长假到来之际，将面临更多烦恼。虽然主要城市大街上依然游人如织，显现一片繁华热闹景象，但生活质量下降、腰包瘦身的苦涩只有本地人自知。    去年夏天，欧洲经济重现正增长，并连续数个季度增长，实现技术型复苏，令欧洲决策者们在?</t>
  </si>
  <si>
    <t>亚太股市普遍下跌</t>
  </si>
  <si>
    <t>亚太股市5日收盘普遍下跌。日本股市收盘报跌，至一周半低位，连续第四日下滑。市场从丰田汽车等企业处寻找更多业绩线索。其中日经225指数收盘报15320.31点，跌1%，为7月24日以来的最低收盘价。东证股价指数降1%，至1263.53点，JPX-日经400指数下滑1%，至11499.49点。    香</t>
  </si>
  <si>
    <t>三一重工在美诉讼赢了什么</t>
  </si>
  <si>
    <t>上诉法院小心地将其判决范围限定在CFIUS审查程序的充分性上，并没有质疑CFIUS或者美国总统的权威性。    CFIUS以往的审查过于遮遮掩掩，因此联邦上诉法院要求CFIUS审查时应增加程序公正和透明度，这对当事人和未来在美国使用并购方式进行投资的外国投资者来说是有好处的。$</t>
  </si>
  <si>
    <t>复星国际拟4.4亿美元收购澳洲油企Roc</t>
  </si>
  <si>
    <t>中国复星国际有限公司4日宣布，以4.74亿澳元(约合4.42亿美元)现金对澳大利亚石油公司Roc进行收购。Roc当日也表示，同意接受复星国际的收购报价，放弃此前与另一家澳大利亚石油生产商Horizon的并购计划。    Roc在4日公布的声明中称，复星国际的收购报价为每股0.69澳元，较R</t>
  </si>
  <si>
    <t>温哥华公寓房为何受青睐</t>
  </si>
  <si>
    <t>许多年前学外语时，从课本上以及与老外聊天中得知，西方是富人住郊外，穷人住市区。因为郊区环境好，房子大，有山有水，加上汽车普及，早去晚归，甚为方便。而城里则嘈杂喧哗，公寓空间小，空气差，出门就是高楼大厦，车水马龙，很难与大自然亲近。    然而时移世易。笔者?</t>
  </si>
  <si>
    <t>耶伦缘何延续鸽派风格</t>
  </si>
  <si>
    <t>据最新统计数据，美国7月份制造业指数为57.1，创下2011年4月以来新高。美国二季度GDP增长4%，远超预期。美联储主席耶伦维持鸽派风格不变，坚定抗拒鹰派尽早加息主张，她始终以温和的姿态，强调增长复苏基础未稳。而GDP超预期再次显示经济复苏，加大了美联储对于升息的争议。$</t>
  </si>
  <si>
    <t>国家电网变身跨国能源投资公司</t>
  </si>
  <si>
    <t>7月31日，罗马。在意大利总理马泰奥·伦齐、中国驻意大利大使李瑞宇、中国国家电网公司董事长刘振亚的见证下，中国在意大利最大规模的投资——中国国家电网公司(简称国家电网)21亿欧元收购意大利国有融资机构CDP全资子公司RETI35%股权协议正式签署。国家电网由此间接持有意大</t>
  </si>
  <si>
    <t>刘振亚呼吁：构建全球能源互联网</t>
  </si>
  <si>
    <t>来自国家电网消息，在7月27日至31日于美国华盛顿召开的电气与电子工程师学会电力与能源协会2014年会上，中国国家电网公司董事长刘振亚发表题为“构建全球能源互联网，服务人类社会可持续发展”的署名文章，面向来自国际电力学术界和企业界的2500多名代表发出呼吁，构建全球能</t>
  </si>
  <si>
    <t>中美BIT未来仍需多处磨合</t>
  </si>
  <si>
    <t>7月29日起举行为期五天的第14轮中美投资协定(BIT)谈判在美国华盛顿闭幕。双方继续就文本进行深入谈判，但未取得突破性进展。展望未来的谈判路程，国有企业、知识产权保护、透明度和标准制定等方面将是双方需要反复磨合的地方。    BIT契合双方需要    BIT是中美经贸合作?</t>
  </si>
  <si>
    <t>黑莓公司“三十求立”</t>
  </si>
  <si>
    <t>成立于1984年的加拿大黑莓公司今年刚好步入“而立之年”。这家昔日风光无限的著名智能手机制造商如今正在夹缝中求生存，其重振雄风之路注定不会平坦。    7月29日，黑莓公司宣布将收购一家名为Secusmart的德国反窃听公司，这家公司专门向政府、企业及电信商提供加密通话及?</t>
  </si>
  <si>
    <t>全球食品供应链监管难在何处</t>
  </si>
  <si>
    <t>世界经济步入全球化时代，每年以亿吨为单位的各种食物在世界上流动，食品供应链条中的任何一个环节出现漏洞，都可能演变成一场灾难。    上海福喜“臭肉门”事件令全球食品供应链的监管难题再次凸显出来。往前追溯几年，美国曾出现花生酱遭沙门氏菌污染事件，欧洲马肉风波?</t>
  </si>
  <si>
    <t>驯服金融量化模型的“魔性”</t>
  </si>
  <si>
    <t>如果没有副标题，《教鸟儿飞行》很容易使人们的思索偏离方向。不过，它名副其实是一本向金融经济学研究人员和金融监管者提出挑战的书。读这本书，有必要先些许了解作者。帕布罗·特里亚纳，一位“天才式”的金融专家，在学术领域，他曾担任西班牙艾萨德商学院教授，在西班牙I</t>
  </si>
  <si>
    <t>Snapchat与阿里巴巴洽谈融资事宜</t>
  </si>
  <si>
    <t>据外媒报道，美国“阅后即焚”照片与视频分享应用Snapchat正与阿里巴巴集团等投资者商讨新一轮融资事宜，此轮融资有望使Snapchat估值达100亿美元以上。    据悉，Snapchat此轮融资的成果和相关条款尚不明确。彭博社援引消息人士称，目前谈判还在进行中，涉及多家投资者，融</t>
  </si>
  <si>
    <t>强势英镑的欢喜剧</t>
  </si>
  <si>
    <t>苏格兰人阿里斯戴尔生活惬意，主业是经营餐厅，闲时则在西班牙海边进行各种海上运动。至于什么苏格兰独立公投、英国脱欧公投等话题，都离他太远了。    但作为一个精明的生意人，他知道，这个时候适合在西班牙置业了，买一套海边小别墅，挨着自己的餐厅，然后生活完全扎根?</t>
  </si>
  <si>
    <t>史蒂夫·史密斯“一镑店”里的百万富翁</t>
  </si>
  <si>
    <t>“一镑店”，顾名思义，店中几乎所有商品都标价1英镑。从1990年创立至今，“一镑店”始终生意兴隆，已发展为英国最大的廉价商品连锁店。而它的创始人史蒂夫·史密斯，则成为白手起家、凭借小商品创造大财富的传奇商人。    如今，史密斯又把“一镑店”开到了网上。这次，他</t>
  </si>
  <si>
    <t>IMF：全球经济面临溢出效应风险</t>
  </si>
  <si>
    <t>国际货币基金组织(IMF)29日发布2014年“溢出效应”报告。报告警示，由于发达国家收紧货币政策导致全球金融环境收紧，新兴经济体经济增长普遍出现结构性放缓，两者导致的溢出效应可能给全球经济增长带来不确定因素，加剧经济的下行风险。在恶化假设情境下，这可能导致全球经济</t>
  </si>
  <si>
    <t>美金融监管强化  开启油价形成新时代</t>
  </si>
  <si>
    <t>2000年，由安然与高盛起草的《现代商品期货法案》获美国国会通过。该法案中有一条重要规定，石油等大宗商品可以免受证监会的监管而在场外交易。由此，成百上千的场外电子盘场所开张运行，场外交易影响场内交易，虚拟交易决定实物交易，“华尔街炼油商”决定油价的时代开启。?</t>
  </si>
  <si>
    <t>人民币或主导未来金砖银行贷款</t>
  </si>
  <si>
    <t>加拿大著名智库——加拿大国际治理创新中心全球经济主任多米尼克·隆巴迪日前接受新华社记者专访时表示，金砖国家开发银行的建立映射出宏大战略。    他认为，在当前国际货币基金组织改革陷入僵局的背景下，这一机构有助于推动金砖国家“同呼吸共命运”，发挥日益增强的经?</t>
  </si>
  <si>
    <t>特斯拉与松下达成电池工厂协议</t>
  </si>
  <si>
    <t>据日本《日本经济新闻》报道，日本大型电器制造企业松下集团与美国电动汽车企业特斯拉已就共同出资50亿美元在美国建立电动汽车电池工厂一事达成了基本协议，预计两家公司将于7月底正式宣布这一消息。    根据协议，电池工厂将在特斯拉主导下建设，特斯拉将负责在美国国内建</t>
  </si>
  <si>
    <t>风从海上来</t>
  </si>
  <si>
    <t>古老的大运河河水，从沧州静静流过；汹涌的渤海湾浪涛，向沧州拍岸而来。    大运河畔的沧州，渤海之滨的沧州。转身向海，建设沿海强市，不仅是地理意义上的跨越，更是沧州发展理念的一次飞跃，发展方式的一次转变。    站在打造河北沿海地区率先发展增长极和京津冀新的?</t>
  </si>
  <si>
    <t>英国劳埃德银行因操纵利率遭重罚</t>
  </si>
  <si>
    <t>英国劳埃德银行集团28日宣布，其因参与操纵伦敦银行间同业拆借利率(LIBOR)和英镑回购(Repo)利率，同意向英美两国监管部门支付总计2.18亿英镑(约合3.7亿美元)的罚款。    根据劳埃德发布的声明，该罚金分为两笔：一笔是因该集团操纵伦敦银行间同业拆借利率向英美监管部门支?</t>
  </si>
  <si>
    <t>中国光伏不应成为“软柿子”</t>
  </si>
  <si>
    <t>光伏似乎成了美国拿捏中国的软柿子。继2012年对中国光伏产品施以反倾销反补贴(即“双反”)制裁后，美国铡刀再次开启，日前又初裁通过对中国产品的“双反”决定。而正是在美国的打击下，中国光伏产业雪上加霜，并鼓舞了其他国家磨刀霍霍的非分之想。    根据美国商务部的初?</t>
  </si>
  <si>
    <t>“盛夏物流”火热升温</t>
  </si>
  <si>
    <t>入夏以来，在山东荣成口岸，总能感受到一股火热的“盛夏物流”气息。    随着荣成龙眼港口岸上空划过的长长汽笛声，由韩国平泽港至荣成市龙眼港的“永霞”号客货班轮迎来14083K航次进境时刻。    下午14时许，室外温度超过30摄氏度，烈日炙烤着大地，空气湿度超过80%，闷</t>
  </si>
  <si>
    <t>金砖国家货币政策调控进退维谷</t>
  </si>
  <si>
    <t>因受到通胀高企、资本外逃、经济增长停滞等方面的影响，近期几个金砖国家纷纷对本国货币政策做出了大调整，以应对当前经济困境。    然而，由于这些国家经济状况复杂、积重难返，其政策调整的有效性尚待考验，未来对于货币政策的调整难度可能也将进一步加大。    俄罗斯?</t>
  </si>
  <si>
    <t>连熊多年  A股或现牛市曙光</t>
  </si>
  <si>
    <t>在宏观基本面预期转暖、市场流动性改善的大背景下，过去的数个交易日中，A股的强劲上扬尤其是大盘蓝筹股的表现，正在引发市场对于“牛市将至”的热议。继中国股市接连数年“熊”冠全球之后，A股能否摆脱多年的疲弱开启新一轮牛市，分外令人期待。    表现    A股创年内新</t>
  </si>
  <si>
    <t>美国金融监管改革争议依旧</t>
  </si>
  <si>
    <t>“我保证会有下一次危机，问题是我们能否将危机的影响降至最小，而不是像这次危机一样如此严重。”前众议院金融服务委员会主席、民主党议员巴尼·弗兰克说。    上周三，74岁高龄的弗兰克再次回到阔别近两年的国会山，受邀出席美国金融监管法案的听证会，回到他所熟悉但早?</t>
  </si>
  <si>
    <t>我国下半年可能面临热钱流出压力</t>
  </si>
  <si>
    <t>2014年第二季度，发达经济体总体上企稳回升，美联储退出量化宽松(QE3)政策可能在2014年10月正式退出，并可能于2015年二季度前后首次加息。同时，日本与欧洲正在积极采取宽松的政策或措施，稳定经济和国内金融市场。值得注意的是，由于下半年美国经济复苏、美国正式退出量化宽</t>
  </si>
  <si>
    <t>容克将给欧盟带来什么</t>
  </si>
  <si>
    <t>尽管英国百般阻挠，欧洲人民党候选人、卢森堡前首相让-克洛德·容克最终还是当选了下一届欧盟委员会主席。今年11月1日，这位欧洲政坛“常青树”将正式接替现任欧委会主席巴罗佐，聚焦于经济增长和创造就业，保持欧盟政策的延续性，并确保各项改革和经济发展政策一一落实。</t>
  </si>
  <si>
    <t>房贷松绑  中小微企业融资将更难</t>
  </si>
  <si>
    <t>据报道，中金告知机构用户，四大行在上海地区首套房按揭已全面九五折。虽有媒体记者实际采访结果显示，工行、建行和中行首套房贷款利率尚无丝毫松动。这时却又传出了多家外资行有意跟进房贷松绑的消息。    这是继各城市松绑或者取消限购政策后，关于“救市”的又一新动向?</t>
  </si>
  <si>
    <t>地缘局势紧张推升伦敦油价</t>
  </si>
  <si>
    <t>乌克兰和中东的地缘局势持续紧张，当周(7月21日至25日)仍是左右投资者情绪的主要因素之一。伦敦油价当周继续上涨，但由于美国原油供应充裕等原因，纽约油价下跌。    至25日收盘时，纽约商品交易所2014年9月交货的轻质原油期货价格收于每桶102.09美元；2014年9月交货的伦敦</t>
  </si>
  <si>
    <t>MH17坠机加大世界经济下行风险</t>
  </si>
  <si>
    <t>17日，马来西亚航空公司MH17客机疑遭导弹击中，坠毁于乌克兰和俄罗斯边境。这起震惊世界的坠机事件引发全球市场剧烈波动，也使俄乌地缘政治局势进一步升级，俄罗斯与欧美西方国家的关系愈发紧张。以英国为首的欧盟国家威胁将对俄实施更为严厉的国际制裁，可能令本已疲弱的俄?</t>
  </si>
  <si>
    <t>严重违规食品企业责令退市</t>
  </si>
  <si>
    <t>7月20日，美国欧喜集团子公司上海福喜食品有限公司被媒体曝出涉嫌采用过期劣质原料生产加工食品。    全国人大常委会6月23日初次审议了《食品安全法(修订草案)》(简称《草案》)。7月2日，该草案在中国人大网公布，向社会公开征集意见，截止日期为7月31日。而上海福喜事件正</t>
  </si>
  <si>
    <t>买玉不论出身  俄罗斯也出和田玉</t>
  </si>
  <si>
    <t>玉是中国人最喜爱的宝石之一，是记录着中国历史文化和社会生活的一种特殊符号，其中和田玉又是名声最响、价值最高的一种玉石。但如果你高价购买的和田玉并不是出产自国内新疆和田地区，而是开采自俄罗斯的玉石原料，这样的俄罗斯和田玉，你能接受吗？    俄玉：从填补市场?</t>
  </si>
  <si>
    <t>温哥华：宜居惹出的高物价</t>
  </si>
  <si>
    <t>从温哥华市驱车往南，大概半个多小时就抵达美国边界，所花时间跟从温哥华城东到城西差不多。有一回跟几个朋友到加美边界游玩，看到长龙一样的队伍在等候过海关，不禁问道，为何总有这么多人两边跑？朋友回答说，美国人来温哥华多数是为了吃喝玩乐，而温哥华人跨过国界的目的?</t>
  </si>
  <si>
    <t>英国制造业加速转型扭转颓势</t>
  </si>
  <si>
    <t>英国是孕育“工业革命”的摇篮，曾牢牢占据“世界工厂”的地位。然而，随着发展中国家廉价劳动力的优势显现，以制造业为主的工业开始走下坡路，取而代之的是服务业、金融业等。英国制造业正面临转型以扭转颓势的客观局面。    英国国家统计局数据显示，制造业仅占英国经济?</t>
  </si>
  <si>
    <t>康宝莱将在南京设新厂</t>
  </si>
  <si>
    <t>美国康宝莱国际公司与南京江宁国家高新技术产业园近日达成合作意向，将在园区建造产品生产基地，生产的营养与保健产品将主要供应中国市场。    康宝莱未来数年将为该生产基地投资，基地预计将于2015年底投入使用。由于投资额还需董事会批准，康宝莱尚未透露具体的投资额。?</t>
  </si>
  <si>
    <t>美楼市回暖将助经济增长提速</t>
  </si>
  <si>
    <t>美国6月份旧房销量实现了8个月以来的最大增幅，显示出美国楼市正在逐渐恢复增长动能，有望帮助美国经济今年实现更快增长。    美国全国房地产经纪人协会22日公布的报告显示，6月份美国旧房销量经季节调整按年率计算为504万套，环比上涨2.6%，已连续第三个月环比上涨，且为2</t>
  </si>
  <si>
    <t>福喜“过期肉”事件重挫美餐饮巨头股价</t>
  </si>
  <si>
    <t>日前，媒体披露上海福喜食品有限公司的食品生产过程存在违法违规行为，在国内外市场、产业等层面引发连锁反应，目前此事影响持续发酵。    21日在美国纽约证券交易所挂牌交易的肯德基母公司百胜集团以及麦当劳股价双双走低，跌幅超过大盘。截至当天美股收盘，百胜集团股价?</t>
  </si>
  <si>
    <t>美企加速完成离岸并购以降低税负</t>
  </si>
  <si>
    <t>据外媒披露，美国企业正在加速进行离岸并购以赶在美国国会出台正式政策限制相关并购之前完成这些交易，以减少税收支出。    面临美国的税收制度带来的税收压力，许多美国企业倾向于购买国外企业，部分大型企业还迫切希望变为海外注册公司，以规避高额税收。过去10年里，美?</t>
  </si>
  <si>
    <t>说说美国外资安全审查关卡</t>
  </si>
  <si>
    <t>美国哥伦比亚特区联邦巡回上诉法院日前裁定，奥巴马政府阻止三一集团关联企业罗尔斯公司在美收购一案违反了美国宪法规定的程序正义条款，受到媒体普遍关注。这一里程碑式的裁决为赴美投资的中国企业利用法律武器维护自身正当权益树立了良好范例，但专家认为，裁决本身并不能?</t>
  </si>
  <si>
    <t>机构对今年全球经济预判略有分歧</t>
  </si>
  <si>
    <t>近日，亚洲开发银行等国际机构发布报告或调查，对今年发达经济体和发展中经济体经济发展表现的看法略有分歧，不过对明年全球经济的看法基本都较为乐观。    亚洲开发银行(亚行)最新发布的《亚洲发展展望补充》报告将该行对今年主要工业经济体的增长率进行了下调，不过维持?</t>
  </si>
  <si>
    <t>通过创新宏观调控适应新常态</t>
  </si>
  <si>
    <t>中国经济50人论坛、新浪财经和清华经管学院联合举办的新浪·长安讲坛第256期日前召开。论坛成员、中国社会科学院学部委员、中国社会科学院数量经济与技术经济研究所原所长汪同三发表了题为“从三次国际经济危机得到的经验教训”的主题演讲。汪同三通过对比中国政府在亚洲金融</t>
  </si>
  <si>
    <t>加国楼市“高烧”可能是伪命题</t>
  </si>
  <si>
    <t>最近一周来，加拿大楼市不断收到“高烧”警告。    国际信用评级公司惠誉近日发布报告称，加拿大房价高估多达20%，一家名为晨星(Morningstar)的美国投资研究公司此前甚至预测，加拿大房价未来几年可能下调三成。    6月，包括国际货币基金组织(IMF)和经济合作与发展组织(</t>
  </si>
  <si>
    <t>中欧经贸关系步入全新发展周期</t>
  </si>
  <si>
    <t>2014年是中欧建立全面战略伙伴关系十周年。而中欧经贸关系则自2013年底起已进入一个全新的发展周期。中国共产党十八届三中全会确定了进一步深化改革开放的方针，欧盟完成了《里斯本条约》生效后的首次欧洲议会选举并任命新的欧盟委员会主席，这些新的变化奠定了未来5年至10年</t>
  </si>
  <si>
    <t>人民币国际化驶入“快车道”</t>
  </si>
  <si>
    <t>近一年来，中国领导人频繁出访，而国外领导人也频频造访中国，中国与许多国家在经贸投资等领域的务实性成果越来越多，人民币的国际化也得益于这样的有利环境而迅速向前推进。除了亚洲之外，人民币国际化在欧洲也取得了区域化进展，并有可能进一步向美洲扩展。    全球使用?</t>
  </si>
  <si>
    <t>半生轮椅  一生政治</t>
  </si>
  <si>
    <t>沃尔夫冈·朔伊布勒这个名字在中国被一些人熟知是因为欧债危机，在风头甚紧的前几年里，这位手握德国财政大权的人一言一行都牵动着世人的目光与神经。只不过，如果把欧债危机放进他迄今72年的人生长河中，也许算不上什么大的波澜。    从30岁进入德国联邦议会算起，朔伊布?</t>
  </si>
  <si>
    <t>欧元在全球外汇储备占比持续下滑</t>
  </si>
  <si>
    <t>欧洲央行16日发布报告称，2013年欧元区证券对于投资者的吸引力较2012年有所增强，但欧元在全球外汇储备中的占比仍在持续下滑，在国际融资中的角色也有所减弱。虽然投资者更加青睐欧元资产对于欧元本身来说有益，但近期却会令欧洲央行面临的通缩风险问题更加复杂化。    形?</t>
  </si>
  <si>
    <t>揭示中药作用机理新思路</t>
  </si>
  <si>
    <t>南开大学联合研究团队通过对与人类基因相似的斑马鱼的行为分析，探究了抗抑郁中药对斑马鱼睡眠/觉醒行为的影响，为揭示传统中药作用机理提供了全新研究思路。    这一成果日前发表在了Nature出版集团的《Scientific Reports》杂志上，对西方科学界理解、认可中药处方有所助</t>
  </si>
  <si>
    <t>国际并购敢用法律武器  异地扩张需防“水土不服”</t>
  </si>
  <si>
    <t>商业遇麻烦用法律武器  三一子公司告赢美政府    日前，美国一家联邦上诉法院裁定，美国政府禁止中国企业拉尔斯控股公司(RallsCorp)的一宗在美并购案，这一行为侵犯了对方的合法权益，拉尔斯公司应当被允许质证。拉尔斯控股公司是中国大陆三一重工集团的子公司。早在2012年</t>
  </si>
  <si>
    <t>耶伦称美国经济仍需宽松政策支持</t>
  </si>
  <si>
    <t>美联储主席耶伦15日就半年货币政策报告在参议院金融委员会作证。在证词中，耶伦一方面表示，尽管美国经济继续改善，但是复苏还没有完成，另一方面则表示，一旦劳动力市场进一步改善，美联储可能比预期更早加息。这样的表态无疑使人们怀疑美联储的宽松立场是不是有了松动，也?</t>
  </si>
  <si>
    <t>国际石油市场面临大变局</t>
  </si>
  <si>
    <t>进入2014年，因美元货币政策的调整以及美国对金融监管的加强，国际石油贸易格局与国际油价的形成正在发生着前所未有的变化。国际石油市场正在进入大变局的时代。今后一段时间内，国际油价波幅减小、价格攀升有限是主要的市场特征。    对国际石油市场以及油价形成有长期影?</t>
  </si>
  <si>
    <t>加拿大离岸人民币清算中心渐行渐近</t>
  </si>
  <si>
    <t>笔者日前采访加拿大联邦财政部长乔·奥利弗获悉，尽管政府尚未决定在哪所城市设立离岸人民币交易中心，但是正积极推动建立。奥利弗表示，该中心一旦建立，将是北美第一个离岸人民币交易中心，意义重大。    今年来多伦多和温哥华双双成为人民币离岸清算中心的呼声日涨，引?</t>
  </si>
  <si>
    <t>金砖金融合作动了美元奶酪？</t>
  </si>
  <si>
    <t>当地时间7月15日，第六届金砖峰会在巴西福塔莱萨举行，会议发表了《福塔莱萨宣言》。本届峰会上成立的金砖国家银行等金融领域合作成为最大亮点。金砖国家合作主要包括：设立金砖国家开发银行、建立应急储备基金(CRA)及谋划俄罗斯倡议建立的“金砖能源联盟”三大核心议题。</t>
  </si>
  <si>
    <t>金砖国家开发银行总部设上海</t>
  </si>
  <si>
    <t>中国、巴西、俄罗斯、印度和南非15日在巴西福塔莱萨签署协议，成立金砖国家开发银行，并建立金砖国家应急储备安排。中国国家主席习近平、巴西总统罗塞夫、俄罗斯总统普京、印度总理莫迪和南非总统祖马见证协议签署。根据协议，该银行总部将设在上海。    根据金砖国家领导?</t>
  </si>
  <si>
    <t>“茶海之心”通世界</t>
  </si>
  <si>
    <t>2011年4月29日，英国伦敦正在举行威廉王子和凯特王妃的世纪婚礼。很多人送去了祝福，其中，来自中国贵州的一套茶具和一罐名为“点犀红”的茶叶得到了新人的喜爱。    “点犀红”取自“心有灵犀一点通”之意，有祝福新人美满和谐、心心相印的吉祥寓意。送出的茶叶，由遵义市</t>
  </si>
  <si>
    <t>需要对美元霸权再平衡</t>
  </si>
  <si>
    <t>巴黎银行是法国最大的银行，法国是美国的主要盟友之一，但这仍不能避免该银行遭遇美国政府开出的巨额罚单：90亿美元，超过巴黎银行去年一年的盈利总额。美国的大棒竟然挥到了法兰西？法国上下惊诧不已的同时，也凸显了对美元霸权进行再平衡的必要性和紧迫性。    为什么说?</t>
  </si>
  <si>
    <t>国际能源署将加强与新兴经济体合作</t>
  </si>
  <si>
    <t>国际能源署执行干事玛丽亚·范德胡芬近日在出席美国能源信息局举办的2014年度能源大会时说，鉴于新兴经济体在全球能源需求的分量越来越重，发达经济体应加强与新兴经济体的能源合作。    范德胡芬说，与国际能源署成立时相比，世界已经发生了巨大变化，能源需求的格局已经?</t>
  </si>
  <si>
    <t>安永同意支付400万美元和解国会游说案</t>
  </si>
  <si>
    <t>美国证券交易委员会(SEC)14日对安永会计师事务所发起指控，称其曾违反了审计机构的独立性规则。安永已同意支付400多万美元的和解金以了结这项指控。    指控称，安永下属的一个分部曾代表两名审计客户对国会职员进行游说，而这种游说活动是被禁止的，原因是审计公司在检查?</t>
  </si>
  <si>
    <t>金价创年内最大单日跌幅</t>
  </si>
  <si>
    <t>北京时间15日消息，因对葡萄牙银行业的担忧减弱，且美股上涨促使投资人对上周金价升至三个半月高位的升势获利了结，国际金价14日大幅下跌2.3%，创年内最大单日跌幅。    尽管当天没有重要经济数据公布，但由于美国股市高开高走，道琼斯指数重上17000点，逼近历史高点，强烈</t>
  </si>
  <si>
    <t>国内零售业O2O转型才刚刚开始</t>
  </si>
  <si>
    <t>互联网的快速发展正在全球范围掀起一场新的零售产业变革：美国零售巨头百思买近日曝出拟出售在华业务，专注发展美国市场的消息；而据媒体报道，亚马逊的中国经营策略也将发生变化，未来或将砍掉家电自营板块。在欧美零售企业进行战略变革的同时，本土企业也在谋求布局O2O以便</t>
  </si>
  <si>
    <t>长城汽车9个月市值蒸发700亿</t>
  </si>
  <si>
    <t>自主品牌“黑马”长城汽车或正遭遇“滑铁卢”。今年来，长城汽车产销量连连下滑，上半年仅完成全年销量目标不足4成。而且，公司主推的SUV车型问题不断，尤其哈弗H8的“难产”，诱发股价连连下挫，市值在9个月内蒸发700多亿。对此，专家认为，长城汽车“重SUV轻轿车”的策略，</t>
  </si>
  <si>
    <t>美国进出口银行存续争议升温</t>
  </si>
  <si>
    <t>过去一个月，在全球共同关注巴西世界杯足球赛之际，美国进出口银行却屡屡登上了美国媒体的头条，因为美国国会议员正就是否延续这家历时80年的官方出口信贷机构的经营权进行激烈辩论。    如果美国国会不重新批准授权，美国进出口银行将于9月30日“关门停业”，这将直接冲击</t>
  </si>
  <si>
    <t>重钢深陷巨亏泥潭  出售海外矿山解困</t>
  </si>
  <si>
    <t>如果按照计划，来自澳大利亚西澳洲的伊斯坦鑫山的铁矿，应该已经源源不断地送进了重庆钢铁的锅炉。但这个当时被称为“最划算、最优质资源的收购”，却因为30亿美元开采资金缺口难解决，最终只能选择出售股权。    业内人士表示，出售海外优质资源的无奈之举背后，暴露出的?</t>
  </si>
  <si>
    <t>美大型连锁商家得宝开售3D打印机</t>
  </si>
  <si>
    <t>据彭博社报道，世界最大家居建材用品连锁商美国家得宝公司(Home Depot)14日将开始在门店出售3D打印机，使得这一原本仅被工程师和科技爱好者所推崇的新科技开始更深入的向消费品领域延伸。    报道称，3D打印机出售计划目前还处于试点项目阶段。家得宝将首先在美国加利福尼?</t>
  </si>
  <si>
    <t>TPP谈判关键分歧难解前景堪忧</t>
  </si>
  <si>
    <t>新一轮“跨太平洋战略经济伙伴关系协定”(TPP)首席谈判代表会议12日在加拿大首都渥太华闭幕。在为期一周的谈判中，TPP谈判各成员国在就业和健康议题等方面达成一定共识，而一些关键的遗留问题仍未得到有效解决。尽管多方呼吁尽快完成框架协议，但由于分歧众多，加之受到美国1</t>
  </si>
  <si>
    <t>中美气候变化应对合作宜加快加深</t>
  </si>
  <si>
    <t>第六轮中美战略与经济对话10日闭幕。本轮战略对话共达成116项成果，包括加强双边合作、应对地区和全球性挑战、地方合作、能源与气候变化合作、环保合作、科技与农业合作、卫生合作、双边能源、环境和科技对话等8个方面。    其中，加快应对气候变化方面的合作，成为此次对?</t>
  </si>
  <si>
    <t>中美BIT明年启动负面清单谈判</t>
  </si>
  <si>
    <t>10日，国务院副总理汪洋在第六轮中美战略与经济对话成果记者会上宣布，在本轮对话中，中美双方同意争取2014年就双边投资协定(BIT)文本的核心问题和主要条款达成一致，并承诺2015年早期启动负面清单谈判。    专家研判，在即将开启的负面清单谈判中，双方各有诉求，其中，扩</t>
  </si>
  <si>
    <t>大数据使“定制”新的经济指标成为可能</t>
  </si>
  <si>
    <t>上世纪的统计数字不是为21世纪经济现实设计的，用国内生产总值(GDP)和通胀率等简单指标来评价当今的多面经济体的观念已经过时。    GDP忽略了经济活动中的重要因素    GDP起源于20世纪30年代，由于这种统计方法帮助美国经受住了大萧条并赢得了战争，所以确定了它的统治地</t>
  </si>
  <si>
    <t>美国股市还能“牛”多久</t>
  </si>
  <si>
    <t>一年之前，当道琼斯指数升破15000点大关时，就有不少人在担忧股市泡沫问题。一年之后，道琼斯指数已稳步升破17000点。尽管美国一季度经济受到寒冷天气的严重影响，乌克兰和伊拉克的局势持续紧张，但都没有影响投资者的乐观情绪。随着美国公司本周拉开财报季序幕，投资者正在?</t>
  </si>
  <si>
    <t>中美BIT将为制定全球投资协定探路</t>
  </si>
  <si>
    <t>第六轮中美战略与经济对话拉开序幕，中美双边投资BIT谈判成为关键性议题，并有望成为未来构建中美新型大国经济关系的重要支柱。    近些年来，随着中美经贸关系日趋密切，中美之间的投资模式从美国向中国投资为主的单向投资流动为主，向双向投资并重转变。目前，中美投资合</t>
  </si>
  <si>
    <t>重构在华研发布局  PSA 东风联姻成果初现</t>
  </si>
  <si>
    <t>今年初，法国标致雪铁龙集团(PSA)与中国东风集团全球战略联盟合作协议的签署，开启了国内外车企在技术研发、采购、生产和营销等领域全价值链合作的先河。日前，标致雪铁龙集团董事、执行副总裁、亚洲运营部首席执行官奥立维接受了《经济参考报》记者采访，就业界关心的有关双</t>
  </si>
  <si>
    <t>花旗或支付70亿美元了结MBS调查</t>
  </si>
  <si>
    <t>据外媒报道，知情人士8日透露，花旗集团目前已接近与美国司法部达成和解协议，将支付70亿美元了结其在金融危机前销售不良抵押贷款支持证券(MBS)的相关调查。    据英国《金融时报》援引知情人士消息，花旗将向美国司法部支付约40亿美元现金，其余30亿美元包括支付给住房所?</t>
  </si>
  <si>
    <t>金墉：转型期中国经济放慢不可怕</t>
  </si>
  <si>
    <t>世界银行行长金墉8日即将结束访华之际在北京举行了新闻发布会。金墉对中国经济表示出信心，他认为任何国家在经济转型期出现的经济放缓并不令人吃惊。目前中国经济也正处于转型时期，世行为中国的改革提供了很多建议，愿积极参与中国城镇化和医疗卫生体制改革进程。    他表</t>
  </si>
  <si>
    <t>支付宝首尝跨境退税加速海外扩张</t>
  </si>
  <si>
    <t>在顺利进入美国市场后，支付宝的海外扩张再度提速。《经济参考报》记者7日从支付宝证实，支付宝将与环球蓝联公司合作开展海外购物退税服务，首批将覆盖法国、德国、意大利、英国和韩国等5个国家的5000余家商户。通过这一服务，中国用户将增加一条拿回跨境退税款项的途径，且?</t>
  </si>
  <si>
    <t>英财长外长访印促双边贸易投资</t>
  </si>
  <si>
    <t>英国财政大臣乔治·奥斯本与外交大臣威廉·黑格7日对印度展开为期两天的访问，以期增强两国经贸联系，促进双边投资。这也是印度新总理莫迪上任以来，继法国和美国等国后，又一个西方国家的政府高级官员对印度进行访问。    据印度外交部发言人阿克巴鲁丁介绍，访印期间，奥</t>
  </si>
  <si>
    <t>VIE风险对投资者或无实质损害</t>
  </si>
  <si>
    <t>作为中国内地最具知名度的互联网企业之一，阿里巴巴初定8月8日在纽交所上市。之前，美国国会美中经济安全委员会发布了一份报告，提示阿里巴巴的VIE结构有重大风险，可能会对投资者利益构成损害。    笔者觉得，阿里巴巴的VIE结构是在美国上市的中国互联网公司的通用选择，?</t>
  </si>
  <si>
    <t>互保联保模式放大企业债风险</t>
  </si>
  <si>
    <t>近日，包括标准普尔、摩根大通、里昂证券等众多国际金融机构纷纷对中国的企业债务风险提出预警。    中国企业的实际债务规模到底是多少，有关方面没有正式对外公布过。但是，有一点可以肯定，那就是在金融危机后的这段时间，中国企业的债务已达到相当规模。    虽然说债?</t>
  </si>
  <si>
    <t>领导人互访深化中韩中德经贸合作</t>
  </si>
  <si>
    <t>中国国家主席习近平刚刚结束了对韩国的国事访问，访问成果丰硕，推进了两国在经贸领域的合作。而德国总理默克尔6日起访华，中德两国的经贸领域合作也将得到拓宽。未来几天，习近平主席将出席金砖国家领导人会议并访问拉美国家，进一步深化经济合作。    中韩金融贸易领域成</t>
  </si>
  <si>
    <t>美“肥咖法案”利大于弊</t>
  </si>
  <si>
    <t>7月1日，美国《海外账户纳税法案》(Foreign Account Tax Comp liance Act，简称FATCA)付诸实施。这一法案因简写谐音被中国移民戏称为“肥咖法案”，它震撼了世界金融业，虽难免有“霸王条款”的色彩，但客观上也有助于其他国家堵塞税收漏洞，带来反腐额外收益。    “肥咖?</t>
  </si>
  <si>
    <t>适应新常态  寻找新动能</t>
  </si>
  <si>
    <t>当前，慢复苏仍是全球经济的“新常态”，美日欧主要发达经济政策走向清晰可循，新兴经济体在市场剧烈波动后也逐渐恢复了元气。下半年，主要经济体执行的一系列政策能否转化为延续增长态势的“新动能”，已成为全球经济领域的最大疑问——    先抑后扬？美国经济须解三大隐?</t>
  </si>
  <si>
    <t>巴西贫民窟见闻</t>
  </si>
  <si>
    <t>位于里约热内卢的罗西尼亚贫民窟是巴西最大的贫民窟，一个外人眼中毒贩盘踞、犯罪猖獗、肮脏混乱的所在，身处其中的居民却说这里可能是“里约最安全的地方”。前英国广播公司记者、作家米沙·格伦尼住进这里，亲身体验贫民窟的生活。    贫民窟成“最安全的地方”    去?</t>
  </si>
  <si>
    <t>中美投资协定谈判步入深水区</t>
  </si>
  <si>
    <t>第六轮中美战略与经济对话将于7月9日至10日在北京举行。会议将着眼于讨论两国面临的广泛的双边、地区和全球领域的短期和长期经济与战略利益的挑战和机遇。最近，围绕这一对话的话题开始预热，透露出双方较为关注的领域。    合作谈判议题众多    将主持中美战略与经济合?</t>
  </si>
  <si>
    <t>抒发正能量泼墨颂中华</t>
  </si>
  <si>
    <t>被业界和主流媒体誉为“正能量书法家”的周义发，赴欧洲的文化交流活动甫一结束，又立即投入了将于今年10月举办的“周义发百幅正能量书法作品融入百所校园暨百家企业”的大型公益巡展”的闭门创作活动。    周义发属龙，艺名义发、海龙，笔名周德舰，号航空公舰。祖籍江西?</t>
  </si>
  <si>
    <t>市场热情被点燃  大盘后市值得期待</t>
  </si>
  <si>
    <t>周四股指全天呈现窄幅震荡格局，沪指收于2063点，微涨0.19%，成交961亿元。盘中港口、有色金属、水上运输以及新能源汽车等板块表现十分活跃，位居涨幅板前列。其中受德国总理访华和新能源汽车免征购置税政策的双重利好影响，新能源汽车盘中爆发；习主席访韩而带动的港口整体?</t>
  </si>
  <si>
    <t>科学看待我国GDP的全球位置</t>
  </si>
  <si>
    <t>不久前，国际货币基金组织公布了“2013年世界各国人均GDP排名”：“状元”为卢森堡，110423美元；“榜眼”为挪威，100318美元；“探花”为卡塔尔，100260美元，均超过10万美元。排名第4到第10的国家分别为：瑞士、澳大利亚、丹麦、瑞典、新加坡、美国和加拿大，均在5万美元以</t>
  </si>
  <si>
    <t>日本央行今年料难再放宽货币政策</t>
  </si>
  <si>
    <t>7月1日，日本央行公布了6月份短观报告，统计数据略逊于预期，有喜有忧，显示日本经济复苏基本形势尚可，但仍面临挑战。而从目前情况看，日本央行进一步放宽货币政策的预期今年似无迫切需要。    企业信心恶化    调查数据显示，日本企业信心差于预期，但对第三季度的看法</t>
  </si>
  <si>
    <t>财长访华  卢森堡竞逐离岸人民币中心</t>
  </si>
  <si>
    <t>“我们很高兴中国银行、中国工商银行与中国建设银行已经落户卢森堡，也欢迎新机构来到卢森堡。”正在访华的卢森堡财政大臣(财长)皮埃尔·格拉美亚7月1日表示，“中国招商银行已经决定在卢森堡开始启动设立公司的流程，进一步加强了卢森堡作为中资银行在欧洲的重要枢纽地位。?</t>
  </si>
  <si>
    <t>追随世界杯的“欧洲技术”</t>
  </si>
  <si>
    <t>“中国制造”再次借世界杯风光了一把，从比赛用球到吉祥物，从球迷们挥舞的国旗到制造声势的加油神器，均产自中国的工厂。与此同时，参赛队伍最多的欧洲，他们的球队登陆巴西闪亮表现的身后，也追随了一大批“欧洲技术设备团队”，不光是靠赛事挣钱，也在未来制造业价值链上?</t>
  </si>
  <si>
    <t>下周国内油价调整或搁浅</t>
  </si>
  <si>
    <t>《经济参考报》记者从多家社会监测机构了解到，下周一(7月7日)国内成品油调价窗口再度开启，但从目前原油走势来看，届时或因调价幅度不足50元/吨而遭遇搁浅。    自6月24日国内成品油价上调之后，受乌克兰局势紧张引发市场供应担忧影响，国际油价期货价格大幅飙升，之后随?</t>
  </si>
  <si>
    <t>习近平访韩将深化中韩经贸合作</t>
  </si>
  <si>
    <t>应韩国总统朴槿惠邀请，中国国家主席习近平将于7月3日至4日对韩国进行国事访问。这是习近平就任国家主席后对韩国的首次访问。分析认为，此次访问体现了中国对中韩关系的高度重视，将有助于中韩进一步挖掘经贸合作潜力，还可能进一步推动中韩自贸协定谈判。    习近平主席访</t>
  </si>
  <si>
    <t>打造滨海绿色之城</t>
  </si>
  <si>
    <t>作为全国首批沿海对外开放城市，随着中央作出全面深化改革的战略部署，随着京津冀协同发展、河北沿海地区率先发展加快推进，步入了科学发展、绿色崛起的重要战略机遇期。秦皇岛市正以开展党的群众路线教育实践活动为动力，以“项目建设落实年”、“环境整治攻坚年”、“基层?</t>
  </si>
  <si>
    <t>美股将切换到“慢牛”行情</t>
  </si>
  <si>
    <t>6月30日是美国股市今年上半年最后一个交易日。尽管经历了2013年的惊艳表现，2014年美股上行动力明显减弱，但三大股指今年上半年依然温和上涨。业内人士认为，受美联储保持货币政策宽松承诺的影响，美国经济一季度萎缩后已逐渐开始反弹，加之今年以来非常活跃的公司收购和股票</t>
  </si>
  <si>
    <t>阿根廷债务违约进入倒计时</t>
  </si>
  <si>
    <t>阿根廷政府一笔总额约9亿美元的重组主权债券于6月30日到期，目前阿根廷政府已向清算银行完成部分款项转账，但是美国法官托马斯·格里塞却要求银行将汇款退还阿根廷政府，以封堵其支付通道。那么，阿根廷是否将无法按时还债，是否会立即陷入债务违约？    债务违约迫在眉睫$</t>
  </si>
  <si>
    <t>外资涌入令温哥华楼市喜忧参半</t>
  </si>
  <si>
    <t>温哥华房价高居北美第一，高得令人咋舌，连美国著名杂志《纽约客》和业内知名房产网Housingwire也不否认这一点。    美国房产网最近在一篇文章中就酸溜溜地说，北美最贵的房地产不是在纽约或华盛顿DC，也不是在旧金山或洛杉矶，而是在“美国的阁楼上”，即加拿大。具体来说</t>
  </si>
  <si>
    <t>美解禁原油出口影响几何？</t>
  </si>
  <si>
    <t>美媒近日透露，美国商务部有可能允许两家能源公司对一种超轻质原油进行很小的处理后，将其合法出口。美媒将其解读为美国将放松实行了40年的原油出口禁令，尽管商务部予以了否认。这一政策变动如能被证实，对国际原油市场短期内不会造成很大冲击。但却传递出美国页岩油开发促?</t>
  </si>
  <si>
    <t>人民币清算落子法国和卢森堡</t>
  </si>
  <si>
    <t>中国人民银行29日宣布，已于日前分别与法兰西银行和卢森堡中央银行签署了在巴黎、卢森堡两地建立人民币清算安排的合作备忘录。    央行表示，中法、中卢双方将充分协商和相互合作，做好相关业务监督管理、信息交换、持续评估及政策完善工作。之后，将确定巴黎、卢森堡人民?</t>
  </si>
  <si>
    <t>缠斗“秃鹫基金”阿根廷再遇倒债风波</t>
  </si>
  <si>
    <t>美国最高法院日前的一纸判决，将阿根廷与美国“秃鹫基金”的官司再次推到了舆论的风口浪尖。在阿根廷政府高额重组主权债券即将到期之际，美法院驳回了阿政府的上诉，意味着阿根廷必须向“秃鹫基金”偿还总额约13.3亿美元的违约债务。司法途径行不通，阿根廷政府转而与“秃鹫?</t>
  </si>
  <si>
    <t>资金短缺绿色壁垒层出  中药国际化险阻重重</t>
  </si>
  <si>
    <t>英国关于中成药的“禁售令”相关政策近日正式实施。作为世界上最大的植物药市场，也是我国中成药出口的主要目标市场之一，欧盟也对中药多有排斥。作为中国“国粹”，中药缘何在海外屡屡遭到“封杀”？    中药在海外举步维艰    我国是中医药的发源地和最大的生产、使用?</t>
  </si>
  <si>
    <t>中国房地产绝不会全面崩盘</t>
  </si>
  <si>
    <t>中国绝不会出现所谓的房地产全面崩盘，更不会出现经济硬着陆，这里最根本的要看房地产调整的幅度有多大。    在房地产调整中，金融的风险会增大，但不会导致爆发类似美国那样的金融危机，尤其是银行不会出什么问题。    中国未来能保持7%-8%的增速，最关键的因素不是出口</t>
  </si>
  <si>
    <t>助学贷款愁坏美国毕业生</t>
  </si>
  <si>
    <t>“2008年毕业后，我的存款账户里从没超过几千块。太可怕了。”30岁的布伦特·布莱克说。在纽约大学蒂施艺术学院攻读硕士学位期间，布莱克申请了6万美元的助学贷款，现在，他只还清了一半。    美国助学贷款目前已超过1万亿美元，有71%的美国大学毕业生是依靠贷款完成学业的</t>
  </si>
  <si>
    <t>甲骨文53亿美元收购Micro Systems</t>
  </si>
  <si>
    <t>据外媒报道，美国IT巨头甲骨文公司将以53亿美元收购一家酒店、餐饮和零售行业软硬件集成解决方案提供商Micros Systems。这将是该公司五年来最大的一起收购案。    目前，双方董事会都已经批准了这一并购案，交易预计将在2014年下半年完成。    根据收购要约，甲骨文公司?</t>
  </si>
  <si>
    <t>美学者著书精妙解读南海态势</t>
  </si>
  <si>
    <t>美国作家兼学者罗伯特·卡普兰将南海现象称为“精英媒体几十年来报道最不充分的题材之一”。也正因此，卡普兰今年3月出版的最新著作《亚洲熔炉：南海和太平洋稳定局势的终结》(Asia’s Cauldron：The South China Seaand the end of astable Pacific)，受到西方舆论的广泛关?</t>
  </si>
  <si>
    <t>TPP仍旧可望不可即</t>
  </si>
  <si>
    <t>美国总统奥巴马日前在华盛顿与到访的新西兰总理约翰·基举行会晤，针对久拖不决的“跨太平洋战略经济伙伴协定”(TPP)，双方讨论了完成谈判的时间表。奥巴马还提出了自己的希望——年底前达成一份“文本协议”。    这听起来与一年前似乎没什么区别，作为重返亚洲战略重要一</t>
  </si>
  <si>
    <t>全球制造业活动加速扩张</t>
  </si>
  <si>
    <t>23日，多个国家和地区发布的制造业数据显示，6月份。其中，美国制造业采购经理人指数(PMI)创逾四年来新高，日本和中国制造业数据也强劲上升，但欧元区制造业增速由于受法国拖累而下滑至逾半年低点。整体向好的制造业数据表明全球经济增长前景乐观，但各主要经济体的经济复苏?</t>
  </si>
  <si>
    <t>追缴惊散客的餐费不妥</t>
  </si>
  <si>
    <t>22日中午，东莞万江某五星级酒店厨房杂物着火，尽管员工立即扑灭，但是冒出的烟雾让在餐厅里喝茶、就餐的四百多人惊慌出逃，导致多达五十多桌餐饮的客人无人买单。经过酒店管理人员初步清点，估计损失了两万多元餐费。为此，酒店昨日在微信上呼吁，请顾客们本着诚信为上的原?</t>
  </si>
  <si>
    <t>寻解汽车售后市场反垄断之道</t>
  </si>
  <si>
    <t>在中国汽车售后市场，零整比能达到畸高的12：1，而国外市场通常为3：1。英国《金融时报》称，中国成跨国车企摇钱树。汽车买得起、修不起，根源在哪里？    在刘大华案和徐亮案中，原告的请求分别被长沙法院和青岛法院一审驳回，两案的争议均为4S店销售原厂配件时搭售维修服</t>
  </si>
  <si>
    <t>京东广告登陆纽约时代广场</t>
  </si>
  <si>
    <t>2014年6月18日，一幕硕大的“6.18Party On——京东十一周年庆”广告惊现于美国纽约时代广场，这幅来自中国电商企业的品牌广告吸引了时代广场路人的目光。    提起电子商务和网购，美国消费者最为熟悉和喜爱的非亚马逊莫属，但美国人可能还并不知道，中国版的“亚马逊”——</t>
  </si>
  <si>
    <t>美国鼓励制造业回流力促就业</t>
  </si>
  <si>
    <t>袜子和玩具，这类低成本、低附加值、劳动密集型的产品曾经入不了一向视高收入、高技术、高附加值为圭臬的美国制造业的“法眼”。然而最近，美国商务部正试图说服企业主们，这些商品也可以在美国生产，并且获利。    在刚刚结束的“‘选择美国’夏季论坛”上，主办方美国商?</t>
  </si>
  <si>
    <t>美联储经济预测不靠谱</t>
  </si>
  <si>
    <t>美国著名经济学家约翰·肯尼思·加尔布雷思说过，经济预测的唯一意义是使占星术看起来值得尊敬。    达拉斯联邦储备银行行长理查德·费希尔对此深以为然。他经常在公开演讲中引用其大学教授的这句名言，告诫公众不要笃信美联储的经济预测，因为即便拥有庞大的经济学家研究?</t>
  </si>
  <si>
    <t>伊拉克局势持续推升国际油价</t>
  </si>
  <si>
    <t>由于伊拉克近期内战未见平息，国际原油价格继续被推高至九个月高点。有分析认为，目前，全球石油市场仍然比较平静，但一旦伊拉克动荡局势持续，将增强市场的紧张气氛，尽管影响不会是灾难性的，但对全球市场的影响却是毫无疑问的。油价短暂上升，全球经济或能保持无忧；油价?</t>
  </si>
  <si>
    <t>复星投资美国电影制作公司</t>
  </si>
  <si>
    <t>复星国际23日宣布，已经与美国Studio8公司签署投资协议。这是继万达集团收购美国AMC院线、小马奔腾收购美国影视特效公司数字王国之后，中国资本进军好莱坞的最新一例。    复星表示，拟通过本次投资，将好莱坞先进成熟的电影制作方法、电影理念及技术和完善的制作发行体系?</t>
  </si>
  <si>
    <t>年内适度从紧货币政策难以改变</t>
  </si>
  <si>
    <t>李克强总理在希腊访问时指出，今年以来中国经济尽管面临下滑的压力，但基本上是在合理区间运行。面对下滑压力，政府透过预调微调、区间及定向调控等方式，保证经济在合理区间运行，并更加重视结构性改革，以便让中国经济长时间保持中高速成长。可以说，总理的讲话，不仅概括?</t>
  </si>
  <si>
    <t>重点治污方解城市“渴”症</t>
  </si>
  <si>
    <t>近日媒体从住建部获得一组数据：中国657个城市中有300多个属于联合国人居环境署评价标准中“严重缺水”和“缺水”城市。网民认为，全国近半数城市喊“渴”，更多表现为浪费和污染造成的水资源危机。一些网民建议，完善水污染防治法，加强水源地保护和地下水污染防治，提高工?</t>
  </si>
  <si>
    <t>新兴经济体需加快结构性改革</t>
  </si>
  <si>
    <t>近日，国际金融机构再度对新兴经济体表示关注。国际货币基金组织报告警示新兴经济体的地产泡沫风险，并敦促新兴经济体推动结构性改革。世界银行则在其半年度经济展望报告中，下调了全球经济增长预测，除了乌克兰危机影响外，美国和新兴经济体经济增长乏力也对世界经济产生影?</t>
  </si>
  <si>
    <t>加拿大退休基金保增值有高招</t>
  </si>
  <si>
    <t>“退休金的投资主管大多数都是从华尔街请过来的，玩资本玩得倍儿溜。薪酬市场定价，奖金根据投资收益按照指数级别增长，要不然谁来给你卖命赚钱？”说起加拿大退休金计划(以下简称CPP)资金保值增值的投资法门，一位业内人士这样介绍。    CPP属于加拿大强制性的政府养老系?</t>
  </si>
  <si>
    <t>打击避税：欧盟死咬苹果星巴克</t>
  </si>
  <si>
    <t>欧盟委员会日前发表的一则声明，掀起了打击跨国公司逃税避税运动的又一高潮。苹果、星巴克和菲亚特三家跨国公司遭到调查，爱尔兰、荷兰以及卢森堡三个国家也在被调查行列。欧盟打击跨国逃税避税的力度再次加大。    转移定价成为焦点    对于欧盟来说，正式调查企业是否?</t>
  </si>
  <si>
    <t>丝绸之路经济带：医疗旅游渐成时尚</t>
  </si>
  <si>
    <t>46岁的哈萨克斯坦商人阿克曼尔近半个月来坚持在新疆乌鲁木齐边疆宾馆附近的一家小诊所针灸按摩。中医的理疗方法令他感到惊讶，常年的颈椎病和高血压通过中国医生的治疗得到了缓解。    宋继雷是这家小诊所的一名医生，他说“中国的镶牙、美容、腰椎疾病以及心血管疾病治疗?</t>
  </si>
  <si>
    <t>C2B高歌猛进冲击传统电商运营模式</t>
  </si>
  <si>
    <t>阿里的高歌猛进，让传说中的C2B再次从神一样的存在，逐步走到了普通消费者的身旁。6月18日，日本设计品牌MUJI无印良品正式入驻天猫并宣布，将联合天猫试水C2B定制生产，利用天猫大数据界定产品品类，然后再投入设计生产。这一动作，被市场解读为阿里C2B布局中的又一重要步伐?</t>
  </si>
  <si>
    <t>你必须要去相信那些不可能</t>
  </si>
  <si>
    <t>编者按：    江湖中，低调的不一定是小角色，也可能是大佬，比如仅在互联网高知群体中被奉为“预言帝”的凯文·凯利。    凯文·凯利，按照美国人习惯的简称就是KK，他是美国最著名科技杂志《连线》之父。乔布斯的警句名言“stay hungry，stay foolish”来自于他曾主编过</t>
  </si>
  <si>
    <t>中国铜管巨头赴美设厂“扶贫”还是“圆梦”？</t>
  </si>
  <si>
    <t>近日，作为全球最大的空调铜管制造商，河南金龙精密铜管集团(下称金龙集团)在美国“贫困县”阿拉巴马州威尔考克斯县的6万吨精密铜管项目甫一投产，便引来网民对金龙集团“赴美扶贫”的一片质疑。    记者调查发现，从濒临破产的村办集体企业到世界铜管业巨头，金龙集团赴美</t>
  </si>
  <si>
    <t>G20被指贸易保护主义倾向严重</t>
  </si>
  <si>
    <t>世界贸易组织、经济合作与发展组织及联合国贸易和发展会议18日联合公布的例行监督报告指出，截至5月底，近六个月20国集团成员国中存在的贸易保护主义倾向仍然十分严重，很多国家仍在执行全球金融危机以来实施的限制贸易措施。    去年9月份，20国集团领导人发表声明，认为?</t>
  </si>
  <si>
    <t>英国房价劲涨或令央行加息</t>
  </si>
  <si>
    <t>英国4月房价指数创下新高。分析认为，随着英国楼市日益呈现出过热风险，英国央行可能加快寻求加息等政策根据以抑制房价，最快可能在今年年底前采取行动，成为首个在金融危机后开始加息的发达国家。    英国统计局17日公布的数据显示，今年4月英国所有地区的房价几乎全线上?</t>
  </si>
  <si>
    <t>人民币与英镑直接交易开启</t>
  </si>
  <si>
    <t>经中国人民银行授权，中国外汇交易中心18日宣布自19日起，银行间外汇市场完善人民币对英镑的交易方式，发展人民币对英镑直接交易。    中国人民银行表示，开展人民币对英镑直接交易，有利于形成人民币对英镑直接汇率，降低经济主体汇兑成本，促进人民币与英镑在双边贸易和?</t>
  </si>
  <si>
    <t>Mt.Gox在美破产保护申请获准</t>
  </si>
  <si>
    <t>全球最大比特币交易所Mt.Gox于17日获得美国法院批准，按美国《破产法》第15章启动破产保护程序。同时，Mt.Gox还在等待法院批准其与消费者的和解协议并出售自身业务。    美国达拉斯破产法院法官史黛西·杰尼甘当日批准了Mt.Gox的申请，允许Mt.Gox的国外代表提起诉讼，追回?</t>
  </si>
  <si>
    <t>博彩业赚了钞票赔了名声</t>
  </si>
  <si>
    <t>“如果英格兰队在前两场就吞下失败苦果，我想，彩民们会迅速失去赌球的乐趣。”在英格兰首场小组赛开赛之前，必发(Betfair)首席执行官科克伦就显露出以上担忧，而且这种担忧有一半已经成为现实。不幸的是，英格兰队在巴西世界杯的首场比赛中以1：2负于意大利队。    作为新</t>
  </si>
  <si>
    <t>奥巴马贸易政策步履蹒跚</t>
  </si>
  <si>
    <t>去年年初，美国总统奥巴马在第二任期开始时高调宣布将《跨太平洋战略经济伙伴协定》(TPP)和《跨大西洋贸易和投资伙伴关系协定》(TTIP)合称的“两洋”贸易战略纳入其核心政策议程，力图打造“立足于下一代和21世纪”的贸易体制，留下具有划时代历史意义的政治遗产。    但一</t>
  </si>
  <si>
    <t>中海油BP  签液化天然气供应框架协议</t>
  </si>
  <si>
    <t>中国海洋石油总公司17日宣布，与英国石油公司(BP公司)签署了一份液化天然气(LNG)长期供应框架协议。    根据双方签署的框架协议，自2019年起，BP公司将从其全球LNG资源组合向中海油每年供应多达150万吨的LNG资源，供应期限20年。双方希望于2014年年中达成最终的商务协议。$</t>
  </si>
  <si>
    <t>紧缩下的英国经济跑得快</t>
  </si>
  <si>
    <t>英国央行行长卡尼近日表示，英国利率可能早于市场预期得到提升。而此前，卡尼一直咬定将维持低息较长时间，从此番改口看来，英国经济有点刹不住车了。    和欧元区颇为脆弱的经济表现相比，英国经济可谓风景这边独好。    英国国家经济社会研究院近日发布的报告称，截至5</t>
  </si>
  <si>
    <t>美联储料将按部就班削减QE</t>
  </si>
  <si>
    <t>欧洲央行刚刚再度开闸放水，美联储又将议息。6月17日至18日，美联储将召开联储公开市场委员会会议，市场预计本次会议上美联储将继续进行100亿美元购债规模的削减。不过，市场更为关注的重点是美联储对未来升息的态度，以及对美国经济增速、失业率预期的判断。    美国最新?</t>
  </si>
  <si>
    <t>中英将签署约300亿美元合作协议</t>
  </si>
  <si>
    <t>中国国务院总理李克强将于16日至21日赴英国举行中英总理年度会晤，并对英国、希腊进行正式访问。这是继习近平主席今年3月对欧洲访问之后，中国领导人对欧洲进行的又一次重要访问。不少分析认为，李克强总理此次访问英国将为双方合作提供新的动力，还将有助于推动中欧关系及中</t>
  </si>
  <si>
    <t>农村垃圾中转站：建设容易运行难</t>
  </si>
  <si>
    <t>“镇上垃圾中转站2012年10月正式建成使用，用于把村上垃圾收集转运到县里统一处理。而现在由于缺资金，垃圾得不到及时转运，有时只能就地挖坑埋。”宁夏石嘴山市平罗县头闸镇党委书记卢军国说。    卢军国所说的垃圾中转站是宁夏从2010年开始加大投入集中整治“垃圾围村”?</t>
  </si>
  <si>
    <t>加拿大人缘何冷眼看亚洲</t>
  </si>
  <si>
    <t>加拿大人对亚洲的看法如何？答案是：有点冷。    据刚刚发表的一份民意调查显示，除了不列颠哥伦比亚省，加拿大其他地区的人们对进一步加强和改善同亚洲关系的热情在下降。在接受调查的3500人中，只有41%的加拿大人认为加拿大可以从更多的亚洲投资中获益，比去年的调查结果</t>
  </si>
  <si>
    <t>冈德拉克——“土产学霸”成新债券之王</t>
  </si>
  <si>
    <t>曾是学霸，在理论数学领域中畅游；也曾做过鼓手，在洛杉矶经历了短暂的演艺生涯，还曾准确预测过次贷危机并建议撤销美联储。如今，这位讲究生活品位、涉猎艺术品收藏的华尔街大佬开始唱空美国楼市。他，就是新债券之王——杰弗瑞·冈德拉克。    因何看衰美国楼市    在?</t>
  </si>
  <si>
    <t>政策性保险护航  服务贸易出海有保障</t>
  </si>
  <si>
    <t>近日，福建出版对外贸易公司(以下简称福建版贸)接到台湾一家传媒公司的合作意向，对方表示要购买一部“抗战时期福建老兵思乡返乡”题材的书籍和电视剧在台湾地区的播放发行版权。对方同时提出要求以赊销方式进行交易，以便降低买家自身的资金成本。就在福建版贸对支付方式感?</t>
  </si>
  <si>
    <t>资本市场低波动性之忧</t>
  </si>
  <si>
    <t>近期美国资本市场交易量和波动性持续走低，但与此同时美国股市却屡创新高，这令很多业内人士摸不着头脑。不少市场人士对此表示担忧，低波动的背后不仅仅是大银行交易利润受损或对冲基金难赚到钱，它甚至可能成为“末日之兆”。    衡量投资者恐慌情绪的芝加哥期权交易所波?</t>
  </si>
  <si>
    <t>如何重塑全球贸易新格局</t>
  </si>
  <si>
    <t>当今世界，论经济格局，可谓三分天下：北美、欧洲以及亚洲。但与欧洲有欧盟掌舵、北美有美国主导不同，亚洲更显战国纷争之势，群雄竞起，合纵连横，在与欧美竞争中有潜力，但也有劣势，这就牵涉到谁能当头、如何当头。是美国？是日本？还是以中国为代表的新兴经济体？    ?</t>
  </si>
  <si>
    <t>《21世纪资本论》观点引发论争</t>
  </si>
  <si>
    <t>法国经济学家托马斯·皮克迪的《21世纪资本论》自3月份上市以来，便轰动全球，引发东西方各国的热议和争论，短短一个月卖出八万本，连续数周居亚马逊排行榜第一名。书中，巴黎高等师范学院经济学教授托马斯·皮克迪提出，近几十年来，世界贫富差距正在严重恶化，且这种局面将</t>
  </si>
  <si>
    <t>人民币汇率此轮贬值或近尾声</t>
  </si>
  <si>
    <t>市场似乎重燃起做多人民币的热情。10日，人民币对美元中间价报6.1451，再次创下自3月27日以来的新高。不仅当日中间价较前一交易日上涨34个基点，而且中间价已经连续三个交易日累计上涨257个基点。    与上个交易日走势类似，受到中间价的指引，即期市场人民币对美元也一路?</t>
  </si>
  <si>
    <t>奥巴马光伏贸易保护政策得不偿失</t>
  </si>
  <si>
    <t>美国商务部日前初步裁定从中国进口的晶体硅光伏产品获得超额政府补贴，补贴幅度高达18.56%至35.21%。这是继2012年对中国光伏产品征收“双反”关税后，美国再次对华光伏产品作出贸易制裁，标志着中美光伏贸易争端进一步升级。    与对华光伏产品首次“双反”调查相比，此次?</t>
  </si>
  <si>
    <t>全球货币政策何以步调不一</t>
  </si>
  <si>
    <t>欧洲央行在经历半年的观察期后，6月5日再度出手，不但实施了负利率，而且之前不甚情愿的美版QE也被列入了下一步行动的政策备选，以拯救岌岌可危的通货膨胀率。欧元区成为全球经济复苏进程中实施负利率的唯一经济体，不仅在经济复苏中显得形单影只，而且其货币政策走势也和其?</t>
  </si>
  <si>
    <t>加拿大股市为何屡创新高</t>
  </si>
  <si>
    <t>在截至6月6日的这一周，加拿大股市主要股指一路上扬，多伦多证券交易所S&amp;P/TSX综合指数创下近6年来最高纪录。对于后市，分析人士表示审慎乐观。    受持续利好消息刺激，加拿大股市当周走势强劲，S&amp;P/TSX综合指数连续5个交易日收盘上扬。周一以14604.19点开盘，周五股指收?</t>
  </si>
  <si>
    <t>英荷壳牌石油寻找新任主席人选</t>
  </si>
  <si>
    <t>据报道，英荷壳牌石油公司目前正在寻找新任主席人选。此次更换主席代表着英荷壳牌石油更新战略的一个关键时刻。    英荷壳牌石油是欧洲最大的石油公司，也是英国市值最大的公司，目前市值约为1530亿英镑，是英国石油(BP)的约两倍。据英国天空新闻报道，英荷壳牌石油已经委?</t>
  </si>
  <si>
    <t>日经指数升至三个月最高</t>
  </si>
  <si>
    <t>由于近期部分国家经济数据显示，全球经济复苏势头尚好，亚太股市周一收盘基本上扬，其中日经指数升至三个月收盘高位。    此前公布的美国5月份非农就业数据强劲，投资者乐观情绪上升。日本股市上，投资者抛出防御类股票，买入成长题材类股，日经指数升至三个月高点，收盘时</t>
  </si>
  <si>
    <t>我国芯片市场被发达国家垄断</t>
  </si>
  <si>
    <t>编者按：半导体芯片产业是对信息安全、国民经济极其重要的战略性产业。记者近日调研发现，与国内市场的庞大需求相比，国产半导体芯片体量仍然较小，我国大部分芯片需要从欧美国家进口，，信息安全存巨大隐患。而且半导体产业面临核心技术缺失、自主创新无力、人才匮乏、融资?</t>
  </si>
  <si>
    <t>超市价格战凸显乐购疲态</t>
  </si>
  <si>
    <t>“乐购已经进入了罗马帝国的晚期。在经历前两任CEO的帝国拓展后，进入菲利普·克拉克接手的时代，乐购帝国俨然疲态百出。”    英国《金融时报》专栏作家乔纳森·格斯里对乐购的批评尖锐而苛刻，同时也是一针见血、直中要害，点中了这家英国零售业巨头存在的大企业病。</t>
  </si>
  <si>
    <t>马云入股恒大的商业逻辑</t>
  </si>
  <si>
    <t>据悉，恒大集团、阿里巴巴集团近日签署战略合作协议，阿里巴巴以12亿人民币入股恒大俱乐部，与恒大分别拥有增资扩股后俱乐部的50%股权。值得一提的是，本次阿里入股恒大，仅用了15分钟的通话以及5分钟的会议便随即敲定，其速度可谓惊人！    面对阿里与恒大的强强合作，最?</t>
  </si>
  <si>
    <t>金价反弹乏力</t>
  </si>
  <si>
    <t>美国劳工部6日发布的报告显示，5月份美国新增非农就业岗位21.7万，好于市场预期，失业率维持在6.3%不变。至此，今年以来美国月均新增就业岗位数量达到21.4万个，较2013年同期增长10%。美国劳工部指出，美国经济已全数回补衰退期间丧失的870万个就业岗位。分析师认为，就业人?</t>
  </si>
  <si>
    <t>超越商业本身的价值追求</t>
  </si>
  <si>
    <t>如果Facebook是一个国家，将位列世界第三，仅次于中国和印度。人们每七分钟的上网时间中，就有一分钟在使用Facebook；在人们使用社交网络的每四分钟里，就有一分钟贡献给了Facebook……    很多人是通过电影《社交网络》开始知道扎克伯格的。大银幕在将扎克伯格娱乐成一个?</t>
  </si>
  <si>
    <t>自动驾驶颠覆汽车业发展轨道</t>
  </si>
  <si>
    <t>日前，联合国道路交通公约提出了一份修正案，允许司机在一辆自动驾驶车中双手脱离方向盘“驾驶”。联合国拟定的新规或将给自动驾驶汽车商业化注入一剂强心针，这预示着汽车智能革命最终将使人类进入“自动驾驶”时代。    汽车是未来最“大”的移动终端    以互联网为标?</t>
  </si>
  <si>
    <t>自动驾驶汽车市场机遇庞大</t>
  </si>
  <si>
    <t>美国市场研究机构勒克斯研究公司5月20日公布的一份研究报告说，自动驾驶汽车将在2030年创造一个价值870亿美元的市场，相关软件开发商将成最大赢家，中国市场将赶超欧美。    这份报告按所含自动驾驶技术程度将汽车分为5个等级：零级为零技术含量，一级具备防抱死系统、电子</t>
  </si>
  <si>
    <t>日本第一生命保险将收购美国同业</t>
  </si>
  <si>
    <t>据路透社报道，4日的一份监管文件显示，日本第一生命保险以57.08亿美元(5822亿日元)收购美国同业Protective Life已经进入尾声。如果收购成功，将是迄今为止日本保险公司一系列海外收购中最大的一起。    外媒早先曾报道过这项交易，因此收购在外界的普遍预期之内。当时，消</t>
  </si>
  <si>
    <t>业内称高关税恐引发光伏业新一轮倒闭潮</t>
  </si>
  <si>
    <t>“中国光伏企业刚刚走出低谷，还处在乍暖还寒的状态，一旦被征收高关税，将有一大批企业倒下去。”针对美国商务部对中国光伏产品的“双反”调查，阿特斯阳光电力集团董事长瞿晓铧说。    美国商务部3日发布对我国光伏产品双反调查的反补贴初裁，初步认定中国出口到美国的晶</t>
  </si>
  <si>
    <t>美国页岩革命并非昙花一现</t>
  </si>
  <si>
    <t>近日，一则美国能源信息局将大幅下调页岩油重地加利福尼亚州蒙特雷的技术可采储量的消息引发不少媒体关注，甚至有人以此断定美国页岩革命神话已经破灭。但业内人士认为，此次技术性下调并不会对美国原油生产前景产生实质性影响，美国页岩革命繁荣并非昙花一现。    据美国?</t>
  </si>
  <si>
    <t>全球制造业分化趋势明显</t>
  </si>
  <si>
    <t>5月全球制造业数据相继出炉。尽管全球主要国家基本都处于荣枯线之上，但约三分之二国家的制造业PMI数据出现下滑。欧元区制造业PMI数据创六个月来新低，中美制造业数据则出现好转。    马基特研究公司发布的制造业PMI数据显示，除了美国以外的23个主要国家，约三分之二的国?</t>
  </si>
  <si>
    <t>苹果推新系统加快布局“物联网”</t>
  </si>
  <si>
    <t>苹果公司2日在美国加州旧金山举行2014年全球开发者大会，发布新一代移动操作系统iOS8和新版Mac电脑操作系统OSXYosemite，亮点包括更流畅的苹果设备无缝对接、个人健康信息管理应用、智能家居应用等。在全球物联网加速发展并推动产业变革之际，苹果进一步升级其设备的应用性，</t>
  </si>
  <si>
    <t>中国企业对英投资“井喷”</t>
  </si>
  <si>
    <t>中英企业家峰会6月2日在伦敦拉开帷幕，与会者认为目前中国企业对英投资呈“井喷”态势，英经济复苏势头稳定、投资环境良好、两国经济互补性强成为吸引中企赴英投资的主要因素。    此次峰会以“深化中英经济合作新机遇”为主题。当天来自民生银行、万科集团、总部基地等国?</t>
  </si>
  <si>
    <t>山寨“狮身人面像”究竟是否违法</t>
  </si>
  <si>
    <t>作为文化遗产，狮身人面像的仿制并未受到法律禁止；作为古老的建筑雕塑，也无法受到知识产权保护。但是，狮身人面像作为埃及的文化象征并在一定意义上代表着国家主权，对它的仿制行为应当被禁止。    与之相关，对当代建筑、雕塑的模仿，建筑、雕塑的立体复制，对公共场所?</t>
  </si>
  <si>
    <t>国产手机再陷同质化危机</t>
  </si>
  <si>
    <t>小米模式的成功吸引了众多国产手机的效仿。5月以来，包括爱奇艺、华为P7、锤子等多款国产手机接连走入公众视野。但对于消费者而言，选择一款中意的手机却变得困难。因为国产手机看起来都太相似了——类似的配置、类似的卖点、类似的价格。无论是营销手段，还是设计思路，许多</t>
  </si>
  <si>
    <t>西班牙将推63亿欧元刺激计划</t>
  </si>
  <si>
    <t>西班牙首相马里亚诺·拉霍伊近日宣布，将推行一项新的经济刺激计划来提升西班牙经济的竞争力和增加就业，其中包括价值63亿欧元(约合86亿美元)的投资项目和公司税削减措施。6月6日的西班牙内阁会议后将有更多细节公诸于世。    全力提振经济    拉霍伊5月31日表示，63亿欧</t>
  </si>
  <si>
    <t>反欧声浪对经济负面影响有限</t>
  </si>
  <si>
    <t>欧洲大选初步结果出炉，虽然欧盟委员会主席未敲定，但反欧势力从“杂音”增至“声浪”的现实引发各界关注，反移民、反紧缩呼声在欧洲空前高涨，欧洲一体化进程和经济前景充满挑战。    但务实的欧洲人不会轻易放弃经济一体化带来的积极成果，更不会自毁经济持续复苏的光明?</t>
  </si>
  <si>
    <t>中国信保支持“一带一路”战略实施</t>
  </si>
  <si>
    <t>今年以来，中国出口信用保险公司把支持重点转向我国企业与“一带一路”(“丝绸之路经济带”和“21世纪海上丝绸之路”)沿线相关国家开展的经贸活动。一季度，中国信保对涉及“一带一路”沿线的中亚、南亚、西亚、东南亚和中东欧等国家和地区承保规模达到263亿美元，占同期公司</t>
  </si>
  <si>
    <t>日新韩贸易转型升级之路</t>
  </si>
  <si>
    <t>日本和亚洲“四小”作为国际产业转移的典型区域之一，分别在20世纪60、70年代和80年代创造了经济成长的奇迹。作为承接国际产业转移的目的国，日本和亚洲“四小”都经历了承接劳动密集型产业，发展出口导向行业，发挥廉价劳动力优势进行赶超的经济快速增长时期；也都曾面临劳?</t>
  </si>
  <si>
    <t>中国企业赴美上市又现热潮</t>
  </si>
  <si>
    <t>纽约泛欧证券交易所高级副总裁、资本市场部门主管戴维·A·埃斯里奇近日接受新华社记者专访时表示，中国公司最近在美国开展的首次公开募股(IPO)发展良好，预计今年赴美上市的中国公司数量将明显增加。    “我看到中国公司IPO经历了一个不错的发展过程。其中，唯品会表现靓</t>
  </si>
  <si>
    <t>全球贸易反弹力度逊于预期</t>
  </si>
  <si>
    <t>经济合作与发展组织(OECD)27日公布的数据显示，发达国家和主要新兴市场的出口今年第一季度均大幅减缓。这愈加印证了外界有关全球贸易增长反弹形势不及预期的担忧。    一季度多国出口普降    据英国《金融时报》报道，OECD27日公布的数据显示，七国集团(G7)和金砖国家今?</t>
  </si>
  <si>
    <t>我国离“明斯基时刻”还很远</t>
  </si>
  <si>
    <t>总体来看，我国经济的总杠杆率水平较为适中，远低于日本、英国、美国等发达经济体平均350%的杠杆率。    2013年，中国非金融部门杠杆率持续高涨已达140%，企业部门已濒临债务陷阱。    根据明斯基理论，如果一个国家的债务水平高至其国民经济平均利润率不足以超过债务利?</t>
  </si>
  <si>
    <t>温哥华高房价怎么破</t>
  </si>
  <si>
    <t>温哥华的房价在北美地区名列第一。即便在全球各大城市的房价中，也仅次于香港，名列第二。    这个既非政治首都又非经济首都的加拿大第三大城市，房产均价超过73万美元，居然把美国洛杉矶、纽约和加拿大的多伦多都甩到后面，似乎有违常理。不少地产分析人士都承认，这种非?</t>
  </si>
  <si>
    <t>葛兰素史克在英国遭刑事调查</t>
  </si>
  <si>
    <t>据外媒报道，英国严重欺诈罪行办公室(SFO)27日宣布，已经对该国最大药企葛兰素史克及其子公司商业行为发起刑事调查。此前，已有中国以及另外四国指控该公司行贿。    葛兰素史克早先也发表过简短声明称，被告知要接受刑事调查，并表示“葛兰素史克致力于按照最高道德标准开</t>
  </si>
  <si>
    <t>美国房价续涨但增幅放缓</t>
  </si>
  <si>
    <t>近期多个楼市数据显示，美国大城市房价持续上涨，房地产市场活动继续温和复苏，但房价涨幅正在放缓。    美国联邦住房金融署(FHFA)27日数据显示，经季节性调整，今年第一季度美国房价环比上涨1.3%，为连续第11个季度上涨。与去年同期相比，今年第一季度美国房价上涨6.6%，?</t>
  </si>
  <si>
    <t>美国须学会平视“金砖”国家</t>
  </si>
  <si>
    <t>美国总统奥巴马被认为是一个颇具和平色彩的总统，至少比起前任小布什，奥巴马更喜欢撤军而不是出兵。伊拉克和阿富汗的美军正在回乡，他也排除了在乌克兰问题上与俄罗斯刀兵相见的可能，而且，他还很早就拿了诺贝尔和平奖。    但就是这样一个总统，他领导下的美国却与新兴?</t>
  </si>
  <si>
    <t>山寨人面像遭投诉凸显法律尴尬</t>
  </si>
  <si>
    <t>一座山寨版的埃及狮身人面像近日亮相河北石家庄，这个消息很快就传到了在远在万里的狮身人面像老家埃及。依照1972年联合国教科文组织对世界文化和自然遗产保护公约，作为缔约方，高仿的狮身人面像已经触犯了国际公约，埃及方面向联合国教科文组织进行投诉。    埃及文物部?</t>
  </si>
  <si>
    <t>互联网思维下的管理变革</t>
  </si>
  <si>
    <t>无论是对互联网行业还是财经业界来说，京东在美上市都是一个值得重点关注的“大事件”。5月22日，京东正式在美国纳斯达克证券交易所挂牌上市，成为中国第一家在美国成功上市的综合电子商务公司，而京东赴美上市成功的同时也意味着京东管理模式得到了资本市场的高度认可。</t>
  </si>
  <si>
    <t>国内电动汽车“弯道超车”计划落空</t>
  </si>
  <si>
    <t>随着特斯拉在国内声名鹊起，以及诸多国际知名车企纷纷进场，电动汽车产业发展再次引发社会广泛关注。《经济参考报》记者近期调研发现，尽管早在5年前，我国有关部门就陆续出台规划鼓励发展电动汽车，但目前相关政策规划基本“落空”，“弯道超车”梦想也未能如愿。在这背后，</t>
  </si>
  <si>
    <t>欧盟经济政策恐面临变数</t>
  </si>
  <si>
    <t>五年一度的欧洲议会选举于25日晚结束，共有28个欧盟国家参加了大选。在参选率下滑的情况下，初步结果显示，中右翼的欧洲人民党和中左翼的欧洲社会党合计赢得全部751个议席中的398席，两大党团占据欧洲议会过半议席的格局未变。不过，极右翼和反欧洲一体化政党势力的突起，将?</t>
  </si>
  <si>
    <t>俄石油公司与BP联手开发页岩油</t>
  </si>
  <si>
    <t>据外媒报道，在22日至24日举行的第18届圣彼得堡国际经济论坛上，英国石油公司(BP)与国有企业俄罗斯石油公司(Rosneft)签署了共同开发俄罗斯页岩油的协议。这再次凸显出俄罗斯加快推进与外国能源企业合作的意图。    在此次论坛的最后一天，俄罗斯企业与不少外国石油企业均签</t>
  </si>
  <si>
    <t>德拉吉的近忧远虑</t>
  </si>
  <si>
    <t>外界预计欧洲央行五月份议息，却并未有任何行动。此时，欧洲央行行长德拉吉冒出一句——下次会议再采取行动比较合适，这一表态首次带有采取行动时间的暗示。在25日举行的欧洲央行论坛上，德拉吉更是表示，欧洲央行不会让低通胀维持过长时间，可能采取行动。显然，德拉吉的不?</t>
  </si>
  <si>
    <t>能源合作成为“丝绸之路经济带”引擎</t>
  </si>
  <si>
    <t>来自上海亚信峰会消息，随着中国与俄罗斯、哈萨克斯坦、塔吉克斯坦、吉尔吉斯斯坦等国一系列油气和电力项目的签署，特别是其中最为引人瞩目的中俄4000亿美元天然气大单的签署，成为本届亚信峰会一大亮点。    “这表明由中国国家主席习近平提出的共建‘丝绸之路经济带’的?</t>
  </si>
  <si>
    <t>奥巴马政府“两洋战略”双线遇阻</t>
  </si>
  <si>
    <t>为期五天的“跨大西洋贸易和投资伙伴关系协定”(TTIP)第五轮谈判日前在华盛顿结束。与之前在新加坡举行的跨太平洋战略经济伙伴协定(TPP)部长级会议一样，谈判未能获得突破性进展。为了力拼今年的中期选举，奥巴马政府此前曾寄希望于“两洋战略”为民主党加分，但TTIP和TPP迟?</t>
  </si>
  <si>
    <t>中国需要普及核与辐射安全知识</t>
  </si>
  <si>
    <t>作为重要的清洁能源之一，核能已在全球范围内得到广泛认可和利用。然而，公众对于核电安全的担忧与质疑一直是制约核电发展的重要因素之一。此次为什么中国政府选择在东部沿海地区启动新的核电重点项目建设？国际最高安全标准是什么？中国目前核电利用的安全保障措施与标准如?</t>
  </si>
  <si>
    <t>中企赴美上市有望再掀高潮</t>
  </si>
  <si>
    <t>京东上市后的良好表现，正在重新点燃美国市场对中概股的热情。美国当地时间5月23日收盘时，京东报收每股20.10美元，较发行价每股19美元上涨1.1美元，上市头两个交易日累计涨幅达5.80%。    2008年至今，中概股在美国资本市场经历了从受到热捧到跌至冰点，又逐步回暖的过程?</t>
  </si>
  <si>
    <t>澳预算紧缩：看上去很美</t>
  </si>
  <si>
    <t>澳大利亚阿博特联盟党政府日前公布了上任后的首个预算案，试图以大幅缩减政府支出、增加税收等方式，完成预算盈余目标。长期而言，这份预算将有助于澳大利亚改善赤字状况，但在一定时期内或将使澳大利亚经济承压。    刚公布的2014-2015财年政府财政预算可谓雄心勃勃，预算</t>
  </si>
  <si>
    <t>与中国相比  国外教育有啥不同</t>
  </si>
  <si>
    <t>为让孩子接受不同于国内的教育，中国父母各显神通，投资、买房，甚至移民国外。与中国学校相比，外国教育真的如此不同、值得推崇吗？本报驻东京、奥斯陆、纽约记者有的结合自己孩子的亲身经历，有的走访留学国外的中国孩子，为读者一探究竟。    日本：保育园不教课程讲规?</t>
  </si>
  <si>
    <t>国际铁矿石价格跌破100美元关口</t>
  </si>
  <si>
    <t>国际市场的铁矿石价格本周伊始跌破每吨100美元的关口。作为世界最大的铁矿石出口国，澳大利亚市场对铁矿石价格的变化非常敏感，21日，澳元兑美元汇率下跌至三周以来的最低点。不过，众多澳大利亚矿企对此趋势已有预测，并早已开始增产保利润。    5月19日晚，中国天津港铁?</t>
  </si>
  <si>
    <t>港人焦虑：竞争力跌出三甲</t>
  </si>
  <si>
    <t>前年香港还高居榜首的世界竞争力排名，今年跌出前三甲，更被近邻新加坡超过！消息传出，香港舆论大哗，检讨、反思声音再度沸反盈天。    瑞士洛桑国际管理学院一年一度的世界竞争力排名，按经济表现、政府效能、企业效能、基础设施等四大范畴进行评分比较。香港竞争力排名?</t>
  </si>
  <si>
    <t>中俄签天然气大单  气价接近欧洲水平</t>
  </si>
  <si>
    <t>历时十年的中俄天然气谈判终于尘埃落定。中俄双方21日商定，从2018年起，俄罗斯开始通过中俄天然气管道东线向中国供气，输气量逐年增长，最终达到每年380亿立方米，累计合同期30年。    备受关注的价格问题并未公布，不过市场预估气价或与欧洲价格水平相近，不如中亚气划算</t>
  </si>
  <si>
    <t>海曙：中国海上丝绸之路新起航</t>
  </si>
  <si>
    <t>“听到这个标题，我脑子中呈现的就是这样一幅画面：一队队装满越窑青瓷的商船，从繁忙的三江口扬起风帆，向着东方，向着大海，或驶往日本、朝鲜半岛，或经东南亚、印度洋地区，直至西亚和东北非。”    作为土生土长的宁波海曙人，退休老干部沈瑞龙，对这片土地熟悉得如同?</t>
  </si>
  <si>
    <t>恒大冰泉进军欧洲市场</t>
  </si>
  <si>
    <t>20日，恒大集团旗下恒大冰泉与英、法、德、俄、意、荷兰、西班牙、匈牙利、土耳其、波兰、斯洛伐克、白俄罗斯、瑞典等欧洲13个主要国家经销商代表签约，这意味着，恒大冰泉正式出口欧洲市场。    恒大集团总裁夏海钧表示，恒大冰泉出口欧洲，打破了只有外国矿泉水进入中国?</t>
  </si>
  <si>
    <t>被控协助客户逃税  瑞信认罚25亿美元</t>
  </si>
  <si>
    <t>据多家外媒报道，瑞士信贷银行19日承认美国司法部对其帮助美国客户逃税的罪行的指控，并将支付超过25亿美元的罚款，以此作为和解协议的一部分。这是近20年来首家承认刑事指控的跨国大型银行。    美国司法部19日在刑事起诉书中指控瑞信犯下协助客户逃税的共谋罪。通常，只?</t>
  </si>
  <si>
    <t>财富不均拖累美国经济</t>
  </si>
  <si>
    <t>最近，法国经济学家托马·皮克提的著作《二十一世纪资本论》在欧美学界引发了对贫富差距扩大的广泛讨论。在大洋彼岸的美国，经济学家阿蒂夫·米安和阿米尔·苏菲刚刚出版的新著《债务屋》也为这一话题持续升温提供了新的研究成果，该书证实，收入和财富不平等对居民消费行为?</t>
  </si>
  <si>
    <t>中国不会出现美式“断供”潮</t>
  </si>
  <si>
    <t>最近，有国内媒体报道说，随着中国住房市场的周期性调整和房价的震荡，中国将全面地爆发大规模的“断供潮”。就如2008年美国次贷危机爆发所引发的美国金融危机及全球经济危机一样，如果中国“断供潮”大规模爆发，也将引发中国的银行危机、金融危机及经济危机。    这些言?</t>
  </si>
  <si>
    <t>百年“米轨”期待华丽转身</t>
  </si>
  <si>
    <t>安静的站台，法国人制造的三面钟还在，但是指针早已不见踪影。红瓦黄墙下，门窗紧闭，这里已多年无人进出。站台一侧，竖立着一块刻有“云南省重点文物保护单位”字样的石碑。斑驳残破的碑面仿佛在诉说曾有的厚重历史。    位于云南省蒙自县草坝镇的碧色寨，有着中国近代史?</t>
  </si>
  <si>
    <t>光伏业尚未完全复苏  再遭澳反倾销调查</t>
  </si>
  <si>
    <t>美国及欧盟对自中国进口的光伏组件发起的“双反”调查刚刚过去，澳大利亚反倾销委员会日前又决定对自中国进口的光伏组件和面板发起反倾销调查，继美国和欧盟之后，成为第三个对中国光伏产品展开反倾销调查的地区。    据悉，此次澳大利亚决定对中国光伏产品发起反倾销调查?</t>
  </si>
  <si>
    <t>中英全方位合作前景可期</t>
  </si>
  <si>
    <t>编者按：英国外交部国务大臣施维尔先生本周来华访问，他将进一步推动中英两国在经贸、教育、文化等多个领域深化合作。访华前，施维尔为本报独家撰文，点评中英双边关系的成果，展望两国全方位合作的前景。    我以英国外交部负责对华关系的国务大臣身份第二次对中国进行访?</t>
  </si>
  <si>
    <t>TPP下周将展开新一轮谈判</t>
  </si>
  <si>
    <t>TPP(跨太平洋战略经济伙伴关系协定)谈判代表19日至20日将在新加坡展开新一轮部长级磋商。虽然外界并不寄望于此次谈判能够达成最终协议，但日本近日表态愿意在关键的农业领域作出让步的消息，还是令外界产生了此次谈判能在关键问题上达成实质性进展的预期。    日本愿意对美</t>
  </si>
  <si>
    <t>燃气改革须放松市场准入管制</t>
  </si>
  <si>
    <t>近年来，我国天然气对外依存度连年攀高，而城市燃气领域仍存在较强的管制色彩，燃气定价沿循传统的政府管制定价方式，不利于资源性产品市场化改革。而日本在97%的燃气需要进口的情况下，通过不断的市场化改革，逐步发展其自身独特的一套管理模式，较好地满足国内电力、工商业</t>
  </si>
  <si>
    <t>阿里赴美上市的三个隐忧</t>
  </si>
  <si>
    <t>阿里巴巴近期向美国证券交易委员会提交了IPO招股书，计划通过此次交易筹集10亿美元资金，并拟在纽约证券交易所或纳斯达克全球市场挂牌。预期最终发行金额或在150亿美元或200亿美元之间，有望成为美国至今最大的IPO。    尽管如此，这不妨碍我们在其IPO进程中，适时讨论它赴</t>
  </si>
  <si>
    <t>白银冲高是布空良机</t>
  </si>
  <si>
    <t>银价在今年3月中旬显著下挫至今，价格重心保持下移，但近三周上下波动反复，大有伺机突破前期区间点位的态势。我们预测，白银中期的方向应向下，且布空的时机正在加速来临。主导下跌的核心在于美联储近期对于加息信号更为明确的释放与欧洲央行可能大概率于6月实行的量化宽松?</t>
  </si>
  <si>
    <t>构建和完善叠加期财政政策</t>
  </si>
  <si>
    <t>2014年第一季度，世界经济呈现“三明治”式的复苏格局，美国和中国分别发挥牵引和支撑作用，而欧盟、日本、新兴工业化国家等则处于夹心层的状况。中国经济进入到爬坡过坎的紧要关口。    2014年的财政政策处于三项改革和制度建设的叠加期：一是完善积极财政政策框架，二是?</t>
  </si>
  <si>
    <t>欧盟欲三管齐下降低对俄能源依赖</t>
  </si>
  <si>
    <t>俄乌“斗气”、欧洲挨冻，这样的情形曾在2009年初给欧盟的能源政策制定者敲响警钟。眼下，类似的风险正在上升，欧盟再次感到降低对俄能源依赖的紧迫性。欧盟、俄罗斯和乌克兰近期在华沙举行的天然气谈判无果而终，欧盟用气安全继续面临威胁。    《经济参考报》记者从欧盟?</t>
  </si>
  <si>
    <t>国外垃圾处理的知与行</t>
  </si>
  <si>
    <t>人类生活必然产生垃圾，在一些新兴经济体，垃圾焚烧因潜在的污染问题，经常遭遇当地居民抗议，处于一个两难处境。垃圾是废物，但废物中也有宝，一些国家并不视垃圾焚烧为恶魔，但关键是要学到垃圾焚烧处理的真经，不能弄一个半拉子工程加剧信任危机。    在不少欧洲国家，?</t>
  </si>
  <si>
    <t>美能源部长暗示放松原油出口限制</t>
  </si>
  <si>
    <t>据外媒报道，美国能源部长欧内斯特·莫尼兹13日暗示，美国正在考虑放松长期以来对石油出口的限制，但尚未透露作出改变的范围和时间等具体细节。    莫尼兹13日在韩国的一场能源会议后表示，美国国内的原油产量快速增长，已超出美国炼油厂的精炼能力，美国当局正在考虑石油?</t>
  </si>
  <si>
    <t>专家：严格透明是加州水污染防治关键</t>
  </si>
  <si>
    <t>“在加利福尼亚州的水资源管理、水污染防治过程中，政府部门的严格监管和有关信息的公开透明起到了关键作用。”美国加州环保署洛杉矶水质管理局高级工程地质师童卫星博士近日在接受记者采访时说。    加州是美国经济总量最大的州，也是一个缺水的州。100多年前，加州大多数</t>
  </si>
  <si>
    <t>普洱茶市“一半是海水，一半是火焰”</t>
  </si>
  <si>
    <t>产自昔归的2014年明前古树茶标价4800元一公斤，冰岛2014年明前古树茶的标价为6800元一公斤，而老班章古树茶更是卖到了12000元一公斤。这是记者日前在第九届中国云南普洱茶国际博览交易会上看到的行情。    昔归和冰岛位于云南省临沧市，老班章地处西双版纳傣族自治州勐海县</t>
  </si>
  <si>
    <t>奇瑞扎根巴西打造“汽车城”</t>
  </si>
  <si>
    <t>距巴西最大城市圣保罗80公里处，有一个20万人口的小城市，叫做雅卡雷伊，是一个远近闻名的啤酒城。当地出产的德国口味黑啤酒，是许多人趋之若鹜的杯中之物。不过，在今年7月份之后，这个城市的雅号也许会变成“中国汽车城”。    说起来，雅卡雷伊与中国汽车的缘分要追溯到</t>
  </si>
  <si>
    <t>甲骨文诉谷歌Java侵权案胜诉</t>
  </si>
  <si>
    <t>甲骨文在与谷歌的Java侵权案上获得关键性的胜利。美国上诉法院近日判决称，甲骨文的Java编程语言受到版权保护。这一结果推翻了2012年谷歌胜诉的裁定，并为两家科技公司新一轮的法庭对决拉开序幕。    这一案件集中于甲骨文对谷歌安卓手机操作系统侵犯Java相关版权的指控。?</t>
  </si>
  <si>
    <t>双20%  折射欧盟工业复兴之困</t>
  </si>
  <si>
    <t>复兴工业将成为下一阶段欧盟经济工作的重点，预计随着多项双边自由贸易投资协议的生效，欧盟单一市场建设将继续完善，力争到2020年使工业占GDP比重达到20%。欧盟最高决策机构欧洲理事会日前宣布将更全面部署和落实“欧洲工业复兴战略”，据欧洲多数工业协会称，这是30年来欧?</t>
  </si>
  <si>
    <t>加拿大无薪实习的是与非</t>
  </si>
  <si>
    <t>加拿大的公司招工时，一般重经验胜过重学历。因此对刚毕业的大学生来说，为了取得一定的实践经验，不得不去给实习单位免费打工，时间从数周至半年不等，这等于给实习单位提供了免费劳动力。    据统计，加拿大每年有30万实习生在不同岗位免费实习。不仅如此，不少公司给听?</t>
  </si>
  <si>
    <t>丝绸之路西进东扩助力西部腾飞</t>
  </si>
  <si>
    <t>导读：丝绸之路起始于汉代中国，是连接亚洲、非洲和欧洲的古代路上商业贸易路线。当下我国在对外开放的意义和内容上赋予丝绸之路新的生命，通过陆上新丝绸之路和21世纪海上丝绸之路分别向西和向东南再次打开对外窗口，同时助力西部腾飞。    在经济稳增长的背景下，丝绸之?</t>
  </si>
  <si>
    <t>查理·芒格：“股神”巴菲特的幕后军师</t>
  </si>
  <si>
    <t>一年一度的伯克希尔-哈撒韦公司股东大会于上个周末在美国中部小城奥马哈隆重召开，吸引了纷至沓来的3.5万名股东和世界各地的媒体聚焦。“股神”巴菲特一如既往地神采飞扬，而他身边另一名重要人物也备受瞩目。他与巴菲特谈笑风生，聊家常般的话语幽默而智慧，不时引发阵阵笑?</t>
  </si>
  <si>
    <t>预言后集权时代的世界</t>
  </si>
  <si>
    <t>本世纪以来人类社会最显著的特征是什么？革命、进步、科技创新、文化融合、金融膨胀还是政治极端化？美国卡内基国际和平基金会主席、《外交政策》杂志前主编、《权力的终结》一书作者莫伊塞斯·纳伊姆眼中，以上都不是，他根据个人的从政经历和研究认为，权力的扩散才是21世?</t>
  </si>
  <si>
    <t>“自测健康”引发全球药企争抢市场</t>
  </si>
  <si>
    <t>前不久，北京小伙闫明在一家商业广场门前上演了一场“求婚大戏”。与其他男孩晒房晒车晒存款不同，他在广场的LED大屏幕上，晒出了精子活力检测报告、美国爱卫HIV唾液试纸自检报告以及门萨智商测试报告，以此向女朋友证明自己“有健康、有责任、有智慧”，最后他终于牵得美人?</t>
  </si>
  <si>
    <t>海外网购监管真空待补</t>
  </si>
  <si>
    <t>近期，一款号称能促进睡眠的澳大利亚产薰衣草小熊成为一些国内时尚人士的新宠，却因其可能含有活性种子而让出入境检验检疫部门如临大敌。    其实，薰衣草小熊带来的不仅是生态风险，也警醒人们，现行市场管理、税收体系、国际贸易协定已明显滞后于网络商业环境。若任由薰?</t>
  </si>
  <si>
    <t>巴克莱银行利润缩水大幅裁员</t>
  </si>
  <si>
    <t>英国巴克莱银行8日宣布，今年将全球的裁员规模进一步扩大至14000人，还将成立“不良资产银行”部门处理1150亿英镑的非核心资产，这均为公司新战略计划的一部分。    巴克莱表示，随着未来的重点朝着风险更低业务发展，未来两年投资银行部门还将裁员7000人。巴克莱之前宣布?</t>
  </si>
  <si>
    <t>新一代双边投资协定的内容、特点与影响</t>
  </si>
  <si>
    <t>伴随着跨国投资的发展，国与国之间需要用某种法律形式保护投资的安全，于是双边投资协定应运而生。双边投资协定(Bilateral Investment Treaty，缩写为BIT)包括双边投资保护协定与双边税收协定，目前人们提到的BIT如果不加以特别解释，一般指的都是双边投资保护协定，通常用BI</t>
  </si>
  <si>
    <t>未来中美面临重大挑战  互助有利全球</t>
  </si>
  <si>
    <t>美国和欧洲低利率或负利率的货币政策有助于去杠杆化的实施，但低息也可能导致经济增长重新回到借贷消费的模式上。需求长期不振意味着经济增长还将低迷一段时间。    中美两国可以在多个领域开展合作，自然资源和环境合作就是其中的重点。在中国和其他发展中国家经济增长的?</t>
  </si>
  <si>
    <t>迎接太平洋世纪的到来</t>
  </si>
  <si>
    <t>20世纪50年代以来，亚洲经济增长率一直高于其他地区，亚洲正在成为世界最大的投资和贸易区域市场，世界经济重心正从西方回归亚洲。21世纪是“太平洋世纪”或“亚洲世纪”不存歧义。但是，这个“新世纪”属于美国还是环太平洋国家，却有重大争议。越来越多政治家和经济学家产?</t>
  </si>
  <si>
    <t>美国缘何积极染指TPP</t>
  </si>
  <si>
    <t>美国是在全球霸权地位和影响力下降的形势下，加快调整全球战略和外交政策，旨在维持其世界主导地位和唯一超级大国地位。    推行“两洋战略”控制世界市场    美国在推行TPP谈判过程中自2013年6月与欧盟正式启动“跨大西洋贸易与投资伙伴协定”(TTIP)谈判，被称为美国“?</t>
  </si>
  <si>
    <t>美药企默沙东出售健康消费品业务</t>
  </si>
  <si>
    <t>美国制药公司默沙东(纽交所证券代码MRK)7日宣布与德国制药公司拜耳达成最终协议，以142亿美元的价格将健康消费品业务出售给拜耳。根据协议条款，拜耳将收购默沙东的非处方药(OTC)业务，包括抗过敏药物开瑞坦(Claritin)和鼻血管收缩药阿氟林(Afrin)的全球商标和处方权。</t>
  </si>
  <si>
    <t>“股神”巴菲特抨击高频交易</t>
  </si>
  <si>
    <t>美国伯克希尔·哈撒韦公司董事长、“股神”沃伦·巴菲特6日在美国接受CNBC电视网采访时，与该公司副董事长查理·芒格以及同为该公司董事的微软创始人比尔·盖茨，一同否定了高频交易的存在意义。巴菲特等人认为，高频交易虽然创造了交易量，但并没有提供流动性，这种行为实际</t>
  </si>
  <si>
    <t>美楼市复苏引擎减速</t>
  </si>
  <si>
    <t>美国楼市传统春季销售旺季来临，然而，与天气开始转暖不同，美国大部分地区楼市仍然呈现降温迹象，令不少分析人士担心楼市对美国整体经济复苏的拉动作用将减弱，可能无法担当引领美国经济复苏的重要引擎。    楼市一直是美国经济复苏的关键。在二战以来美国经济衰退的多数?</t>
  </si>
  <si>
    <t>澳大利亚央行维持基准利率不变</t>
  </si>
  <si>
    <t>澳大利亚央行6日宣布，将基准利率维持在2.5%的纪录低点，这也是澳央行连续第8个月维持利率不变。    澳央行在当日发布的月度政策声明中表示，货币政策委员会认为现行货币政策适用于促进需求的可持续增长，也使得通胀成果符合预期目标。澳央行还称，预计利率将有一段稳定期?</t>
  </si>
  <si>
    <t>瑞信或以16亿美元和解逃税诉讼</t>
  </si>
  <si>
    <t>据路透社报道，知情人士5日透露，瑞士信贷集团(简称“瑞信”)与美国司法部的谈判正接近尾声，瑞信或将以16亿美元和解有关其帮助美国人逃税的刑事指控，检察官还试图让瑞信承认有罪。    瑞信是瑞士第二大银行。2009年，美国司法部曾与瑞士最大银行瑞士银行(UBS)就帮助美国?</t>
  </si>
  <si>
    <t>“乌克兰经济战”如何收场</t>
  </si>
  <si>
    <t>围绕着乌克兰问题，美欧正和俄罗斯展开拉锯战。最低烈度也最可能发生的，就是爆发经济战，如果连象征性制裁也没有，那也委实太小瞧西方了。    从表面看，西方在经济上处于强势。世界主要经济体中，除了中国、印度等几个新兴经济体外，清一色都是西方国家。俄罗斯虽归为“?</t>
  </si>
  <si>
    <t>斯蒂芬·罗奇：未来中美经济身份将互换</t>
  </si>
  <si>
    <t>美著名经济学家斯蒂芬·罗奇今年初推出新著《失衡：美国和中国的相互依存》(以下简称《失衡》)，对中美经济关系现状及未来发展前景进行分析展望。    罗奇认为，中美之间维系了几十年的经济相互依存关系即将终结，两国或将“互换身份”：美国将增长重点从消费转向制造，而?</t>
  </si>
  <si>
    <t>葡萄牙将退出国际救助计划</t>
  </si>
  <si>
    <t>葡萄牙总理佩德罗·帕索斯·科埃略4日宣布，葡萄牙将完全退出“三驾马车”(欧盟、欧洲央行和国际货币基金组织)的国际救助计划，不需申请预防性信贷。这被视为欧元区国家财政和经济状况持续好转的最新例证，受到国际贷款方和欧元区国家欢迎。    不申请预防性贷款    科埃</t>
  </si>
  <si>
    <t>美国经济2014年前景审慎乐观</t>
  </si>
  <si>
    <t>美国经济自金融危机后虽然缓慢复苏，但是波动性很大。2013年，美国经济增长1.9%，而2012年这一数字为2.8%。2014年的美国经济将面临个人收入和企业利润增长缓慢、住房市场掉头向下、出口乏力等若干不利因素的影响，总体只能说审慎乐观，经济增速约为2.5%—3.0%。    量化宽?</t>
  </si>
  <si>
    <t>美联储加息时点提前预期升温</t>
  </si>
  <si>
    <t>美国劳工部5月2日公布的数据显示，4月份美国非农业部门新增就业岗位升至两年多以来最高水平，失业率则降至五年多以来最低点，远超此前普遍预期，增强了市场对美国经济复苏的信心。但数据同时显示，美国就业市场仍面临劳动参与率下跌、工资上涨停滞等问题。在美联储削减量化宽</t>
  </si>
  <si>
    <t>被平均的“中高收入”有悖实际感受</t>
  </si>
  <si>
    <t>国家发改委近日表示，我国人均GDP已达到6700多美元；而据世界银行预测，中国今年有望超越美国一举成为全球最大经济体。种种数据显示，我国俨然已迈入中高收入国家行列。    不过，博友对如此漂亮的数据并不感冒。他们表示，所谓中高收入国家，不能仅仅体现在“总量”或“人</t>
  </si>
  <si>
    <t>加拿大前财长的政策遗产</t>
  </si>
  <si>
    <t>离加拿大前任财政部长詹姆斯·弗莱厄蒂去世已半月有余，除了4月16日加拿大政府在多伦多市中心圣詹姆斯大教堂为其举行的隆重国葬仪式，加拿大社会各界各种形式的纪念活动频频见诸报端。人们以一种崇敬的心情铭记这位掌管加拿大“钱袋子”老人留给加拿大的遗产。    在弗莱厄</t>
  </si>
  <si>
    <t>美商务部初裁中国味精存在倾销</t>
  </si>
  <si>
    <t>美国商务部2日宣布初裁结果，认定从中国和印度尼西亚进口的味精存在倾销行为。    美国商务部当天发表声明说，初步认定中国和印尼的味精生产商或出口商在美国市场存在倾销行为，中国厂商的倾销幅度为52.24%至52.27%，印尼方面则为5.61%。基于倾销幅度的初裁结果，美国商务?</t>
  </si>
  <si>
    <t>粗放经济到了转变方式的时候</t>
  </si>
  <si>
    <t>我国的经济风险在哪里？有多大？要有一个可靠的分析框架，明晰的衡量标准，且可量化，它就是“粗放经济增长极限”。    1998年，对亚洲金融危机成因研究，学界大多从“金融”上做文章。我认为金融是毛，实体经济是皮，不可能有实体经济健康的金融危机，亚洲金融危机是实体?</t>
  </si>
  <si>
    <t>德拉吉称欧元区未现通缩风险</t>
  </si>
  <si>
    <t>欧洲央行行长德拉吉28日表示，尽管欧元区低通胀的状况仍将持续，但尚未看到通缩风险，欧洲央行距离推出量化宽松政策还很遥远。德拉吉此番讲话令近期甚嚣尘上的量化宽松预期有所降温。有分析称，其或意在安抚对量化宽松持不同态度的双方。    据一位匿名官员透露，德拉吉当?</t>
  </si>
  <si>
    <t>中国稀土案的前景：希望与忧虑并存</t>
  </si>
  <si>
    <t>2014年3月，WTO公布了美国、欧盟、日本等成员方诉中国稀土钨钼产品出口措施案(简称“稀土案”)专家组报告。    该报告认为，中国政府采取的一系列限制上述产品出口的措施违反了WTO规则，应予修正以使其符合WTO相关规则。对此，中方表示遗憾并已于近日决定就该专家组报告向W</t>
  </si>
  <si>
    <t>英国防止国资流失有绝招</t>
  </si>
  <si>
    <t>二战后，国有化运动在一些西方国家风起云涌，英国工党政府先后两次掀起国有化浪潮。随着经济停滞不前，以及国企问题不断增多，英国开始推动私有化。通过对国有企业采取先易后难、分段推进的改革步骤，英国对主要国企进行了私有化，激发了企业活力，卸下了政府包袱，增加了财?</t>
  </si>
  <si>
    <t>法国：分类管理  合同约束  明确责任</t>
  </si>
  <si>
    <t>在法国国企业改革进程中，政府在明确国家职能的前提下，通过划分战略核心部门和竞争性行业，对国有企业实行分类管理，并以合同化的方式约束政府与企业间的责任和义务，使经营和监督分开运行，既确保了国家对关键性国有企业的控制力，又保证竞争性国有企业拥有充分的经营自主?</t>
  </si>
  <si>
    <t>俄专家：人民币将成全球储备货币</t>
  </si>
  <si>
    <t>俄罗斯《专家》周刊网站近日报道，汇丰银行日前发表报告《人民币的未来》说，人民币国际化将分三个阶段进行。2014年人民币国际化的进程会进一步加速。俄罗斯专家对此解读认为，人民币近年地位大幅提高，很快就会在全球与美元和欧元构成三足鼎立的新储备货币系统，俄罗斯需要?</t>
  </si>
  <si>
    <t>IMF：亚洲经济将进一步复苏</t>
  </si>
  <si>
    <t>国际货币基金组织(IMF)28日发布的亚洲及太平洋地区经济展望报告称，今明两年亚洲经济体前景正面，出口有望提速，内部需求保持稳固，亚洲经济复苏将深化。    报告预测，亚太地区今明两年的经济增长率将达到5.5%，高于去年5.2%的增长率。包括中国、香港、韩国、台湾在内的东</t>
  </si>
  <si>
    <t>英经济表现抢眼</t>
  </si>
  <si>
    <t>英国工业联盟最新公布的月度报告认为，未来三个月英国经济将异常强劲。从其他经济数据看，英国经济的表现仍十分抢眼，正逐步进入经济、就业稳步增长，而通胀水平不高的良性增长轨道。    这家机构对675家企业进行的调查显示，从4月的数据看，无论是工业企业还是零售及服务?</t>
  </si>
  <si>
    <t>美经济复苏稳健  QE或再减百亿</t>
  </si>
  <si>
    <t>美国联邦储备委员会(美联储)将于当地时间29、30两日举行年内第三次货币政策决策会议。因今年初的严寒天气未能阻止美国经济继续稳健复苏，市场预计美联储可能将在本次会议上继续削减量化宽松(QE)规模。    美联储自去年冬天启动量化宽松货币政策退出计划，从当年12月最后一?</t>
  </si>
  <si>
    <t>3D打印医疗应用市场将超百亿</t>
  </si>
  <si>
    <t>数据显示，全世界每天共有18个人因为找不到合适的器官移植而导致死亡。但这种局面有望得到改变，今后我们或许将可以通过3D打印得到合适的器官。    《经济参考报》记者采访了解到，目前美国Organovo公司已经用3D打印技术培养出人体肝脏组织，用于毒理预测学和疾病建模，并?</t>
  </si>
  <si>
    <t>布雷顿森林货币战的缺憾成果</t>
  </si>
  <si>
    <t>一部讲述美元与英镑决斗的著作，居然席卷欧美，口碑销量俱佳，让人吃惊不已。作为早已“作古”的事件，布雷顿森林的往事有何魅力重新吸引当代人的视线呢？    1944年7月，来自44个国家的代表齐聚美国新罕布什尔州的偏远小镇布雷顿森林。他们拟在这里设计一个全球货币体系并</t>
  </si>
  <si>
    <t>渣打助力中国企业走进非洲</t>
  </si>
  <si>
    <t>由中国国际商会与渣打银行共同主办的“走进非洲——2014中非投资金融论坛”于4月22日在北京召开。“走进非洲”是渣打银行推介非洲的系列论坛，此次在中国已经是第二届活动。该活动旨在向有意拓展非洲市场的中国企业介绍非洲当地的投资环境、经济前景、贸易机会和热点行业，并</t>
  </si>
  <si>
    <t>美国DARPA模式的创新之翼</t>
  </si>
  <si>
    <t>科技产品研发往往具有较高的系统性风险，存在着从技术研发到产品推广之间的鸿沟。一些海归专家、高级研究人员在接受记者采访时表示，要想彻底摆脱国外束缚甚至超越发达国家，必须进行“颠覆式”科研创新，即以一项完全自主研发的核心技术带动产业的重新整合，而非沿着他国的?</t>
  </si>
  <si>
    <t>台湾芯片产业：追赶也能领先</t>
  </si>
  <si>
    <t>台湾地区芯片产业从代工起步，经过几十年发展，逐渐在全球站稳脚跟，打造出高附加值的“台湾制造品牌，摸索出一条“后发制人”的成功路径。    “工研院模式”    上世纪70年代中期，台湾半导体产业从封装业起家，在引进国外技术的同时注重自主研发。上世纪90年代后，台?</t>
  </si>
  <si>
    <t>欧版QE今夏会不会来</t>
  </si>
  <si>
    <t>与之前的欲言又止相比，欧洲央行行长德拉吉、副行长康斯坦西奥等人近期对进一步放宽货币政策的态度要明确一些。在美联储不断加快退出量化宽松政策步调的当下，欧洲央行是否会翻版前者几年前的做法，推出欧版量化宽松政策(QE)，或者效仿日本央行，进行所谓的“质化+量化”宽松</t>
  </si>
  <si>
    <t>西班牙经济复苏需外部引擎</t>
  </si>
  <si>
    <t>西班牙经济在经历了史上最严重和时间最长的衰退后，于2014年第一季度开始显露复苏势头。专家认为，西经济复苏之路漫长，并将在很大程度上依赖外部需求。    在连续九个季度负增长后，2013年下半年，西班牙经济开始出现好转迹象，第四季度实现了0.2%的微弱增长。目前，欧盟?</t>
  </si>
  <si>
    <t>德国经济增势强劲风险仍存</t>
  </si>
  <si>
    <t>德国财政部21日表示，因冬季气候温和以及国内需求旺盛，德国经济今年一季度呈现强劲增长趋势。分析指出，尽管今年德国经济增长趋势向好，但仍需警惕推行新政策和乌克兰局势带来的下行风险。    德国财政部在最新月度报告中表示“德国经济的上行趋势引领了广泛的经济增长”?</t>
  </si>
  <si>
    <t>绿色增长是笔好生意</t>
  </si>
  <si>
    <t>作为全球两大经济体，中国与欧洲面临类似的挑战：如何在保证经济增长的同时为公民带来更有品质的生活，而不是受污染的水和空气？如何避免经济发展过度依赖海外能源进口？如何避免经济发展加剧气候变化？    在欧洲，我们一直在思考如何应对上述挑战。遵循一条可持续的发展?</t>
  </si>
  <si>
    <t>西方国企改革的历史轮回</t>
  </si>
  <si>
    <t>从上个世纪以来，西方许多发达国家经历了建立国有企业、国企私有化、再国企化等多轮历史进程，目前许多国家形成了政府干预与自由竞争相结合的现代市场经济运行形态，在国有企业改革和管理方面积累了丰富的经验和教训，对我国进一步深化国企改革具有启示意义。    分类改革</t>
  </si>
  <si>
    <t>奥巴马经济“再平衡”尚难突围</t>
  </si>
  <si>
    <t>美国总统奥巴马23日起将对日本、韩国、马来西亚、菲律宾等亚洲四国进行为期一周的访问。美国白宫表示，奥巴马这次亚洲之行目的在于展现美国在外交、经济和安全领域加强与亚太地区国家接触的承诺。尽管分析称，奥巴马此次访亚经济并非其重点内容，但加强和亚洲国家经济关系交?</t>
  </si>
  <si>
    <t>奥巴马亚洲行难破TPP僵局</t>
  </si>
  <si>
    <t>美国总统奥巴马从本月23日开始访问日本、韩国、马来西亚和菲律宾等亚洲四国。根据白宫此前发布的声明，推动跨太平洋战略经济伙伴协定(TPP)谈判是奥巴马此次亚洲之行的核心议题之一，但分析人士认为，由于日本尚未准备好全面开放农产品市场，奥巴马此行难以打破美日在市场准入</t>
  </si>
  <si>
    <t>IMF改革前路坎坷</t>
  </si>
  <si>
    <t>不久前，当国际游客蜂拥而至华盛顿潮汐湖畔观赏赞叹樱花盛开的美景时，出席国际货币基金组织和世界银行春季会议的各国财经官员却对华盛顿再度感到极度失望。由于遭到美国国会阻挠，基金组织2010年份额和治理改革在离“终点线”仅一步之遥的位置已“原地踏步”三年多，直接影?</t>
  </si>
  <si>
    <t>2014青岛世园会力求节俭简约更精彩</t>
  </si>
  <si>
    <t>题记：    世界园艺博览会(简称“世园会”)是由国际园艺生产者协会(AIPH)批准举办的专业性国际博览会，是展示世界园林园艺精品和科技成果的非贸易性展会，被称为世界园艺文化和园林科学的“奥林匹克盛会”。自1960年在荷兰鹿特丹举办首次国际园艺博览会以来，至2011年，共?</t>
  </si>
  <si>
    <t>谁在操纵“纸牌屋”</t>
  </si>
  <si>
    <t>大热美剧《纸牌屋》是一部描绘国会山与白宫如何勾心斗角的精彩大戏，赤裸裸揭露了各方利益集团如何操纵议员、议案和选举的“秘密”。所谓艺术来源于生活，在真实的美国选举政治中，政党自身机制发挥的作用越来越弱，活跃在后台的往往是各利益集团的“雇佣军”。对政界中人来?</t>
  </si>
  <si>
    <t>中国汽车业或面临结构性危机</t>
  </si>
  <si>
    <t>2013年中国汽车年销售量首次超过了2000万辆，并且汽车行业三年来首度出现供大于求现象。一面是欧洲市场持续疲软，中国汽车市场已经已经成为引领全球汽车业复苏的引擎，另一面是中国汽车市场正在陷入唯“规模论”的狂热圈地建厂中，新一轮产能扩张甚嚣尘上。    中国汽车市?</t>
  </si>
  <si>
    <t>生物航空燃料发展现状</t>
  </si>
  <si>
    <t>2月12日，中国民用航空局向中国石化颁发了1号生物航煤技术标准规定项目批准书，这标志着国产1号生物航煤正式获得适航批准，可以投入商业使用。中国成为继美国、法国、芬兰之后第四个拥有生物航空燃料自主研发生产技术的国家。生物航煤是以可再生资源为原料生产的航空煤油，与</t>
  </si>
  <si>
    <t>美汇率报告有意继续施压人民币</t>
  </si>
  <si>
    <t>15日，美国财政部公布针对主要贸易对象的《国际经济和汇率政策报告》。报告涵盖了2013年下半年至今年3月末国际经济和外汇变化情况。报告称，在这一时期内没有发现包括中国在内的美国主要贸易伙伴有操纵本国汇率以获取不公平贸易优势的行为，因此对其不予列为“汇率操纵国”。</t>
  </si>
  <si>
    <t>欧议会设立监管新规银行业联盟呼之欲出</t>
  </si>
  <si>
    <t>经过与欧盟成员国长达数月的艰难磋商，欧洲议会15日最终批准了一系列银行业监管新规，旨在确保银行的破产清算无需纳税人买单以及打击金融市场投机行为。    欧洲议会15日通过了三项与救助欧元区濒临破产银行相关的法案，分别为银行业恢复与清算法案，银行业单一解决机制法?</t>
  </si>
  <si>
    <t>谁在跟踪你的“电子足迹”</t>
  </si>
  <si>
    <t>你是否遇到过这种情况：刚在网上搜索过健身馆，随即就收到推销运动鞋的电邮广告？在亚马逊网查看过一款商品，其他购物网站也“心有灵犀”般向你推荐同类商品？每个人上网都会留下“电子足迹”。问题是，谁在窥探和窃取你的电子足迹？用它们做什么？    同步追踪    美国?</t>
  </si>
  <si>
    <t>IMF份额改革美国又拖后腿</t>
  </si>
  <si>
    <t>从美国白宫向西走三个街区，就是国际货币基金组织(IMF)总部所在地，旁边则是它的姊妹机构世界银行。一直以来，世行行长的位置被美国人占据；而IMF最新的份额改革，也已被美国拖累了近四年，以至于不久前召开的G20财长和央行行长会议对此表示“深深失望”。    美国迟迟不批</t>
  </si>
  <si>
    <t>日经指数领涨亚太股市</t>
  </si>
  <si>
    <t>16日，亚太股市多数走高，日经指数涨幅居前。隔夜美国三大股指小幅反弹，中国GDP数据略好于市场预期，提振市场信心，推动大盘走强。    15日，乌克兰局势恶化、中国M2增速创13年新低、美国经济数据和企业财报喜忧参半，曾造成隔夜美股全日大幅波动。但收盘时，美国三大指数</t>
  </si>
  <si>
    <t>《网络交易管理办法》让网购维权更有谱</t>
  </si>
  <si>
    <t>据普华永道2012年发布的全球零售调查数据显示，中国消费者的网上购物频率是欧洲消费者的4倍、是美国消费者的2倍，而约70%中国内地的受访者表示，他们每周至少网上购物1次。    但是，由于电子商务市场的不成熟，商家诚信机制、物流、服务等方面的薄弱，电子商务在高速发展?</t>
  </si>
  <si>
    <t>重新认识水的经济价值</t>
  </si>
  <si>
    <t>查尔斯·费什曼在新著《大水荒：水资源大战与动荡未来》中直言：“充沛、便宜又安全的水资源黄金时代正迅速消逝，我们已步入高风险的用水时代！”据2009年第三版《联合国世界水资源开发报告》统计，在过去50年中，世界由水引发的冲突507起，其中37起是跨国境的暴力纷争，21起</t>
  </si>
  <si>
    <t>加拿大：文凭高未必赚钱多</t>
  </si>
  <si>
    <t>告读者：从本周起，本报世界版“看系列”专栏增设“温城细语”，由新华社驻温哥华首席记者江亚平执笔，敬请关注。    中国古话说，书中自有黄金屋，书中自有颜如玉。这也呼应了另一句老话：万般皆下品，惟有读书高。然而，在遥远的加拿大，情况有点儿不大一样，挣钱最多的?</t>
  </si>
  <si>
    <t>朱民：全球金融市场将持续波动</t>
  </si>
  <si>
    <t>国际货币基金组织(IMF)副总裁朱民13日说，今年全球经济将继续保持复苏但力度不够强劲，同时面临通胀水平偏低、金融市场波动、地缘政治等多重风险，各国必须利用今年的时间窗口加大结构改革和调整的力度，才能为明后年可持续发展打好基础。    朱民是在当天出席IMF和世界银?</t>
  </si>
  <si>
    <t>淘金古镇的候鸟经济</t>
  </si>
  <si>
    <t>“夏天，蜂拥而至；冬天，人走城空！”加拿大道森市市长韦恩·珀托洛卡这样介绍当地的候鸟经济。    道森位于加拿大西北地区育空河流域的克朗代克地区。虽称为市，实乃一小镇，目前常住人口只有区区2000人左右，其中25%是印第安原住民。在19世纪末20世纪初克朗代克淘金潮时</t>
  </si>
  <si>
    <t>脸谱加快进军金融服务市场</t>
  </si>
  <si>
    <t>据外媒报道，美国社交网络巨头脸谱(Facebook)目前正准备逐步深入金融服务市场，计划为用户提供转账和电子货币等服务。    英国《金融时报》援引知情人士的话称，脸谱几周后就可能获得爱尔兰监管机构的批准，允许用户在脸谱账户中存入资金，用于支付或者转账。通过爱尔兰央?</t>
  </si>
  <si>
    <t>“老干妈”拒绝上市让谁汗颜</t>
  </si>
  <si>
    <t>一罐小小的“老干妈”辣椒酱，不足十元钱却享誉全球华人圈。值得称道的是，“老干妈”凭借纯口碑相传的营销方式保持17年销售额连续增长，并成为登上美国奢侈品销售网站的国际品牌。更为另类的是，在“老干妈”几十年发展历程中，一直秉承不上市、不贷款、不融资和现款现货的?</t>
  </si>
  <si>
    <t>以结构改革巩固全球经济复苏</t>
  </si>
  <si>
    <t>11日至13日，国际货币基金组织(IMF)和世界银行春季年会在美国华盛顿召开。在12日的讨论中，代表们认为，在全球经济进入新阶段后，各国政策制定者关注点应转向经济结构改革。    此次会议的主要议题包括，货币政策回归正常后的经济格局，新兴经济体面临的挑战和国际货币基金</t>
  </si>
  <si>
    <t>“边干边说”：中油技开坦桑项目受赞誉</t>
  </si>
  <si>
    <t>“中石油在坦桑尼亚天然气管道项目建设中，广泛开展公益活动，增加当地就业，关爱当地员工，并通过当地媒体广泛宣传，受到了坦桑尼亚政府和民众的拥护，树立了良好的中国企业形象，成为中坦新时期友好合作的亮点。”这是中国驻坦大使吕友清对中国石油技术开发公司(简称中油技</t>
  </si>
  <si>
    <t>房企险企联手医院  健康养老地产炙手可热</t>
  </si>
  <si>
    <t>《经济参考报》记者从4月8日召开的第三届世界健康产业大会产业论坛上了解到，受宏观政策的引导，健康养老地产成为今年最热门的房地产投资项目。    “2010年我国60岁及以上老年人口达1.78亿，占总人口的13.32%。根据联合国预测，21世纪上半叶，中国将一直是世界上老年人口?</t>
  </si>
  <si>
    <t>你所不知道的“吃”那些事</t>
  </si>
  <si>
    <t>“天然食品”有多天然    凌朔    据美国市场调查企业尼尔森公司统计，美国市场上标注“天然”字样的食品每年销售额达220亿美元。但是，这些天然食品到底有多天然？法新社近期对美国食品市场中产品标签上的“天然”标识作调研，发现“天然”在一定程度上不过是个没有明确</t>
  </si>
  <si>
    <t>XP“停服”微软被疑不负责任</t>
  </si>
  <si>
    <t>4月8日，美国微软公司正式停止对WindowsXP操作系统（下称“XP系统”）的服务支持，不再修补XP系统的安全漏洞。虽然微软此前已做出明确提醒，但不少用户仍对微软将网民置于危险境地、逼网民升级系统的行为表示不满。XP“停服”，究竟是霸王条款还是“在商言商”？    XP退休</t>
  </si>
  <si>
    <t>日美两药企隐瞒药品风险被罚巨款</t>
  </si>
  <si>
    <t>4月8日，因被指控隐瞒旗下糖尿病药艾可拓(Actos，化学名吡格列酮)相关致癌风险，美国联邦法院陪审团对日本最大药商武田制药和美国礼来制药分别处以60亿美元和30亿美元罚款。礼来制药4月9日表示，无法认同这一判决，并计划采取所有法律手段进行下一步行动，包括上诉。    武</t>
  </si>
  <si>
    <t>今年主要增长动力来自发达经济体</t>
  </si>
  <si>
    <t>国际货币基金组织在其最新的《全球经济展望》报告中，略微下调了对今年全球经济增长的预期，显示全球经济在整体增强之余仍须面对新的不确定性。而即将在10-11日召开的G20财长和央行行长会议上，如何实现全球经济的增长和面对主要风险预计将成为重点讨论问题。    全球经济?</t>
  </si>
  <si>
    <t>中国对澳投资更加多元</t>
  </si>
  <si>
    <t>多年来，澳大利亚一直是吸引中国对外投资最多的国家。但澳大利亚的优势在2012年被美国追平，到2013年遭美赶超。有关机构分析认为，中国对澳投资呈现出总金额下降、能源矿产领域降温、领域更加多元、私企参与热情更高的趋势。    从2005年至2013年，澳大利亚累计接受中国直?</t>
  </si>
  <si>
    <t>通用未全部回应点火开关质疑遭罚</t>
  </si>
  <si>
    <t>美国国家公路交通安全管理局(NHTSA)8日宣布，通用汽车未能在4月3日最后期限之前就其汽车召回事件中的相关问题做出充分的回应，因此对其实施每日7000美元罚金的处罚。    NHTSA当日在给通用公司的一封信中称，NHTSA在3月4日就针对汽车召回事件向通用提出了107个调查问题，但</t>
  </si>
  <si>
    <t>长吉图：打造东北亚经济新隆起带</t>
  </si>
  <si>
    <t>长吉图区域战略是我国面向东北亚区域开放和发展的国家战略。自2009年国务院正式批复长吉图开发开放先导区战略(以下简称长吉图战略)以来，长吉图区域内产业升级、基础设施建设、区域整合都取得长足进步。带动吉林省东联日本海、西进外蒙古的“飞铃型”发展结构日渐形成，长吉?</t>
  </si>
  <si>
    <t>美楼市现分化行情存泡沫隐忧</t>
  </si>
  <si>
    <t>美国的房地产市场是美国经济复苏的重要引擎。一些美国房地产相关机构近日发布的报告显示，在经历了去年的快速上涨之后，美国房地产市场目前处于分化阶段，未来涨势将较为温和。    部分地区现泡沫迹象    房地产数据公司Realty Trac近日发布的报告称，美国房地产市场严重</t>
  </si>
  <si>
    <t>国务院决定银监会牵头P2P监管研究</t>
  </si>
  <si>
    <t>银监会副主席阎庆民在出席博鳌亚洲论坛2014年年会期间回答《经济参考报》记者提问时表示，为了加强对互联网金融的发展、规范和监管，国务院日前对互联网金融的监管做了分工，刚刚决定由银监会牵头来承担对P2P监管的研究。阎庆民同时也表示，因为刚开始启动相关研究，目前还没</t>
  </si>
  <si>
    <t>奥巴马医改前路艰难</t>
  </si>
  <si>
    <t>美国总统奥巴马近日宣布，2014年通过医改框架下联邦及地方政府医保交易平台申请入保的人数已突破700万的目标。奥巴马将此视为一场胜利。但是，这场少有的胜利还不足以过多改变外界对医改平台的诟病，以及来自共和党人的发难。随着申请工作告一段落，更多的问题恐将接踵而至。</t>
  </si>
  <si>
    <t>日本央行维持宽松货币政策不变</t>
  </si>
  <si>
    <t>日本中央银行(日本银行)8日宣布，维持当前超宽松货币政策不变，并连续第七个月对国内经济形势做出“温和复苏”的判断。日本央行还称，将密切关注从4月1日起上调消费税税率对日本经济增长可能产生的抑制作用。    日本央行是在结束为期两天的货币政策会议后宣布上述决定的。</t>
  </si>
  <si>
    <t>撒哈拉以南非洲今年经济料增长5.2%</t>
  </si>
  <si>
    <t>世界银行近日发布报告说，撒哈拉以南非洲经济今年将在投资和消费的带动下增长5.2%，但同时警示薄弱的基础设施依然制约发展，大宗商品需求下降、物价波动和政局不稳给增长带来风险。    世行这份题为“非洲脉搏”的半年度报告指出，去年撒哈拉以南非洲经济增长4.7%。粮食价?</t>
  </si>
  <si>
    <t>家电零售业被电商模式误导</t>
  </si>
  <si>
    <t>近期美日等全球各地主要零售企业相继发布了2013年业绩报告，整个零售产业在互联网时代的发展成效已经显露无疑。从公布的情况来看，全球零售业特别是实体零售业进入了相对萧条期，日本山田电机预计2013财年净利润骤减66%，而美国百思买营业收入下跌3%。    在中国市场，实体</t>
  </si>
  <si>
    <t>以清晰、确定的政策吸引稳定资本</t>
  </si>
  <si>
    <t>世界银行常务副行长英卓华女士每次来中国，都会为中国的改革提出中肯的建议。此次来参加“中国发展高层论坛2014”，她的行程安排得十分紧凑。除了要在分论坛“新型城镇化与城乡统筹发展”上做主题发言，还要参加世界银行和国务院发展研究中心联合报告的发布等活动。论坛期间?</t>
  </si>
  <si>
    <t>美国经济期待春暖花开</t>
  </si>
  <si>
    <t>随着美国气温逐渐回升，一年一度的华盛顿樱花节即将迎来今春最佳观赏期，美国经济也开始摆脱异常寒冷天气的不利影响，展现出更多复苏的迹象，经济学家期待美国整体经济增长动能将随天气转暖而走强。    由于美国家庭去杠杆化基本结束和财政紧缩的负面冲击逐渐消退，不少观?</t>
  </si>
  <si>
    <t>亚太主要股市涨少跌多</t>
  </si>
  <si>
    <t>受前一个交易日欧美股市大幅下滑影响，亚太地区主要股市7日多数下跌。    7日，日本东京股市日经225种股票平均价格指数下跌254.92点，收于14808.85点，跌幅为1.69%；澳大利亚悉尼股市S&amp;P/ASX200股指下跌9.10点，收于5413.73点，跌幅为0.17%；新西兰股市NZX-50指数下跌48.06</t>
  </si>
  <si>
    <t>努比亚：差异化打造国产高端智能手机</t>
  </si>
  <si>
    <t>在3月25日中兴通讯旗下高端手机品牌努比亚X6智能手机的发布会上，除了发布“高大上”的新机X6，努比亚智能手机总经理倪飞还交出了一张过去一年多来的答卷——努比亚Z5S和Z5Smini两款手机面市至今，销量双双突破百万。作为一个成立不足两年的智能手机新品牌，努比亚的表现已足</t>
  </si>
  <si>
    <t>跨越“五大陷阱”取决于改革创新</t>
  </si>
  <si>
    <t>经过35年波澜壮阔的极不平凡的改革开放历程，我国经济获得了年均9%-10%的快速增长，至2013年，我国GDP总量达到56.88万亿元，人均GDP达到约6800美元，按照世界银行的划分标准，已经步入中等偏上收入国家行列，实现了历史性跨越和突破。    但是，展望自2014年至2049年(建国1</t>
  </si>
  <si>
    <t>国际机构：全球经济存低通胀低增长隐忧</t>
  </si>
  <si>
    <t>全球经济正走在复苏的轨道上。不过今年一季度已过，国际机构对全球经济仍存担忧。经济合作和发展组织2日表示，全球通缩担忧加剧将威胁尚未稳健的全球经济复苏，而国际货币基金组织总裁拉加德同日也警告称，全球经济复苏仍然疲弱，经济长期迟滞构成风险。    全球经济面临低</t>
  </si>
  <si>
    <t>国际知名咨询机构：亚洲资本市场接近转折点</t>
  </si>
  <si>
    <t>国际著名咨询公司波士顿咨询公司(BCG)近日发布了最新报告《亚洲资本市场：实现承诺》。报告指出，对于大多数资本市场与投资银行业(CMIB)机构而言，对亚洲资本市场增长的盲目乐观情绪已经被清醒的现实主义态度所取代。    报告显示，亚洲资本市场在盈利方面仍不甚乐观：目前</t>
  </si>
  <si>
    <t>底特律靠赌场谋生的悲哀</t>
  </si>
  <si>
    <t>底特律还在破产的深渊中沉沦，赌场则成了“汽车之城”的救命稻草。《华尔街日报》不久前报道，这个美国最大的破产城市，现在“正依赖博彩业生存”。    颇具讽刺意味的是，以往提到底特律，人们立马想到的是汽车“三巨头”——通用、福特和克莱斯勒，而现在底特律的支柱似?</t>
  </si>
  <si>
    <t>核能：从裂变迈向聚变</t>
  </si>
  <si>
    <t>日前，第三届核安全峰会在荷兰海牙举行，峰会主题是，如何加强核设施和核材料的保护，防止出现核事故。迄今，核裂变能一直存在三大问题：能否安全运转；原料能否保障供应；核废料如何安全储存。目前，几个大国在加强国际合作的同时都在积极研究从核裂变迈向核聚变。如果受控?</t>
  </si>
  <si>
    <t>东风PSA  结盟影响全球产业格局</t>
  </si>
  <si>
    <t>由中法两国元首共同见证的东风汽车集团股份有限公司(以下简称“东风集团”)增资入股标致雪铁龙集团(以下简称“PSA”)战略联盟合作协议日前在巴黎、北京分别签署。业界认为，对一家著名企业股权进行这样跨国界、跨所有制混合编队的大胆探索，必将长期而深刻地影响全球汽车产业</t>
  </si>
  <si>
    <t>美国国会就通用汽车召回进行质询</t>
  </si>
  <si>
    <t>美国众议院能源与商务委员会4月1日就美国通用汽车公司拖延超过10年召回有安全隐患的汽车一事举行听证会。通用汽车方面表示，公司正在对拖延召回的原因进行内部调查，调查结束后将对受害者赔偿事宜做出决定，未来也将更注重消费者需求并实现公司的转型。不过，由于在听证会上?</t>
  </si>
  <si>
    <t>高频交易在美遭三大机构调查</t>
  </si>
  <si>
    <t>据外媒报道，美国证券交易委员会(SEC)主席玛丽·乔·怀特4月2日表示，该委员会正对高频交易公司可能从事不法交易活动一事展开多项调查。此前一日，美国联邦调查局(FBI)也披露消息称，该局正在对高频交易公司进行调查。4月1日有消息人士透露，美国商品期货交易委员会(CFTC)正?</t>
  </si>
  <si>
    <t>英特尔首家智能设备创新中心落户深圳</t>
  </si>
  <si>
    <t>全球芯片领军企业美国英特尔公司2日宣布，首个英特尔智能设备创新中心落户深圳，将为推出覆盖全球市场的基于英特尔技术的智能设备进一步“提速”。    英特尔公司是在英特尔信息技术峰会开幕当日宣布上述消息的。首席执行官科再奇在主题演讲中指出，英特尔与深圳技术创新生</t>
  </si>
  <si>
    <t>今明两年中国经济将继续适度增长</t>
  </si>
  <si>
    <t>4月1日，亚洲开发银行(简称“亚行”)发布的一份最新报告显示，投资放缓以及结构性改革的积极实施，有望在继续保持更加适度但依旧稳健的经济增长态势的同时，促使2014年中国经济增长小幅走低。    亚行副首席经济学家庄巨忠称，“当局正在收缩信贷增长，控制地方政府债务，?</t>
  </si>
  <si>
    <t>中英沿着“共赢”道路前进</t>
  </si>
  <si>
    <t>自当选英国国际发展大臣以来，我的工作重点就放在英国为促进全球经济增长提供援助之上。过去20年的经验清楚地表明，在医疗和教育项目发挥重要作用的同时，最终还是经济、贸易和就业的增长打败了贫困。中国就是其中最明显的一个例子，依靠史无前例的经济成功使数亿人脱贫。</t>
  </si>
  <si>
    <t>苹果再诉三星专利侵权  索赔20亿美元</t>
  </si>
  <si>
    <t>美国苹果公司和韩国三星电子公司本周将展开新一轮专利诉讼战。此次诉讼或将把另一科技巨头美国谷歌公司也卷入其中。    据外媒报道，在最新的诉讼中，苹果起诉三星违反了其应用软件方面的5项专利。这一诉讼将于当地时间31日在美国加利福尼亚的一个法庭开始审理。苹果控告三</t>
  </si>
  <si>
    <t>2014年房地产债务风险趋升</t>
  </si>
  <si>
    <t>兴业信托房地产信托总部总监陆云在3月31日中国房地产协会金融专业委员会主办的“2014房地产金融研讨会”上表示，房地产市场出现了分化与风险，因此，不同房企融资环境上也有了较大变化。优质开发商容易获得融资，中小房企却逐渐弱势，难以获得资金支持。    业内专家认为，</t>
  </si>
  <si>
    <t>中国海运南美业务3年内将翻番</t>
  </si>
  <si>
    <t>中国海运南美控股有限公司28日在巴西圣保罗成立，此举意味着该公司的全球战略得到进一步发展。中国海运集团总公司(中海运)董事长许立荣在庆典仪式上说，中海南美控股有限公司是中海运在海外成立的第七家控股有限公司，业务范围将覆盖整个南美洲，配合中国和该地区双边贸易的?</t>
  </si>
  <si>
    <t>中国油气勘探开发里程碑</t>
  </si>
  <si>
    <t>中石油3月20日对外宣布，四川盆地发现迄今我国单体规模最大的特大型海相碳酸盐岩整装气藏——安岳磨溪镇龙王庙气藏。按美国证交会油气储量评估准则，该气藏新增天然气证实储量1875亿立方米；按国土资源部审定标准，该气藏地质储量达4403.83亿立方米。中国工程院院士、西南石?</t>
  </si>
  <si>
    <t>多地启动环境稽查“负面清单”</t>
  </si>
  <si>
    <t>《经济参考报》记者近日从多方了解到，当前全国多地尤其是沿海地区和重污染地区正在开展环境稽查“负面清单”管理制度。相关地方环保部门负责人对记者表示，不仅“负面清单”中的内容相比以往要细化很多，而且还将对清单当中的污染企业及区域“定时清理”，杜绝某一区域或企?</t>
  </si>
  <si>
    <t>二次开发成中药产业发展主要路径</t>
  </si>
  <si>
    <t>作为仅次于美国的全球第二大医药市场，我国医药产业整体一直保持较高增速，其中中成药大品种持续发力，在多个主流治疗领域，市场销量远超一线化学药。然而业内人士指出，我国中药产业虽发展迅速，但面临“内忧外患”，药企创新积极性不高、科研力量分散、缺乏必要循证数据等?</t>
  </si>
  <si>
    <t>英国强化伦敦人民币离岸中心地位</t>
  </si>
  <si>
    <t>英国财政部26日宣布，中英两国中央银行将于31日在伦敦签署人民币清算和结算谅解备忘录。英国财政大臣乔治·奥斯本表示，欢迎在伦敦开展人民币清算和结算业务。    奥斯本在当天公布的一份声明中重申了强化伦敦作为人民币离岸中心的重要意义。奥斯本称，将英国与世界上经济?</t>
  </si>
  <si>
    <t>美欧峰会商讨强化能源合作</t>
  </si>
  <si>
    <t>当地时间26日，美国总统奥巴马出席在布鲁塞尔举行的为期一天的欧盟-美国峰会。美欧领导人讨论的主要议题包括乌克兰局势、贸易谈判以及能源合作等。分析认为，此次峰会没有实质推进TTIP谈判的关键问题。双方讨论了通过增加向私营企业发放市场许可牌照，促进美国页岩气出口欧洲</t>
  </si>
  <si>
    <t>调动私营部门资源提供高效公共服务</t>
  </si>
  <si>
    <t>亚洲开发银行行长中尾武彦在中国发展高层论坛上接受《经济参考报》记者专访时建议中国更多调动私营部门资源，他认为采用公私合作的形式可以降低服务的成本，提供更高效的服务。同时他还表示，地方债务的核心问题在于中央和地方事权和支出责任的划分。    城镇化的资金从哪?</t>
  </si>
  <si>
    <t>不要轻易接受马航的赔偿</t>
  </si>
  <si>
    <t>在本次马航MH370航班事故中，航班出发地马来西亚和目的地中国都是《蒙特利尔公约》成员国，本次空难事故赔偿应适用《蒙特利尔公约》。    空难损害赔偿，涉及众多国际公约、国内法律的不同规定，索赔人对此有必要了解，不要轻易接受航空公司提出的赔偿，最好在充分研究论证</t>
  </si>
  <si>
    <t>我国多年出口配额制度或将终结</t>
  </si>
  <si>
    <t>日内瓦时间3月26日，世界贸易组织公布了美国、欧盟、日本诉中国稀土、钨、钼相关产品出口管理措施案专家组报告，裁定中方涉案产品的出口管理措施违规。业内分析，继九种原材料案之后，我国稀土等产品出口限制再度被裁违规，这意味着我国多年来的出口配额制度或面临终结。</t>
  </si>
  <si>
    <t>亚洲可以不再附属西方价值链</t>
  </si>
  <si>
    <t>在中国发展论坛2014论坛上，记者有幸见到香港经纶国际研究院总裁沈联涛先生。业内人士对沈联涛的名字十分熟悉。他从业经历丰富，曾经担任过多年香港金管局副总裁和香港证监会主席，此前还曾在马来西亚央行和世界银行任职。他还是中国银监会首席顾问。    主持完22日的经济?</t>
  </si>
  <si>
    <t>华尔街看多阿里IPO</t>
  </si>
  <si>
    <t>中国电子商务巨头阿里巴巴集团最近决定启动在美国的上市事宜，使公司更加透明、国际化，进一步实现阿里巴巴的长期愿景和理想。华尔街人士普遍对阿里巴巴在美国上市表示乐观，并对其上市后的前景存有信心。“阿里巴巴上市会非常成功，将会是伟大的一天。”美国Cuttone &amp; Co.公</t>
  </si>
  <si>
    <t>中国人寿启动“马航MH370”理赔服务</t>
  </si>
  <si>
    <t>24日晚，马来西亚正式宣布MH370班机于南印度洋坠毁。中国人寿启动“马航班机坠毁”10项紧急应对预备措施，主要包括主动寻找客户、多渠道受理、开通全国快速理赔绿色通道、无需提供保险合同原件、无需提供出险人身份证明、无需提供事件证明、授权现场快速理赔、现金付款、主动</t>
  </si>
  <si>
    <t>澳央行表示密切监控房产投机</t>
  </si>
  <si>
    <t>澳大利亚储备银行(澳央行)26日加强了对房价上升的预警，表示将会对房地产投机性信贷持续进行密切监控。澳大利亚房价近期飙升，引发国内对于是否应采取措施抑制房价涨势的争议。    澳央行26日在每年发布两次的金融稳定评估报告中指出，目前约40%的抵押贷款被集中发放给了数</t>
  </si>
  <si>
    <t>“两房”改革路在何方</t>
  </si>
  <si>
    <t>美国参议院银行委员会高层近期提出新的“两房”改革议案，计划五年内逐步关闭房利美和房地美两大住房抵押贷款巨头，并对美国规模达10万亿美元的抵押贷款市场进行全面改革。    这项议案由参议院银行委员会主席、民主党议员蒂姆·约翰逊和资深共和党议员迈克·克拉波联合提?</t>
  </si>
  <si>
    <t>华为现身说法  中企赴英投资有赚</t>
  </si>
  <si>
    <t>“如果是有投资意愿的朋友，希望大家考虑到英国去投资，如果是已经在英国投资的朋友，我相信你会做得更好，可以取得更大的成功。”华为技术有限公司公共及政府事务部执行总监孔瑜25日在《中国企业在英国投资指南(2014版)》(以下简称《指南》)发布会上真诚地说。    作为200</t>
  </si>
  <si>
    <t>英国金融业高薪风雨无阻</t>
  </si>
  <si>
    <t>美国次贷危机、欧债危机以及亚洲金融危机，对世界经济都造成了重大影响，殃及许多国家。英国也不例外，2008年金融危机使其经历了二战以来最长的经济衰退。2012年第三季度和第四季度，英国国内生产总值连续萎缩。从技术上看，国内生产总值连续两个季度出现萎缩，表示该国经济?</t>
  </si>
  <si>
    <t>国外网购什么样</t>
  </si>
  <si>
    <t>英国：下单前看看网络购物安全教育短片    记者 吴心韬 刘石磊 伦敦报道    如今英国圣诞新年促销季商场少有出现“疯抢”场面，很大程度上归因于消费者越来越青睐网购。相关数据表明英国在欧洲网购市场名列前茅，究其原因，多方合力形成的良好网络购物环境和安全保障助力</t>
  </si>
  <si>
    <t>美国寻求比特币监管平衡术</t>
  </si>
  <si>
    <t>“在Mt.Gox出事之前，大家都喊着不需要政府管，比特币可以管好自己。而在Mt.Gox出事之后，情况开始变了，人们意识到，虽然监管可能限制部分自由，但同时也是一种保护。”协助创建了一种名为太阳货币(SolarCoin)的约翰·多兰这样看待比特币的监管问题。    太阳货币和比特币</t>
  </si>
  <si>
    <t>伦敦治霾经验可为中国提供借鉴</t>
  </si>
  <si>
    <t>英国广播公司(BBC)中文网近日刊文称，中国最近遭遇的雾霾天气和上世纪的伦敦有类似之处，英国的治霾经验在中国“复制”并非没有可能，但由于中国的雾霾和空气污染与经济增长关系极为密切，中国政府需要在保持经济增长和控制空气污染两者之间找到恰当平衡。文章题为《中国能复</t>
  </si>
  <si>
    <t>欧盟城市燃气价格的三次改革</t>
  </si>
  <si>
    <t>上世纪90年代末以来，欧盟历经三次能源改革，通过统一的改革方案和监管机构，打破垄断、促进竞争，实施网运分离，形成“X+1+X”产业链结构，实现了天然气管网公平开放，以及上游供应和下游销售环节充分竞争。在此基础上，对天然气管网进行统一价格监管，建立了“管住中间、放</t>
  </si>
  <si>
    <t>海外市场复苏  黄金QDII领涨</t>
  </si>
  <si>
    <t>继2013年平均收益以绝对优势领先于国内各类型基金之后，今年以来，QDII基金收益依然稳健上行。进入三月份，黄金类QDII产品业绩表现更加突出。分析人士指出，今年QDII基金良好的业绩表现，主要来源于人民币贬值和美国经济数据向好。    国内QDII基金按投向主要分为几类：美?</t>
  </si>
  <si>
    <t>投资加拿大需注意隐性成本</t>
  </si>
  <si>
    <t>3月20日，吉林吉恩镍业股份有限公司网站公布消息称，吉恩镍业以自筹资金建设的最大海外项目加拿大皇家矿业Nunavik铜镍矿日前正式投入生产运营。目前，该项目已经对外销售3万吨铜精矿产品。该项目建成投产后，随着项目产能逐步释放，吉恩镍业原料保障率将得到大幅提升。</t>
  </si>
  <si>
    <t>“瑞典式教育”的利弊之争</t>
  </si>
  <si>
    <t>强制父母休带薪产假、政府补贴婴幼儿日托费、法律明令禁止体罚孩子……瑞典的儿童权益政策和育儿方式一向备受外界称赞，也让瑞典人引以为傲。但最近舆论风向却有所转变：一些瑞典知识界人士开始反思，“一切以孩子为中心”的国家政策和家庭教育模式是否娇纵出了一批难以管教?</t>
  </si>
  <si>
    <t>专家：我国天然气产业改革方向是产业链市场化</t>
  </si>
  <si>
    <t>从历次能源价格改革的效果看，如果不对天然气产业链进行改革，就只能演变为屡改屡涨的调价运动，这是与改革初衷相悖之举。因此，对产业链进行市场化改革，打破垄断，促进竞争，应作为我国天然气产业改革的方向，也应成为理顺天然气价格机制的前提。建议借鉴欧洲经验，深入推?</t>
  </si>
  <si>
    <t>日本惩办违法排污企业不手软</t>
  </si>
  <si>
    <t>日本在上世纪六七十年代经济高速增长期也曾遭遇过严重空气污染等诸多环保问题。记者日前采访了日本龙谷大学教授北川秀树和日本中神户法律事务所律师羽柴修，他们介绍了日本治污经验，并对中国治污提出了建议。他们认为，环保法律法规执行力弱的主要原因是“守法者受损”“违?</t>
  </si>
  <si>
    <t>澳大利亚想当亚洲粮仓</t>
  </si>
  <si>
    <t>地大物博，地广人稀，这两个词语形容澳大利亚都相当贴切。这个国土面积排名世界第六的国家，人口才刚刚越过2300万关口，只是一个中国大城市北京或上海的规模。在大量出售铁矿石之前，澳大利亚便以“骑在羊背上的国家”著称，畜牧业一直是其强项。而随着农业技术的发展，抗旱?</t>
  </si>
  <si>
    <t>古稀IMF缘何难酬改革夙愿</t>
  </si>
  <si>
    <t>巴西财长曼特加17日与美国财长雅克布·卢会谈时再次提到了有关国际货币基金组织(IMF)完成份额和治理改革的“老话题”，前者继续敦促美方尽快通过改革方案。    这已不是曼特加第一次抱怨IMF改革进程迟滞不前。在很多公开场合，作为新兴经济体财经领域的代表人物，曼特加都?</t>
  </si>
  <si>
    <t>希腊扫清100亿欧元援助贷款障碍</t>
  </si>
  <si>
    <t>经过长达6个月的谈判，希腊与国际债权人18日就后者向希腊发放救助贷款的条件达成协议。这为希腊获得急需的下一批援助贷款以偿还将于5月份到期的约100亿欧元债务扫清了障碍。有分析指出，投资者对于希腊经济状况的乐观情绪正有所回升，并且今年5月欧洲议会将举行选举，希腊政?</t>
  </si>
  <si>
    <t>房地产危机与“看得见的手”</t>
  </si>
  <si>
    <t>过去近十年的时间里，房地产业的繁荣、萧条一直伴随着美国经济的动荡与发展。虽然2008年那场影响波及全球的美国次贷危机空前灾难似乎已经过去，但其过程及成因提供给世人的借鉴及启示，均远远超出危机本身所带来的恐惧。如今，再次对美国房地产市场泡沫破裂的进行历史性回顾?</t>
  </si>
  <si>
    <t>通用汽车再召回150万辆车</t>
  </si>
  <si>
    <t>继上个月召回160万辆点火开关存在问题的车辆后，通用汽车17日宣布，将再召回150万辆在美国生产和销售的车辆，进行安全检查。同时，通用汽车还将进行内部安全程序检查。但分析认为，通用汽车仅靠此举尚难修复因延迟召回事件受损的声誉。    此次召回的车辆涉及118万辆包括别</t>
  </si>
  <si>
    <t>中韩FTA讨论市场开放度</t>
  </si>
  <si>
    <t>中韩自由贸易协定(FTA)第十轮谈判17日至21日在韩国京畿道一山开幕，中国商务部部长助理王受文和韩国产业通商资源部审议官禹泰熙分别率中韩代表团出席会议。据报道，本轮谈判将主要商讨双方开放市场的程度。    来自中国方面的消息称，在一周的时间内，中韩双方将就货物贸易</t>
  </si>
  <si>
    <t>美国“能源牌”暂难奏效</t>
  </si>
  <si>
    <t>过去几年，美国国内一直在讨论如何把握页岩气革命带来的传统能源复兴机遇实现美国梦寐以求的能源独立，但正在发酵的乌克兰动荡局势将这场争论推到了另一个方向——如何利用能源这个战略新武器来影响地缘政治格局。    美国能源部3月12日宣布，为测试美国石油系统应对石油供</t>
  </si>
  <si>
    <t>探秘兰屿岛：纠结的达悟人</t>
  </si>
  <si>
    <t>环岛公路一侧，湛蓝的海水卷起浪花拍打着曲折的海岸，由海浪和海风侵蚀雕琢而成的“双狮岩”“坦克岩”等景观栩栩如生；另一侧绵亘的丘陵山坡上，野草和树木丛生，苍翠欲滴。    这个孤悬于台湾本岛东南方的太平洋上的小岛兰屿，是台湾唯一海洋少数民族达悟人的世居之地。?</t>
  </si>
  <si>
    <t>林毅夫：金融改革要关注五个问题</t>
  </si>
  <si>
    <t>世界银行前副行长、首席经济学家，北京大学国家发展研究院名誉院长林毅夫日前表示，未来金融改革应重点关注利率市场化、债市发展、金融结构、现代技术、社会信用体系建立等五方面问题。林毅夫在参加新华都商学院，北大商业评论和哥伦比亚大学资本与社会中心共同主办、诺峰汇?</t>
  </si>
  <si>
    <t>美欧自贸谈判取得进展但分歧仍大</t>
  </si>
  <si>
    <t>美欧自由贸易第四轮谈判14日在布鲁塞尔结束。双方均表示谈判在多方面取得了稳步进展，并定于今年夏季前在华盛顿举行下一轮谈判。但在何时能最终完成跨大西洋贸易和投资伙伴关系协定(TTIP)的谈判尚无定论，在许多问题上双方的分歧愈发明显。    欧盟首席谈判代表伊格纳西奥?</t>
  </si>
  <si>
    <t>欧洲银行业清算机制“拉锯战”</t>
  </si>
  <si>
    <t>近日，看似风平浪静的欧元区又拉了次警报：德国媒体爆料，要满足今年下半年欧洲央行压力测试的标准，意大利银行业现约有200亿欧元的资金缺口，是此前市场预估的近三倍；不仅如此，该国银行业截至去年底的不良贷款额达到1560亿欧元，较2010年翻了一番。    这个警报拉得倒是</t>
  </si>
  <si>
    <t>新浪微博提交赴美IPO申请</t>
  </si>
  <si>
    <t>北京时间3月15日，新浪发布消息，旗下新浪微博已向美国证券交易委员会(SEC)提交了IPO申请文件，计划筹集5亿美元，用于偿还贷款以及加大技术和营销投入。不过新浪微博尚未决定是在纳斯达克还是纽交所挂牌。    新浪微博IPO文件显示，2009年8月，新浪微博作为一个微博客服务?</t>
  </si>
  <si>
    <t>马航客机事件敲响警钟  保险赔付将涉及多方</t>
  </si>
  <si>
    <t>中国保监会日前发布紧急通知，要求各保险公司做好马来西亚航空飞机失联应急处置工作、救援理赔等各项准备工作。专家指出，马航客机事件涉及多方保险赔付，按照相关国际公约，仅航空公司要赔付给乘客的金额就可能达数亿元。    保险公司启动马航事件理赔    记者从保险公?</t>
  </si>
  <si>
    <t>中资银行“走出去”的脚步</t>
  </si>
  <si>
    <t>《韩国岁月话金融》是作者杭琛先生海外金融工作与生活的亲历，因为身处其中，所以丰满深刻。据粗略估算，截至2013年底，我国大型商业银行已在海外设立一级分支机构上百家，地域覆盖了亚洲、欧洲、南北美洲、非洲和大洋洲的42个国家和地区。商业银行“走出去”，既是我国经济?</t>
  </si>
  <si>
    <t>欧盟：借全球外脑绘创新蓝图</t>
  </si>
  <si>
    <t>虽然挥之不去的债务危机使欧洲经济复苏仍然落后美国，但欧洲国家在技术创新领域的步伐并不滞后。“欧盟地平线2020”计划明确提出，知识和创新将成为未来经济发展的主要推动力。据欧盟驻华代表团官员在北京介绍，“欧盟地平线2020”是欧盟最大的科研创新框架计划，也是欧盟唯?</t>
  </si>
  <si>
    <t>FTC正式对康宝莱启动调查</t>
  </si>
  <si>
    <t>美国营养保健品公司康宝莱12日表示，美国联邦贸易委员会(FTC)已正式对康宝莱发起民事调查，但公司坚信自身行为符合法律规定，将积极配合调查工作。    据美联社报道，康宝莱表示12日收到来自FTC的民事调查令，而FTC的网站也证实了此消息，称此举意在调查康宝莱可能存在的“</t>
  </si>
  <si>
    <t>欧盟财长寻求银行业清算妥协方案</t>
  </si>
  <si>
    <t>为期两天的欧盟财长会11日在布鲁塞尔结束。欧盟财长们均同意对银行业单一解决机制(SRM)方案进行修改，以便扭转欧洲议会的反对，早日获得通过。但目前欧盟成员国与欧洲议会之间尚存较大分歧，该方案能否按照原定时间表推进尚不确定。    欧盟委员会负责内部市场与服务的委员</t>
  </si>
  <si>
    <t>美租房市场有望走俏</t>
  </si>
  <si>
    <t>楼市是美国经济的主要引擎，通常也是一个家庭的最大单笔资产和开销，因此直接反应并影响消费者信心。如果把购房、租房、装修、维护等都包括在内，美国消费者一年在楼市上的支出总额约为两万亿美元，而由楼市催生出的建筑、银行、汽车、零售和通讯等相关产业又可以产生上千亿?</t>
  </si>
  <si>
    <t>分歧巨大TTIP第四轮谈判难有斩获</t>
  </si>
  <si>
    <t>3月10日至14日，欧盟与美国在比利时布鲁塞尔举行“跨大西洋贸易和投资伙伴关系协定”(TTIP)第四轮自贸谈判。由于分歧巨大，本轮会谈能否取得进展还是一个未知数。    据美国驻欧盟使团透露，来自美国的100名谈判代表与欧盟的对应代表将进行为期一周的谈判，谈判开启第一天?</t>
  </si>
  <si>
    <t>核灾福岛重建仍在路上</t>
  </si>
  <si>
    <t>3月11日是东日本大震灾三周年纪念日。三年前，日本东北部海域发生特大地震并引发海啸，造成福岛第一核电站发生放射性物质泄漏，令日本福岛等地饱受摧残。三年后，灾区重建艰难前行，而核电站的“善后”工作仍是日本政府的一块心病。    日本首相安倍晋三10日在国会参议院预</t>
  </si>
  <si>
    <t>马恩岛期待与中国企业深化合作</t>
  </si>
  <si>
    <t>英国皇家属地马恩岛政经高层代表团10日至14日对华进行访问，力争与中国企业加强合作，协助中国企业拓展海外市场。    马恩岛首席部长阿兰·贝尔(AllanBell)在访华期间表示，马恩岛面积虽小，却在推动全球商贸发展方面做出了很大贡献。“凭借马恩岛的独特优势，我们能协助中</t>
  </si>
  <si>
    <t>欧盟解决投资争端新思路</t>
  </si>
  <si>
    <t>2014年1月21日，欧盟宣布就正在进行的“跨大西洋贸易与投资伙伴关系”(TTIP)谈判有关投资保护及其投资者-国家争端解决(ISDS)议题展开公众咨询。这是2013年7月欧盟与美国启动TTIP谈判以来首次就某个确定议题展开公众咨询。    欧盟委员会贸易委员德古赫特指出，“通过此次公</t>
  </si>
  <si>
    <t>互联网公司涉足金融给中国国有银行带来压力</t>
  </si>
  <si>
    <t>美国《华尔街日报》网站近日载文说，中国快速崛起的互联网公司重塑了中国零售业的格局之后，又把目光投向了金融信贷市场。文章分析说，眼下互联网公司的在线货币市场基金正在吸引银行的存款客户，手机在线支付的流行使得消费者越来越少使用银行提供的支付服务，将来还很可能?</t>
  </si>
  <si>
    <t>马来西亚航空股价重挫16%</t>
  </si>
  <si>
    <t>受旗下一架从吉隆坡飞往北京的波音777客机与地面失联事件的影响，马来西亚航空公司股价10日开盘暴跌近20%，创纪录低点。    据法新社报道，当日开盘时，马航股价暴跌16%，从上一交易日0.25马来西亚林吉特的收盘价跌至0.21林吉特，后一度跌至0.205林吉特，创公司有史以来最?</t>
  </si>
  <si>
    <t>日本经常项目逆差屡创新高</t>
  </si>
  <si>
    <t>日本财务省10日发布数据显示，受能源需求急剧增加和日元持续贬值推高进口成本等因素影响，1月份日本国际收支经常项目逆差再创历史新高，达到1.589万亿日元(约合154.2亿美元)，连续四个月出现逆差。同时，日本政府还下调了去年第四季度的经济增长数据。    分析认为，日本经</t>
  </si>
  <si>
    <t>韩国有望搭乘TPP谈判“末班车”</t>
  </si>
  <si>
    <t>据外媒报道，韩国和日本日前在东京就韩国加入“跨太平洋战略经济伙伴协定”(TPP)的事宜举行了前期预备磋商。至此，韩国完成了与已参加TPP谈判12国的第一轮预备双边谈判，离其正式加入TPP谈判的目标迈进了一步。不过，韩国要实现这一目标尚有许多难点，日本仍然是其中的重头戏</t>
  </si>
  <si>
    <t>中国需求支撑全球金价</t>
  </si>
  <si>
    <t>3月2日，在多伦多国际矿业大会的一个展台上，一堆堆“金条”格外吸引观众眼球，该展台的工作人员热情地为客人们分发这份特别的礼物。仔细一看，原来是一块用金黄色锡箔纸精心包装的巧克力，上面赫然醒目地印着“BARRICK”英文字母。    BARRICK就是赫赫有名的全球最大黄金?</t>
  </si>
  <si>
    <t>代表委员痛斥药品审批效率低</t>
  </si>
  <si>
    <t>“去年我在两会上就提过这个问题，但没有太大改观。今年我还要提，加快药品审评速度对药企和老百姓都有好处。”全国人大代表、山西亚宝药业股份有限公司董事长任武贤表示。    “食药总局新药审评报批慢，这是大家都知道的问题。我们也提了很多次，但至今进展不大。”全国?</t>
  </si>
  <si>
    <t>煤资源：环境责难下如何救赎</t>
  </si>
  <si>
    <t>随着雾霾天气发生频率增多，对雾霾的成因也出现多种解读，有代表性观点指出，以煤为主的能源结构是造成雾霾的主因之一。据英国石油公司2013年6月统计，2012年，中国煤炭产量为18250亿立方米，占世界煤炭产量38453亿立方米的47.5%，煤炭消费量为18733亿立方米，占世界煤炭消费</t>
  </si>
  <si>
    <t>美政府提交3.9万亿新财年预算</t>
  </si>
  <si>
    <t>美国白宫3月4日向国会提交了2015财年(始于2014年10月1日)的联邦政府预算报告。报告计划在继续削减财政赤字的同时，加强基础设施、教育和科研等重点领域的投资，调整对富有人群和贫困人群的税收政策，以提升经济竞争力、创造就业和缩减贫富差距。不过，由于遭到共和党人的坚决</t>
  </si>
  <si>
    <t>不能任由美政客狙击华为</t>
  </si>
  <si>
    <t>在“走出去”的中国大企业中，华为可能是最悲情的一个。从质量和服务来讲，华为都具有强大竞争力，但它却屡屡败在西方政客的操纵玩弄之下。尤其是一些美国政客，以前还只是在美国国内暗算华为，现在又将魔手伸向了海外。    据美国媒体透露，美国官方以华为系统不保密为由?</t>
  </si>
  <si>
    <t>欧洲经济复苏火力欠旺</t>
  </si>
  <si>
    <t>欧洲地区近期发布的一系列关键经济数据显示，欧洲经济复苏势头仍在延续、市场信心不断增强，但高失业率和持续低通胀率引发的通缩担忧令复苏前景面临较多不确定性。    欧盟委员会在其最新一期的冬季经济展望报告中说，欧元区经济2014年预计增长1.2%，欧盟增长1.5%。随后，?</t>
  </si>
  <si>
    <t>英国石油公司漏油事件相关诉求再遭驳斥</t>
  </si>
  <si>
    <t>据外媒报道，美国联邦法院3月3日驳回了英国石油公司(BP)关于停止支付2010年墨西哥湾漏油事件相关罚金的请求。这一决定意味着，英国石油公司限制漏油事件赔偿金额的尝试遭到了失败。    路透社的报道说，美国新奥尔良第五巡回上诉法院以2比1的投票维持卡尔·巴比尔法官于去?</t>
  </si>
  <si>
    <t>航运巨头抱团掀起联盟对抗战</t>
  </si>
  <si>
    <t>全球集运市场格局正在迎来新一轮的调整，当前各大航运巨头正相互抱团组成联盟以抢占更多的市场份额。3月1日，中远集运、川崎汽船、阳明海运、韩进海运和长荣海运组成的海运联盟(CKYHE联盟)正式成立，将于4月中旬起共同合作运营六条亚洲-北欧航线和四条亚洲-地中海航线。美国?</t>
  </si>
  <si>
    <t>英国治理污染主要靠立法</t>
  </si>
  <si>
    <t>最近一段时间，北京等地区的雾霾让人心焦，不得不又让人想起当年的“雾都”伦敦。历史往往惊人的相似，北京连续六天的严重雾霾会不会也如1952年伦敦雾霾严重污染一样被历史记录？    英国是世界上最早实现工业化的国家，同时也是最早遇到环境污染事件的国家。1952年12月4日</t>
  </si>
  <si>
    <t>加拿大国际矿业大会看好中国需求</t>
  </si>
  <si>
    <t>第82届加拿大国际矿业大会3月2日在多伦多开幕。展会上，投资者和业内人士认为，2014年矿业并购将加速，中国需求和中国投资将为低迷的全球矿业市场注入活力。    据大会主办方介绍，去年由于中国和新兴市场国家需求缩减，国际金属价格低迷，矿产品库存高企，全球矿业发展遭?</t>
  </si>
  <si>
    <t>严寒“冻伤”美国经济  难阻复苏步调</t>
  </si>
  <si>
    <t>肆虐数月的严寒气候让美国经济付出了代价，不仅拖累工业生产数据、就业市场数据、住房市场数据以及商业零售数据，还令商务部日前下修了去年四季度经济增速，连美联储主席耶伦也承认，严寒气候对经济复苏构成了影响。好在美国经济只是轻度冻伤，多数经济学家预计美国经济在告?</t>
  </si>
  <si>
    <t>教你如何理清思绪“重装”大脑</t>
  </si>
  <si>
    <t>一种介乎冥想和心理疗法的修行在美国悄然兴起。下至白领，上至硅谷新贵，纷纷花费不菲参加培训班，只为习得这种“正念减压法”的精髓。    这种训练强调提高专注力，据称能帮助人们理清思绪、“重装”大脑，是缓解焦虑、释放压力的“神器”。此法特别适用遭电子产品密集轰?</t>
  </si>
  <si>
    <t>乌克兰紧张局势加剧经济溃败</t>
  </si>
  <si>
    <t>乌克兰局势发展尚不明朗，俄罗斯总统普京已下令武装部队提高戒备等级，美国则敦促俄方尊重乌主权，美俄对峙逐步显露。而在内部，党派纷争可能令乌克兰新政府难产。乌克兰经济已不可避免遭受损失，金融市场动荡加剧，违约风险未除。与此同时，俄罗斯与西方经济援助的角力也在?</t>
  </si>
  <si>
    <t>日本政府勉强介入调查比特币</t>
  </si>
  <si>
    <t>总部设在东京的比特币交易商Mt.Gox突然关停事件引起了日本国民和媒体的关注，此前一直不作为的日本政府也表示将收集情报，在必要时采取行动。Mt.Gox首席执行官卡佩勒斯对外透露的消息是，这家比特币交易商正在设法自救。    据英国《金融时报》报道，日本内阁官房长官菅义?</t>
  </si>
  <si>
    <t>加快打造中国—东盟自贸区升级版</t>
  </si>
  <si>
    <t>在内外形势发生深刻复杂变化的大背景下，如何尽快形成全方位对外开放的新格局？我们的主要判断是：    (1)区域经济一体化成为新阶段经济全球化的重头戏；推进亚洲区内双边、多边自由贸易区建设应成为我国深化对外开放的战略重点。    (2)加快打造中国-东盟自贸区升级版(?</t>
  </si>
  <si>
    <t>欧盟“蓝色能源”战略大提速</t>
  </si>
  <si>
    <t>海洋可再生能源包括离岸风能和其它海洋能源，比如波浪能、潮汐能等。海洋能源的利用有助于欧盟发展低碳经济，减少对矿物燃料的依赖，提高能源安全，实现与其他可再生能源比如风能和太阳能的平衡，确保稳定的可再生能源供应。海洋能源还能创造新的高质量的就业机会。欧盟在一?</t>
  </si>
  <si>
    <t>北极战略资源引多国角逐</t>
  </si>
  <si>
    <t>北极拥有世界15%的未勘探石油和30%的未勘探天然气，因此该地区正在成为各国竞争的新目标。不仅包括拥有北极领土的国家，非北极国家也欲染指，如巴西、荷兰、瑞典和韩国及英、法、德、日等，都宣布对该地区的能源储备感兴趣。    目前，俄罗斯、加拿大、丹麦和美国对北极都?</t>
  </si>
  <si>
    <t>伦齐改革意大利的助力与障碍</t>
  </si>
  <si>
    <t>意大利年轻的总理伦齐在获得参议院信任投票后，描绘了雄心勃勃的一系列改革计划并提出了执政最初几个月的时间表：如承诺通过意大利国有银行来偿付公共部门债务，调低意大利薪资税，建立担保基金增加对小企业放贷，为学校基础设施建设提供数十亿欧元资金等。伦齐希望快速和大?</t>
  </si>
  <si>
    <t>中国现有税负水平偏高</t>
  </si>
  <si>
    <t>此前说过，不能根据中国“人均财政收入过万，实际上只有美国、日本这些发达国家的十分之一”贸然得出中国人均财政收入太少或占GDP比重太低的结论。今天斗胆要说的是：比较而言，中国财政收入占比或税负水平偏高。    这么说，不是与发达或不发达国家进行国际比较，而是与自</t>
  </si>
  <si>
    <t>美国房价连续第10个季度上涨</t>
  </si>
  <si>
    <t>美国联邦住房金融署25日公布的房价指数显示，经季节性调整，去年第四季度美国房价环比上涨1.2%，为连续第十个季度上涨，显示美国住房市场继续复苏，但速度已经放缓。    数据显示，与上年同期相比，去年第四季度美国房价上涨7.7%，但考虑到过去一年内其他商品与服务价格上?</t>
  </si>
  <si>
    <t>摩根大通拟再裁员数千人</t>
  </si>
  <si>
    <t>美国摩根大通25日宣布，由于抵押贷款业务放缓，该行将再度裁员数千人，同时该行下调盈利目标，以渡过难关。去年，摩根大通已在旗下分行中采取了裁员措施，原因是新技术的出现降低了雇员的必要性。    此次裁员是摩根大通推行的全新效率驱动计划的一部分。截至2013年底，摩?</t>
  </si>
  <si>
    <t>净持仓创历史高点  国际油价面临转向</t>
  </si>
  <si>
    <t>美国商品期货交易委员会(CFTC)公布的最新数据显示，西德克萨斯州轻质原油期货(WTI)的非商业净持仓已经超过40万手，达到41.6万手的历史高位。而伴随着净持仓的登顶，今年1月中旬开始的国际油价强势上涨态势恐怕也已走到尽头。    年初WTI原油在短暂下跌之后，开启了今年第一</t>
  </si>
  <si>
    <t>Mt.Gox网页人间蒸发  比特币中国喊话救市</t>
  </si>
  <si>
    <t>全球比特币交易平台25日发生了戏剧性的一幕。一边是位于东京的比特币交易平台Mt.Gox主页无法登陆，而日本金融监管部门表示无能为力，另一边是6家比特币交易平台及相关机构发出联合声明试图安抚市场。    Mt.Gox曾是全球最大比特币交易平台，该平台2月7日以比特币存在根本缺</t>
  </si>
  <si>
    <t>美联储或调整“前瞻性指引”</t>
  </si>
  <si>
    <t>美联储日前公布的最近一次会议纪要显示，随着美国失业率向6.5%的加息参考值靠近，美联储官员普遍同意很快有必要对“前瞻性指引”进行调整。从美联储官员最近表态来看，美联储很可能会效仿英国央行，放弃失业率与利率政策挂钩的做法，引入更多经济指标来综合考量加息时机。</t>
  </si>
  <si>
    <t>复杂问题切莫简单下结论</t>
  </si>
  <si>
    <t>高培勇教授一句“人均税负过万”，犹如石击深潭，引起议论纷纷。    辩之者曰：这是人均财政收入过万，也就是政府财政能为每个人花的钱，经换算成可比价美元后，实际上只有美国、日本这些发达国家的十分之一，低得可怜。结论呢，当然应该再高一点。驳之者曰：2013年中国的?</t>
  </si>
  <si>
    <t>欧洲央行暂难放弃降息承诺</t>
  </si>
  <si>
    <t>欧洲统计局24日公布数据显示，欧元区1月CPI终值同比增长0.8%，高于预期的0.7%，与去年12月的CPI终值保持一致。但环比增速意外滑落至-1.1%，刷新历史纪录。受非能源工业产品价格大跌拖累，欧元区1月通胀水平仍远离欧洲央行“不及但接近2%”的目标，欧洲央行在必要时下调利率的</t>
  </si>
  <si>
    <t>中国大城市崛起成为全球性城市</t>
  </si>
  <si>
    <t>西班牙中国政策观察网站近日刊登西班牙马德里孔普卢栋大学教授、经济学家伊格纳西奥·尼尼奥·佩雷斯的文章说，尽管面临环境污染等挑战，但中国的大城市在全球范围内都呈现一种上升趋势，在各类排行榜中，中国城市频频出现，表明中国的全球影响力不断增强。文章说，中国大城?</t>
  </si>
  <si>
    <t>美日关税谈判分歧难消解</t>
  </si>
  <si>
    <t>新一轮跨太平洋战略经济伙伴协定(TPP)部长级会议22日在新加坡开幕，包括美国在内12个国家的代表参会，由于多重因素阻挠，截至发稿时，会议仍未透露出能取得重大突破的迹象。    据报道，各国在国企改革问题上已有一定的方向。不过，对于在25日会谈召开之前大致达成共识的可</t>
  </si>
  <si>
    <t>付费入宽带网  奈飞牵手康姆卡斯特</t>
  </si>
  <si>
    <t>全球最大的流媒体内容提供商奈飞集团(Netflix)于美国东部时间23日和美国宽带运营商康姆卡斯特(Comcast)达成协议，通过付费方式进入后者宽带网络，为自己日益增长的庞大用户群提供更为稳定和舒适的收视体验。    双方当日共同宣布了为期数年的合作协议，但未公布具体的交易?</t>
  </si>
  <si>
    <t>东风入股标致须防“双龙式陷阱”</t>
  </si>
  <si>
    <t>中国车企再次发威欧洲市场，继吉利并购沃尔沃之后，东风最近又入股标致雪铁龙。根据各方达成的协议，东风将出资8亿欧元，取得标致14%的股份。但在外媒纷纷惊叹中国车企的雄心和魄力之时，东风尤其需要警惕，不要让这笔投资落入“双龙式陷阱”。    从表面看，东风这次入股?</t>
  </si>
  <si>
    <t>我国宜尽早调整对外经济战略</t>
  </si>
  <si>
    <t>美国次贷危机及其后的欧洲债务危机给中国经济带来了严重影响。实际上，这场危机至今尚未真正结束。世界经济正处于特殊时期，对形势做出客观清晰判断，将有助于把握机遇与挑战。    中国经济已经和全球经济完全融合到一起，未来的发展将更多地受制于国际经济环境影响，需要?</t>
  </si>
  <si>
    <t>加拿大移民政策何处去</t>
  </si>
  <si>
    <t>一石激起千层浪。关于加拿大移民政策缩紧的报道近日来铺天盖地。    加拿大政府近日(2月11日)在一份名为“2014年经济行动计划”的预算案中宣布，终结联邦投资移民计划和联邦企业家移民计划。    尽管这两个移民项目其实已分别于2012年7月和2011年7月暂停，但国内外不少打</t>
  </si>
  <si>
    <t>京津冀治霾短时难奏效</t>
  </si>
  <si>
    <t>几乎看不到任何阳光，整个城市的大楼笼罩在黄色的雾霾中，空气中弥漫着粉尘……自20日开始，雾霾再次袭城，空气持续重污染，首都北京就像一幅泛黄的老照片。    继20日北京启动空气重污染“黄色预警”后，21日中午，预警级别上调至“橙色预警”，值得注意的是，这也是针对?</t>
  </si>
  <si>
    <t>资本市场热炒特斯拉概念  收购美油田中企再出发</t>
  </si>
  <si>
    <t>特斯拉红透半边天万向钱潮喜迎“钱潮”    近日，一则万向集团以9亿元的超预期竞标价成功竞购美国插电式混合动力汽车品牌菲斯科(Fisker)的消息，让市场愈炒愈热的特斯拉概念股再度“拉风”。虽然谁能够在庞大的特斯拉产业链中分得一杯羹还不得而知，但正是这种想象空间，让</t>
  </si>
  <si>
    <t>新兴市场金融风险威胁全球经济</t>
  </si>
  <si>
    <t>国际货币基金组织(IMF)19日发布一份为即将召开的二十国集团(G20)财长和央行行长会议准备的报告。该报告称，全球经济复苏依然疲弱并存在显著的下行风险，特别是新兴市场的高度不稳定性等金融问题将威胁全球经济前景，一些国家需要收紧货币政策，并对经济做出结构性调整。据悉?</t>
  </si>
  <si>
    <t>脸谱下血本收购WhatsApp</t>
  </si>
  <si>
    <t>美国大型社交网站脸谱公司19日宣布，将以190亿美元价格收购即时通讯商WhatsApp。这一收购价格超过谷歌和微软等科技巨头所作出的最大收购案。有分析认为，脸谱下血本收购WhatsApp凸显其在移动互联网快速发展时代的多应用发展战略。    脸谱当天表示，此次收购将支付给WhatsA</t>
  </si>
  <si>
    <t>伦敦时装周：英国传统老牌竞相展现创意与设计</t>
  </si>
  <si>
    <t>在伦敦2014秋冬时装秀场，英国传统老牌以创意和独到的设计，让人称叹。博柏利(又译巴宝莉)上演一种“花样年华”，玛宝莉(又译玛百莉)则在烟雾缭绕的“树林”中亮相“朋克教母”薇薇安·韦斯特伍德的新品在英伦贵族风格中迸射了大胆的鲜红。    英国传统奢侈品牌博柏利的本?</t>
  </si>
  <si>
    <t>美智库建议：加大对颠覆性技术研发投入</t>
  </si>
  <si>
    <t>美国智库报告认为，包括军事技术在内的颠覆性技术对美国抢占发展先机、维持国防优势乃至综合竞争力至关重要，政府应在研发相关技术方面加大投入。还有美国专家提出，虽然美国在颠覆性军事技术领域依然领先，但未来可能面临来自中国的挑战。    颠覆性技术或将大量涌现</t>
  </si>
  <si>
    <t>QE3退出对我无近忧须远虑</t>
  </si>
  <si>
    <t>美联储在去年12月议息会议上，宣布从2014年1月起，将每月850亿美元的资产购买规模削减至750亿美元，其中国债和MBS各削减50亿；继续实施0-0.25%的低利率政策。这标志着美国退出第三轮量化宽松政策开始启动。国内对美联储政策有两种理解，一种认为Q E3退出的“靴子”落地，我国</t>
  </si>
  <si>
    <t>中国商人的文化雄心</t>
  </si>
  <si>
    <t>本周，严介和将率团出访澳大利亚和新西兰两国，在为期11天的行程中，这位靠基建起家的苏商领袖将以文化使者的身份，主持召开“《新论语》传承与创新”主题研讨会，向西方主流人士宣讲中国文化语境下的商道感悟、智慧箴言，主办方已邀请到澳方多位政界要人参加。    早在200</t>
  </si>
  <si>
    <t>RBS：亚洲经济增长前景审慎乐观</t>
  </si>
  <si>
    <t>苏格兰皇家银行(RBS)日前表示，对亚洲经济增长前景持审慎乐观态度，认为当前市场对亚洲新兴市场宏观稳定性的恐慌并不合理。    RBS认为，年初以来阿根廷和土耳其出现的资金外逃、货币贬值等严重问题，在亚洲新兴市场并不多见。RBS大中华区首席经济学家高路易指出，亚洲经济</t>
  </si>
  <si>
    <t>DS在华市场有望迎来发展新契机</t>
  </si>
  <si>
    <t>来自法国的著名影星苏菲.玛索首度亮相马年春晚舞台，成为春晚新看点，而由她代言的全新车型DS5也因此引起国内消费者的兴趣与关注。这对于在中国市场发布还不到两年的新秀豪华品牌DS来说，可谓赢来了一个“天时、地利、人和”的品牌发展新契机。    中国豪车市场在竞争中一?</t>
  </si>
  <si>
    <t>避免楼市演化成“杰塞尔悖论”</t>
  </si>
  <si>
    <t>近期，关于楼市未来走向引发市场高度关注。在《动荡的世界》第三章中，前美联储主席格林斯潘在分析过去十年美国住房价格飙升的原因时，提出了“杰塞尔悖论”。过去相当长时间内，我国住房市场也不乏“杰塞尔”式的风险承担者。为防范资产价格泡沫风险，应避免未来楼市演化成?</t>
  </si>
  <si>
    <t>海外生子暗藏多重风险</t>
  </si>
  <si>
    <t>近年来，不少中国内地家庭选择了海外生子的作法，这一现象正有愈演愈烈之势。    根据媒体报道，美国塞班已涌现“中国婴儿潮”：在2010至2012年期间美国塞班出生的“ABC”(即在美国出生的中国血统居民)数量增长了175%，中国婴儿数量从2009年仅8名一跃增长到2012年的282名，</t>
  </si>
  <si>
    <t>“三驾马车”重返希腊救助谈判桌</t>
  </si>
  <si>
    <t>据外媒报道，欧元区财长17日达成共识，国际债权人将于本周恢复与希腊的谈判，并评估希腊在经济改革方面取得的进展，为该国获取下一批救助资金扫清障碍。此外，欧元区领导人表示，目前新一轮援助计划不存在紧迫性，将在夏季之后做出相关决定。    欧元集团主席戴塞尔布卢姆?</t>
  </si>
  <si>
    <t>东风汽车8亿欧元入股标致雪铁龙</t>
  </si>
  <si>
    <t>《经济参考报》记者18日从知情人士处获悉，中国东风汽车集团和法国标致雪铁龙签署了资本结盟谅解备忘录。根据该协议，东风汽车和法国政府将分别向标致雪铁龙投资8亿欧元，持股各占14%。据路透社此前报道，标致家族17日投票通过了与东风及法国政府的协议。    据了解，东风?</t>
  </si>
  <si>
    <t>“快车道”反成美贸易谈判绊脚石</t>
  </si>
  <si>
    <t>美国众议院民主党议员上周末再度表示反对赋予美国总统奥巴马贸易“快车道”谈判授权，令通过该项授权来加速“跨两大洋”贸易谈判的希望再度落空。美国参议院民主党领袖哈里·瑞德与众议院民主党领袖南希·佩洛西之前也均进行过类似表态。    美国“促进贸易授权法”又被称?</t>
  </si>
  <si>
    <t>TPP谈判有望达成早期共识</t>
  </si>
  <si>
    <t>据日本共同社报道，17日，12个《跨太平洋战略经济伙伴协定》(TPP)谈判国在新加坡展开为期五天的首席谈判官磋商会议。与会各方代表将对取消关税和知识产权等议题进行讨论并提出解决预案，以供22至25日召开的全体部长级会议讨论。尽管目前仍难点重重，但美日双方已有意向达成让</t>
  </si>
  <si>
    <t>应对新兴市场撤资潮  中国需防范热钱涌入</t>
  </si>
  <si>
    <t>英国广播公司(BBC)中文网日前刊文，分析美国逐步退出量化宽松政策引发的新兴市场撤资潮对中国的影响。文章认为，不同于其他新兴国家，中国无需过于担心资金的流出，相反，中国政府需要做好“守城”准备，以防范新一波热钱借助影子银行和地方债务问题涌入，冲击国内市场。文章</t>
  </si>
  <si>
    <t>政局动荡拖累泰国经济</t>
  </si>
  <si>
    <t>受政局动荡拖累，泰国经济增长严重放缓。泰国经济和社会发展局17日公布的数据显示，2013年第四季度，泰国国内生产总值(GDP)同比增长0.6%，低于此前一个季度修正后1.4%的增幅。    泰国经济和社会发展局指出，国内政治动荡削弱了消费者的信心并影响到支出，同时令海外投资者</t>
  </si>
  <si>
    <t>美债务上限博弈的周期定律</t>
  </si>
  <si>
    <t>美国国会日前迅速通过新的债务上限法案，将财政部发债权限延长至2015年3月，轻易化解了联邦政府暂时违约风险，并未上演过去几年剑拔弩张的拉锯战，令习惯了美国民主、共和两党争斗的观察人士颇感意外。    但仔细回顾过去几年美国两党的政治博弈就不难发现，两党债务上限博</t>
  </si>
  <si>
    <t>日本去年第四季度GDP增长放缓</t>
  </si>
  <si>
    <t>日本17日公布的数据显示，去年第四季度实际国内生产总值(GDP)环比增长0.3%，远低于此前经济学家的预期。加之今年4月日本上调消费税或施压内需，且外需严峻形势短期内难以得到改善，分析称今年日本经济增长表现堪忧。    经济增速逊于预期    日本内阁府17日公布的速报数?</t>
  </si>
  <si>
    <t>加拿大尚需用好移民经济学</t>
  </si>
  <si>
    <t>刚刚过去的2月前两周，加拿大政府移民新政动作频频，大有收紧移民政策的节奏，令打算移民该国的人“步步惊心”。    从宣布放松赴加旅游多次签证，到宣布1月新增加拿大公民数量是去年同期的两倍，再到出台新方案废止当前已经实行了30年的投资移民和企业家移民项目，移民部?</t>
  </si>
  <si>
    <t>德法引领  欧元区增长超预期</t>
  </si>
  <si>
    <t>据欧盟统计局最新数据，欧元区去年四季度国内生产总值(GDP)初值环比增长0.3%，按年率计算则增长0.5%，好于预期。其中，德国和法国两大核心国GDP增长双双超预期，预计2014年欧元区经济有望出现较去年强劲的复苏。欧盟委员会发言人奥康纳对此表示，欧元区第四季度GDP数据确认，</t>
  </si>
  <si>
    <t>澳中自贸协定有望年内达成</t>
  </si>
  <si>
    <t>澳大利亚驻华使馆日前就该国担任二十国集团(G20)会议轮值主席国和今年会议情况举行了新闻发布会。驻华大使孙芳安在发布会上表示，澳中自由贸易谈判历经多年未果，今年已经是第九个年头，过去半年内，双方都表达了尽快完成谈判的强烈意愿，双方有达成协定的可能，澳中自由贸易</t>
  </si>
  <si>
    <t>加拿大楼市热度不减</t>
  </si>
  <si>
    <t>加拿大房地产泡沫风险再次引起国际货币基金组织(IMF)的警示。IMF近日在一份关于加拿大经济的评估报告中认为，加拿大住房价格仍然高估。    无独有偶。就在同一天，加拿大第二大银行道明银行用数据具体量化了房地产市场的“热度”：加拿大房价高估10%。    近一年多来，有</t>
  </si>
  <si>
    <t>美联储将就银行监管新规投票表决</t>
  </si>
  <si>
    <t>据路透社报道，美联储将于下周就在美运营银行的新标准进行表决。一旦通过，美国的国内银行和外资银行都将面临更严格的监管规定。    根据美联储网站的公告，美联储2月18日将考虑最终敲定外资银行的监管规则，该规则要求在美国业务量大的外资银行将所有子公司归属于单一的控</t>
  </si>
  <si>
    <t>德国调高经济增长预期</t>
  </si>
  <si>
    <t>德国联邦政府12日说，预计2014年德国国内生产总值(GDP)将增长1.8%，比先前预期高0.1个百分点。    德国经济部当天说，德国稳定的就业市场将鼓励私人消费，进而拉动经济增长。同时，投资恢复增长、出口增速加快，也将对经济起到刺激作用。    德国政府预计，2014年德国就?</t>
  </si>
  <si>
    <t>奥巴马的“拱心石”XL项目难题</t>
  </si>
  <si>
    <t>美国国务院近期发布环境评估报告称，“拱心石”XL石油管道项目不会对加拿大油砂开采和总体温室气体排放产生明显影响，为美国总统奥巴马批准这个搁置许久的项目扫清了一道关键障碍，但也给奥巴马出了一道难题。由于涉及石油行业、劳工组织和环保团队等多方利益，又适逢国会中?</t>
  </si>
  <si>
    <t>存款保险制度的“老树”与“新芽”</t>
  </si>
  <si>
    <t>存款保险制度，又称存款保障制度，是金融安全网的重要组成部分。2008年国际金融危机以来，存款保险制度在美国等危机发生地作用突出，防止了银行挤兑风潮发生，有效维护了金融体系稳定。而我国目前是由国家信用对银行进行隐性担保，这不利于加强对各类存款人的保护，不利于通?</t>
  </si>
  <si>
    <t>日八大电子公司索尼“独败”</t>
  </si>
  <si>
    <t>日本消费电子标杆企业索尼公司2月6日宣布出售笔记本电脑业务，拆分电视机业务，并在海内外裁减约5000名员工。    受益于业务调整和日元贬值，除索尼外，日本主要8家电子公司的其余7家，2013财年预计纯利润均为黑字。因而，许多市场观察人士认为，索尼“重建”的力度仍然不?</t>
  </si>
  <si>
    <t>俄罗斯政府宣布比特币非法</t>
  </si>
  <si>
    <t>据外媒报道，俄罗斯政府日前对使用比特币发出警告，称其可能被用于洗钱和恐怖主义融资，因此将其作为俄罗斯卢布的平行货币来使用是非法行为。这一行动表明，全球范围内对比特币支付系统的监管审查正在加强。    俄罗斯总检察长办公室2月6日发表声明称，“大规模流通的匿名?</t>
  </si>
  <si>
    <t>僵局未破  美债上限阴影再度袭来</t>
  </si>
  <si>
    <t>随着此前被延后五个月的美国触及债务上限的最后期限于2月7日到期，美国债务上限阴影又再度袭来。众议院两党领导人均暗示，他们正在寻找一个快速解决方案，以避免再度陷入旷日持久的纷争。    美财政部长雅各布·卢上周致信国会领导人表示，财政部的非常规措施预计将支撑到2</t>
  </si>
  <si>
    <t>跟上美联储退出QE的节奏</t>
  </si>
  <si>
    <t>新任美国联邦储备委员会(美联储)主席珍妮特·耶伦今日(周二)起将先后在美国众、参两院就美国经济状况和货币政策进行证词陈述。由于美联储已奏响退出量化宽松政策(QE)进行曲，全球市场自然将注意力集中到白发女指挥如何演绎这一新乐章上。    八年前，前任伯南克的首次国会?</t>
  </si>
  <si>
    <t>中国仍需要高投资  但要转变投资重点</t>
  </si>
  <si>
    <t>英国《金融时报》网站日前登载该报北京分社社长吉密欧撰写的文章称，此前经济学家多认为中国经济“不平衡、不协调、不可持续”的问题需要通过增加家庭消费、减少不良投资来改善，但越来越多的经济学家如今对此药方提出质疑，他们认为，中国在未来多年仍然需要持续保持高投资?</t>
  </si>
  <si>
    <t>丰田2017年底前将停止在澳生产汽车</t>
  </si>
  <si>
    <t>日本汽车厂商丰田汽车10日表示，将在2017年底之前停止在澳大利亚生产汽车和发动机。这意味着，澳大利亚将失去最后一个大型汽车制造厂商，不再是受到外资青睐的汽车生产基地。    丰田称，汽车和发动机生产将在2017年底前停止。丰田将撤出生产的部分原因归咎于澳元升值、生?</t>
  </si>
  <si>
    <t>亚太主要股市10日多数上涨</t>
  </si>
  <si>
    <t>受前一个交易日欧美股市大幅上涨提振，亚太地区主要股市10日多数上涨。    尽管7日发布的美国非农业部门就业数据不及预期，但纽约股市三大股指在前一交易日反弹后7日继续大幅上扬。    由于投资者乐观情绪回升，美元兑日元汇率10日继续走强。10日，日本东京股市日经225种</t>
  </si>
  <si>
    <t>美国经济波动背后见稳定</t>
  </si>
  <si>
    <t>2013年，美国经济基本面在持续好转，消费增长，房价回升，信贷状况变得更加宽松，因此也出现了量化宽松政策可能逐渐收紧的预期，但是受到财政紧缩的冲击，经济增长可能比2012年略低，在1.8%左右，2014年美国的经济增长可能进一步回升到2.5%左右。    经济增长的稳定因素逐?</t>
  </si>
  <si>
    <t>索契冬奥会与俄罗斯大国梦</t>
  </si>
  <si>
    <t>尽管一些西方人士对索契冬奥会颇多调侃乃至嘲讽，但宏大炫目的开幕式场景，以及由此呈现的俄罗斯灿烂丰富的文化，无疑向世界展示了一个走向强盛、充满自信的俄罗斯。放在一个更广阔的历史背景看，索契冬奥会是俄罗斯复兴过程的一个象征和节点，尽管前路仍颇多坎坷和曲折。</t>
  </si>
  <si>
    <t>需求预期升温推动国际油价上行</t>
  </si>
  <si>
    <t>由于投资者预期需求将增加等原因，国际油价和金属价格上周上涨。纽约油价上涨2.45%；伦敦布伦特油价上涨2.98%；纽约金价上涨1.8%。    上周纽约原油期货今年首次以每桶超过100美元的价格交易。汽油批发价上涨和取暖用油供应减少帮助推升了国际油价。美国能源信息局5日的数?</t>
  </si>
  <si>
    <t>美检方起诉“比特币大佬”</t>
  </si>
  <si>
    <t>美国检方人员27日说，已经起诉网络虚拟货币“比特币”推广团体“比特币基金会”副主席查理·施雷姆，因为他涉嫌洗钱、为非法活动输送资金。    一些“比特币”行内人士说，案件显示“比特币”不如传言般“不易追踪”，那些想用“比特币”逃避监管、从事非法交易的人十分愚?</t>
  </si>
  <si>
    <t>银行“大而不倒”问题在美国仍然存在</t>
  </si>
  <si>
    <t>英国《星期日泰晤士报》日前刊载美国哈得孙研究所的商业顾问、经济政策研究中心主任欧文·施特尔策撰写的一篇文章，题为《在美国：银行依然是太大而不能失败、太大而无法管理》，摘编如下：    摩根大通再次因对无数风险提示信号失察被要求支付26亿美元的罚款和赔偿金，该?</t>
  </si>
  <si>
    <t>专家：互联网金融产品收益不会“高居不下”</t>
  </si>
  <si>
    <t>尽管前途光明，但风险依旧是互联网金融产品不得不面对的“达摩克里斯之剑”。有专家认为，激烈竞争的互联网金融产品将促进我国金融市场化进程，但高收益不会成为常态，投资者需警惕投机、监管标准不明确等隐性风险。    互联网金融产品的高收益率是否遭遇会“滑铁卢”？林?</t>
  </si>
  <si>
    <t>欧洲央行利率政策不变  降息窗口后移</t>
  </si>
  <si>
    <t>欧洲央行6日举行货币政策例会，决定维持现行利率政策不变。欧洲央行行长德拉吉在新闻发布会上指出，即便当前通胀率相当低，也不能认为欧元区处于通缩当中。    德拉吉还指出，欧元区经济前景仍面临下行风险，全球金融市场的变动以及与之相关的不确定因素，特别是新兴经济体</t>
  </si>
  <si>
    <t>算算日本侵华遗留问题的经济账</t>
  </si>
  <si>
    <t>1月28日，日本文部科学相下村博文正式宣布，已对编写初高中教科书指南进行修改，把与中韩有争端的钓鱼岛和竹岛（韩国称为独岛）明确表述为日本“固有领土”。安倍晋三担任日本首相以来一再否认日本侵略邻国历史，参拜靖国神社，为日本军国主义招魂。抛开日本侵华战争直接给中</t>
  </si>
  <si>
    <t>货币危机下中国能否独善其身</t>
  </si>
  <si>
    <t>全球化的背景之下，没有一个国家能脱钩于全球经济和全球金融市场。最近，阿根廷、土耳其等新兴市场国家出现的货币大幅贬值和资产价格暴跌，引发了市场人士对“中国市场会否受到波及”这一话题的讨论：中国能否独善其身？    接受《经济参考报》记者采访的业内人士表示，近?</t>
  </si>
  <si>
    <t>美贸易谈判何日重返“快速道”</t>
  </si>
  <si>
    <t>28日晚，美国总统奥巴马在发表本年度国情咨文演讲时再次呼吁通过民主、共和两党进行跨党派合作，让政府获得国会“快速道”授权以推动“跨两大洋”贸易谈判。    奥巴马当天在美国会说，国会两党需要在“快速道”授权等方面共同努力，为“美国制造”拓展新的出口市场，并为?</t>
  </si>
  <si>
    <t>新积极财政政策布局基本完成</t>
  </si>
  <si>
    <t>2013年，世界经济步入“拐点”。传统因素和新经济因素带来的风险和挑战叠加，矛盾也变得突出和尖锐。从世界经济的特征来看，总体上表现为两个“全面”：一是美国经济进入全面复苏轨道，二是中国经济逐步进入全面深化改革时期。当前，我国财政形势保持稳定，局部风险得到控制?</t>
  </si>
  <si>
    <t>春节前生猪产业遭遇“滑铁卢”</t>
  </si>
  <si>
    <t>进入2014年，全国猪肉价格反常地进入了下降通道，降速之快，让许多原本期待冬至后传统“好行情”的养殖户和企业大跌眼镜。    尽管目前还难断言生猪是否又进入新一轮调整期，但这些年价格波动周期愈来愈短、不断重复着“价跌-退出-短缺-暴涨-涌入-过剩-暴跌”怪圈的现实，?</t>
  </si>
  <si>
    <t>“堵路猪”面临更重处罚</t>
  </si>
  <si>
    <t>为治理路边违规停车造成的交通拥堵，加拿大多伦多市近期将出台提高处罚金额的新规定，凡是交通高峰时段在禁止泊车的区域泊车将面临高达150加元(1加元合5.5元)的惩罚。此前，在交通高峰时段违规停车的罚金是60加元。    交通高峰时段也即将进行相应变更。新的高峰时段是指工</t>
  </si>
  <si>
    <t>是什么制造了“德国制造”</t>
  </si>
  <si>
    <t>改革开放以来，中国经济水平不断提高，“中国制造”的技术水平和国际竞争力不断增强。但近年来，原材料、劳动力、资本、土地等要素成本不断上涨，显著提高了各行业综合成本，增加了企业成本压力，直接影响了产业增长、产品进出口和产业可持续发展。    这种情况不单单发生?</t>
  </si>
  <si>
    <t>2014中国经济政策将“文武并举、张弛兼备”</t>
  </si>
  <si>
    <t>英国《金融时报》FT中文网近日刊登了题为《2014：中国经济大变革前夜？》的文章，文章提出，2014年，将听到“冰山”碎裂的声音：改革破冰，风险释放。中国政府的经济政策将“文武并举、张弛兼备、安转相济”。文章摘要如下：    中国经济正处于一场大变革的前夜。2014年，?</t>
  </si>
  <si>
    <t>调查称“安倍经济学”效果有限</t>
  </si>
  <si>
    <t>就在日本首相安倍晋三在世界经济论坛达沃斯年会兜售“安倍经济学”后不久，日本国内的一项调查显示，日本国民认为安倍政府的经济政策效果有限。    日本共同社上周末进行的舆论调查结果显示，对于是否实际感受到安倍政府经济政策带来的景气好转，东京23区等大城市的受访者?</t>
  </si>
  <si>
    <t>谷歌三星达成全面专利授权协议</t>
  </si>
  <si>
    <t>美国谷歌公司和韩国三星电子公司26日宣布达成一项全球专利交叉授权协议，内容涵盖两家公司现有的专利及未来10年获得的专利。    谷歌和三星没有透露协议的具体财务条款，但表示协议将加深两家公司“在现有及未来项目上的研发合作”。根据双方发言人对外公布的信息，三星和?</t>
  </si>
  <si>
    <t>清洁柴油机是汽车节能减排最现实路径</t>
  </si>
  <si>
    <t>近年来，中国持续遭遇十面“霾”伏，治霾已成为各界关注的焦点。虽然大家对汽车尾气占比贡献有争议，但是汽车尾气是雾霾形成的重要来源已成共识。减少汽车尾气排放更是业界努力的方向。日前记者就汽车节能减排的相关问题，专访了亚洲最大的清洁型乘用柴油机制造商——欧意德?</t>
  </si>
  <si>
    <t>新兴市场货币重挫  避险情绪蔓延</t>
  </si>
  <si>
    <t>就在世界经济论坛达沃斯年会审慎看好全球经济复苏之际，一些新兴经济体的货币在外汇市场上突然溃败，避险情绪充斥全球主要市场。若美联储在本周为量化宽松政策退出计划加码，资金逃离新兴市场将更加严重。    多国货币遭遇雪崩式下跌    23日，土耳其里拉、阿根廷比索、?</t>
  </si>
  <si>
    <t>美再发双反欲全面限制我光伏产品</t>
  </si>
  <si>
    <t>《经济参考报》记者26日从中国商务部网站获悉，美国商务部已于1月23日发布公告，决定对进口自中国的光伏产品发起反倾销和反补贴合并调查，这是美国自2011年11月以来第二次对我国光伏产品发起双反调查。值得关注的是，业内人士指出，此次调查试图涵盖2011年双反调查所没有包括</t>
  </si>
  <si>
    <t>资本金压力倒逼险企增资</t>
  </si>
  <si>
    <t>迅速扩张之下资本金水平的持续弱化和监管层对偿付能力监管思路的转变正倒逼险企加速补充资本金。近日，安诚财产保险股份有限公司通过增资扩股引入韩国东部火灾海上保险公司，增资额达1.76亿美元。而保监会披露的数据显示，2013年险企共增资近600亿。    经保监会审核，安诚</t>
  </si>
  <si>
    <t>首批中企获准在澳亚太证交所上市</t>
  </si>
  <si>
    <t>澳大利亚宝泽资本证券有限公司日前在悉尼举办首次公开招股(IPO)新股发行说明会，宣布中资背景的澳大利亚生命力控股集团、澳大利亚中环运控股集团已获得澳大利亚证券投资委员会批准，在获澳亚太证交所最后审批同意后，将于3月初在该所挂牌上市。    澳大利亚生命力控股集团?</t>
  </si>
  <si>
    <t>一场两个轮子的革命</t>
  </si>
  <si>
    <t>美国纽约市时装设计师露西·华莱士·尤斯蒂斯喜欢骑车去位于市中心的办公室上班。她觉得骑车可以锻炼身体，又没有堵车烦恼，“自由自在”，好处不一而足。    在美国这个“四个轮子上的国家”，许多地方采取措施鼓励骑车出行，像尤斯蒂斯这样爱上“两个轮子”的人正以前所?</t>
  </si>
  <si>
    <t>世界经济形势向好  变数仍存</t>
  </si>
  <si>
    <t>第44届世界经济论坛达沃斯年会22日至25日在瑞士东部小城达沃斯举行。本届年会的会议主题是“重塑世界：对社会、政治和商业的影响”。在多国逐渐走出经济衰退、世界经济由“冷”趋“暖”之际，全球商界和政界人士齐聚一堂，探讨重塑世界格局、实现可持续发展的良策。    聚?</t>
  </si>
  <si>
    <t>美国贸易的政治特征</t>
  </si>
  <si>
    <t>贸易快车道，美国“促进贸易授权法”的别称。根据这项授权，美国政府只要满足在贸易谈判中的设定目标，那么，与其他国家政府达成的贸易协定可以直接提交国会表决，国会无权修改其中条款。而且，国会表决必须在90天内进行，讨论时间也只有区区20个小时。    贸易快车道的出?</t>
  </si>
  <si>
    <t>“鸽派”掌门人耶伦为宽松埋下伏笔</t>
  </si>
  <si>
    <t>2014年1月6日，美国联邦参议院以56票赞成、26票反对的结果通过耶伦的美联储主席提名案。这意味着现任主席伯南克的任期(2014年1月31日)结束后，耶伦将正式接任伯南克成为美联储下一任主席，并成为美联储历史上的首位女性掌门人。    伯南克的时代即将成为历史，美联储的量化</t>
  </si>
  <si>
    <t>中国版巴Ⅲ加大银行业短期监管压力</t>
  </si>
  <si>
    <t>在金融危机的大背景下推出的第三版巴塞尔资本协议(以下简称巴塞尔Ⅲ)，可以说是金融监管框架调整的代表性成果。然而，在2013年即将全球统一实施巴塞尔Ⅲ之际，欧洲和美国监管当局不约而同提出推迟实施巴塞尔Ⅲ，这让其他积极推动实施巴塞尔Ⅲ的国家的监管工作者大跌眼镜。金?</t>
  </si>
  <si>
    <t>渤海湾海底隧道方案即将上报国务院</t>
  </si>
  <si>
    <t>“渤海海峡跨海通道战略规划研究项目已经完成，包括一个总报告、九个分报告，我们将于近期上报国务院。”中国工程院院士王梦恕告诉《经济参考报》记者，现在辽宁、山东方面的积极性都很高，我国应抓住机遇，乘势而上，适时启动渤海海峡跨海通道的建设。    “渤海海峡跨海?</t>
  </si>
  <si>
    <t>中欧投资协定首轮谈判开启</t>
  </si>
  <si>
    <t>酝酿已久的欧盟-中国投资协定首轮谈判于1月21日至23日在北京举行。商务部新闻发言人沈丹阳21日表示，第一轮谈判中，中欧双方将就谈判的安排、谈判可能涉及的议题等内容展开充分磋商。尽管不涉及实质内容，但谈判结果将为快速进入实质性谈判打下基础。    此轮谈判之前，中?</t>
  </si>
  <si>
    <t>如新股票遭降级股价大跌</t>
  </si>
  <si>
    <t>被指在华涉嫌传销经营的美国化妆品企业如新公司近日在美国本土遭到下调股票评级打击，股价大幅下跌。受此影响，一些和如新有同样经营模式的企业股票也遭到冲击。    Analyst Ratings.Net发布的消息称，美国银行发布报告将如新的股票评级从买入修订为中性，目标价格为94美元</t>
  </si>
  <si>
    <t>当场验货有瑕疵是否可以双倍索赔</t>
  </si>
  <si>
    <t>【案例】    最近碰到一个消费者索赔的案例：某电器商场进货时，苹果IPAD平板电脑按照其送货标准，单个电脑5个一组，包装于送货的大包装盒中。大包装盒中错装了2个销往日本的，这2个日本版的电脑，其外包装与中国版的几乎没有区别。    恰巧一顾客欲购2台苹果IPAD，商场?</t>
  </si>
  <si>
    <t>为就业市场寻求“解冻”之策</t>
  </si>
  <si>
    <t>在世界经济论坛达沃斯年会举行前，论坛主席施瓦布将结构性高失业率视为当今世界根本性问题之一，还表示本次年会应该寻找解决这些根本性问题的方法。对拉斯洛·翁多尔(在欧盟委员会中负责就业、社会事务和机会平等事务的委员)来说，这样的议题自然春意盎然。    尽管全球经?</t>
  </si>
  <si>
    <t>2014年世界经济将加快增长</t>
  </si>
  <si>
    <t>2014年，在发达国家私人消费加速回暖的推动下，世界经济将加快增长。随着世界经济内生增长动力的加强，量化宽松政策将逐步退出美国和英国，但在欧元区和日本继续维持。全球经济的最大风险在于美国退出“量宽”政策，因为这将加大全球金融动荡，较大地冲击新兴经济体的汇率和?</t>
  </si>
  <si>
    <t>2014将是中国经济改革成败攸关的一年</t>
  </si>
  <si>
    <t>多家境外媒体在2014年伊始刊载文章，展望中国在新的一年里通过深化改革推进经济转型的前景。相关评论一致认为，2014年是中国经济改革成败攸关的一年，深化各项改革至关重要、势在必行。    美国《时代》周刊在题为《对中国而言，2014年是成败攸关的一年》的文章中指出，在?</t>
  </si>
  <si>
    <t>德国奔驰拟在中国市场发债</t>
  </si>
  <si>
    <t>中国债券市场向境外企业开放的步伐正在加快《经济参考报》记者最新获悉，作为首个尝鲜的境外非金融企业，德国梅赛德斯-奔驰拟在中国境内发行人民币债券，即业内所称的“熊猫债”。业内人士分析指出，这意味着中国资本市场进一步开放，并将进一步助推人民币国际化进程的深化。</t>
  </si>
  <si>
    <t>日本酝酿调整新经济增长战略</t>
  </si>
  <si>
    <t>据日媒报道，20日，日本政府今年首次在首相官邸召集“产业竞争力会议”成员，探讨经济增长战略调整方针，以进一步推进经济结构调整。日本首相安倍表示，为了振兴日本经济，需要实施大胆的金融政策、机动的财政政策，引导民间投资，只有这样，日本经济才能复苏和成长。    ?</t>
  </si>
  <si>
    <t>百威英博58亿美元收购东洋啤酒</t>
  </si>
  <si>
    <t>全球最大酿酒商百威英博20日宣布，将以58亿美元的价格，向产业投资机构KKR集团和亚洲企业投资和收购基金骏麒投资回购韩国东洋啤酒公司。    这一收购案使东洋啤酒公司重新成为百威英博旗下品牌。据悉，百威英博于2009年以18亿美元将东洋啤酒公司出售给KKR，以缓解一年前比?</t>
  </si>
  <si>
    <t>德意志银行四季度意外巨亏11.5亿欧元</t>
  </si>
  <si>
    <t>德国最大银行德意志银行19日公布了2013年第四季度财报，高达11.5亿欧元的税前亏损令外界颇感意外。德银称，导致亏损的主要原因是诉讼支出和投行营收减少等，这显示出诉讼和监管收紧正在对华尔街大型银行产生深刻影响。    财报显示，德银2013年第四季度的税前亏损为11.5亿?</t>
  </si>
  <si>
    <t>美经济复苏力度待考</t>
  </si>
  <si>
    <t>自2009年6月美国经济正式走出本轮衰退已有四年半时间，但美国经济增速仅保持在年均2%的水平，不到美国此前10轮经济复苏平均水平的一半。美国前白宫国家经济委员会主任劳伦斯·萨默斯近期甚至提出美国经济可能面临长期停滞的风险，引起美国经济学界的广泛讨论。    长期停滞</t>
  </si>
  <si>
    <t>全球经济巨变投影达沃斯</t>
  </si>
  <si>
    <t>每逢世界经济论坛年会，全球经济便活色生香地投影于瑞士小城达沃斯。今年，全球经济预计大致向好、喜中带忧，将于22日开幕的达沃斯年会主题也应时而变，对焦于后危机时代由世界重构带来的社会、政治和商业巨变。    回顾金融危机爆发后这些年，世界经济论坛达沃斯年会在主?</t>
  </si>
  <si>
    <t>世界经济迎来双引擎时代</t>
  </si>
  <si>
    <t>在金融危机时期，G2一度成为不少美国分析人士的热词。G2简译为“两国集团”，意为中美是对世界起决定作用的两个国家。尽管这个词存在极大的争议性，但展望2014年，世界经济却更可能进入G2时代，或者更具体地说，进入双引擎时代。    其中一个引擎，当仁不让自然是中国。事?</t>
  </si>
  <si>
    <t>3D影像馆：从记录历史到私人定制</t>
  </si>
  <si>
    <t>随着近年3D打印技术逐步发展，衍生产业应运而生，2012年11月，号称世界首家的3D照相馆在日本东京表参道开张，利用CT扫描仪扫描人物数据，然后由3D打印机“冲洗”出几乎一模一样的“迷你人”。一时间3D照相馆成为世人瞩目的焦点，国内一些3D相关企业也开始尝试涉足该产业。</t>
  </si>
  <si>
    <t>美经济继续温和增长  就业趋稳</t>
  </si>
  <si>
    <t>美联储15日发布了最新美国经济形势报告。消费者支出和工业产出等数据显示出，2013年底美国经济增长动力正在加强，2014年就业市场将趋于稳固。分析认为，美国经济形势持续乐观，美联储很可能在两周后的货币政策例会上继续缩减资产购买规模，结束量化宽松措施(QE)已为时不远。$</t>
  </si>
  <si>
    <t>影子银行监管应指向流动性风险</t>
  </si>
  <si>
    <t>虽然我国影子银行与美国等发达经济体基于资产证券化的影子银行模式存在明显差异，但毫无疑问也存在信用转换和流动性转换的金融中介共同特征，因而防范影子银行流动性风险理应成为我国金融监管的重要组成部分。    目前看，我国影子银行流动性风险较为突出，主要表现在以下?</t>
  </si>
  <si>
    <t>英国经济复苏势头能否延续</t>
  </si>
  <si>
    <t>中国驻英国大使刘晓明用一个地道的经济词汇“低开高走”来形容2013年的中英两国关系，这个词不但生动地总结了去年一年两国关系的发展历程，同时也是英国本国经济的真实写照。2008年金融危机让英国经历了二战以来最长的经济衰退，就在2012年底许多人还在担心英国经济将遭遇新?</t>
  </si>
  <si>
    <t>波音787客机再现电池故障</t>
  </si>
  <si>
    <t>日本航空公司15日表示，一架波音公司生产的787型客机在起飞前检测出电池组冒出白烟。这令人们再次关注该机型的安全问题。    日本航空表示，14日下午4点15分左右，东京成田机场一架准备起飞的日航波音787客机机身下部冒出白烟，机械师在驾驶舱内发现了这一情况。    据外</t>
  </si>
  <si>
    <t>亚洲掀起收购美企浪潮</t>
  </si>
  <si>
    <t>亚洲公司再掀收购美企浪潮。14日，日本三得利公司宣布将以136亿美元的价格现金收购美国烈酒生产商美国比姆公司。这是继无线运营商斯普林特Nextel公司和猪肉加工商史密斯菲尔德食品公司被亚洲企业收购后，又一大美国企业落入亚洲企业手中。    金融危机之前美国药企千禧制药</t>
  </si>
  <si>
    <t>亚洲主要股指齐涨</t>
  </si>
  <si>
    <t>受隔夜纽约股市大幅收高、世行上调今年全球经济增长预期等因素影响，15日亚洲股市主要股指均报上涨。    美国去年12月零售数据好于预期，隔夜纽约股市收高。当天东京外汇交易市场，日元兑美元汇率回跌至104比1的相对低位，出口板块买盘活跃。同时，世界银行发布最新一期《?</t>
  </si>
  <si>
    <t>加元的两难</t>
  </si>
  <si>
    <t>加元对美元汇率近日连续下跌。一叶知秋，加元汇率颓势的背后，其实是加拿大宏观经济的不景气。一些国际知名投行认为，加元对美元贬值的趋势将在2014年延续。    根据加拿大统计局7日发布的数据，2013年11月加拿大国际贸易赤字环比扩大，从10月的9.08亿加元(约合8.5亿美元)?</t>
  </si>
  <si>
    <t>恒天然再陷乳制品污染丑闻</t>
  </si>
  <si>
    <t>新西兰乳制品巨头恒天然13日宣布，将在国内召回受大肠杆菌污染的近9000瓶鲜奶油。这是该公司近6个月以来遭遇的第二次食品安全事故。    恒天然当日宣布，由于大肠杆菌含量超标，将召回旗下Anchor和Pams两个品牌的鲜奶油，数量为8700瓶。这些鲜奶的保质期在2014年1月21日前?</t>
  </si>
  <si>
    <t>拉美经济亟待走出“荷兰病”魔咒</t>
  </si>
  <si>
    <t>1959年，荷兰在北海发现了储量巨大的天然气田，随即引发了一轮天然气开发热潮。天然气出口剧增，国际收支出现顺差，经济一片繁荣。然而，持续而大量的国际收支盈余导致荷兰盾汇率大幅升值，削弱了工业制品的国际竞争力，对制造业出口形成严重打压，并由此带来失业率上升等一?</t>
  </si>
  <si>
    <t>中国影子银行放贷规模持续增长加剧信贷风险</t>
  </si>
  <si>
    <t>美国《华尔街日报》网站近日撰文指出，中国影子银行放贷规模持续增长，导致高风险贷款增加，推升了房地产价格，加剧了中国信贷危机风险。报道还称，目前影子银行正在将目光投向小额信贷业务，市场对这类贷款的需求在疯狂增长。报道题为《高利贷者在中国嗅到商机》，如下：</t>
  </si>
  <si>
    <t>2013年度日本经济增长或将达到2.5%</t>
  </si>
  <si>
    <t>2013年日本自民党卷入重来，安倍再次执政。有备而来的安倍采取大胆的刺激经济对策，日本经济一季度增长4.5%，二季度增长3.6%，三季度增长由1.9%修正为1.1%，宏观经济复苏显示出“冲高回落”势头。预计日本2013年度经济大致可以实现2.3%-2.8%增长，摆脱通缩、出现通胀率大约为</t>
  </si>
  <si>
    <t>2014CES：新技术构建消费电子未来</t>
  </si>
  <si>
    <t>一年一届的美国拉斯韦加斯消费电子展(CES)因其广泛的影响力，被业界称为全球消费电子业的风向标。而在刚刚结束的2014年CES展上，自动智能技术、可穿戴技术、3D打印技术和超级显示技术等新技术和新创新，则向人们展示了全球消费电子产业的未来发展方向。    可穿戴设备惊艳?</t>
  </si>
  <si>
    <t>冷静对待“全球第一贸易国”</t>
  </si>
  <si>
    <t>在刚刚过去的2013年，我国对外贸易规模再度迈上新台阶：海关总署10日发布数据显示，2013年我国进出口总值25.83万亿人民币(折合4.16万亿美元)，首次突破4万亿美元关口。    虽然美国全年外贸数据仍未公布，但是在2013年前10个月，我国货物贸易进出口总值已经超过美国公布的1</t>
  </si>
  <si>
    <t>资本项目可兑换细则或首季公布</t>
  </si>
  <si>
    <t>上海市常务副市长屠光绍13日在香港表示，预计上海自贸区资本项目可兑换具体细则将在2014年前几个月或者第一季度发布。    由香港特区政府及香港贸易发展局合办的“亚洲金融论坛2014”13日在香港开幕。屠光绍出席其中的“中国机遇”讨论环节时向与会者介绍了中国(上海)自由?</t>
  </si>
  <si>
    <t>亚洲股市多报上扬</t>
  </si>
  <si>
    <t>13日，在美国上周末公布的非农就业数据可能导致美联储在较长时间内仍维持宽松货币政策的预期影响下，亚洲股市多报上涨。    当日，香港股市收盘小幅走高。恒生指数高开后跳水，午后在博彩股、银行股、资源股带动下震荡回升，收报22888.76点，涨42.15点，涨幅为0.19%。恒生?</t>
  </si>
  <si>
    <t>就业数据疲弱难改美联储步调</t>
  </si>
  <si>
    <t>美国最新公布的2013年12月非农就业数据以及失业率，大大出乎市场预期，触动各方敏感神经，并引发市场对于美联储是否会调整量化宽松政策退出节奏的猜测。多家机构认为，美联储将会考虑多方因素，维持渐进削减QE规模的步调。    矛盾数据扰动市场预期    美国劳工部10日公?</t>
  </si>
  <si>
    <t>“国际油气管道投运市场一支劲旅”</t>
  </si>
  <si>
    <t>中油管道投产运行公司(下简称投运公司)成立15年来市场业务不断扩大，从非洲、中东、中亚、南亚等到国内，共承担大型能源通道投产工程30余项，自主运行管道7000多公里，参与运行管道2500多公里；业务范围也从单一的管道投产运行发展为主营管道投产运行、油品化工，兼营技术咨?</t>
  </si>
  <si>
    <t>美国金融市场“几家欢乐几家愁”</t>
  </si>
  <si>
    <t>新年伊始，美国经济强劲的复苏势头引人关注。华尔街专家预测，美国金融市场将上演“几家欢乐几家愁”的大戏：尽管美股今年不大可能复制去年的辉煌，但仍会稳健上涨；随着经济向好，美联储收紧流动性，美国利率水平长期上升，美国国债继续承压；继去年价格创近三十年来最大跌?</t>
  </si>
  <si>
    <t>美联储退出QE慎字当头分歧仍存</t>
  </si>
  <si>
    <t>8日公布的美联储公开市场委员会(FOMC)2013年12月政策会议纪要显示，美国就业市场改善推动官员上个月决定开始缩减债券购买规模。但美联储官员希望，在缩减购债规模时将谨慎从事，以平复市场有关美联储将过快退出第三轮量化宽松(QE)政策的担忧。同时，在何时退出QE的问题上，美</t>
  </si>
  <si>
    <t>RQFII扩围  安石首度试水对华证券投资</t>
  </si>
  <si>
    <t>安石集团日前成为香港以外唯一一家获得投资中国市场牌照的海外公司。尽管拿到的额度仅为10亿元人民币左右，但这是首次由中国向一家西方资产管理公司提供投资股市和债市的敞口，业内人士称看点颇多。    对外开放的双赢之举    这项业务源于2013年10月，英国伦敦以800亿元</t>
  </si>
  <si>
    <t>中国互联网市场是投资重中之重</t>
  </si>
  <si>
    <t>2013年，随着汽车之家登陆美国资本市场，澳大利亚电信国际集团(以下简称“澳电”)的名字也随之声名鹊起。尽管在近两年来才被国内的互联网行业所熟知，但目前这家排名世界第七大的国际电信运营商，早在1989年就进入了中国，并一直在默默地耕耘中国市场。在过去的二十余年中，?</t>
  </si>
  <si>
    <t>血糖仪市场外资垄断格局将打破</t>
  </si>
  <si>
    <t>持续5年之久的桂林中辉生物技术有限公司假冒美国强生公司血糖检测试纸注册商标案终于结束。在8日举行的新闻发布会上，桂林中辉拿出了国家工商总局商标评审委员会2013年年底做出的行政裁决书——撤销美国强生“ONETOUCH”商标的申请。强生表示，不会退出中国市场。    桂林?</t>
  </si>
  <si>
    <t>日本地震保险体系缓冲巨灾损失</t>
  </si>
  <si>
    <t>日本位于环太平洋火山地震带上，地震发生频繁，也是较早开始地震保险制度研究的国家之一。经过多年探索，日本建立了一套以政府为主导的地震保险体系，在近50年的运行中不断完善，较好地发挥了经济补偿、稳定生活和恢复经济的作用。特别是在1995年阪神大地震和2011年东日本大?</t>
  </si>
  <si>
    <t>欧盟一体化坎坷前行</t>
  </si>
  <si>
    <t>新年伊始，经济能否维持复苏动力仍是欧洲大陆关注的焦点。但相继出现的两件看似分割的事件给今年欧洲增添了新的焦点——反欧盟政党的崛起是否会阻碍欧洲一体化进程，甚至给单一市场造成较大冲击。    英国、法国、荷兰反对欧盟的右翼政客年初组成跨国政治联盟，欲在5月的欧</t>
  </si>
  <si>
    <t>美财长访欧呼吁巩固经济复苏</t>
  </si>
  <si>
    <t>美国财政部长雅各布·卢本周开始对法国、德国和葡萄牙欧洲三国进行为期三天的访问。雅各布·卢表示，此次访欧将强调运用各国可行的财政政策，来刺激需求并支持经济复苏。    与法财长高度一致    美国对欧洲经济复苏力度疲弱十分关注。在出访期间，雅各布·卢将与财经官?</t>
  </si>
  <si>
    <t>美消费电子销售收入将达2080亿美元</t>
  </si>
  <si>
    <t>美国消费电子协会7日在2014年拉斯韦加斯国际消费电子展开幕式上发布报告，预测2014年美国消费电子产业销售收入同比增长2.4%，达到创纪录的2080亿美元。    报告预测，今年美国消费电子产业新兴产品类别如3D打印机、智能手表、超高清电视、保健电子设备等销售收入超过60亿美</t>
  </si>
  <si>
    <t>亚洲金融论坛聚焦亚洲经济动力</t>
  </si>
  <si>
    <t>第七届亚洲金融论坛将于1月13日至14日在香港会议展览中心举行，主题为“亚洲：带动全球增长”的本届论坛，将汇聚逾100位政商界演讲嘉宾讨论多个聚焦亚洲的经济议题。    在8日举行的记者会上，亚洲金融论坛策划委员会主席、渣打(香港)有限公司执行董事和行政总裁洪丕正表示</t>
  </si>
  <si>
    <t>加国证券监管机构仍待统一</t>
  </si>
  <si>
    <t>普华永道会计师事务所日前发布报告称，2013年，加拿大证券市场首次公开募股(IPO)筹集资金总额达27亿加元(约合人民币154亿元)，比2012年增加50%。这对于刚刚步入新年的投资者来说，无疑是个好消息。    不过，比照充满活力的融资市场，加拿大证券业全国性监管机构的发展却相</t>
  </si>
  <si>
    <t>日本今年仍将维持负实际利率</t>
  </si>
  <si>
    <t>美欧日发达国家目前都在实施高度宽松的货币政策，而其中只有日本现在的实际利率为负，远低于美欧。2014年，日本的负实际利率状况仍难以改变，这对投资的拉动可能十分有限。    有望维持负实际利率    长期以来，日本的通货紧缩制约着日本经济的发展。日本实施的高度宽松?</t>
  </si>
  <si>
    <t>徜徉“高原氧吧”  感受“醉美林芝”</t>
  </si>
  <si>
    <t>新加坡好乐德国旅总经理周卓彦自2000年起致力于推介西藏旅游。经常有新加坡人问，到西藏旅游，如何应对高原反应？周卓彦的建议是，先到林芝这个“天然氧吧”吸足氧气，然后再到海拔更高的其他地方游览。    林芝的“绿色名片”    沿川藏公路进入林芝，遮云蔽日的原始森?</t>
  </si>
  <si>
    <t>四大技术引领2014年国际消费电子展</t>
  </si>
  <si>
    <t>每年年初，在美国拉斯韦加斯举行的国际消费电子展是各种前沿和创新技术争奇斗艳的舞台，也一直被看做行业风向标。今年展会开幕前，可穿戴技术、超级显示技术、大众定制技术、自动智能技术等四大技术就已成为热门话题。    美国消费电子协会认为，2014年将会成为可穿戴设备?</t>
  </si>
  <si>
    <t>美参院批准耶伦出任美联储主席</t>
  </si>
  <si>
    <t>美国会参议院6日投票通过奥巴马总统对美联储副主席珍妮特·耶伦担任美联储主席的提名，耶伦成为美联储百年历史上的首位女性掌门人。    参议院当天以56票对26票的表决结果通过了对耶伦的提名。美国总统奥巴马去年10月9日提名耶伦接替伯南克出任美联储下一任主席。耶伦将在?</t>
  </si>
  <si>
    <t>A股须建立市场信用体系</t>
  </si>
  <si>
    <t>2013年，上证综指交出了亚洲股市表现最差的答卷。2013年上证综指全年下跌6.75%，比印度尼西亚股市还要差。如果与美国道琼斯指数上涨26%，日经指数上涨57%相比，更是无地自容。即使与自己相比，2007年10月上证综合指数曾上涨到6134点，2013年底的2103点也只是当年的三分之一，</t>
  </si>
  <si>
    <t>英国将延续紧财政宽货币政策</t>
  </si>
  <si>
    <t>根据经济学家的预计，英国今年将成为发达国家中经济增长速度最快的国家之一。从政策方面看，仍将延续紧缩财政和宽松货币的政策。    调查显示前景乐观    三家主要的商业调查机构最近在同一天公布的调查显示，各种规模的企业对于今年增加和创造就业的能力都表示乐观。劳?</t>
  </si>
  <si>
    <t>寿司师傅眼里的美国人理财观</t>
  </si>
  <si>
    <t>保罗是一家日本料理店的寿司师傅，这家店位于美国大华府地区的麦克莱恩镇，该镇的人口虽然不足十万，但是肯尼迪、切尼家族等名门望族、现任国会议员等政坛精英和富商云集于此，按邮编计算的当地平均房价在大华府地区高居榜首。然而在这样的富人区，保罗虽然感受到了经济复苏?</t>
  </si>
  <si>
    <t>韩元升值戕害出口  韩国政府着手应战</t>
  </si>
  <si>
    <t>韩国总统朴槿惠6日在总统府青瓦台举行的新年记者会上指出，日元贬值的确对韩国经济构成负担。英文版的《韩国时报》称，如果本周日元对韩元的比价继续走低，韩国政府出手干预的期望值将大大提升。    分析人士指出，外汇市场上韩元持续升值，主要是由美国、日本两国货币政策</t>
  </si>
  <si>
    <t>伯南克：宽松货币政策立场不变</t>
  </si>
  <si>
    <t>美联储主席伯南克3日在美国经济学会年会上发表讲话时表示，一系列因素预示着美国经济将持续改善，美联储开始削减量化宽松规模并非意味着宽松货币政策立场的改变，未来美联储也可能采用其他工具使货币政策回归常态。    经济前景整体向好    在当天的讲话中，伯南克对于美</t>
  </si>
  <si>
    <t>玉米价格2013年暴跌39%</t>
  </si>
  <si>
    <t>在刚刚结束的2013年，美国芝加哥期货交易所(CBOT)的玉米期货以39.6%的价格跌幅成为商品跌幅榜的冠军。截至2013年最后一个交易日，CBOT玉米价格为每蒲式耳4.22美分。这也是自1960年以来玉米价格跌幅最大的一年。    分析人士称，玉米价格走弱的主要原因是供给过剩。据介绍，</t>
  </si>
  <si>
    <t>“炒房炒地不踏实，做实业才可持续”</t>
  </si>
  <si>
    <t>“炒房炒地让我感觉不踏实，做实体产业才是可持续之道。”东部沿海地区一位企业家说。    近日《经济参考报》记者走访了东中西部10余省区市的上百家企业，与企业负责人面对面交流。    在经历了“炒房”、“炒煤”、“炒钱”等虚拟经济“洗礼”后，不少企业家的心态渐趋?</t>
  </si>
  <si>
    <t>楼市安好，美国经济便是晴天</t>
  </si>
  <si>
    <t>2013年岁末，美国股市再创新高，令全球投资者振奋不已。但这支近年来被美联储货币宽松政策持续烘烤的“温度计”，已无法完全反映美国实体经济的冷暖温凉，倒不如美国楼市数据更加精准而真切。    与美股相比，楼市之于美国经济的现实意义更加突出：败也楼市，成也由它。几?</t>
  </si>
  <si>
    <t>审慎抵御量化宽松退出冲击</t>
  </si>
  <si>
    <t>近日，《经济参考报》记者电邮专访了国际货币基金组织秘书长林建海和该组织职员刘菲。二位就读者关心的2014年全球经济走势、美联储货币政策对新兴经济体的影响及其对策、国际货币基金组织针对发达国家货币政策溢出效应所采取的措施等问题作了阐述。林建海表示，应审慎抵御量?</t>
  </si>
  <si>
    <t>艾克曼：执拗的康宝莱做空者</t>
  </si>
  <si>
    <t>没有永远的赢家，是全球对冲基金难以打破的魔咒，想当年风光无限的长期管理资本公司被俄罗斯金融风暴吞噬，再到近一年来“沽空之王”保尔森被国际金价崩盘折腾得狼狈不堪……灰头土脸者有之，身无分文者亦有之。与他们相比，威廉·艾克曼还算幸运。在康宝莱多空之战上栽了跟?</t>
  </si>
  <si>
    <t>从美元退潮到搅局者崛起</t>
  </si>
  <si>
    <t>美元退潮往往会给全球带来两大变数，其一，发达国家股票市场的牛市是否会戛然而止，从而推动美元的再度异常波动？其二，美联储宽松政策推动的新兴市场繁荣，会不会开始发生崩塌？直接导致新兴市场货币出现自杀性贬值？    1913年的12月23日，距离圣诞节仅有两天，时任美国?</t>
  </si>
  <si>
    <t>应警惕保险业潜在的系统性风险</t>
  </si>
  <si>
    <t>英国《金融时报》中文网站1月2日登载该报银行业编辑帕特里克·詹金斯撰写的一篇文章，题为《保险公司或引发下一轮危机》，摘编如下：    这就像一道很好的酒吧竞猜题：2008年金融危机中，为哪家公司救助所花的钱最多？苏格兰皇家银行(RBS)？花旗集团(Citigroup)？许多人是?</t>
  </si>
  <si>
    <t>一名退伍老兵的新“战场”</t>
  </si>
  <si>
    <t>一秒思考：    放眼中国企业界联想的柳传志、华为的任正非、杉杉的郑永刚、双星的汪海、中粮集团的宁高宁……在他们走向成功的过程中，早年的军人经历一直在其血液里发挥着重要作用。根据美国商务年鉴的一个统计，二战以来，在世界500强企业中，西点军校培养出的董事长有10</t>
  </si>
  <si>
    <t>不可不知的购物“秘籍”</t>
  </si>
  <si>
    <t>向“优惠券女王”学几招    圣诞节礼物已经包好，节日大餐已经备好。计算一下，价值超过600英镑(约合982美元)的节日花销，使用各种优惠券后，不到100英镑(164美元)就拿下，“优惠券女王”英国女子埃玛·芒福德满心愉悦。    芒福德现年20岁，家住多塞特郡韦茅斯。她乐此?</t>
  </si>
  <si>
    <t>中欧将共同引领第三次工业革命</t>
  </si>
  <si>
    <t>新年之交，《经济参考报》记者电话连线美国未来趋势学家、《第三次工业革命》作者杰里米·里夫金。里夫金表示，由于持续使用页岩气的原因，2014年美国传统经济模式不会有大的改变，相比之下，欧盟有关国家有望在未来六个月里制定第三次工业革命总路线图。里夫金还建议，中国?</t>
  </si>
  <si>
    <t>全球央行货币政策调整明显分化</t>
  </si>
  <si>
    <t>2014年，将是美国货币政策从高度宽松逐渐转向宽松，再转向中性，然后偏紧的一个过渡阶段；欧洲央行将进一步加大货币政策的宽松力度以帮助欧元区实现经济复苏；日本货币政策尚有宽松空间；新兴经济体货币政策仍然处于调整之中，将以紧货币为特征。    美联储宣布从2014年1月</t>
  </si>
  <si>
    <t>被“宠坏”的美国消费者</t>
  </si>
  <si>
    <t>“前几天有个顾客把一年前买的手表拿来退货，我不同意，她就大吵大闹，还把经理找来了，经理让我息事宁人把手表给退了。更夸张的是，我们商场里还遇到过用了一半的化妆品拿来退货的顾客。”在美国一家大型连锁百货公司工作的莱娜刻画出一幅美国消费者被宠坏的景象。    健?</t>
  </si>
  <si>
    <t>“推特”股价暴涨  后市遭看空</t>
  </si>
  <si>
    <t>美国社交网站“推特”的股价在2013年最后一个交易日上涨5.19%，报收于63.65美元，与2013年11月初上市价格每股26美元相比，涨幅接近150%。但包括麦格理银行分析师本·沙赫特在内的一些分析师开始看空该股，预计未来一年，“推特”股价可能进入下行通道。    本·沙赫特将“?</t>
  </si>
  <si>
    <t>屡遭罚款  巴克莱重建信任或需10年</t>
  </si>
  <si>
    <t>英国巴克莱银行首席执行官安东尼·詹金斯日前表示，信任容易失去，但难以挽回。他承认，对于巴克莱而言，或许需要5到10年的时间才能重新赢回公众的信任。詹金斯称，希望巴克莱所做的一切能为银行业赢回信任作出贡献。    2012年8月，詹金斯接替因操纵Libor出事的戴蒙德成为</t>
  </si>
  <si>
    <t>发展中等职业教育对经济增长有四方面意义</t>
  </si>
  <si>
    <t>中国发展研究基金会秘书长卢迈在日前举行的《中等职业教育国家资助政策落实效果评估报告》发布会上表示，发展中等职业教育对经济发展有四方面重要意义。一是拉动消费，促进经济增长；二是降低失业率、缩小收入差距；三是解决就业结构性矛盾，为生产服务一线提供生力军，提升?</t>
  </si>
  <si>
    <t>东盟共同体启动  深化合作契机显现</t>
  </si>
  <si>
    <t>东盟10国12月31日启动东盟共同体，该组织将深化经济、政治安全和社会文化交流与合作，这不仅将惠及区域内6亿人口，也将对中国在内的亚洲国家经济发展带来利好和机遇。东盟领导人们寄希望于东盟共同体能使所在地区的更多人获得经济利益，他们预计目前总规模接近2.6万亿美</t>
  </si>
  <si>
    <t>经济寒冬下的俄罗斯：年关难过</t>
  </si>
  <si>
    <t>连日来，在俄罗斯首都莫斯科，巧克力成为热销商品。调查显示，34%的俄罗斯人为家人准备的新年礼物，不是孩子们渴望的红包，也不是年轻人期盼的智能手机，而是经济实惠的巧克力。在莫斯科、圣彼得堡等大城市，尽管各大商场内货品琳琅满目，但是面对节节攀升的物价，握着?</t>
  </si>
  <si>
    <t>痼疾未除  日本经济继续承压</t>
  </si>
  <si>
    <t>2015年全球经济走势不如年初预期，复苏进程仍然呈现不均衡且乏力的态势。在发达国家中，日本经济的表现和美国显然无法同日而语，在美联储终于启动加息周期之际，日本经济仍徘徊在衰退和增长的边界。展望明年，财政货币双宽松政策仍未必带来前途光明，日本经济需要找到真正的?</t>
  </si>
  <si>
    <t>FTA战略的中国智慧</t>
  </si>
  <si>
    <t>中韩、中澳自由贸易协定日前生效，成为中国自贸战略的最新成就。回首以往，中国签署并实施的自贸(FTA)协定已达14个，涉及亚洲、大洋洲、拉丁美洲、欧洲的22个国家和地区，自贸战略稳步推进；展望未来，国务院不久前颁布《关于加快实施自由贸易区战略的若干意见》（以下简称《</t>
  </si>
  <si>
    <t>德国经济动力不减  欧洲缓慢复苏</t>
  </si>
  <si>
    <t>执政10年的“铁娘子”默克尔获评美国《时代》周刊2015年度人物，她领导下的德国也被《时代》称为欧洲最具竞争力的经济体。2015年，在应对新一轮欧债危机、接纳百万中东难民的过程中，默克尔展现了欧盟大国的领导气质，德国作为欧元区引擎也保持着稳健复苏的动力。根据欧</t>
  </si>
  <si>
    <t>美元当道  新兴市场货币遭殃</t>
  </si>
  <si>
    <t>2015年，外汇市场上美元几乎唱了独角戏，衡量美元对其他六种主要货币汇率的美元指数全年上涨近10%，新兴市场经济体的货币普遍贬值。随着美国联邦储备委员会（美联储）将美国基准利率引入上升通道，2016年美元还会稳步升值，其他经济体的货币大多继续承受下行压力。从全?</t>
  </si>
  <si>
    <t>中英两国应加强创意产业合作</t>
  </si>
  <si>
    <t>英国议会跨党派中国小组副主席克莱门特·琼斯勋爵近日表示，中英两国都是文化大国，创意产业是国家经济发展的重要组成部分，两国应该建立创意产业合作伙伴关系，以此促进中英关系全面发展。英国是创意产业强国，其影视、时尚、广告等领域都处于世界领先水平。英国同时还</t>
  </si>
  <si>
    <t>美国经济不温不火  加息将成胜负手</t>
  </si>
  <si>
    <t>2015年，美国经济结束了不温不火的又一年，全年经济增速预计在2.1%左右，但美国消费支出强劲增长和就业市场稳步改善的亮丽表现已足够让美联储有信心在年底启动金融危机以来的首次加息。展望2016年，美国经济面临的最大挑战在于美联储将如何渐进加息，以及美国经济复苏能否承?</t>
  </si>
  <si>
    <t>联邦快递因圣诞送货延误遭指责</t>
  </si>
  <si>
    <t>由于出货量暴增，加上天气状况不佳，美国联邦快递公司今年圣诞送货延误，导致许多家庭的圣诞礼物没有准时送达。据外媒报道，一直深受许多西方人信赖的美国联邦快递公司，今年圣诞节延误了大量圣诞包裹，使许多父母准备在圣诞节假扮圣诞爷爷送礼物给孩子们的愿望落空，这</t>
  </si>
  <si>
    <t>中国华信推动两岸能源联动</t>
  </si>
  <si>
    <t>12月25日，总部位于上海的中国华信能源有限公司在台北与台湾中油股份有限公司签署一份股权转让协议，中国华信获得台湾中油乍得BCOⅢ/BCSⅡ/BLTⅠ三个油气区块35%股权及销售权益。双方还有望共同设立能源基金，推动两岸能源产业联动。根据协议，台湾中油向中国华信转让乍</t>
  </si>
  <si>
    <t>明年上半年油价或在35美元上下波动</t>
  </si>
  <si>
    <t>当今的国际石油市场上，能够在短短的一年内，驱使油价从大约110美元的相对高位急挫到近30美元左右，其驱动下行的主要能量不是来自供求关系。因为供求并没有强烈失衡到足以将油价腰斩的程度，对油价形成强烈冲击的新变量是美国强化了金融监管政策。2014年底，美联储为了?</t>
  </si>
  <si>
    <t>流动的钱包</t>
  </si>
  <si>
    <t>与往年不同的是，羊年的春节很多人“飞”的方向不是“回家”，而是“离家”。汇率利好、各国签证放宽等因素吸引更多国人走出国门。羊年春节，出境旅游的游客人数超过国内跨省游，占出游人数的比例超过60%。  农历新年长假的到来，也让旅游板块开始受到资金的关注。资</t>
  </si>
  <si>
    <t>中英如何继续提升经贸合作“含金量”</t>
  </si>
  <si>
    <t>岁末回首，2015年中英经贸合作成果辉煌。今年10月，中国国家主席习近平应英国女王伊丽莎白二世邀请，对英国进行国事访问。此访取得丰硕成果，推动中英经贸合作步入“黄金时代”。明年是中国“十三五”规划开局之年，“十三五”规划标志着中国进入全面建成小康社会的决胜阶段?</t>
  </si>
  <si>
    <t>“万宝”之争：王石首度表态可以“妥协”</t>
  </si>
  <si>
    <t>万科与宝能系正式交战已持续整整一周，双方虽然有回应，但多是针对外界质疑，还未有对双方态度、取向的明确表态。值得注意的是，就在关键的第七天，王石首度借谈话透露希望缓和交战气氛的意愿。  23日，万科董事局主席王石拜访了瑞士信贷，并发表了演讲。王石表示对?</t>
  </si>
  <si>
    <t>油价跌势难止  来年可能见底</t>
  </si>
  <si>
    <t>2015年，国际原油期货价格在美国非常规油气革命、美联储货币政策收紧预期、美元币值坚挺、市场需求减弱等因素的作用下震荡走低。  市场分析人士指出，在全球市场供大于求、美元持续走强等制约油价的因素短期难以改变的情况下，低油价将成未来的新常态。  根?</t>
  </si>
  <si>
    <t>英调查亚马逊和eBay涉嫌协助海外商户偷逃税</t>
  </si>
  <si>
    <t>英国税务部门正在调查亚马逊和eBay等网络购物平台，因其涉嫌协助海外商户在英国销售偷逃增值税的商品。  据英国《卫报》报道，涉嫌偷逃增值税的商品类型多为高价电子产品，如苹果公司的手表或平板电脑，日本品牌的数码相机等。  圣诞节前夕，大量的小件商品?</t>
  </si>
  <si>
    <t>加国“土里生黄金”  投资也要擦亮眼</t>
  </si>
  <si>
    <t>蓝天白云下广袤的麦田绿意无边，机械化大生产阵阵轰鸣，尼亚加拉冰酒举世无双……  笔者日前走访了几位农业投资“发烧友”，在跟他们的交谈中，笔者脑海里浮现的是一幅幅极具特色的加拿大农业画卷。  加拿大农业发展的自然条件得天独厚，农业投资法规也比较?</t>
  </si>
  <si>
    <t>阻挠IMF改革的美国后悔了</t>
  </si>
  <si>
    <t>2010年出台的IMF改革方案，5年来迟迟得不到落实，唯一的原因，就是美国成了绊脚石。但12月18日，美国国会终于通过了相关法律，这倒不是美国发善心了，而是这些政客终于认识到，五年来的阻挠，美国实则犯下了一个致命错误。  美国自以为是的态度，极大地损害了美国的?</t>
  </si>
  <si>
    <t>摩根大通支付1.5亿美元和解“伦敦鲸”丑闻诉讼</t>
  </si>
  <si>
    <t>据外媒报道，美国俄亥俄州首席检察官麦克·德维纳21日表示，对于投资者就“伦敦鲸”交易丑闻向摩根大通发起的证券欺诈诉讼，摩根大通已同意支付1.5亿美元和解。  2012年4月，摩根大通旗下首席投资办公室中外号为“伦敦鲸”的交易员布鲁诺·米歇尔·伊科西尔在债券市?</t>
  </si>
  <si>
    <t>印度采购日本高铁的经济账</t>
  </si>
  <si>
    <t>近日，日本首相安倍对印度进行访问期间，两国签署了价值147亿美元的高铁合作备忘录，采用日本新干线技术建设印度首条高铁线路，即全长505公里的孟买至艾哈迈达巴德的高铁项目。有分析指出，日本在高铁项目上花了很大代价，提供了绝大部分资金，但高铁这样的战略性决策，</t>
  </si>
  <si>
    <t>中韩自贸协定生效  首票韩国货物进口通关</t>
  </si>
  <si>
    <t>虽然满载2600吨液态硫磺，但韩国货轮“晨海号”整条船看上去并不大，白色的舷号“Morning Sea”在红色的船头十分显眼。12月20日上午，记者抵达现场看到，青岛港工人和船员们正在卸货，一名船员在船上操作阀门，码头上，几名船员和港口工人正用英语交流作业步骤，液态硫磺通过</t>
  </si>
  <si>
    <t>供应持续过剩  油价弱势格局难改</t>
  </si>
  <si>
    <t>近日，国际市场上原油价格持续下跌趋势不改，已经创出11年来最低水平，机构对未来走势并不乐观。上周，布伦特原油期货下跌2.8%之后，21日晚11时又跌至36.1美元/桶，比前一交易日下跌2.11%，创2004年7月以来盘中最低水平，跌破2008年金融危机时期低位。美国西得克萨斯中?</t>
  </si>
  <si>
    <t>探秘澳大利亚养老社区</t>
  </si>
  <si>
    <t>澳大利亚的人口虽然不多，但老龄化趋势却很严峻。随着二战后出生的“婴儿潮”一代逐渐进入退休状态，养老成为一个各方关注的话题。对于史蒂芬·诺里斯而言，养老是一个贯穿一生的话题。他的父母管理着一个隶属于教堂的养老院，史蒂芬的家就在养老院旁边，从小他的生活中</t>
  </si>
  <si>
    <t>美联储加息负面影响不可小觑</t>
  </si>
  <si>
    <t>美联储宣布加息，总算让美国货币政策走向正常跨出了一小步。全球股市上扬，市场基本上反映正面。美元些许上扬，但油价、金价及其他商品价格普遍下跌，这些都是影响美国达到2%的通货膨胀目标的因素，也可能让美联储未来加息频率更为缓和。从美联储的主要通货膨胀参考指标</t>
  </si>
  <si>
    <t>中韩中澳自贸协定实施  部分商品“零关税”</t>
  </si>
  <si>
    <t>《经济参考报》记者20日从中国贸促会获悉，经山东、江苏、浙江、广东、重庆、深圳、青岛、厦门、杭州等多地企业申请，中国贸促会成功签发了首批中国-韩国、中国-澳大利亚自由贸易协定项下优惠原产地证书53份，涉及产品涵盖食品、医药、纺织品、电子、化工产品等多个领域，涉?</t>
  </si>
  <si>
    <t>美国会放行IMF份额改革方案</t>
  </si>
  <si>
    <t>美国国会参众两院12月18日批准了国际货币基金组织2010年份额和治理改革方案，意味着长期阻碍国际货币基金组织该项改革的最后障碍被移除，中国在国际货币基金组织中的投票权将从3.8%上升到6%。当日，美国参众两院通过联邦政府2016财年综合拨款法案，以确保联邦政府部门有</t>
  </si>
  <si>
    <t>产业升级为新经济增加爆发力</t>
  </si>
  <si>
    <t>“中国新经济在悄然变化”、“规模庞大的中国经济正经历重大转型”……时下，越来越多国际观察家注意到，“新经济”带动下的新产业正在中国蓬勃发展，其活力与能量超出想象。而这种“新经济”之所以能够在中国生长壮大，与不断创新发展的执政思路与政策环境密切相关。</t>
  </si>
  <si>
    <t>新兴经济体迎美联储加息冲击波</t>
  </si>
  <si>
    <t>美国联邦储备委员会16日毫无悬念地宣布了加息决定，将联邦基金利率上调25个基点到0.25%至0.5%的区间，其中隔夜逆回购利率上调至0.25%，超额存款准备金利率上调至0.5%。市场憧憬了一年的美联储加息终于尘埃落定。分析认为，新兴经济体面临冲击，但影响几何还有待对美联储加息?</t>
  </si>
  <si>
    <t>美联储三任主席的“放”与“收”</t>
  </si>
  <si>
    <t>当地时间16日，美联储终于宣布加息，完全符合市场预期。这是2006年6月以来首次美联储加息，也是美国货币政策再次回归中性水平的最强信号。在上个加息周期中，格林斯潘和伯南克一共用了25个月将联邦基金利率推高到5.25%，这次耶伦将把利率升到哪个点位，整个加息周期又会耗时?</t>
  </si>
  <si>
    <t>美国国会拟批准IMF改革协议</t>
  </si>
  <si>
    <t>美国国会近期将国际货币基金组织（IMF）2010份额和治理改革方案放入2016财年综合拨款法案中，并有望在本周末予以批准。美国众议院议长共和党人保罗·瑞安15日晚宣布共和、民主两党已就2016财年综合拨款议案及其相关税收优惠议案达成一致，其中就包括了IMF2010份额和治理</t>
  </si>
  <si>
    <t>亚投行治理需要集成式创新</t>
  </si>
  <si>
    <t>亚投行筹备工作组副组长陈欢日前表示，预计亚投行在12月底前可以满足开业条件。开业仪式定在明年1月中旬。作为一个新建立的多边国际合作组织，开业在即的亚投行不可避免地面临机遇和挑战。在当前国际经济和亚洲区域经济的现实背景下，创新是迎接机遇、应对挑战的重要策?</t>
  </si>
  <si>
    <t>欧盟可能对俄罗斯经济制裁延长半年</t>
  </si>
  <si>
    <t>欧洲理事会主席图斯克15日表示，即将召开的欧盟峰会将决定是否对俄罗斯的经济制裁延长半年。外界普遍预计，欧盟可能延长制裁。欧盟冬季峰会将于17日和18日在布鲁塞尔召开。图斯克在当天发表的欧盟峰会召集信中表示，欧盟领导人将在峰会期间讨论是否延长对俄制裁问题。</t>
  </si>
  <si>
    <t>金融世界永远生长着“郁金香”</t>
  </si>
  <si>
    <t>太阳底下无新事，金融世界亦如此。挑动世界欲望之火的郁金香，谢了又开，已在这个经济的世界里轮回了两千余年。英国金融专家鲍勃·斯瓦卢普的《金融危机简史：2000年来的投机、狂热与崩溃》，讲述古罗马时代至今的金融危机浪潮，透过表象解构亘古不变的金融危机之因，即人性?</t>
  </si>
  <si>
    <t>巴林欲做中企投资中东重要枢纽</t>
  </si>
  <si>
    <t>中国提出的“一带一路”战略构想契合了不少沿线国家的经济发展需要，作为海湾地区的重要门户，巴林也对这一战略表现出浓厚的兴趣。巴林经济发展委员会首席执行官哈立德·艾勒鲁迈希日前在接受记者采访时表示，“一带一路”战略旨在在原有的丝绸之路经济带基础上更进一步</t>
  </si>
  <si>
    <t>2020年重点领域装备出口翻番</t>
  </si>
  <si>
    <t>12月15日，上海合作组织成员国政府首脑（总理）理事会第十四次会议在河南郑州举行，国际产能合作在其中扮演了“重头戏”。就在去年的同一天，这种国际间全新合作模式在李克强总理与哈萨克斯坦总统纳扎尔巴耶夫会谈中“诞生”，而如今国际产能合作正向世界更多的地方拓展。</t>
  </si>
  <si>
    <t>中国将正式加入欧洲复兴开发银行</t>
  </si>
  <si>
    <t>记者15日从中国人民银行网站获悉，欧洲复兴开发银行理事会通过接受中国加入该行的决议。在履行国内相关法律程序后，中国将正式成为该行成员。在接受中国加入前，欧洲复兴开发银行共有66个成员，包括64个成员国和欧盟、欧洲投资银行2个机构成员。据了解，中国将以非借款?</t>
  </si>
  <si>
    <t>英国经济交出满意答卷</t>
  </si>
  <si>
    <t>国际货币基金组织（IMF）日前指出，英国经济已超过金融危机前峰值水平。英国财政大臣奥斯本也表示，英国的长期经济计划正在发挥效力，经济增长更加均衡。从数据上看，在全球经济整体增长乏力的背景下，英国经济今年算是交上了满意的答卷。自2013年以来，英国经济进入复?</t>
  </si>
  <si>
    <t>中欧共解全球能源互联技术装备难题</t>
  </si>
  <si>
    <t>“凝聚中欧能源科技研发力量，加强交流、形成合力，共同研究和解决全球能源互联网技术装备有关重大问题。”德国当地时间12月10日，中国国家电网公司董事长刘振亚出席全球能源互联网中欧技术装备研讨会时发出如此呼吁。刘振亚说，今年9月26日，中国国家主席习近平在联大?</t>
  </si>
  <si>
    <t>出境游收押金惯例缺少法律规范</t>
  </si>
  <si>
    <t>【案例】旅行社不退押金被判赔2014年11月4日，邵女士代表17名游客与某旅行社签订旅游合同及补充协议，参加“泰国一地6天5晚”旅游项目。双方在补充协议中约定：“合同以‘金融惠游’收客，17名游客共向旅行社缴纳50万元旅游金融押金，即可享受旅游费用减免等优惠待</t>
  </si>
  <si>
    <t>全球能源互联网中欧技术装备研讨会召开</t>
  </si>
  <si>
    <t>来自国家电网公司消息，德国当地时间12月10日-11日，全球能源互联网中欧技术装备研讨会在柏林召开。会议由中国国家电网公司和德国电气电子及通信技术学会共同主办，来自有关国际组织、中欧能源电力企业、研究机构、高等院校的70余位代表出席会议。国家电网公司董事长刘振亚发</t>
  </si>
  <si>
    <t>“能源武器”威力已今非昔比</t>
  </si>
  <si>
    <t>石油是现代工业的血液，能源是很多国家经济的命脉。正是这种特殊重要性，使得能源不仅仅是一种大宗商品，更是一种重要战略武器，欧佩克（石油输出国组织）也由此得以呼风唤雨。但随着国际油价持续低迷，以及新技术革命的到来，能源武器威力已今非昔比，欧佩克也走到了裂变的?</t>
  </si>
  <si>
    <t>“双创”为就业和增收拓新渠</t>
  </si>
  <si>
    <t>来自伦敦咨询公司UHY国际最新报告称，自2010年以来，中国初创企业数量每年以将近100%的速度增长，到2014年达到161万家。这一速度几乎是排在第二名的英国的两倍，也远远高于美国。国内统计口径显示，今年前三季度，全国新登记市场主体1065.5万户、注册资本20.7万亿元，分别比?</t>
  </si>
  <si>
    <t>2016年化解不良贷款任务艰巨</t>
  </si>
  <si>
    <t>2016年，美元持续走强，人民币对美元存贬值预期，中美利差将有所收窄，资本外流压力有增无减，货币市场流动性面临一定的压力。但是，考虑到未来国内稳中偏松的货币政策取向不变，货币市场发生大幅波动的可能性不大，各期限利率将保持较低水平。受实体经济去产能、房地产</t>
  </si>
  <si>
    <t>“低气价”时代中国应掌控定价权</t>
  </si>
  <si>
    <t>在“低油价”时代到来的同时，“低气价”的时代也接踵而至。由于全球天然气资源供应日趋宽松，再加上国际油价“腰斩”的拖累，2014年以来国际气价大幅下跌，其中亚太市场液化天然气（LNG）价格跌幅过半。天然气是一种清洁高效的能源，目前天然气在我国一次能源结构中的?</t>
  </si>
  <si>
    <t>国际原油价格继续探底</t>
  </si>
  <si>
    <t>供过于求的市场预期日益加重，导致当周国际油价重挫，纽约轻质原油和北海布伦特原油主力期货合约双双失守每桶40美元大关。在截至12月10日的一周中，纽约轻质原油期货价格跌幅接近11%，北海布伦特原油期货价格跌掉了12%。欧佩克10日发布的原油市场月度报告显示，11月欧佩</t>
  </si>
  <si>
    <t>哈国主权基金与中企签40亿美元合作协议</t>
  </si>
  <si>
    <t>哈萨克斯坦共和国“萨姆鲁克—卡泽纳”国家福利基金13日与中信、中石化等中国企业签署包括六大项目共计40亿美元的合作协议，涉及石油、核能、电信等多个领域。在“一带一路”战略下，中哈合作进一步加深。据介绍，哈萨克斯坦“萨姆鲁克—卡泽纳”国家福利基金成立于2008</t>
  </si>
  <si>
    <t>定增超亿元  扬德环境备战“碳市场”启动</t>
  </si>
  <si>
    <t>经历了四年的谈判后，在巴黎出席第21届联合国气候变化大会的195国代表12月5日达成气候协议最终草案。这一切背后是万亿碳交易规模即将启动，有企业早已蛰伏其中待发力。  “我们正在推进汇能项目CER（核证减排量）签发工作，有40万吨当量，预计2016年年中可获得第一笔</t>
  </si>
  <si>
    <t>SUV与MPV的江湖恩怨</t>
  </si>
  <si>
    <t>中国市场上，基本上都把Crossover和SUV混为一谈。其实，在美国一些调查公司发布的统计数据中，两种车是有区分的，大概意思是，SUV“偏硬”，多数基于皮卡底盘，跟我们所说的越野车差不多；Crossover“偏软”，也就是我们所说的“城市化SUV”。不过，这只是一种专业的划分方法</t>
  </si>
  <si>
    <t>新兴经济体低增长时代或将开启</t>
  </si>
  <si>
    <t>世界银行8日发布的一份研究报告称，随着美联储加息在即、全球贸易增长低迷、大宗商品价格维持低位，以及劳动生产率增速放缓，新兴市场经济体增速放缓或将在较长时间内持续，这有可能标志着新兴经济体低增长时代的开启。世行8日的这份报告指出，上世纪80年代和90年代，新</t>
  </si>
  <si>
    <t>加央行何以开打“负利率”主意</t>
  </si>
  <si>
    <t>12月8日，加拿大央行行长史蒂芬·波洛兹表示，未来不排除祭出负利率以刺激经济。分析人士指出，近一年多来国际油价暴跌给加拿大的资源型经济带来重压，央行开始打起“负利率”的主意，实属必然。当日在多伦多的一次演讲中，波洛兹表示，加拿大央行有能力执行非常规货币?</t>
  </si>
  <si>
    <t>国航开通北京直达奥克兰航线</t>
  </si>
  <si>
    <t>《经济参考报》记者9日在中国国际航空股份有限公司召开的北京-奥克兰开航新闻发布会上了解到，截止到今年10月，赴新西兰的中国游客数量同比增长34.8%。随着赴新旅游市场愈发火热，为了持续加码大洋洲航线网络，国航宣布将于12月10日开通北京-奥克兰直航航班。据了解，奥</t>
  </si>
  <si>
    <t>熊猫债爆发式扩容铺路债市开放</t>
  </si>
  <si>
    <t>在发行一端，中国银行间债市的开放提速明显。中国人民银行网站8日发布消息称，中国银行间市场交易商协会接受韩国政府在我国银行间债券市场发行30亿元人民币主权债券的注册。这是继加拿大不列颠哥伦比亚省在我国银行间市场发行60亿元人民币债券完成注册之后，又一支国外主权熊</t>
  </si>
  <si>
    <t>审计实行全覆盖  省以下审计独立性将强化</t>
  </si>
  <si>
    <t>“强化上级审计机关对下级审计机关的领导，强化全国审计工作的统筹。”在12月8日中办、国办印发的《关于完善审计制度若干重大问题的框架意见》（全文见经济参考网）及相关配套文件中，上述两个强化标志着我国省以下审计监督独立性将显著加强。  国家审计署特约审计员</t>
  </si>
  <si>
    <t>俄罗斯部长：俄经济已适应西方制裁</t>
  </si>
  <si>
    <t>俄罗斯经济发展部长乌柳卡耶夫8日表示，俄罗斯经济和财政系统已基本适应了西方国家的制裁，西方制裁对俄经济的影响不断减轻，趋近于零。  乌柳卡耶夫当天接受“俄罗斯24小时”电视台采访时说，西方的制裁在短期内确实给俄罗斯经济带来了很多问题，然而从长远角度讲，</t>
  </si>
  <si>
    <t>反跨国逃避税法律制度亟待完善</t>
  </si>
  <si>
    <t>近年来，不少“引进来”的外国企业和“走出去”的中国企业与避税地联系日益密切，将利润大量转移至避税地，税基侵蚀愈演愈烈，我国反避税形势趋于严峻。  今年2月国家税务总局《一般反避税管理办法（试行）》实施，7月全国人大常委会批准了《多边税收征管互助公约》?</t>
  </si>
  <si>
    <t>锂空气电池研究成功或将改写电池历史</t>
  </si>
  <si>
    <t>据英国《金融时报》网站报道，化学教授克莱尔·格雷和她的团队前不久攻克了锂空气电池开发中的技术难关。  报道称，如果能把该技术从实验室的演示品转变为商品，那么汽车只充一次电就能从伦敦驶到爱丁堡（两地相距约650公里），所用电池的成本和重量却只有今日电动汽</t>
  </si>
  <si>
    <t>英国财政大臣的紧缩之道</t>
  </si>
  <si>
    <t>英国财政大臣奥斯本日前在议会提交最新财政报告时表示，取消44亿英镑福利削减计划。高举紧缩大旗的奥斯本突然宣布撤回了这一削减福利计划，其态度的转变被英国媒体称为一百八十度大转弯。  一直以来，奥斯本都是削减开支及福利的践行者。2010年，奥斯本公布了出任英?</t>
  </si>
  <si>
    <t>希腊议会艰难通过2016年预算案</t>
  </si>
  <si>
    <t>据外媒报道，希腊议会6日以微弱优势批准2016年预算案，仍然大幅削减支出并增加部分税赋，同时预测今年希腊经济增长几乎停滞，明年仍然面临小幅衰退。为了达到国际债权人要求，希腊的财政紧缩政策已经延续六年，但有关财政紧缩打击经济增长的不满声正在增加。  6日通?</t>
  </si>
  <si>
    <t>英飞凌业绩向好  蓄力并购同业</t>
  </si>
  <si>
    <t>德国半导体制造商英飞凌（Infineon）近期公布的财报显示，2015财年英飞凌收入达58亿欧元，同比增长34%。为继续保持强劲的市场竞争力，英飞凌称，将在全球半导体行业的并购大潮中扮演更为积极而重要的角色。  财报显示，英飞凌旗下四大事业部——汽车电子、电源管理及</t>
  </si>
  <si>
    <t>亚行小幅上调中国增长预期</t>
  </si>
  <si>
    <t>亚洲开发银行（亚行）新发布了《亚洲发展展望更新》的补充版报告，面对工业国家经济持续疲软，亚洲发展中经济体仍保持弹性，有望按预期实现2015年增长5.8%、2016年增长6.0%的目标。  在报告中，亚行小幅上调了对中国的增长预期，下调了对中亚及太平洋地区的预期，经?</t>
  </si>
  <si>
    <t>中非“十大合作计划”促非洲转型发展</t>
  </si>
  <si>
    <t>商务部网站5日晚间消息，商务部副部长钱克明在中非合作论坛约翰内斯堡峰会经贸新举措专题新闻发布会上就中非经贸合作一揽子新举措进行了详细解读。  钱克明介绍说，务实举措历来是中非合作论坛的重中之重，最能体现中非合作真诚平等、实实在在的特点，也是国内外各界</t>
  </si>
  <si>
    <t>德国多方位推动大众创业</t>
  </si>
  <si>
    <t>德国素以培养工程师等高水平专业技术人才闻名，但本土人才似乎对“创业”兴趣不大，一定程度上与德国大型工业企业超强的“吸才”能力有关。  一位从俄罗斯来到德国的创业者说，在其参加的德国工商会举办的创业培训班上，90%是外国人，“高技术人才很容易在德国就业，</t>
  </si>
  <si>
    <t>耶伦：过晚加息将产生负面效应</t>
  </si>
  <si>
    <t>由于美国经济复苏的关键指标良好，美国联邦储备委员会主席耶伦2日表示期待加息的到来，并称过晚加息将对经济产生负面效应。  美联储将于12月15日至16日召开2015年最后一次货币政策例会。外界普遍预计美联储将在这次会议上启动加息。  12月加息预期升温</t>
  </si>
  <si>
    <t>中非经济合作面临新机遇</t>
  </si>
  <si>
    <t>中非合作论坛峰会将于12月4日至5日在南非约翰内斯堡举行。国家主席习近平2日结束对津巴布韦的国事访问，将于2日至5日对南非进行国事访问，并赴约翰内斯堡主持中非合作论坛峰会。分析认为，此次峰会将为中国和非洲创造更多发展机遇，将中非合作提升至更高水平。  全面</t>
  </si>
  <si>
    <t>德国展会：外行看热闹  内行看门道</t>
  </si>
  <si>
    <t>与一座城市的第一次亲密接触往往发生在车站，城市的名片或标签常在那里第一时间映入眼帘。在德国哥廷根火车站，站台上悬挂着蓝底白字的站牌——“Gottingen-die Stadt,die Wissen schafft”（哥廷根，一座创造知识的城市），已故国学大师季羡林曾在这座著名大学城“留德十年?</t>
  </si>
  <si>
    <t>江西百路佳客车以技术赢得海外市场</t>
  </si>
  <si>
    <t>从瞄准国外高端市场，到通过一系列严格的技术标准，江西凯马百路佳客车有限公司成功把客车销到全球近30个国家和地区。通过技术的提升和对高端市场的开拓，中国客车的品质在海外市场赢得了认可。  作为中国唯一一家大批量出口客车到澳大利亚和美国的本土客车公司，累?</t>
  </si>
  <si>
    <t>如期“入篮”  人民币国际化步入新阶段</t>
  </si>
  <si>
    <t>11月30日，国际货币基金组织（IMF）执董会决定将人民币纳入特别提款权（SDR）货币篮子。人民币因此成为后布雷顿森林体系时代首个被纳入SDR的新兴市场国家货币。  人民币被纳入SDR货币篮子之后，SDR货币篮子相应扩大至美元、欧元、人民币、日元、英镑5种货币，人民币?</t>
  </si>
  <si>
    <t>为互联网金融理清思路</t>
  </si>
  <si>
    <t>2005年，全球首家P2P 网络借贷平台在英国诞生，迅速获得了市场的认可。2007年6月，中国第一家P2P借贷平台上线运营，2012年之后以惊人的速度增长。但是，由于监管主体尚未就位，相关法规还不完善，风险管理技术相对落后，导致市场出现大量劣质平台，对行业发展造成不良影响。?</t>
  </si>
  <si>
    <t>加入SDR有利于深化金融改革</t>
  </si>
  <si>
    <t>从国际化进程看，现在正是人民币的关键阶段，有SDR（特别提款权）背书的人民币已然成为国际货币。但是，从交易货币到储备货币的转化，继续推进国际化的进程依然任重道远。  SDR是IMF（国际货币基金组织）1969年创设的一种补充性储备资产，与黄金、外汇等一起构成国际</t>
  </si>
  <si>
    <t>俄土贸易对攻中的经济算计</t>
  </si>
  <si>
    <t>因土耳其击落俄罗斯的苏-24战机，俄土两国陷入对峙和僵持局面。军事上剑拔弩张，外交上各有攻讦，但至少到目前为止，短兵相接的，则是经贸领域，俄宣称对土耳其实施无限期制裁。但看似愤怒的报复，其间也不乏留有余地的理性。  对于土耳其的“背后一刀”（俄罗斯总统</t>
  </si>
  <si>
    <t>人民币“入篮”成不了A股救市主</t>
  </si>
  <si>
    <t>北京时间12月1日凌晨1点，IMF（国际货币基金组织）正式宣布，人民币2016年10月1日加入SDR（特别提款权）。  近几年来，中国在人民币国际化、利率市场化、汇率市场化、资本账户开放等方面的改革都取得了显著成果。比如，亚投行的建立提升了人民币的国际化程度，其在国</t>
  </si>
  <si>
    <t>多边开发银行将大幅增加气候投资</t>
  </si>
  <si>
    <t>在《联合国气候变化框架公约》（UNFCCC）第21次缔约方会议上，非洲开发银行（AFDB）、亚洲开发银行（ADB）、欧洲复兴开发银行（EBRD）、欧洲投资银行（EIB）、美洲开发银行（IDB）和世界银行集团（WBG）11月30日发表联合声明，将联手大幅增加气候投资，确保未来的发展规划兼?</t>
  </si>
  <si>
    <t>清理僵尸企业要依破产法制度进行</t>
  </si>
  <si>
    <t>三中全会《关于全面深化改革若干重大问题的决定》提出“健全优胜劣汰市场化退出机制，完善企业破产制度”。但与最高层积极态度相悖的现实是，多数僵尸企业并未得到清理，人民法院所受理的破产案件数量长期只维持在二三千件，而同期美国的企业破产案件大约在7万件。</t>
  </si>
  <si>
    <t>人民币纳入SDR将成为双赢选择</t>
  </si>
  <si>
    <t>国际货币基金组织（IMF）于当地时间11月30日在华盛顿召开执董会会议决定是否将人民币纳入特别提款权（SDR）货币篮子。分析人士认为，人民币加入SDR，不仅将促进中国深化金融改革，提高人民币国际地位，也有助于增强SDR的代表性和吸引力，完善现行国际货币体系，对中国和世界?</t>
  </si>
  <si>
    <t>必和必拓与淡水河谷在巴西面临巨额诉讼</t>
  </si>
  <si>
    <t>据外媒报道，巴西政府11月30日将正式对澳大利亚必和必拓公司和巴西淡水河谷公司提起52亿美元的诉讼，因其位于巴西的合资公司萨马科11月初发生特大尾矿决堤事故。  巴西政府27日表示，计划于11月30日正式起诉萨马科公司，寻求资金用于11月初尾矿决堤事故的清理和受害?</t>
  </si>
  <si>
    <t>业内：明年网贷利率或下行至8%以内</t>
  </si>
  <si>
    <t>年关将近，资金压力逐步加剧，越来越多的互联网金融平台开始降低其平台理财端收益。  第一网贷最新数据显示，11月27日当日中国P2P网贷利率为10.88%。瑞钱宝创始人徐自田预测，明年互联网金融理财的合理利率将下行至8%以内，10%以上的高利率无法长期维持。  ?</t>
  </si>
  <si>
    <t>“感恩”购物季  商家抢客忙</t>
  </si>
  <si>
    <t>“消费满一百返商场折扣券30美金”、“消费150美元即可返75元礼品卡”、“部分商品4折”、“苹果平板电脑立减100美元”、“开启美妆大促销”……  27日，美国又迎来了传统节日感恩节之后的“黑色星期五”，各大商场、电子零售商以及多数品牌早已纷纷摩拳擦掌，推出各</t>
  </si>
  <si>
    <t>中国-中东欧产能合作乘势而上</t>
  </si>
  <si>
    <t>从苏州北站到上海虹桥站，百公里的路程，20多分钟的车程……  25日上午，国务院总理李克强邀请来苏州出席第四次中国-中东欧国家领导人会晤的中东欧国家领导人共同乘坐中国高铁。中国高铁，再次成为中国经济外交舞台上的亮点。  这是中东欧16国领导人首次会聚</t>
  </si>
  <si>
    <t>地缘政治背后的经济逻辑</t>
  </si>
  <si>
    <t>当地时间11月24日，俄罗斯一架苏-24战机在土叙边境被土耳其击落。随后，围绕着战机究竟是否进入土耳其领空一事，不仅涉事两国在交锋，美国和欧盟也纷纷就此事表明了态度。一架战机的陨落已经不仅仅是一次国际偶然事件，地缘政治带来的经济风险正在加剧。  24日当日，</t>
  </si>
  <si>
    <t>美元走强影响几何</t>
  </si>
  <si>
    <t>美元近期持续走强。衡量美元对6种主要货币汇率走势的美元指数23日盘中触及99.803点位，逼近100大关，创近8个月以来最高水平。市场分析人士认为，美元走强受多重因素影响，也势必对包括中国在内的市场产生一定影响。  分析人士说，美国经济基本面向好、市场预期美联储</t>
  </si>
  <si>
    <t>恩智浦支持上海智能网联汽车示范项目</t>
  </si>
  <si>
    <t>荷兰安全互联汽车解决方案提供商恩智浦半导体公司（NXP）与同济大学24日在沪宣布，双方合作支持“上海智能网联汽车示范项目”。  上海智能网联汽车示范项目于今年十月由上海市政府推出，是《中国制造2025》规划下46个试点示范项目之一，预计将于2019年累计生产两万辆</t>
  </si>
  <si>
    <t>美经济数据上修增强加息预期</t>
  </si>
  <si>
    <t>临近美联储12月议息时间，美国公布的一系列数据受到广泛关注。第三季度经济增速和消费者物价指数上修，加上10月非农就业增幅强劲且国内需求有力支持，均为12月美联储启动加息增添了信心。  美国商务部24日公布的数据显示，得益于企业设备支出和住宅建设支出的上调，?</t>
  </si>
  <si>
    <t>中石油全产业链试点改革启幕</t>
  </si>
  <si>
    <t>中国石油25日公告称，公司董事会批准公司子公司中油勘探对中亚天然气管道有限公司（“中亚管道公司”）进行内部重组，并向国新国际投资有限公司（“国新国际”）控制的曼松控股有限公司（“曼松控股”）出售完成内部重组后中亚管道公司50%股权，交易价格约为150至155亿元人民</t>
  </si>
  <si>
    <t>德国对大众发起逃税调查</t>
  </si>
  <si>
    <t>据外媒报道，德国监管机构正在对德国大众汽车展开与尾气排放检测造假有关的逃税调查。有关大众汽车尾气排放检测丑闻的调查范围正在不断扩大，这意味着大众汽车或将受到更大影响。  德国西部城市布伦瑞克的检察官比吉特·希尔表示，本周已经对大众汽车沃尔夫斯堡总部?</t>
  </si>
  <si>
    <t>波兰可在“一带一路”实施中担任形象大使</t>
  </si>
  <si>
    <t>波兰总统杜达23日至27日对中国进行国事访问并出席第四次中国-中东欧国家领导人会晤。来华前杜达在接受新华社《经济参考报》记者专访时表示，波兰有信心成为中国在中东欧地区的重要合作伙伴，同时风趣地表示在“一带一路”倡议的实施过程中波兰可以充当形象大使。  《</t>
  </si>
  <si>
    <t>日本大分县开发地热资源之道</t>
  </si>
  <si>
    <t>“大分县积极采取各种措施，大力开发地热发电、太阳能发电、生物发电等可再生能源，取得了丰硕成果，目前大分县的可再生能源自给率已经达到了28.1%，在日本独占鳌头，”日本大分县商工劳动部工业振兴课课长工藤典型如是说。  工藤还说，由于大分县拥有丰富的地热资源</t>
  </si>
  <si>
    <t>中美签署地方贸易投资合作框架等文件</t>
  </si>
  <si>
    <t>商务部网站24日消息，11月21日至23日，国务院副总理汪洋与美国商务部长普利兹克和贸易代表弗罗曼共同主持的第26届中美商贸联委会在广州举行。  在联委会举行期间，双方共同举办了以中美省州经贸合作为主题的交流会和午餐会、企业家圆桌会、以卫生健康为主题的研讨会?</t>
  </si>
  <si>
    <t>中国携手中东欧释放经济新动能</t>
  </si>
  <si>
    <t>当前，全球经济增速趋缓，复苏在迷雾中前行。24－25日在中国苏州举行的第四次中国－中东欧国家领导人会晤中，李克强总理与中东欧16国领导人就加强互联互通、贸易投资、金融等领域合作展开探讨。  华沙－布加勒斯特－贝尔格莱德－苏州，中国－中东欧经贸合作之手越过?</t>
  </si>
  <si>
    <t>跨境电商借势“黑色星期五”大促</t>
  </si>
  <si>
    <t>每年11月的第四个星期五是美国一年一度的“黑色星期五”促销季，随着这一天日益临近，近期国内以洋码头、小红书、亚马逊等为首的多家跨境电商网站争相宣布启动“黑色星期五”大促活动，“黑色星期五”也由此成为电商业继“双11”之后又一促销盛宴。专家表示，跨境电商借势“?</t>
  </si>
  <si>
    <t>中国-中东欧经贸合作迎来新机遇</t>
  </si>
  <si>
    <t>第四次中国-中东欧国家领导人会晤将于24日至25日在苏州举行。据悉，李克强总理将与中东欧16国领导人着重讨论如何加强互联互通、贸易投资、金融、农业质检、人文等领域合作。分析认为，在中国大力推动“一带一路”建设的背景下，中国与中东欧国家的经贸合作正迎来新的发展机遇</t>
  </si>
  <si>
    <t>印尼高铁项目缘何放弃日本</t>
  </si>
  <si>
    <t>11月22日，在马来西亚参加东盟系列峰会的日本首相安倍晋三，与印度尼西亚总统佐科举行了会谈。据《日本经济新闻》报道，在印尼高铁问题上，安倍对佐科说，“日本提出了最佳的可行性方案（仍未获得订单），说实话我们对结果表示失望”。  这则报道还特意点出了一个细?</t>
  </si>
  <si>
    <t>京东持续亏损营收放缓</t>
  </si>
  <si>
    <t>日前，京东发布截至2015年9月30日的2015财年第三季度财报。数据显示，第三季度京东交易总额（GMV）达到1150亿元，同比增长71%；净营收为441亿元，同比增长52%。第三季度京东亏损5.308亿元，净利润率为-1.2%。这是京东自2014年5月22日在美国上市以来，连续第6个季度亏损。</t>
  </si>
  <si>
    <t>阿根廷新政府力争重拾经济增长</t>
  </si>
  <si>
    <t>阿根廷总统选举尘埃落定，反对派“变革”竞选联盟候选人毛里西奥·马克里击败“胜利阵线”候选人丹尼尔·肖利当选总统，结束了左翼政党12年的执政历史。重振经济将是新政府面临的首要任务，但达成这个任务并不容易。  去年阿根廷经济增幅仅为0.5%。国际货币基金组织1</t>
  </si>
  <si>
    <t>罗马尼亚与中国加强能源合作</t>
  </si>
  <si>
    <t>中国-中东欧国家（16＋1）合作机制为双边合作搭建了可靠、高效的平台，大大推动了罗马尼亚与中国在能源和基础设施等领域的合作，中国广核集团（中广核）罗方协调顾问珀乌内斯库日前在接受新华社记者采访时说。  “罗中两国已经就合建切尔纳沃德核电站3、4号机组达成?</t>
  </si>
  <si>
    <t>中国-东盟自贸区升级版正式签署</t>
  </si>
  <si>
    <t>中国商务部网站22日晚间消息，11月22日，在李克强总理和东盟十国领导人的共同见证下，中国商务部部长高虎城与东盟十国部长分别代表中国政府与东盟十国政府，在马来西亚吉隆坡正式签署中国-东盟自贸区升级谈判成果文件——《中华人民共和国与东南亚国家联盟关于修订及项下部分</t>
  </si>
  <si>
    <t>东盟峰会聚焦升级区域内贸易合作</t>
  </si>
  <si>
    <t>第27届东盟峰会及系列会议18日至22日在马来西亚首都吉隆坡举行，旨在推动区域内贸易合作升级的东盟共同体在会上宣布成立。在峰会系列会议中，中国国务院总理李克强发表的演讲引发强烈关注，其阐述的中国-东盟自贸区升级谈判、开展国际产能合作等建议切实符合东盟国家诉求。</t>
  </si>
  <si>
    <t>我国离岸外包全球份额升至30.2%</t>
  </si>
  <si>
    <t>《经济参考报》记者22日从商务部研究院、浙江省商务厅、金华市人民政府共同主办的2015全球服务外包大会上获悉，我国离岸服务外包业务占全球份额已上升至30.2%，仅次于印度，排在全球第二位。在迅猛发展的同时，人才等短板依然制约我国服务外包业务的发展。“十三五”时期，以</t>
  </si>
  <si>
    <t>加国财政之忧：油!油!油!</t>
  </si>
  <si>
    <t>持续低迷的石油价格正在不断给加拿大经济和财政带来深层次冲击，实现财政盈余正面临更多困难。油!油!油!已经成为加国财政之忧。  就在11月20日，加拿大新任财政部长比尔·莫诺发布了最新的“经济和财政预测”报告，预计加拿大2015-2016财年（即2015年4月1日至2016年3</t>
  </si>
  <si>
    <t>中医为何在匈牙利开花结果</t>
  </si>
  <si>
    <t>匈牙利人力资源部10月29日在布达佩斯首次举办以中医为主题的讨论会，政府官员、医科大学等高等院校的校长或院长以及匈牙利的中医药从业者百余人出席，探讨中医的发展问题。匈牙利对中医的重视由来已久，2013年12月17日，匈牙利国会通过的一揽子卫生法案为中医开了绿灯，规定?</t>
  </si>
  <si>
    <t>呼吁尽快建立亚太自由贸易区</t>
  </si>
  <si>
    <t>亚太经合组织第二十三次领导人非正式会议19日在菲律宾马尼拉举行。各经济体领导人在会后发表的联合宣言中呼吁加强合作促进经济增长，努力实现建立亚太自贸区的目标。  本次亚太经合组织领导人非正式会议主题为“打造包容性经济，建设更美好世界”。与会各经济体领导?</t>
  </si>
  <si>
    <t>美元走势一波三折  英镑强力创出新高</t>
  </si>
  <si>
    <t>美联储10月会议纪要本周终于揭开“谜底”。会议记录显示，美联储支持12月升息的决策者占多数，但官员们也对美国经济长期前景可能有永久性转弱的迹象展开了争论。  该会议纪要将美联储政策制定者分为了三个阵营，部分委员表示紧缩政策的必要经济条件已经满足，而“大?</t>
  </si>
  <si>
    <t>巴黎恐袭持续扰乱法国经济</t>
  </si>
  <si>
    <t>因巴黎恐怖袭击事件后续影响持续发酵，欧洲股市旅游板块近日来一直承受下行压力。对法国乃至整个欧洲来说，恐怖袭击阴影在短时间内难以消除，负面冲击也会逐渐显现。  目前，法国针对巴黎恐怖袭击事件的突击行动还在继续，法国巴黎检察官莫林18日晚表示，当天特种部?</t>
  </si>
  <si>
    <t>“一带一路”的跨区域对接至关重要</t>
  </si>
  <si>
    <t>2015年10月31日-11月1日，中国（海南）改革发展研究院与德国国际合作机构、中国国际经济技术交流中心、联合国开发计划署等机构联合举办以“经济转型与可持续发展——共建‘一带一路’中的新兴经济体”为主题的2015’新兴经济体智库峰会。来自国家相关部委、研究机构、高等院?</t>
  </si>
  <si>
    <t>人民币加入SDR利好企业与百姓</t>
  </si>
  <si>
    <t>近期人民币加入SDR货币篮子的可能性是比较大的。国际货币基金组织（IMF）规定，一国货币如果要进入SDR货币篮子，成为SDR的定值货币，需要符合两个条件。即，该货币的经济体在过去五年里，商品和贸易额排名全球前列；在国际上广泛使用和广泛交易。从专业和技术角度来看，人民?</t>
  </si>
  <si>
    <t>租赁服务成国内车市新方向</t>
  </si>
  <si>
    <t>德国宝马公司日前宣布收购中国先锋国际融资租赁公司。宝马方面表示，租赁服务将在中国市场变得越来越重要。  宝马的大动作引起了人们对国内汽车租赁服务的关注:在汽车行业新常态下，传统模式已经遭遇到了挑战，新商业模式的创新成为必须，而租赁业务无疑是其中一个最</t>
  </si>
  <si>
    <t>沪指失守3600点  中欧所开业</t>
  </si>
  <si>
    <t>截至18日收盘，上证综指下跌1.01%，收报3568.47点，深证成指下跌1.82%，收报12283.76点。两市全天成交金额9422亿元，上日成交金额为1.27万亿元。中小板指收盘跌2.14%；创业板指收盘跌2.06%。  资金流向方面，周三沪深两市净流出资金567.45亿元。其中，508家上市公司?</t>
  </si>
  <si>
    <t>非市场经济地位摘帽仍需艰难博弈</t>
  </si>
  <si>
    <t>“我们希望相关国家和地区尽早承认中国市场经济地位，并放弃使用对华反倾销中的‘替代国’做法。”商务部新闻发言人沈丹阳17日在例行发布会上明确表示。  他说：“无论是否承认中国市场经济地位，根据《中国加入世贸组织议定书》的相关条款，反倾销‘替代国’的做法?</t>
  </si>
  <si>
    <t>哪些国家和城市房地产还有好机会？</t>
  </si>
  <si>
    <t>影响国际性大城市房价的主要因素有：第一，利率政策和其他鼓励购房政策；第二，宏观经济的复苏。房价回暖幅度主要与经济增长幅度一致；第三，对海外投资者和移民的优惠政策。  我们看好意大利罗马、西班牙巴塞罗那、日本大阪和荷兰的阿姆斯特丹的房地产价格增值；其?</t>
  </si>
  <si>
    <t>APEC峰会将聚焦包容性增长</t>
  </si>
  <si>
    <t>APEC第二十三次领导人非正式会议将于18日至19日在菲律宾首都马尼拉举行。为期两天的会议将围绕“打造包容性经济，建设更美好世界”的主题，商讨包括区域经济一体化、中小企业、人力资源开发和可持续增长等多项议题。  本次APEC领导人非正式会议期间，安排了APEC工商?</t>
  </si>
  <si>
    <t>寻找超越生存的意义</t>
  </si>
  <si>
    <t>杰里米·里夫金长期任职美国经济趋势基金会主席，他在《第三次工业革命》、《零边际成本社会》等著作中开创性地论述了极致生产力、协同共享、生物圈生活方式等全新的概念。最新引进的《同理心文明》则是一部集大成之作，探讨人类历史发展过程中同理心与熵的矛盾关系，从生态?</t>
  </si>
  <si>
    <t>日本经济缘何一再衰退</t>
  </si>
  <si>
    <t>日本内阁府16日发布第三季度国内生产总值（GDP）数据，当季日本经济环比下滑0.2%，按年率萎缩0.8%。这是日本GDP连续第二季度环比下降，再次陷入技术性衰退。分析人士认为，日本经济之所以一再衰退，主因是作为经济支柱的内需疲软。  日本政府时常将经济及物价增长乏?</t>
  </si>
  <si>
    <t>日本经济衰退阴霾不散复苏乏力</t>
  </si>
  <si>
    <t>日本内阁府16日公布了日本2015年第三季度国内生产总值(GDP）初值，数据显示，剔除物价变动因素后，当季GDP环比下滑0.2%，换算成年率为下降0.8%。第二季度，日本实际GDP萎缩幅度为0.3%。日本经济连续两个季度负增长，出现技术性衰退，而复苏动力明显不足。  受外围国?</t>
  </si>
  <si>
    <t>新希望逆袭  光明乳业援手？</t>
  </si>
  <si>
    <t>近日，恒天然CEO在公众场合怒斥爱睿惠每罐99元，再一次将新希望集团联合京东商城销售低价婴幼儿配方奶粉的事件推至了风口浪尖上。尽管恒天然至今尚未回复《经济参考报》记者“新西兰进口奶粉合理价格是多少、新希望是否在赔本赚吆喝”的问题，但不可否认的事实是——新希望联</t>
  </si>
  <si>
    <t>工业4.0时代机器人怎么干活</t>
  </si>
  <si>
    <t>工业机器人在德国应用广泛，在工厂服役的机器人已接近20万台。不过，伴随技术进步以及工业4.0概念的提出，传统工业机器人正面临新挑战，需要更好地掌握感知能力、学习能力、决策能力、与人协作能力等许多新技能。  现阶段，工业机器人在德国已成熟应用在汽车制造、金</t>
  </si>
  <si>
    <t>外资行：中国外资流出压力将减缓</t>
  </si>
  <si>
    <t>“一些市场预测认为，中国企业所欠下的外债大概是3680亿美元，如果美联储在12月份进入加息通道，那么，外债问题会使得一些中国企业陷入困难，或者挑战更大，在短期内，这也会影响人民币的走向。”澳大利亚国民银行亚洲市场策略及研究主管陈夏仪11月16日在“2016年全球经济展?</t>
  </si>
  <si>
    <t>恐怖袭击重创巴黎戳痛法国经济</t>
  </si>
  <si>
    <t>14日，星期六。惊魂初定的巴黎笼罩在痛苦和悲伤之中。  前夜，恰逢13日星期五。二战后法国经历的最大不幸没有任何预兆地降临。  这场突如其来的恐怖袭击事件，短期内将对法国经济产生一定负面影响，从长远看，也存在推动法国以及欧盟其他国家调整预算安排，?</t>
  </si>
  <si>
    <t>里夫金：绿色智能带给中国新机遇</t>
  </si>
  <si>
    <t>现在越来越多的经济学家认为，造成全要素生产力下降的一个更加重要的原因是能源的高成本。据估算，中国能源价格是美国的四倍。  预计中国接下来的几十年内将有超过2亿的房屋和公寓需要改造，中国已经开始加快历史上最大规模的房屋改造工程，预计将为制造业、工程业、</t>
  </si>
  <si>
    <t>恐怖袭击重伤全球旅游业</t>
  </si>
  <si>
    <t>法国巴黎13日晚发生系列恐怖袭击事件，超过百人殒命，另有数百人受伤。对世界旅游胜地巴黎来说，这无疑是一场浩劫。自美国“9.11”事件发生以来，针对热门旅游目的地国家的恐怖袭击日益增多，不仅重创当地旅游业，进而对全球航空、酒店及餐饮产业构成威胁。  退回到2</t>
  </si>
  <si>
    <t>江亿：绿色建筑首先从理念做起</t>
  </si>
  <si>
    <t>美国趋势学家里夫金认为，未来中国的任务就是将建筑物以及现有的基础设施转变成智能、数字节点和网络，形成一个网络平台，开启第三次工业革命。对于这样的网络平台，会不会进一步增加能耗，如何实现智能化、绿色化，记者采访了中国工程院院士、清华大学建筑学院教授江亿。</t>
  </si>
  <si>
    <t>G20峰会聚焦全球经济低增长困境</t>
  </si>
  <si>
    <t>二十国集团（G20）领导人峰会15日至16日将在土耳其西南海滨城市安塔利亚举行第10次峰会，作为全球最重要的经济合作论坛之一，如何改变全球经济面临的低增长困境将是其中的重要议题。  2008年面对历史性的金融危机时，G20曾积极采取行动夯实了全球经济的基础，如今面?</t>
  </si>
  <si>
    <t>恐怖袭击再次扰动世界经济</t>
  </si>
  <si>
    <t>11月14日，世界不少城市的标志性建筑亮起象征法国国旗颜色的蓝白红三色灯光，宣誓与法国在一起；在法国巴黎，埃菲尔铁塔则熄灭了所有灯光，哀悼前一晚被恐怖袭击夺去的生命。从短期看，这起事件将对法国旅游业产生冲击，并影响大宗商品及外汇走势。从长期看，恐怖袭击对经济?</t>
  </si>
  <si>
    <t>美国市场为何鲜有“妖股”</t>
  </si>
  <si>
    <t>中国证监会不久前曾宣布对12宗操纵证券市场的案件拟罚没款金额共计逾20亿元人民币，其中包括吴某乐、深圳市某基金管理有限公司涉嫌合谋操纵“特力A”、“得利斯”股票价格案等。  今年年中，中国A股在阶段新低后开始反弹，“特力A”连续拉出数个涨停板，百天涨幅超60</t>
  </si>
  <si>
    <t>G20峰会锁定“包容”“落实”“投资”</t>
  </si>
  <si>
    <t>地中海岸边的土耳其“旅游之都”安塔利亚即将迎来二十国集团领导人会议。在这座始建于公元前二世纪的港口城市中，既能随处发现罗马帝国留下的印记，也可领略奥斯曼帝国的辉煌。15日到16日，这里将见证后危机时代二十国领导人如何携手应对一系列全球性挑战……  主题?</t>
  </si>
  <si>
    <t>中国信保总经理罗熹：加大对“一带一路”项目承保支持力度</t>
  </si>
  <si>
    <t>11月初，由中国出口信用保险公司承办的2015年伯尔尼协会/布拉格俱乐部秋季联合会议在上海举行。  此次会议是近10年来首次在我国举办。会议期间，中国信保分别与哈萨克斯坦出口信用保险公司、捷克出口担保及保险、亚美尼亚出口保险署签署了合作协议。  伯尔尼</t>
  </si>
  <si>
    <t>BAT帮创业家的“蓝血”</t>
  </si>
  <si>
    <t>看到《蓝血16杰》书名，自然会想到畅销书《蓝血十杰》，想到“美国现代企业管理之父”。“蓝血”从古老西班牙神话故事演变而来，后泛指那些精英才俊所拥有的高贵与智慧。“蓝血十杰”掀起一场以数据分析、市场导向、成本控制以及强调效率和管理控制为特征的深刻管理变革。而?</t>
  </si>
  <si>
    <t>印英计划签署百亿美元商业大单</t>
  </si>
  <si>
    <t>印度总理莫迪于当地时间12日抵达伦敦，开始对英国进行为期三天的国事访问。在本次访问中，莫迪将与英国首相卡梅伦围绕经贸、科技、外交等议题展开对话，还将见证两国代表签署价值上百亿美元的商业大单。  这是近十年来印度总理首次访英，也是莫迪上台后实施“经济外?</t>
  </si>
  <si>
    <t>诺贝尔基金会的投资之道</t>
  </si>
  <si>
    <t>中国有句俗话“坐吃山空”，又讲“富不过三代”，未必都对，但总是对世情的一种洞察。不过作为一个反例，诺贝尔奖已颁发100多年，最初的资金只是诺贝尔馈赠的3158万瑞典克朗（大约相当于现在的2亿美元），但在向约900人颁发了慷慨奖金之后，目前诺贝尔基金会还掌握着约40亿瑞</t>
  </si>
  <si>
    <t>中国仍将是全球最大民用飞机市场</t>
  </si>
  <si>
    <t>近日通过的《中共中央关于制定国民经济和社会发展第十三个五年规划的建议》连日来受到海外舆论高度关注，一些国际大公司对于未来中国市场的机遇进行了最新研判。全球唯一一家同时生产飞机和火车的制造商——加拿大庞巴迪公司中国总裁张剑炜日前在接受《经济参考报》记者专访?</t>
  </si>
  <si>
    <t>美日促经合组织限制火电公共融资</t>
  </si>
  <si>
    <t>据外媒报道，发达国家将在下周举行的经济合作与发展组织（经合组织）会议上，考虑通过一项缩减对全球燃煤发电站资金支持的计划，这可能将使问题缠身的煤炭产业面临新一轮撤资危机。  英国《金融时报》报道称，美日两国已经达成一项协议，将会限制对美燃煤发电站提供?</t>
  </si>
  <si>
    <t>迪拜国际车展173款新车首发</t>
  </si>
  <si>
    <t>2015年迪拜国际汽车展10日在阿联酋迪拜国际贸易中心拉开帷幕，来自全球的主要汽车制造商将在为期5天的展会中推出173款新车，其中包括16款概念车型、18款全球首发和139款中东地区首发。热映大片《007：幽灵党》中的4款定制车型也酷炫登场。  两年一度的迪拜国际汽车展</t>
  </si>
  <si>
    <t>GE与印度政府签千辆机车大单</t>
  </si>
  <si>
    <t>印度政府日前宣布，与美国通用电气集团（GE)达成价值26亿美元的采购协议，未来11年通用电气将向印度铁路公司提供1000辆柴油驱动型机车。  据法新社报道，这是通用电气集团进入印度市场113年来最大的一笔订单。根据双方公布的采购合同，通用电气将斥资2亿美元在印度修</t>
  </si>
  <si>
    <t>中国汽车为何难有顶层产品</t>
  </si>
  <si>
    <t>今年上半年，印度汽车公司Mean Metal Motors发布了旗下首款超跑——M-Zero。近期，这款超跑有了更进一步的信息：M-Zero准备明年去巴黎露脸!  M-Zero是一台不太一般的超跑，它有两台发动机，分别是最大功率超过368kW（500PS），最大扭矩700Nm的4.0T V8涡轮增压发动机?</t>
  </si>
  <si>
    <t>安邦保险溢价29%收购美国信保人寿</t>
  </si>
  <si>
    <t>中国安邦保险集团股份有限公司9日宣布，以15.9亿美元的价格收购美国信保人寿保险公司，这是中国企业首次收购美国人寿保险公司。业内人士称，此举可以满足国内外客户国际金融业务的需求。  安邦保险以每股26.8美元的价格收购美国信保人寿保险公司。上述交易价格较信保</t>
  </si>
  <si>
    <t>加拿大退休基金看好中国商机</t>
  </si>
  <si>
    <t>加拿大退休基金投资公司（CPPIB）是全球十大公共退休基金之一，投资遍及全球各地，涉足证券、债券、房地产、基础设施等多方面。该公司国际部总裁马勤在与笔者的交谈中表示，他们非常看好中国“十三五”规划建议给全球商业带来的新机遇。  CPPIB是加拿大退休金计划（C</t>
  </si>
  <si>
    <t>欧佩克12月会议料无新政托市</t>
  </si>
  <si>
    <t>随着国际油价上周再度下跌逾4.5%，石油输出国组织（欧佩克）主要成员国沙特阿拉伯日前表示，近期不会减产，看好亚洲市场等因素能够长期支撑油价基本面。  英国《金融时报》援引多名沙特高官的话表述，全球最大石油出口国将生产足够多的石油满足客户需求，这表明沙特?</t>
  </si>
  <si>
    <t>“暗庄”徐翔频频炮制“垃圾牛股”</t>
  </si>
  <si>
    <t>位于上海陆家嘴花园石桥路66号的东亚银行金融大厦，是徐翔所创立的上海泽熙投资管理有限公司总部所在地。《经济参考报》记者近日在泽熙公司总部看到，这家被认为是“国内管理规模最大的阳光私募之一”的公司大门紧闭，门旁堆起的报纸无人领取，后门上的白纸仍写有“泽熙”两?</t>
  </si>
  <si>
    <t>中国增进与周边国家的互信与共赢</t>
  </si>
  <si>
    <t>10月31日至11月2日，李克强总理出访韩国，取得丰硕成果，并参加了中日韩三国领导人会议，重启了冰封三年的三国合作机制，使东北亚合作再度显现契机。11月5日至7日，习近平主席又出访东盟成员国越南和新加坡，推动中国-东盟国家之间更为密切的经济合作。  修复政治互?</t>
  </si>
  <si>
    <t>中法合资抚州电厂年底竣工投产</t>
  </si>
  <si>
    <t>江西大唐国际抚州发电有限责任公司日前宣布，中国电力史上建设工期最短的项目江西首台百万发电机组将于2015年底竣工投产。据称，该项目将达到二氧化硫小于35mg/Nm~(3)、氮氧化物小于50mg/Nm~(3)的近零排放最新环保标准，为国际低排放示范电厂同等水平。  江西抚州百?</t>
  </si>
  <si>
    <t>亚洲经济体合作升级可期</t>
  </si>
  <si>
    <t>在李克强总理刚刚结束对韩国的访问后，习近平主席又对越南、新加坡进行访问，显示出中国正在不断推进与亚洲地区经济体的经济外交，为未来扩展在亚洲地区的经济合作夯实基础。  中国与亚洲其他经济体在经济结构、经济规模、发展水平等方面都存在着差异。但毫无疑问的?</t>
  </si>
  <si>
    <t>广西中医药：如何借力“一带一路”</t>
  </si>
  <si>
    <t>凭借中壮药资源优势，广西大力推动中壮医药产业发展，并开拓东盟市场服务“一带一路”战略，然而在基础设施建设、人才培养、“三名”战略实施等方面仍有一些“瓶颈”，医药资源优势未能转变为发展优势。业内人士认为，应当精准支持、练好“内功”，依托“一带一路”推进中医?</t>
  </si>
  <si>
    <t>耶伦：美联储12月可能启动加息</t>
  </si>
  <si>
    <t>美国联邦储备委员会主席詹妮特·耶伦4日表示，由于美国经济表现良好，美联储可能在今年12月的货币政策例会上启动加息，但这仍将取决于数据指标显示出的经济走势。目前，6日将发布的美国最新就业市场报告正备受关注。  耶伦4日在美国国会众议院金融服务委员会作证时回</t>
  </si>
  <si>
    <t>国人海外疯狂扫货  购买力外流严重</t>
  </si>
  <si>
    <t>位于日本东京池袋附近的西武百货和东武百货，今年国庆黄金周期间人气特别旺。不仅购物的时候会排起长队，甚至设在一楼的退税区通常要排起30多米的长队，其中超过6成是大陆游客。  在德国法兰克福机场，每个免税店都挤满中国游客，名牌手表、名牌衣服等很多热门商品被</t>
  </si>
  <si>
    <t>三季度财报科技股表现抢眼</t>
  </si>
  <si>
    <t>美国2015年第三季度财报季渐进尾声，科技股在本轮财报季中领跑抢眼，助推纽约股市上扬回暖；银行股不及预期居多；能源类公司业绩整体好于投资者估值。  美国电商巨头亚马逊公司10月22日收盘后公布的2015年第三季度财报显示，公司当季净销售额254亿美元，同比增长23%?</t>
  </si>
  <si>
    <t>二手车市场井喷即将到来</t>
  </si>
  <si>
    <t>一直以来，中国二手车市场非常不发达，在美国、日本等成熟市场，二手车交易量往往数倍于新车市场，中国二手车交易量甚至连新车销量都无法达到。2014年，中国新车销量2300万辆，二手车交易量仅仅605万辆，中国二手车市场处于绝对落后状态。  但二手车市场内部正在发生</t>
  </si>
  <si>
    <t>诺奖得主：中国经济增长要靠创新</t>
  </si>
  <si>
    <t>在日前结束的新华都商学院成立五周年成果汇报暨费尔普斯院长执掌五周年庆祝仪式上，2006年诺贝尔经济学奖得主、新华都商学院院长埃德蒙·费尔普斯做了“续写中国创新伟业”的主题演讲。  费尔普斯表示，以前，美国在创新方面一直处于世界领先地位，所以其他国家，包?</t>
  </si>
  <si>
    <t>迎“超级星期四”  英国加息预期升温</t>
  </si>
  <si>
    <t>英国央行5日将迎来“超级星期四”，不仅将结束为期两天的货币政策会议并宣布利率决议，还将公布备受关注的季度通胀报告。虽然外界普遍认为此次会议不会启动加息，但是受到美联储加息脚步临近、国内经济增长可能加速等因素影响，一些分析预期英国央行明年上半年启动加息的可能</t>
  </si>
  <si>
    <t>澳大利亚“北部大开发”对接“一带一路”</t>
  </si>
  <si>
    <t>澳大利亚虽然与中国远隔大洋，但经济贸易联系十分紧密。“一带一路”战略构想中的“一路”——“21世纪海上丝绸之路”势必将澳大利亚和中国更加紧密地连接在一起。  习近平主席在2014年11月对澳大利亚进行国事访问期间提出，中方愿意应澳方邀请积极参与澳大利亚“北?</t>
  </si>
  <si>
    <t>中法共推气候变化多元应对进程</t>
  </si>
  <si>
    <t>中国国家主席习近平与法国总统奥朗德2日在北京举行会谈，会后双方共同发表了《中法元首气候变化联合声明》。此举被广泛解读为能够推动巴黎气候大会取得积极成果，为中欧绿色技术、创新产业互动创造了广阔前景。  高层会谈为气候大会铺路  中法领导人会谈聚焦</t>
  </si>
  <si>
    <t>加拿大国际治理创新中心：杭州G20峰会将关注三大议题</t>
  </si>
  <si>
    <t>G20智囊顾问团队成员、加拿大国际治理创新中心（CIGI）全球经济主任研究员多米尼克·隆巴迪日前在接受《经济参考报》记者采访时表示，预计明年在中国杭州举行的二十国集团（G20）领导人峰会将关注低增长、金融市场改革和气候变化这三大主要议题，并有望推进相关讨论取得实质?</t>
  </si>
  <si>
    <t>私募监管不妨借鉴美国经验</t>
  </si>
  <si>
    <t>这两天最令人震惊的财经新闻无疑是所谓中国股市中的“一代传奇”、“私募一哥”徐翔被抓。11月1日，公安部网站消息称，泽熙投资管理有限公司法定代表人、总经理徐翔等人，通过非法手段获取股市内幕信息，从事内幕交易、操纵股票交易价格，其行为涉嫌违法犯罪，近日被公安机关</t>
  </si>
  <si>
    <t>大众排放造假丑闻涉及大排量豪车</t>
  </si>
  <si>
    <t>美国环保署（EPA）2日表示，德国大众汽车尾气排放检测造假指控正涉及更大型车辆，包括部分保时捷车型。但是大众汽车对此表示否认。这一冲突显示出大众汽车与监管方之间的拉锯战或将延长，大众汽车因为这场丑闻受到的影响将延伸至明年，甚至更久。  美国环保署网站2日</t>
  </si>
  <si>
    <t>国泰君安证券首席经济学家林采宜：应以质量代替速度作为经济考量指标</t>
  </si>
  <si>
    <t>目前中国劳动力综合成本是印度和越南的三倍以上。这五年来，我国出口加工产业，也就是劳动密集型产业始终在转移，主要是印度和越南。  绿色发展，可持续发展需要一个新的基建网络和架构，而这个网络和架构需要国家在基础建设设施上面进行大量投资，这将彻底颠覆现在?</t>
  </si>
  <si>
    <t>日本出租车服务优良价格昂贵</t>
  </si>
  <si>
    <t>在日本打出租车，无论是东京、大阪、福冈等大城市，还是在边远小城，均能够享受到良好的服务，不仅车内干净、美观、舒适，而且司机文明礼貌，服务周到，顾客一招手，出租车停稳后，车门就能自动打开，根本不需要乘客自己动手。然而，当乘客在享受优质服务的同时，为此付出的?</t>
  </si>
  <si>
    <t>中国经济遭遇改革与发展的新阵痛</t>
  </si>
  <si>
    <t>当前，中国经济形势处于较为尴尬而艰难的格局。尴尬之处在于：虽然欧洲和日本经济疲软，但最大的经济体美国经济却是不断走好；全球经济形势虽然复杂，却整体看好。在这种背景下，原先无限风光的中国经济却举步维艰——此前一直保持着高速增长，并且成为第二大经济体，却突然?</t>
  </si>
  <si>
    <t>澳英央行或维持利率不变</t>
  </si>
  <si>
    <t>澳大利亚联邦储备银行（央行）和英国央行本周举行货币政策会议，分别将在3日和5日公布利率决议。受刺激国内经济增长需求和全球货币政策步调不一的影响，两大央行可能维持利率不变。  宽松预期不减  路透社调查显示，多数经济学家认为澳央行在此次议息会议上?</t>
  </si>
  <si>
    <t>农村淘宝筑巢引凤  一根网线接轨城乡</t>
  </si>
  <si>
    <t>“有村民在网上拍了一辆凯迪拉克小轿车。”这件事最近在吉林省镇赉县坦途村闹出不小动静。促成这单交易的25岁“海归”女硕士王琪在不到一个月的时间里，交易额在全县24个村淘服务站中一马当先。  今年8月，从英国留学归来的王琪回坦途村老家休假，偶然看到了农村淘宝</t>
  </si>
  <si>
    <t>GE对阿尔斯通电力与电网业务完成收购</t>
  </si>
  <si>
    <t>通用电气公司（GE）2日宣布，完成了对于阿尔斯通电力与电网业务的收购。GE在欧洲、美国、中国、印度、日本、巴西等20多个国家和地区通过了监管部门的审查，最终达成了交易。这是GE迄今在工业领域最大一笔收购。  2014年，GE和阿尔斯通达成协议，以123.5亿欧元的价格?</t>
  </si>
  <si>
    <t>亚太地区各个股市2日收盘涨跌不一。  日本股市2日收低。中国媒体财新传媒和英国市场研究机构Markit发布的数据显示，中国10月制造业采购经理人指数（PMI）为48.3，比9月提高1.1个百分点，创6月以来最高水平，制造业的景气度出现了改善，但仍连续处于荣枯线下方。这使?</t>
  </si>
  <si>
    <t>卢秉恒：3D打印重构社会生产生活方式</t>
  </si>
  <si>
    <t>为应对新一轮科技革命和产业变革，我国制定《中国制造2025》，坚持创新驱动、智能转型、强化基础、绿色发展，加快从制造大国转向制造强国。在这一过程中，智能制造是主攻方向，也是从制造大国转向制造强国的根本路径。2015年8月23日，中共中央政治局常委、国务院总理李克强主</t>
  </si>
  <si>
    <t>德国就业市场的“难民经”</t>
  </si>
  <si>
    <t>由于边境管制，近期难民涌入不再气势汹汹，但德国境内涉及难民的暴力活动明显增多，极右翼势力频繁活动，民意出现分化，联邦政府支持率下滑……难民危机正在德国社会产生全面而深刻的影响。  随着德国应对难民潮一揽子法案10月24日提前生效，大规模难民遣返行动已被?</t>
  </si>
  <si>
    <t>我国科学家计划2019年冲击万米载人深潜</t>
  </si>
  <si>
    <t>《阿凡达》导演卡梅隆2012年在马里亚纳海沟深潜至万米海底深渊，中国科学家计划2019年在同一片海域挑战万米载人深潜。此次挑战不是像卡梅隆一次性探险，而是要开展科考作业，并最终实现万米深渊常规载人下潜，探索神秘的海底最深黑暗“禁区”。  “就在这个月，我们?</t>
  </si>
  <si>
    <t>油价低迷持续冲击欧美石油巨头业绩</t>
  </si>
  <si>
    <t>持续低迷的国际油价今年以来打压了欧美石油巨头业绩，据最新季报显示，石油巨头们不仅收入大降，出售资产，还宣布大规模裁员计划。  美国第二大石油公司雪佛龙10月30日公布第三季度财报，受油价下跌，该公司当季营业收入为343.2亿美元，比去年同期减少37%；季度利润?</t>
  </si>
  <si>
    <t>TTIP谈判提速  分歧依旧难弥合</t>
  </si>
  <si>
    <t>美国与欧盟日前在美国佛罗里达州迈阿密结束“跨大西洋贸易和投资伙伴关系协定”（TTIP）第11轮谈判。虽然谈判目前仍然在“投资者与国家间争端解决机制”（ISDS）、数据跨境流动和监管合作等方面存在较大分歧，但欧美双方均希望未来数月将加快谈判节奏，致力于2016年最终完成T</t>
  </si>
  <si>
    <t>王洪章：转型要下好先手棋</t>
  </si>
  <si>
    <t>10月23日，香港中环，全世界最昂贵的地段，摩天大厦鳞次栉比，全球顶尖的金融机构汇聚于此。在中银大厦、汇丰大厦、国际金融中心（IFC）等诸多高楼之间，中国建设银行（亚洲）大厦外墙诸多蓝色LED灯拼图而成的巨幅“10”的字样，在夜幕下格外显眼。  中国建设银行即?</t>
  </si>
  <si>
    <t>酒庄收购新时尚  中国买家投资宜谨慎</t>
  </si>
  <si>
    <t>谈起法国知名品牌，人们首先想到的应该是高级奢侈品和葡萄酒。现代法国能够跻身世界强国之列的关键在于能够创造和维护品牌，并成功将品牌推向全世界。记者日前来到法国知名葡萄酒产区波尔多，希望能够探究解析法国如何将葡萄酒产业作为品牌塑造和推广并取得成功的成功案例，?</t>
  </si>
  <si>
    <t>不平等拖慢社会向前的脚步</t>
  </si>
  <si>
    <t>今年10月12日，美国著名经济学家、美国经济学学会前任主席安格斯·迪顿荣获2015年度诺贝尔经济学奖，以表彰他在消费、贫穷与福利方面的研究贡献。《逃离不平等：健康、财富及不平等的起源》英文版问世于2013年，比较系统地阐述了迪顿在贫穷、健康、公共福利政策等问题上持有?</t>
  </si>
  <si>
    <t>德法首脑访华为中欧合作加码</t>
  </si>
  <si>
    <t>中国国家主席习近平刚刚结束访英旅程，德国总理安格拉·默克尔和法国总统弗朗索瓦·奥朗德本周相继来华，中国和欧洲在经贸、科技、人文、全球治理、应对气候变化、应对难民危机等诸多领域的双边合作将进一步升级。  德法首脑相继访华  应国务院总理李克强邀?</t>
  </si>
  <si>
    <t>“排放门”丑闻拖累  大众三季度净亏17.3亿欧元</t>
  </si>
  <si>
    <t>受“排放门”丑闻拖累，德国大众汽车公司第三季度利润出现十年来首次亏损。  28日发布的三季报显示，大众出现净亏损17.3亿欧元（约合19亿美元），去年同期则实现净利润29亿欧元。  公司第三财季出现净亏损的主要原因是计入了67亿欧元的特殊项目，其中主要是?</t>
  </si>
  <si>
    <t>世行：欧洲中亚经济前景差异巨大</t>
  </si>
  <si>
    <t>世界银行在最新发布的《欧洲中亚地区经济展望：大宗商品低价与货币疲软》中预计，在不确定的全球经济大环境中，欧洲中亚地区今年的GDP增长将升至1.4%，2016年预计增长1.8%。但各国的经济前景差异很大。  主管欧洲中亚地区的世界银行副行长西里尔·穆勒表示，欧洲中亚</t>
  </si>
  <si>
    <t>报告称中国气候融资缺口超万亿</t>
  </si>
  <si>
    <t>清华大学地球系统科学研究中心与著名国际学术期刊《柳叶刀》28日联合发布《健康与气候变化：保护公共健康的政策响应》等两篇特邀科学报告。  报告透露，为保护免受全球气候变化影响所采取的适应性措施所需要的投资的估计是有限的。迄今，世界银行给出最综合的全球估?</t>
  </si>
  <si>
    <t>加国大型银行为何进入“裁员季”</t>
  </si>
  <si>
    <t>近日，加拿大连续几则大型银行裁员的消息，让投资者捏了一把汗。  据媒体23日报道，加拿大第三大银行丰业银行（按市值）正在计划2年内裁员数百人，主要涉及业务支持类的“有纸”办公人员；而19日也有消息说，加拿大第二大银行道明银行正在进行裁员以削减开支。另外，</t>
  </si>
  <si>
    <t>回归正常是美货币政策战略方向</t>
  </si>
  <si>
    <t>话说美国联邦储备委员会（美联储）的货币政策决策机构——联邦公开市场委员会（FOMC）28日结束了为期两天的议息会议，忐忑不安的全球市场得到了是否加息的答案。其实，美联储当日无论做出什么决定，都改变不了其货币政策回归正常化的战略思路，也动摇不了全球货币政策分野而?</t>
  </si>
  <si>
    <t>美研究显示：语音操作让驾车人“分心”</t>
  </si>
  <si>
    <t>研究显示，无论是语音控制车载信息和娱乐系统，还是语音操作手机功能，依然会让车辆驾驶人“分心”，构成交通安全隐患。  美国汽车协会交通安全基金会近日与犹他大学联手发布两项研究结果，即以语音指令代替手动操作，实现所谓“免提”操作，会让驾车人最多分心27秒?</t>
  </si>
  <si>
    <t>奥巴马政府贸易谈判重心转向TTIP</t>
  </si>
  <si>
    <t>美国与欧盟日前在美国佛罗里达州迈阿密结束“跨大西洋贸易和投资伙伴关系协定”（TTIP）第11轮谈判，双方承诺未来几个月加快谈判节奏，致力于2016年最终完成TTIP谈判，但仍然面临国际投资争端解决机制、数据跨境流动、监管合作等不少难题。  从美国谈判官员本周释放?</t>
  </si>
  <si>
    <t>美企收集欧洲信息面临更多限制</t>
  </si>
  <si>
    <t>26日，欧盟宣布已经与美国就一份新的跨大西洋数据转移协议达成原则性一致。欧盟司法专员茹霍瓦表示，原则性协议已经达成，但是双方仍在讨论如何确保这些协议能够完全满足欧盟法院的要求。  将设年度检查机制  就在10月6日，欧盟法院公布了一份无效判决，宣布</t>
  </si>
  <si>
    <t>前三季度销量超大众  丰田重返全球首位</t>
  </si>
  <si>
    <t>日本丰田汽车26日公布的数据显示，其2015年1至9月全球销量为749.8万辆，再次超过持续受到尾气排放造假丑闻影响的德国大众汽车，位居全球首位。  丰田汽车表示，今年前三季度全球销量同比下降1.5%；日本以外市场的销量达到585万辆；中国市场销量80.4万辆；北美市场销?</t>
  </si>
  <si>
    <t>人民币加入SDR渐行渐近</t>
  </si>
  <si>
    <t>据路透社报道，国际货币基金组织（IMF）的工作人员准备为人民币进入特别提款权（SDR）扫清全部障碍。国际货币基金组织董事将在某个时候决定人民币纳入SDR中，而起作用的主要影响因素是根据一系列技术标准对其表现的评估。  报道称，国际货币基金组织的一位发言人称，</t>
  </si>
  <si>
    <t>专家：完善法律体系为互联网创新提供制度保障</t>
  </si>
  <si>
    <t>由清华大学法学院、中国互联网协会联合主办的第一届互联网法治大会日前在京举行。清华大学法学院院长王振民，中国互联网协会秘书长卢卫等专家就互联网与法治建设发表了自己的观点。  王振民表示，互联网法治建设是一个新生事物，一方面互联网自身需要治理，这既包括?</t>
  </si>
  <si>
    <t>“点穴式”访英有多重收益</t>
  </si>
  <si>
    <t>习近平主席日前对英国的国事访问，无疑是很特殊的一次出访。最大的特殊性，就是这又是一次“只访一国”的访问，外交部部长王毅曾将这种访问定义为“点穴式”外交。特殊的出访，自然有特殊的用意，更取得了丰硕成果。  首先，中英签署了一系列大单，总额达到了4000亿?</t>
  </si>
  <si>
    <t>“人民币纳入SDR只是时间问题”</t>
  </si>
  <si>
    <t>加拿大著名智库——加拿大国际治理创新中心全球经济主任研究员多米尼克·隆巴迪日前在接受《经济参考报》记者专访时表示，人民币国际化已经日趋重要，人民币纳入IMF特别提款权（SDR)货币篮子只是时间问题。  隆巴迪当日在其主编的新书《走进巨龙：国际金融体系中的中</t>
  </si>
  <si>
    <t>美国扩大德银俄罗斯洗钱案调查</t>
  </si>
  <si>
    <t>据外媒报道，美国监管机构正在扩大对德意志银行俄罗斯洗钱案的调查，以查明相关交易行为是否违反了美国对俄罗斯的制裁条款。  英国《金融时报》25日援引消息人士的话称，美国司法部和纽约州金融服务局正在扩大对于德意志银行莫斯科部门的洗钱案调查，以查明德意志银?</t>
  </si>
  <si>
    <t>美萨克拉门托市在华推介EB-5项目</t>
  </si>
  <si>
    <t>美国加利福尼亚州萨克拉门托市EB-5项目“国王队金色一号中心及金色一号商业圈”将于本月在华首发。参与该项目的萨克拉门托国王队主席兼首席运营官克里斯·格兰杰（Chris Granger）表示，该项目旨在增加就业机会，以促进经济发展及提高生活品质，也为参与其中的20多个国家和地</t>
  </si>
  <si>
    <t>我国光伏应用年内或跃升全球第一</t>
  </si>
  <si>
    <t>在全球经济不景气的情况下，中国光伏业逆势增长，今年前三季度装机量同比新增161%。业内人士预计，四季度由于受能源局新增光伏装机量影响，我国光伏产业可能出现跳跃式增长，累计总量将达到4300万千瓦，从而超过德国成为全球光伏应用第一大国。  更值得关注的是，可?</t>
  </si>
  <si>
    <t>中英核电合作令国内核电企业受益多多</t>
  </si>
  <si>
    <t>伦敦时间21日下午，在国家主席习近平访英期间，中英欣克力角C核电项目合同正式签署，中广核集团与中核集团组成的中方联队投资60亿英镑（约合588亿元人民币），持有项目33.5%的股权。这是我国企业首次主导开发建设西方发达国家核电项目，实现我国自主核电技术向西方发达国家出</t>
  </si>
  <si>
    <t>卢中原：创新创业应为制造业转型升级提供帮助</t>
  </si>
  <si>
    <t>社科奖第七届全国高校市场营销大赛启动会暨全国高校创客联盟启动大会日前在京举行。国务院发展研究中心原副主任、中国市场营销学会会长卢中原在会上就创新创业如何通过增加供给创造新的需求，以及帮助制造业实现转型升级发表了自己的观点。  卢中原表示，需求创造供?</t>
  </si>
  <si>
    <t>丰富投资品种是伦敦人民币业务发展关键</t>
  </si>
  <si>
    <t>在国家主席习近平上周访问英国期间，中英两国签署、达成了一系列协议和共识，其中在金融领域，伦敦市场的人民币投资品种和数量得到实质性增长，是双边金融合作的一大亮点，这既反映了英国对人民币国际化前景的信心背书，也反映中国对伦敦国际金融中心地位的倚重。  ?</t>
  </si>
  <si>
    <t>中英“黄金时代”的梦想与现实</t>
  </si>
  <si>
    <t>19日至23日，中国国家主席习近平对英国进行国事访问，这是10年来中国国家主席首次对英国进行国事访问。在与英国首相卡梅伦会谈时，双方积极评价中英关系发展取得的成就，就双边关系及重大国际和地区热点问题深入交换意见，达成重要共识，决定共同构建中英面向21世纪全球全面?</t>
  </si>
  <si>
    <t>“最后一公里”成农村电商拦路虎</t>
  </si>
  <si>
    <t>农村电商不但是国家重点扶持的领域，也是各路资本纷纷看好的新蓝海。河南农业小县孟州，没有沿海地区发达的工业体系，也没有像义乌这样的全国商品集散中心，但其开辟了一条独特的解决农民“买难卖难”的农村电商之路。记者在调研时发现，该县初步建立了县、乡、村三级服务站?</t>
  </si>
  <si>
    <t>构建开放型经济新体制促进国内改革</t>
  </si>
  <si>
    <t>中国本土快速扩张的巨大市场，成为竞争新优势。中国还在以7%的速度在扩张，这么大的市场，特别是新增的需求，会带来很多新机会，吸引全球投资加快进入中国。  无论是美国奥巴马政府提出的“再工业”战略，还是德国的“工业4.0”，都要求更好的基础设施。对发展中国家</t>
  </si>
  <si>
    <t>蔡澈：为奔驰下一个130年奠定基础</t>
  </si>
  <si>
    <t>从1886年卡尔·本次发明了世界上第一辆汽车。到今天，奔驰汽车已经走过129个年头，2016年，将是奔驰汽车130周岁生日。  经过百年积淀，悬挂三叉星徽的奔驰汽车已经成为德国工业的一个代表，同时也成为世界豪华汽车的第一品牌。  “奔驰是汽车工业的奠基者、?</t>
  </si>
  <si>
    <t>国库告急  美国再度逼近债务上限</t>
  </si>
  <si>
    <t>今年11月3日，美国将可能触及18.1万亿美元的债务上限，这意味着美国两党对此论战又将开始。美国财政部长雅各布·卢21日表示，他对此感到焦虑，希望能尽快提高债务上限。  据美国媒体报道，下月初美国就会耗尽财政资金，美国财政部到时候能用的现金或不足300亿美元，?</t>
  </si>
  <si>
    <t>甘肃在“一带一路”国家建第六所岐黄中医学院</t>
  </si>
  <si>
    <t>近日，甘肃在“一带一路”沿线国家建立的第六个岐黄中医学院——摩尔多瓦岐黄中医学院成立，这是甘肃探索“一带一路”中医药国际合作取得的又一最新成果。  摩尔多瓦岐黄中医学院是商务部投资修建的，由甘肃派中医管理。之前，甘肃已在乌克兰、吉尔吉斯、马达加斯加?</t>
  </si>
  <si>
    <t>著名摄影家罗斯坦原作现身国内拍卖市场</t>
  </si>
  <si>
    <t>在11月中旬即将开拍的华辰秋季拍卖影像专场中，一组美国著名摄影家阿瑟·罗斯坦（Arthur Rothstein）于1946年所摄，记录湖南衡阳饥荒的签名原作将与公众见面。这11张作品真实地不仅记录下在抗战方止、内战即兴的特殊时期，毫无喘息之际的普通民众挣扎在生死线上惨烈情形，让?</t>
  </si>
  <si>
    <t>人民币国际化将在瑞士迈出新步伐</t>
  </si>
  <si>
    <t>瑞士金融市场监管局日前证实，中国建设银行已经获得瑞士银行业营业执照，可以在苏黎世设立分行并开展人民币清算业务。  中国建设银行可能在今年年底前开始在苏黎世受理人民币业务。苏黎世有望成为继伦敦、法兰克福、卢森堡之后的又一欧洲离岸人民币交易中心，人民币?</t>
  </si>
  <si>
    <t>中澳自贸协定实施进程有望加快</t>
  </si>
  <si>
    <t>据外媒报道，澳大利亚贸易与投资部部长安德鲁·罗伯证实，工党与政府达成协议，同意支持中澳自由贸易协定，于10月21日在众议院进行立法程序。至此，澳大利亚联邦议会所有党派均已表态支持中澳自贸协定。中澳自贸协定关税削减条例可能从今年起实施。  反对党领导人比?</t>
  </si>
  <si>
    <t>日本如何鼓励民众创业</t>
  </si>
  <si>
    <t>“制定和修改相关法律，降低个人设立公司的门槛，帮助缺乏注册资金的大学毕业生和失业人员自己创业，是我们最重要工作之一”，日本厚生劳动省负责再就业问题的官员佐藤先生说，“日本政府正在从改革税制、鼓励大学毕业生和失业者自行创业、降低创业门槛、增加就业岗位、健全?</t>
  </si>
  <si>
    <t>世行调低对主要大宗商品价格预测</t>
  </si>
  <si>
    <t>世界银行每季更新的反映国际大宗商品市场状况的《大宗商品市场前景》报告显示，世界银行调低了对多项大宗商品价格的预测，反映全球经济进一步放缓对大宗商品市场带来了诸多影响。  世行2015年三季度能源价格指数较二季度暴跌17%，主要因素是全球增长放缓、中国及其他</t>
  </si>
  <si>
    <t>美对人民币“大幅低估”一说改口</t>
  </si>
  <si>
    <t>美国财政部19日公布了覆盖其主要贸易对象的《国际经济和汇率政策报告》，认为包括中国在内的美国主要贸易伙伴并未操纵货币汇率以获取不公平贸易优势，不再指责人民币汇率“大幅低估”。分析指出，此举表明美国在一定程度上赞许了中国当局汇改和相关防止人民币大幅贬值的行为?</t>
  </si>
  <si>
    <t>受制于人的失意</t>
  </si>
  <si>
    <t>在中国，“金融战”是个热门的话题，中国要真正成为世界舞台的中心，回避不了卷入金融战的可能。而日本，恰恰提供了一个金融战的负面典型。日本的教训有哪些？日美金融战亲历者久保田勇夫在《日美金融战的真相》一书，做了白描式反思。  久保田勇夫，1966年进入大藏?</t>
  </si>
  <si>
    <t>百胜拟分拆为两家独立上市公司</t>
  </si>
  <si>
    <t>百胜餐饮集团20日在美国肯塔基州宣布，拟分拆为百胜中国和百胜餐饮集团两家各自拥有独特企业战略和投资特点的独立上市公司。  作为特许经营权专营公司，百胜餐饮集团将致力于扩大肯德基、必胜客和塔可钟的全球布局和提升业绩表现，并进一步聚焦面向消费者的、别有洞?</t>
  </si>
  <si>
    <t>华尔街看好“逆风前行”的中国经济</t>
  </si>
  <si>
    <t>日前，有分析人士指出全球经济正面临自2008年金融危机以来最严重的险境，部分新兴经济体有内忧外患，发达经济体复苏步伐迟缓，美国专家认为中国经济却在如此背景下“逆风前行”。  中国国家统计局20日公布数据显示，经初步核算，前三季度中国国内生产总值487774亿元?</t>
  </si>
  <si>
    <t>收购SFF或拖累上海梅林业绩</t>
  </si>
  <si>
    <t>光明集团近年提出了国际化战略，频繁并购海外资产，超越了国内其他食品企业。但在其国际化路线中，被收购海外企业却往往并非高效资产。  近日，光明集团旗下上市公司上海梅林（600073）公布，用现金方式收购新西兰最大肉类加工企业Silver Fern Farms Beef Limited（?</t>
  </si>
  <si>
    <t>马尔代夫借助四大优势吸引中国投资</t>
  </si>
  <si>
    <t>马尔代夫副总统阿迪布及商务代表团人士19日在京共同表示，希望马尔代夫的经济发展能与“21世纪海上丝绸之路”契合，同时利用自身优势创造商业机会、吸引中国投资。  阿迪布是在当日举行的马尔代夫中国投资论坛媒体发布会上做出上述表态的。马尔代夫投资论坛由马尔代?</t>
  </si>
  <si>
    <t>亚太主要股市小幅调整</t>
  </si>
  <si>
    <t>19日的数据显示，中国第三季度经济增速跌至7%以下，但好于市场预期，因此该消息并未令亚太股市出现大幅回落。亚太主要股市19日多数出现小幅调整。  因投资者采取获利回吐操作等因素影响，日本东京股市19日开盘走跌，随后由于中国的经济数据符合预期而走高，但随后由?</t>
  </si>
  <si>
    <t>中国互联网+与数字欧盟为新经济奠基</t>
  </si>
  <si>
    <t>编者按 十三五期间，中国将实施 “互联网+”、“一带一路”、“大众创业、万众创新”等国家经济战略，寻找新动力，启动新发展。9月26日，国家主席习近平在联合国发展峰会上的讲话中表示，“中国倡议探讨构建全球能源互联网，推动以清洁和绿色方式满足全球电力需求”、“中国?</t>
  </si>
  <si>
    <t>张新红：信息化是中国发展的最大机遇</t>
  </si>
  <si>
    <t>美国趋势学家里夫金表示，一个崭新的经济模式横空出现，即创建21世纪高科技智能绿色数字经济。数字经济、信息化对中国意味着什么？它正在哪些领域发生变革？带着这些问题记者采访了国家信息中心信息化研究部主任、信息社会50人论坛轮值主席、中国信息化百人会执委兼秘书长张?</t>
  </si>
  <si>
    <t>2030年亚太旅游人数将超5亿</t>
  </si>
  <si>
    <t>10月17日至18日，“世界旅游互联网大会”在浙江杭州召开，会议围绕“新常态、新旅行、新体验、新范式”下的智慧旅游建设、互联网＋旅游等系列行业热点话题展开。联合国世界旅游组织亚太部主任徐京表示，经济和金融危机之后，全球旅游业已连续5年保持增长，且达到4%至5%的增长</t>
  </si>
  <si>
    <t>探因贫困  解码幸福</t>
  </si>
  <si>
    <t>今年诺贝尔经济学奖授予普林斯顿大学侧重微观领域研究的经济学家安格斯·迪顿。瑞典皇家科学院在声明中说，通过强化个体消费决定和整体经济产出之间的关联性，迪顿的研究改变了微观经济学、宏观经济学和发展经济学。  迪顿究竟对经济学研究有何贡献？他涉猎了哪些领?</t>
  </si>
  <si>
    <t>美联储褐皮书：强势美元打压经济</t>
  </si>
  <si>
    <t>美国联邦储备委员会14日发布的全国经济形势调查报告显示，2015年8月中旬至10月初美国经济活动总体温和扩张，但是美元升值抑制了制造业活动和旅游消费。报告显示，大部分地区的零售消费实现增长，大部分地区制造业活动处于萧条状态，住房和商业地产板块有所好转，信贷条件有很</t>
  </si>
  <si>
    <t>新区域主义浪潮与中国战略选择</t>
  </si>
  <si>
    <t>TPP谈判近日取得突破并最终达成协议并不令人意外。今年5、6月间，贸易促进授权在美国参众两院分别获得通过，完成谈判的主要障碍就已排除。在亚特兰大部长级会议的最后冲击阶段，各方在农产品、汽车和制药业等领域的分歧只是战术性、技术性问题，已不足以撼动尽快达成TPP的战?</t>
  </si>
  <si>
    <t>未来中国有四大投资机会</t>
  </si>
  <si>
    <t>中国经济这一轮下滑有明显的周期性因素。中国经济一直出口占比很大，尤其是发达国家是我们主要的出口市场，而自2008年以来，发达国家普遍没有走出危机。更重要的是，导致危机的很多体制问题并没有因为危机而进行改革，西方发达国家什么时候能重回健康良性的增长，很难预期，?</t>
  </si>
  <si>
    <t>美国阻挠IMF改革凸显霸权思维</t>
  </si>
  <si>
    <t>国际社会年年呼吁，碰到的是美国年年忽悠；多国数次抨击，遇到的则是IMF和稀泥。这其实就是当前IMF改革的现状，从某种程度上，亚投行横空出世，金砖银行顺势而生，与IMF改革裹足不前有着莫大关系。说得更严重一点，美元霸权梦，或许正在毁了IMF。  在日前于秘鲁利马?</t>
  </si>
  <si>
    <t>开发北欧市场宜借力哥本哈根—马尔默港</t>
  </si>
  <si>
    <t>中国和北欧国家的政商界人士14日齐聚深圳，共同讨论中国企业拓展北欧市场开发空间，并借哥本哈根-马尔默港的辐射作用深化该区域与中国的经贸投资关系。  在当天举行的“斯堪的纳维亚：通往欧洲的绿色文化”研讨会上，中欧嘉宾认为，拓展潜力巨大的北欧市场，宜利用好</t>
  </si>
  <si>
    <t>光伏“十三五”拟重点推进六大工程</t>
  </si>
  <si>
    <t>“十三五”光伏发电发展规划思路终于出炉。《经济参考报》记者从13日召开的2015中国光伏大会暨展览会上获悉，2020年光伏发电规模目标已明确从之前的1亿千瓦上调50%到1.5亿千瓦，“十三五”期间将加快推进中东部地区分布式光伏发电和西部地区光伏电站规模化发展，推进重点经济</t>
  </si>
  <si>
    <t>财富、幸福和贫穷的揭秘人</t>
  </si>
  <si>
    <t>凭借在消费、贫穷与福利领域广泛而卓越的研究贡献，美国普林斯顿大学教授安格斯·迪顿12日荣获今年诺贝尔经济学奖。瑞典皇家科学院在声明中强调，通过强化个体消费决定和整体经济产出之间的关联性，安格斯·迪顿的研究改变了微观经济学、宏观经济学和发展经济学。  ?</t>
  </si>
  <si>
    <t>RCEP协议料年底前结束谈判</t>
  </si>
  <si>
    <t>区域全面经济伙伴关系协定（RCEP）参与谈判国16国代表于12日在韩国召开会议，与会谈判代表透露，该协议已进入关键阶段，将于今年年底前实质性结束谈判。  RCEP协议涵盖16国，人口总数达34亿人。以东盟十国为主体，还包括中国、日本、韩国、印度、澳大利亚及新西兰等?</t>
  </si>
  <si>
    <t>欧洲投资银行或撤回18亿欧元大众贷款</t>
  </si>
  <si>
    <t>据外媒12日报道，欧洲投资银行可能会收回发放给德国大众汽车公司的18亿欧元贷款，原因是这笔贷款可能被用于帮助大众进行柴油车辆尾气排放检测造假。这凸显出大众的造假丑闻对其融资能力的负面影响正日益扩大。  自上世纪九十年代以来，欧洲投资银行向大众发放了约46?</t>
  </si>
  <si>
    <t>优化税制引消费“肥水”回流</t>
  </si>
  <si>
    <t>据报道，中国的国庆“黄金周”已经成为世界的“黄金周”，从中国游客挤爆韩国免税店，再到中国游客在日本抢购医药品和电器数码产品等，海外商家已从中国消费者身上赚了个盆满钵满。而“爆买”一词的发明，结结实实地形容出国人在海外惊人的消费能力。  不少网民表示?</t>
  </si>
  <si>
    <t>华尔街乐见中美共生共栖</t>
  </si>
  <si>
    <t>身处纽交所，总能听到交易员谈论着有关中国经济的一些事情。经济结构调整、资本市场波动，等等，都在他们的视野之内。习近平主席近期对美国进行了国事访问，自然成为华尔街交易员们的日常谈资，他们很关心经济世界中两个庞然大物如何进行有益于彼此的互动。  斯蒂芬?</t>
  </si>
  <si>
    <t>欧美大银行集体“瘦身”应对经济不振</t>
  </si>
  <si>
    <t>近期，渣打银行曝出将对高管层进行大裁员，德意志银行财报成绩黯淡，欧洲多家大型银行缩减业务……这些现象均显示出，在全球经济震荡下，欧美大银行正面临阵痛。  据英国广播公司BBC报道，渣打银行正计划在全球范围内裁掉1/4的高层员工，涉及大约1000个工作岗位，以?</t>
  </si>
  <si>
    <t>全球共拒增长逆风  围剿跨国避税</t>
  </si>
  <si>
    <t>为期三天的国际货币基金组织（IMF）和世界银行2015年秋季年会于当地时间11日在秘鲁利马闭幕。本次年会上，来自188个国家和地区的政策制定者及相关代表围绕全球经济走势、宏观政策协调、应对气候变化等议题进行讨论。  值得关注的是，人民币能否加入IMF特别提款权（SD</t>
  </si>
  <si>
    <t>人民币业务“解渴”中加跨境电商</t>
  </si>
  <si>
    <t>近年来，中国与加拿大双边贸易持续增长，加拿大境内的人民币业务取得了重要进展，当地人民币海外支付清算网络的建设正在顺利推进。  随着中国跨境电商将触角伸到世界各地，与之配套的金融服务也随之而来。很多国人通过国内网络平台购买加拿大商品，未来的支付方式有?</t>
  </si>
  <si>
    <t>亚洲第一湿地清理非法使用者</t>
  </si>
  <si>
    <t>金秋时节，享有“亚洲第一湿地”美誉的额尔古纳湿地的一处旅游接待点外机器轰鸣。在位于内蒙古自治区东北部的额尔古纳湿地自然保护区管理局工作人员的注视下，一排今年夏天刚刚竖起的木桩被推倒在地。  一项旨在对自然保护区内人畜活动情况摸底的工程正在内蒙古自治?</t>
  </si>
  <si>
    <t>谋创新就是谋未来</t>
  </si>
  <si>
    <t>政府包揽一切的管理模式已逐渐难以适应社会成长的需要。比如，美国政府承诺给予退伍军人荣誉和支持——独立战争中的老兵，不但得到了养老金，还获得地方政府和州政府提供的医疗保障，其中一万多人被赠予公共土地（从普通士兵的100英亩到少将的1100英亩）一一不等。但是，与诸</t>
  </si>
  <si>
    <t>乌克兰局势趋稳  引资政策升级</t>
  </si>
  <si>
    <t>来自乌克兰多个产业的部长级官员日前来华访问，寻求维持并拓展中乌在农业、基建、矿业等领域的合作，希望在乌克兰危机渐缓过程中，通过经济改革、借助外部资本实现这个资源大国的经济复苏。      “部长团”期待维持、拓展合作  此次来华访问的乌克兰官员包括农</t>
  </si>
  <si>
    <t>乌克兰投资机遇值得谨慎乐观参与</t>
  </si>
  <si>
    <t>乌克兰即将在2016年重回经济增长，多个产业的私有化政策逐步展开，这个资源丰富，地处亚欧大陆桥梁位置的国度值得中国投资者关注，并谨慎乐观的参与该国的建设。  乌克兰的能源、农业、基建、矿产等多个产业正在进行私有化改革，并欢迎外资公司参与，今年还出台了配?</t>
  </si>
  <si>
    <t>美联储加息预期骤降  美元指数震荡走低</t>
  </si>
  <si>
    <t>美国商务部本周初公布的数据显示，美国8月贸易逆差创5个月来的最高水平，这表明美国经济易受到强势美元和海外需求疲弱的影响，市场对于美联储加息的预期转向更为谨慎，美元指数因此震荡走低。  美联储加息预期转向  引发美元抛售  数据显示，美国8月</t>
  </si>
  <si>
    <t>乌克兰状况改善  期待与中国深化“大型”项目合作</t>
  </si>
  <si>
    <t>1、问：您如何评价与欧盟的自贸区即将开展的协定？近期是否可以落实该自贸区？对第三国有何影响？  答：3个月后，也就是2016年1月1日将根据乌克兰与欧盟联系国协定开始启动乌欧自贸区。  建立自由贸易区在国际经济中是很常见的现象。世贸组织资料显示，包含?</t>
  </si>
  <si>
    <t>IMF警示全球金融风险犹存</t>
  </si>
  <si>
    <t>国际货币基金组织（IMF）7日在世行和国际货币基金组织的秋季年会上发布了最新版的《全球金融稳定报告》，认为全球金融稳定性有下行态势，并表示，如果各国政府和政策制定者不能正确地处理尚在增长的市场稳定性风险，那么全球经济可能陷入新一轮衰退。  报告认为，为?</t>
  </si>
  <si>
    <t>TPP意在主导全球经贸规则</t>
  </si>
  <si>
    <t>当地时间10月5日，美国等12国经贸部长发表联合声明，宣布历时5年多的“跨太平洋战略经济伙伴协定”（TPP，简称《协定》）谈判结束。中国商务部新闻发言人6日表示，中方对符合世界贸易组织规则、有助于促进亚太区域经济一体化的制度建设均持开放态度。  专家指出，TPP</t>
  </si>
  <si>
    <t>欧洲法院宣布欧美数据《安全港协议》无效</t>
  </si>
  <si>
    <t>欧盟最高司法机构欧洲法院6日作出判决，认定欧美2000年签署的关于自动交换数据的《安全港协议》无效。今后美国网络科技公司将收集到的欧洲公民数据送往美国将受到法律限制，这一裁定对脸书、谷歌、亚马逊等美国互联网巨头影响重大。  位于卢森堡的欧洲法院在裁定中指</t>
  </si>
  <si>
    <t>中国与东盟汽车产业合作空间广阔</t>
  </si>
  <si>
    <t>近两年我国汽车销量进入低速增长期，产能过剩状况日益凸显。与此同时，东盟国家汽车产业基础相对薄弱，相关专家建议我国在低成本绿色汽车、新能源汽车方面与东盟国家加强合作，拓展我国汽车产业的发展空间。  我国汽车业进入低速增长期  “目前我国汽车产业?</t>
  </si>
  <si>
    <t>中国建筑工业化与发达国家相差逾10倍</t>
  </si>
  <si>
    <t>近日，中国工程院土木水利与建筑工程学部院士周福霖在中建一局主办的绿色建造与可持续发展论坛上表示，目前中国建筑工业化程度仅为3%-5%，而欧美建筑工业化达75%，瑞典更是高达80%，日本也能达到70%。这意味着中国的建筑工业化程度与欧美等发达国家相比相差超过10倍。</t>
  </si>
  <si>
    <t>TPP深层次影响在于规则重构</t>
  </si>
  <si>
    <t>10月5日，美国等12国经贸部长发表联合声明，宣布历时5年多的“跨太平洋战略经济伙伴协定”（TPP）谈判结束。这个占全球经济比重约四成的新“联盟”，无疑将对亚太乃至全球经贸格局产生深刻影响。至于对“缺席”的贸易大国中国而言，既不能无视其带来的影响，也不必对这种影响</t>
  </si>
  <si>
    <t>英国智库多多  欲立足靠大牌</t>
  </si>
  <si>
    <t>“经济学是一个基于概率的学科，也是一门不断在积累经验和进行实践检验的学科。”在伦敦坎农街车站的一个小咖啡馆里，梅格纳德·德赛和笔者畅聊了一个多小时，从经济学说史、当前经济环境，到美联储货币政策和金融市场动荡，再到中国和印度崛起，热门话题逐一囊括。</t>
  </si>
  <si>
    <t>英国智库：中国中期仍能保持5%以上经济增长</t>
  </si>
  <si>
    <t>英国经济智库国际货币金融机构官方论坛（OMFIF）咨询委员会主席梅格纳德·德赛和该机构总经理及联合创始人戴维·马什近日在接受记者专访时表示，若长波周期理论正确，那么全球经济正处在下行周期，但发达经济体和发展中国家的各自经济周期有异，如多数亚洲新兴经济体明显陷入</t>
  </si>
  <si>
    <t>大众尾气造假砸了德国牌子</t>
  </si>
  <si>
    <t>涉嫌在美国尾气排放检测中造假，把大众汽车推向了舆论的风口浪尖。  从美国环保局公布的情况以及媒体报道的信息看，大众汽车此次涉嫌造假的是2009年以来在美销售的“柴油版”汽车，包括捷达、高尔夫、甲壳虫、帕萨特、奥迪等，共计48.2万辆。而据美国媒体最新报道，?</t>
  </si>
  <si>
    <t>好经济体制能激发“创造性破坏”</t>
  </si>
  <si>
    <t>1817年，英国人口学家托马斯·马尔萨斯在给其好友、经济学家大卫·李嘉图的信中说：“探寻国富国穷的原因是政治经济学一切研究的重中之重。”显然，“国家为何有贫富之分，健康羸弱之分，以及食物多寡之分”，既是经济增长理论的终极关怀，也是推动制度经济学、政治经济学不?</t>
  </si>
  <si>
    <t>德国汽车业星途变“囧途”</t>
  </si>
  <si>
    <t>刚刚落幕的第66届法兰克福国际车展可谓星光熠熠，200余款全球首发产品，秀理念、秀设计、秀技术，德国汽车业“傲娇”一面展露无遗。然而，就在展会如火如荼进行时，美国环保部门18日抛出重磅炸弹——德国大众汽车尾气排放测试“作弊”，顷刻间将德国汽车业逼入窘境。</t>
  </si>
  <si>
    <t>中瑞宜借力自贸协定拓展合作空间</t>
  </si>
  <si>
    <t>在中瑞建交65周年之际，中瑞商会于9月29日在北京举办了第二届中瑞商业大奖颁奖活动。活动间隙，《经济参考报》记者就中瑞经贸往来的热点问题采访了瑞士（中国）商务促进中心主任阿兰·格拉夫。  《经济参考报》：瑞士作为商业投资目的地有自己的优势，如优惠的税收制</t>
  </si>
  <si>
    <t>贵金属价格操纵案给金融市场敲响警钟</t>
  </si>
  <si>
    <t>据媒体报道，全球7家大型银行因涉嫌共同操纵贵金属市场价格，现在正被瑞士竞争调查委员会调查。据报道，怀疑涉及“合谋定价”的银行，包括了全球几家最大的银行。比如瑞银集团、汇丰控股、宝盛集团、德意志银行、巴克莱银行、摩根士坦利、三井物业等。瑞士竞争委员会在声明中</t>
  </si>
  <si>
    <t>欧洲优化安置方案应对难民危机</t>
  </si>
  <si>
    <t>欧盟成员国内政部长日前投票通过了转移安置意大利、希腊等国境内12万外来难民的方案，但这一暂时性方案难以从根本上解决愈演愈烈的难民危机。事实上，难民危机更是欧洲面临的主要政治、社会和经济问题之一。  难民危机对欧洲的影响主要分为三个层次：经济影响、政治?</t>
  </si>
  <si>
    <t>中国将对接欧盟投资计划</t>
  </si>
  <si>
    <t>第五次中欧经贸高层对话于9月28日在北京举行。国务院副总理马凯与欧盟委员会副主席卡泰宁共同主持对话。欧盟驻华代表团28日表示，中国将向总额为3150亿欧元的欧盟投资计划投资。  马凯在致辞中指出，这次对话的主题是从战略高度推进双向投资，便利双向贸易，希望双方</t>
  </si>
  <si>
    <t>英国品牌抢滩中国海淘市场</t>
  </si>
  <si>
    <t>购买力日益强大的中国中产阶层是全球市场的重要消费群体。而且他们大多是网络购物方式的忠实拥趸，更是跨境网购（所谓海淘）这一新生力量的主力军。精明的英国商人嗅到了当中的巨大商机，在中英经贸关系火热的背景下，英国政府及其贸易促进机构和各大电商签署了系列协议，帮?</t>
  </si>
  <si>
    <t>“排放门”揭秘：大众的失控与失信</t>
  </si>
  <si>
    <t>德国大众汽车公司近日曝出的汽车尾气检测造假丑闻令人震惊。这一汽车行业近年来最大的丑闻之一不仅促使多国展开对大众汽车的调查，还波及其他汽车制造商，甚至引发人们对德国制造行业信誉以及整个清洁柴油车辆技术的信任危机。  “黑色星期五”引发彻查风暴</t>
  </si>
  <si>
    <t>我国粉煤灰产多用少亟待开发</t>
  </si>
  <si>
    <t>记者从日前举行的亚洲粉煤灰大会上获悉，作为煤炭大国，我国的粉煤灰产量一直居高不下，今年预计达到6.2亿吨。巨量堆放的粉煤灰不仅污染环境，而且造成资源浪费。但开发利用这一“城市矿产”面临着市场、技术等难题，亟须政府、企业加以重视，广辟利用领域，加大开发力度，发</t>
  </si>
  <si>
    <t>中美贸易投资合作掀开新篇章</t>
  </si>
  <si>
    <t>9月22日至25日，国家主席习近平对美国进行了国事访问。中美两国领导人围绕各自国家内外政策、双边关系重要议题、国际和地区形势坦诚深入交换意见，达成广泛重要共识，取得了一系列重要成果。  接受《经济参考报》记者采访的业内专家指出，此次习近平主席访美经贸成果</t>
  </si>
  <si>
    <t>大众肇事  德国经济受伤</t>
  </si>
  <si>
    <t>德国大众汽车公司美国区负责人迈克尔·霍恩日前承认，公司在“排放门”事件上“完全搞砸了”。考虑到大众与德国经济千丝万缕的联系，被搞砸的又何止这一家汽车公司？事实上，不仅整个德国汽车产业受到牵连，上下游企业均难逃一劫，大众总部所在地沃尔夫斯堡以及下萨克森州的?</t>
  </si>
  <si>
    <t>国务院批复《环渤海地区合作发展纲要》</t>
  </si>
  <si>
    <t>《经济参考报》记者获悉，国务院日前批复同意《环渤海地区合作发展纲要》，业内人士表示，加快环渤海地区合作发展，是推进实施“一带一路”、京津冀协同发展等国家重大战略和区域发展总体战略的重要举措，事关国家改革开放和区域协调发展大局。  在区域发展目标任务?</t>
  </si>
  <si>
    <t>安倍经济目标胆气有余底气不足</t>
  </si>
  <si>
    <t>9月24日晚间，日本自民党内参众两院议员大会正式决定安倍晋三连任自民党总裁。安倍晋三也抛出一项经济目标，即将日本国内生产总值（GDP）提高20%、达到600万亿日元，并表示要努力实现经济复苏。在目前日本的经济境况下，安倍在此时提出的GDP增长目标意在为自己执政的稳固增加</t>
  </si>
  <si>
    <t>中化集团：讲好“走出去”的中国故事</t>
  </si>
  <si>
    <t>1950年就开始主营国际化贸易，1988年就已经收购美国企业，现在境外资产比例超过70%，实现利润约占集团利润总额一半，这不是哪个国际跨国巨头，而是中国最早开始实现“走出去”的企业之一，中国中化集团公司。  “走出去”是我国深化改革，构建开放型经济新体制的重要</t>
  </si>
  <si>
    <t>古籍善本摄影书的收藏</t>
  </si>
  <si>
    <t>2012年6月4日，“过云楼”珍藏在北京拍出2.16亿元的价位，并出现了一场“国家优先购买”的争夺，引起了社会对古籍善本价值和收藏的关注。早在2006年，一本出版于1873年的《福州和闽江》摄影集在纽约索斯比拍出了18万美元（时价约135万元人民币），去年在欧洲的拍卖市场传出34</t>
  </si>
  <si>
    <t>海正药业预计今年净利下降100%</t>
  </si>
  <si>
    <t>被“救命稻草”海正辉瑞搞得焦头烂额的海正药业，最近又被美国食品药品监督管理局（FDA）发出警示函——15个原料药暂不能进入美国市场。这让业绩本已大幅缩水的海正药业面临更大考验。  9月10日，美国食品药品监督管理局对海正药业下属台州工厂发出原料药进口警示函?</t>
  </si>
  <si>
    <t>创新是企业发展第一动力</t>
  </si>
  <si>
    <t>制造业是国民经济之本，是强国之器。今年国务院发布《中国制造业2025》，首次系统提出制造强国纲领性规划。记者近期在山东滨州、潍坊、德州、青岛、淄博等多地实地采访近20家制造业隐形冠军企业，在世界经济形势低迷背景下，它们或是单项产品市场占有率位居亚洲或全球之首，?</t>
  </si>
  <si>
    <t>通货紧缩威胁全球经济复苏</t>
  </si>
  <si>
    <t>刚结束的杰克逊霍尔全球央行年会上，美、英、欧央行高官纷纷表态，对通胀前景表示出信心，认为更强劲的经济增长将拉动本地区的通胀。不过，从这些国家和地区公布的各项经济数据来看，这种表态在短期内显得过于乐观。  发达国家中，9月3日欧洲央行刚刚下调了欧元区的?</t>
  </si>
  <si>
    <t>低油价灼伤海湾国家经济</t>
  </si>
  <si>
    <t>国际油价长期低迷，高度依赖石油出口的海湾阿拉伯国家合作委员会（海合会）各成员国收入锐减，经济增速、商业环境和主权信用评级等指标也面临下行压力。一些国际机构和分析人士也表示，油价低迷给海合会国家带来明显的挑战。  国际评级机构标准普尔公司日前在一份最?</t>
  </si>
  <si>
    <t>IMF总裁：经济下行风险有碍“全球发展目标”</t>
  </si>
  <si>
    <t>国际货币基金组织(IMF)总裁拉加德22日表示，全球经济增长面临的下行风险加剧，疲弱的前景将令达成“全球发展目标”更加困难，建议发展中国家坚持结构性改革。  拉加德称，她希望全球领导人在9月25-27日举行的纽约峰会上，能够采纳联合国为未来15年制定的可持续发展日</t>
  </si>
  <si>
    <t>中阿科技合作有望从宁夏突破</t>
  </si>
  <si>
    <t>中国和阿拉伯国家同处产业转型升级、实现创新驱动发展的关键时刻，双方具有扎实的合作基础，已经在太阳能、风能、节水农业、生物技术等领域开展了多项双边科技合作与技术转移。中国主动提出共享技术，阿拉伯国家热切期盼引进中国先进技术，深化科技创新合作符合彼此的共同利?</t>
  </si>
  <si>
    <t>中企在美投资须磨合文化差异</t>
  </si>
  <si>
    <t>每周五下午，科尔集团位于南卡罗来纳州工厂的负责人王可都要花两个多小时和工厂里的美国雇员开恳谈会，了解他们对工作的想法和要求。“工厂正处在试运行阶段，工人提出的各种要求相当繁杂。有人要求减少工作时间，有人要求在休息室增加冰箱、微波炉和垃圾桶。”王可说。</t>
  </si>
  <si>
    <t>德韩跟进大众操纵尾气排放检验案</t>
  </si>
  <si>
    <t>继美国环保局指控德国大众汽车集团安装作弊软件、规避正常汽车尾气排放检验之后，德国、韩国相关机构日前表示将介入相关调查，欧盟也称将及时跟进事态发展。  据美国《华尔街日报》报道，德国政府21日表示，将调查大众汽车是否也操纵了欧洲的尾气排放测试。德国环境?</t>
  </si>
  <si>
    <t>亚行调低今明两年亚洲经济增长预期</t>
  </si>
  <si>
    <t>亚洲开发银行22日更新了其2015年亚洲发展展望，分别将7月份时所作的今明两年亚洲经济增长率作了下调，并敦促亚洲地区决策者要强化金融体系以应付外部冲击。  亚洲开发银行在最新预估中称，目前该行预计今明两年的亚洲经济增长率将分别达到5.8%和6%，低于7月份时预计?</t>
  </si>
  <si>
    <t>英国财长：将协助人民币国际化</t>
  </si>
  <si>
    <t>英国财政大臣奥斯本21日在北京表示，未来中英经济合作将聚焦在协助人民币国际化、吸引更多中国投资上。外媒评价道，中英关系进入“黄金十年”，即将展开越来越多的务实合作。  奥斯本在第七次中英财金对话上表示，英国对中国的投资将保持欢迎态度，尤其是在核电、高?</t>
  </si>
  <si>
    <t>多重利好兑现  中国—东盟合作渐入佳境</t>
  </si>
  <si>
    <t>从中国广西钦州海陆到文莱斯里巴加湾，十年前需要大半个月时间；在本次博览会上两地已签署合作意向书，未来双方货运将实现直航，时间可望缩短至5天。  9月18日—21日，第十二届中国—东盟博览会和中国—东盟商务与投资峰会在南宁举行。作为“21世纪海上丝绸之路”重?</t>
  </si>
  <si>
    <t>当啤酒节遭遇难民潮</t>
  </si>
  <si>
    <t>19日，慕尼黑中央火车站难民疏散区冷冷清清，逃离战火的跋涉者不见踪影。两周以来，这里作为叙利亚等国难民进入德国的交通枢纽已陆续接待过7万多难民。  约1.5公里外，最多容纳近万人的14个节日大棚座无虚席。棚里棚外，到处是身着背带皮裤或Dirndl裙等巴伐利亚传统?</t>
  </si>
  <si>
    <t>中国—东盟深度对接发展战略</t>
  </si>
  <si>
    <t>从国际关系看，2015年对中国和东盟都是有意义、有影响的一年。“一带一路”建设进入全面实施阶段，东盟经济共同体即将建成，中国—东盟自贸区升级版谈判预计年底收官，亚洲基础设施投资银行正式投入运营，丝路基金实际性投资运作已迈出重要步伐。  第12届中国—东盟?</t>
  </si>
  <si>
    <t>中阿环保市场潜力巨大</t>
  </si>
  <si>
    <t>通过深入推进“一带一路”建设，我国环保产业走出去也迎来新机遇。日前在宁夏举行的中国－阿拉伯国家环境保护合作论坛（以下简称“2015中阿环保合作论坛”）上，业内人士普遍认为，随着我国环保产业的不断壮大，环保企业“走出去”已成必然趋势，随着“一带一路”战略构想的?</t>
  </si>
  <si>
    <t>股权众筹“分层限额”细则存分歧致难产</t>
  </si>
  <si>
    <t>股权众筹监管细则的出台情况一直备受关注，《经济参考报》记者获悉，由于监管层对细则中非合格投资人“分层限额”等规定仍存分歧，细则恐面临难产。考虑到规范目前市场上从事股权类融资业务的平台，监管层可能会先出台一个互联网非公开股权融资的暂行办法。  中国人?</t>
  </si>
  <si>
    <t>希腊年内第二次大选如期举行</t>
  </si>
  <si>
    <t>希腊当地时间20日提前举行议会选举，选举出的新政府将面临执行第三轮援助和处理难民危机等棘手问题。  据外媒报道，此次大选共有19个政党参加。选前民意调查显示，激进左翼联盟党和新民主党的支持率领先，但二者支持率非常接近。两个政党的支持率均低于32%，这意味着</t>
  </si>
  <si>
    <t>中国与东盟深化环保国际合作</t>
  </si>
  <si>
    <t>中国—东盟环境合作论坛日前在南宁开幕。期间，“一带一路”战略框架下，加强生态环保交流与合作，以提高双方环境可持续发展能力，成为与会中国与东盟环保官员、专家学者、环保领域企业人士热议的话题。  来自泰国的环保官员钦开？科萨德表示，经济的发展可能会带来?</t>
  </si>
  <si>
    <t>内外夹击  我国出口钢材结构亟须调整</t>
  </si>
  <si>
    <t>近年来，我国附加值相对较低的钢材品种的主攻地区仍是东南亚各国。东南亚各国的冶钢水平和冶钢成本相比国内钢铁行业不值一提，但这类国家的基础建设对钢材需求同样较高，这就促成了国内相应钢材品种进入其市场的契机。  数据显示，菲律宾国内方坯产量仅满足其需求的?</t>
  </si>
  <si>
    <t>泰副总理：泰中铁路有望于12月开工建设</t>
  </si>
  <si>
    <t>“泰国和中国已经就铁路合建进行七次协商，铁路合作项目有望在今年12月开工建设。”前来出席第十二届中国—东盟博览会的泰国副总理他那萨在广西南宁表示，泰中铁路将有利于中国倡导的21世纪海上丝绸之路共同建设。  泰国地处东南亚中心位置，是中国倡导的“泛亚铁路?</t>
  </si>
  <si>
    <t>开启“钻石十年”的机遇之窗</t>
  </si>
  <si>
    <t>今年是中国—东盟海洋合作年，也是“一带一路”建设全面实施的开局之年。共建21世纪海上丝绸之路成为中国-东盟合作的新指针，也将为中国-东盟全方位合作带来新商机。  中国-东盟合作在经历了“黄金十年”的发展后，又进入了“钻石十年”的新阶段。从统计资料来看，中</t>
  </si>
  <si>
    <t>霍尼韦尔与华为搭建全球合作构架</t>
  </si>
  <si>
    <t>美国霍尼韦尔公司日前与中国华为技术有限公司正式签署合作框架协议。根据协议，霍尼韦尔将与华为建立全球合作关系，共同探索在智慧城市、智慧能源和工业互联网领域的合作，并携手积极拓展大中华区、亚太、非洲、中东、中亚等市场。  霍尼韦尔中国总裁兼首席执行官盛?</t>
  </si>
  <si>
    <t>美国经济数据喜忧参半  美元指数回落</t>
  </si>
  <si>
    <t>由于汽油价格重拾跌势，且强势美元限制了其他商品成本，本周公布的美国8月消费者物价指数意外回落。疲弱的CPI数据公布之后，美国股市上扬，美国国债价格微升，而美元指数出现回落。  美国劳工部公布，8月消费者物价指数回落0.1%，为今年1月以来的首次下降，而7月为增</t>
  </si>
  <si>
    <t>安邦收购韩国东洋人寿</t>
  </si>
  <si>
    <t>安邦全球“撒网”的投资风格仍在继续，韩国保险公司东洋人寿16日宣布，公司正式与中国安邦保险公司签署出售合同，并召开临时股东大会任命新任董事。作为保险界曾经的“黑马”，安邦的飞速扩张与其全球化战略布局密不可分，而频繁的海外投资，大笔入手保险、银行等金融标的，?</t>
  </si>
  <si>
    <t>中医在欧“民热政冷”局面亟待解决</t>
  </si>
  <si>
    <t>今年以来，中医治疗和理念在欧盟总部比利时布鲁塞尔的传播力度空前，得益于数场针对欧盟机构官员和家属的义诊活动，令广受欧洲群众欢迎的中医得到更广泛的“政客”支持。比利时中医药联合会会长林国明接受《经济参考报》记者专访时表示，高层的推动有望令中医在欧洲取得进一?</t>
  </si>
  <si>
    <t>蚂蚁金服携手台湾国泰金控  探索互联网保险新业态</t>
  </si>
  <si>
    <t>9月14日，蚂蚁金融服务集团有限公司（“蚂蚁金服”）与国泰金融控股股份有限公司（“台湾国泰金控”）分别发布声明，双方达成战略合作，蚂蚁金服拟增资入股台湾国泰金控在中国大陆的全资财产险子公司国泰财产保险有限责任公司（“国泰产险”）；交易完成后，蚂蚁金服将成为国</t>
  </si>
  <si>
    <t>上海梅林得利斯开抢海外牛羊肉</t>
  </si>
  <si>
    <t>从抢牛奶、牧场到争夺海外牛羊肉企业，受国内猪肉消费业绩下滑的影响，中国食品企业海外收购发生了新动向。9月15日，光明集团旗下上海梅林、得利斯同时宣布收购大洋洲牛羊肉企业。  最近一年，国内猪肉企业营收和利润都出现了下滑，牛羊肉企一枝独秀。国内猪肉价格上</t>
  </si>
  <si>
    <t>缺少长期融资抑制发展中国家增长</t>
  </si>
  <si>
    <t>世界银行在最新发布的《全球金融发展报告2015-2016：长期融资》中表示，自2008年全球金融危机爆发以来，由于缺少长期融资，发展中国家企业的投资拉动型增长受到抑制，进而给实现高速和可持续的经济增长率带来挑战。  报告称，在全球层面，由于缺少长期融资，发展中国</t>
  </si>
  <si>
    <t>中俄谋划全产业链能源合作  上游破禁提速</t>
  </si>
  <si>
    <t>9月16日，《经济参考报》记者在2015中国国际石油化工大会分论坛“第二届中俄能源投资论坛”上获悉，俄罗斯2020年有望吸收能源投资1.3万亿美元，中国是重要来源。目前俄罗斯已经有一揽子政策计划，随时准备与中国企业进行全产业链、全方位能源合作，其中上游突破将有望提速。$</t>
  </si>
  <si>
    <t>日企海外并购紧盯服务型内需企业</t>
  </si>
  <si>
    <t>据日本《日本经济新闻》汇总的数据，今年日本企业向海外企业出资，或在海外进行的收购兼并项目（M&amp;A）大幅增加，创历史纪录。截止到8月20日，收购金额已经达到了72000亿日元，比上年同期增加了77%，超过历史最高年份2012年全年总额。  今年1月，伊藤忠商事与泰国正大</t>
  </si>
  <si>
    <t>美大型制造商向海外转移就业岗位</t>
  </si>
  <si>
    <t>受美国进出口银行停止发放贷款影响，数家美国大型制造商宣布拟将就业岗位转移至海外，此举将给当前美国制造业复苏增添不确定性。  美国通用电气(GE)宣布要把500个制造业工作岗位从美国转移到提供出口融资的国家，原因是美国进出口银行暂停了贸易融资服务。无独有偶，</t>
  </si>
  <si>
    <t>中国产业结构将沿三条逻辑主线升级</t>
  </si>
  <si>
    <t>下一轮经济增长将不再是以一个或两个产业为核心的增长，而是各个产业的全面升级，具体表现为信息技术革命向全行业的渗透、扩散，改变全行业的运作、盈利模式。  中国虽然在直接融资渠道、利用国际资本支持实体经济等方面与美国的差距很大，但也可以效仿美国，从政府?</t>
  </si>
  <si>
    <t>澳大利亚新经济主张偏重中国元素</t>
  </si>
  <si>
    <t>澳大利亚自由党新当选党首马尔科姆·特恩布尔15日在总督府向总督彼得·科斯格罗夫宣誓，就任澳大利亚总理。当天，特恩布尔阐述了扩大与中国合作的政策主张，并高度评价了中澳自由贸易协定对经济的提振作用。  在15日的澳大利亚议会问答环节，刚刚成为澳大利亚第29位?</t>
  </si>
  <si>
    <t>人民币离SDR还有多远</t>
  </si>
  <si>
    <t>国际货币基金组织（IMF）近期发布评估报告，澄清了特别提款权（SDR）货币篮子评估的相关标准与方法，并考察了近年来人民币在国际支付和外汇交易中的进展。美国专家认为，从技术层面来看，人民币正逐步靠近SDR的评估标准，随着中国按照IMF的建议进一步推动金融改革，人民币有?</t>
  </si>
  <si>
    <t>未来5年潜在增长率为6%到7%</t>
  </si>
  <si>
    <t>摩根大通中国首席经济学家朱海斌日前在参加北京大学国家发展研究院主办的“中国经济观察报告会”时表示，未来劳动力、土地所带来的要素红利都会下降，未来5年的潜在增长率可能为6%-7%，看起来比较悲观，但如果考虑到我们经济总量已经从不足美国的10%上升到60%，可能就不显得?</t>
  </si>
  <si>
    <t>华尔街依旧看好中国机遇</t>
  </si>
  <si>
    <t>“我对中国经济的增长前景充满信心，我预计今年中国国内生产总值（GDP）仍会领跑全球，高于世界经济增长均值。”美国金瑞基金首席投资官布伦丹·埃亨在接受记者采访时如是说。  近期，随着一轮国际金融市场的巨幅动荡，引来部分投资者对中国经济增长前景的担忧，但多</t>
  </si>
  <si>
    <t>15个原料药禁入美国  海正药业今年业绩承压</t>
  </si>
  <si>
    <t>15个原料药暂不能进入美国市场——9月11日晚公告，让业绩已大幅缩水的海正药业雪上加霜。  “9月10日，美国食品药品监督管理局发出的对公司所属台州工厂原料药进口警示函称，2015年3月2日至7日对台州工厂的原料药检查发现实验室数据完整性方面的不足。根据警示函，海</t>
  </si>
  <si>
    <t>“一带一路”战略推动中阿合作实现新突破</t>
  </si>
  <si>
    <t>中国与阿拉伯国家的合作是“一带一路”战略的重要组成部分。在正在进行的2015中国-阿拉伯国家博览会上，由于“一带一路”战略的推进，中国与阿拉伯国家间的合作已经出现了很多新突破。  据介绍，本届博览会涉及航空航天、智能科技、新能源、装备制造、环境保护、食品</t>
  </si>
  <si>
    <t>英国皇室的经济效应</t>
  </si>
  <si>
    <t>本周三，英国现任女王伊丽莎白二世正式超过维多利亚女王成为英国历史上在位时间最长的君主，后者是伊丽莎白二世的高祖母，在位时间长达63年216天。也就是说，截至9日当天，两人在位时间的加总超过127年。    众所周知，君主立宪制的英国，君主是统而不治的国家元首，其实际</t>
  </si>
  <si>
    <t>化解全球难民危机良方何在？</t>
  </si>
  <si>
    <t>欧洲近来愈演愈烈的难民潮已经引起国际社会越来越多的关注。这股浪潮冲击着经济复苏仍然不稳的欧洲列国，考验着这些国家承受能力，同时也呼唤国际社会对全球难民问题报以更多关注。    难民问题是个国际性问题，而其历史并不短暂。以欧洲为例，上世纪80年代就曾面对过数以?</t>
  </si>
  <si>
    <t>GE在华推进“精准医疗”市场策略</t>
  </si>
  <si>
    <t>美国通用电气（GE）医疗中国生命科学研发培训中心（Fast Trak）二期扩建项目日前完成。GE医疗大中华区生命科学事业部总经理李庆表示，精准医疗在中国拥有巨大的发展潜力，GE将携手产业上下游企业，积极推动中国精准医疗事业发展。    所谓精准医疗(Precision Medicine)，是</t>
  </si>
  <si>
    <t>“十三五”经济潜在增长率平均可维持6.79%</t>
  </si>
  <si>
    <t>厦门大学、日本神户大学与新华社经济参考报9日上午在日本神户联合举行“中国宏观经济国际研讨会暨‘中国季度宏观经济模型（CQMM）2015年秋季预测发布会’”，发布了“中国季度宏观经济模型（CQMM）”2015年秋季预测报告。    据了解，本次发布是CQMM预测与政策模拟结果的第</t>
  </si>
  <si>
    <t>雅虎免税分拆阿里股权计划未获准</t>
  </si>
  <si>
    <t>据外媒报道，9日雅虎在向监管机构提交的文件中表示，美国国税局未批准雅虎免税分拆阿里巴巴集团股权交易的计划。雅虎表示，仍会寻求其他途径继续进行股权分拆的计划。    根据雅虎提交的文件表述，美国国税局暂时不会提前批准公司分拆所持有的阿里巴巴集团股权的计划，但也</t>
  </si>
  <si>
    <t>全球投资格局与规则加速重构</t>
  </si>
  <si>
    <t>8日，联合国贸发会议在厦门举办的第十八届中国国际投资贸易洽谈会期间，发布2015《世界投资报告》（以下简称《报告》）和中国南南合作发展报告（投资卷）。《报告》显示，全球投资流动放缓的大趋势下，发展中经济体尤其是中国的地位正愈加凸显。与此同时，全球在实体经济领域</t>
  </si>
  <si>
    <t>新疆成人民币“向西开放”新支点</t>
  </si>
  <si>
    <t>设立亚洲基础设施投资银行、出资400亿美元成立丝路基金、推动人民币跨境结算、规划区域金融中心、建设跨境电子商务平台……“丝绸之路经济带”提出以来，在“一带一路”的历史机遇下，跨境金融合作正成为推动沿线国家和地区务实合作、互利共赢的加速器。随着对外贸易和金融活</t>
  </si>
  <si>
    <t>日本上修GDP数据难掩经济疲态</t>
  </si>
  <si>
    <t>日本内阁府9月8日公布了2015年第二季度国内生产总值(GDP)修正值。在对上月公布的初值进行上修后，GDP数值仍为负增长。如何实现日本经济复苏仍是摆在政府决策者面前的难题。    数据显示，第二季度剔除物价变动因素后，日本实际GDP减少0.3%，换算成年率为下降1.2%，这一数值</t>
  </si>
  <si>
    <t>柏林新机场建设的得与失</t>
  </si>
  <si>
    <t>机场是一座城市的门户，一国首都的机场往往被视作迎接八方来客的国家门面。德国虽为欧洲第一大经济体，但首都柏林的航空港却似乎与其国家形象很不相称。    根据国际机场协会（ACI）统计，按年度旅客吞吐量计算，伦敦希斯罗机场、巴黎戴高乐机场和法兰克福机场排名欧洲前三</t>
  </si>
  <si>
    <t>低油价拖累美国页岩油开发</t>
  </si>
  <si>
    <t>随着油价的持续下跌，一度繁荣的美国页岩油气行业正面临种种挑战，上半年现金外流超过300亿美元。有分析认为，继五六月份美国石油产量下降后，未来美国石油产量仍有继续下滑可能。    据数据与信息供应商Factset的数据显示，今年上半年，独立的美国上市油气企业资本支出超?</t>
  </si>
  <si>
    <t>日本料理助推农产品出口</t>
  </si>
  <si>
    <t>近年来，日本政府和有关方面采取多种措施，大力推动日本料理（和食）及料理文化（和食文化）走向世界，并使其成为日本软实力的重要组成部分。日本各方的努力已经取得了显著成果，同时，还促进了农产品的出口。    日本农林水产省日前发布的调查数据显示，截止到2015年7月底</t>
  </si>
  <si>
    <t>万豪国际携手支付宝拓展中国市场</t>
  </si>
  <si>
    <t>美国万豪国际集团和蚂蚁金融服务集团（以下简称“蚂蚁金服”）7日宣布，万豪旗下品牌的酒店及度假酒店将接入蚂蚁金服旗下的支付宝移动支付服务。    万豪国际与蚂蚁金服进行合作后，客人在参与计划的万豪旗下酒店支付消费时，可以使用智能手机选择支付宝进行支付。消费内容</t>
  </si>
  <si>
    <t>亚洲新兴市场货币集体走低</t>
  </si>
  <si>
    <t>9月7日，亚洲货币继续集体走低，其中马来西亚林吉特盘中刷新1998年以来的最低水平。    近期，亚洲各新兴市场货币均有不同程度贬值，其中，马来西亚林吉特领跌。受大宗商品价格下跌、美联储加息预期以及国内政治动荡等综合因素的影响，林吉特连续第11周下跌，8月以来，马来</t>
  </si>
  <si>
    <t>G20承诺推动全球经济步入正轨</t>
  </si>
  <si>
    <t>在土耳其首都安卡拉举行的二十国集团（G20）财长和央行行长会议日前结束，会议聚焦了美联储加息、新兴经济体竞争性货币贬值、中国经济“新常态”等热点问题，一定程度迎合了平抚全球市场动荡的需要。    此次会议，二十国集团发布了传达积极信号的联合公报，承诺将采取果断</t>
  </si>
  <si>
    <t>美联储加息为何如此纠结</t>
  </si>
  <si>
    <t>投资者在密切关注美联储是否将在9月16日至17日召开的货币政策例会上启动自2008年金融危机以来的首次加息。从美联储高层官员的最近表态来看，他们并未完全排除9月份加息的可能性，但也未就9月份启动加息达成共识。考虑到近期全球金融市场动荡、美元走强、美国通胀水平较低等因</t>
  </si>
  <si>
    <t>丰田将投资5000万美元研发智能汽车</t>
  </si>
  <si>
    <t>据外媒报道，丰田汽车将携手美国麻省理工学院和斯坦福大学进行人工智能技术研究，以推动公司研发自动驾驶汽车。    丰田称，公司将在未来五年投资5000万美元，在麻省理工学院和斯坦福大学这两所高校建联合研究中心，在人工智能和机器人研究发面展开合作，旨在开发出智能汽?</t>
  </si>
  <si>
    <t>美联储加息扰动不容低估</t>
  </si>
  <si>
    <t>今年下半年，美联储是否加息是全球经济最大不确定性之所在。    一方面，美联储已经多次明确表达了年内加息的态度。在最近的Jackson Hole会议上，联储副主席费希尔仍然乐观看待美国就业和通胀前景，并认为需要在通胀抵达2%目标之前就加息。而刚刚发布的美国8月份就业市场数</t>
  </si>
  <si>
    <t>“与沙作战”换来满眼绿色</t>
  </si>
  <si>
    <t>记者近日在内蒙古中东部采访发现，离北京最近、直线距离仅180公里的浑善达克沙地，林草植被恢复明显，生态环境得到改善。    一棵棵樟子松、一株株黄柳、一簇簇沙打旺，生机盎然地伫立在沙地上，为浑善达克沙地注入了绿色“血液”。    在58岁的锡林郭勒盟正蓝旗巴音乌拉</t>
  </si>
  <si>
    <t>国际油价微幅上涨</t>
  </si>
  <si>
    <t>4日，美国劳工部公布8月份非农就业数据，市场评价“好坏参半”，美元指数并未出现下跌，而这使得黄金价格在连续上涨之后出现回调。与此同时，受到前期低谷反弹的惯性效应，国际油价微幅上涨，能否站稳45美元成为市场关注的焦点。    根据美国劳工部的数据，美国8月非农就业</t>
  </si>
  <si>
    <t>发现更多会计错误  东芝继续推迟年报</t>
  </si>
  <si>
    <t>深陷虚报利润丑闻的日本东芝公司宣布，因发现日本本部与美国子公司存在更多会计错误，决定进一步推迟公布截至今年3月的年度财报。东芝董事长兼社长室町正志8月31日晚在位于东京的公司总部再次道歉。    据路透社报道，新发现的问题包括固定资产的减损支出不准确等。日本共?</t>
  </si>
  <si>
    <t>经济怎样起飞</t>
  </si>
  <si>
    <t>阿瑟·刘易斯是诺贝尔经济学奖获得者中唯一的非洲裔黑人学者，致力于欠发达国家经济增长理论的研究，在他毕生的学术生涯中，《经济增长理论》无疑是最具代表性的巅峰作品。    自古典经济学家亚当·斯密发表不朽著作《国富论》以降，经济增长理论的研究一直受到关注。不过?</t>
  </si>
  <si>
    <t>欧洲央行加码QE政策的压力骤增</t>
  </si>
  <si>
    <t>欧洲央行将于9月3日召开货币政策会议，并宣布利率决定。分析预计此次会议欧洲央行暂时不会扩大宽松政策规模，但是在全球市场持续动荡、欧元区通胀回升目标达成遇阻的背景下，欧洲央行加码量化宽松政策（QE）的压力正在不断增加。    上周对于全球股市来说都是大幅波动的一?</t>
  </si>
  <si>
    <t>德国剧院如何念好生意经</t>
  </si>
  <si>
    <t>告别夏休期，法兰克福新歌剧院将开启2015/16演出季。对这个人口近70万的欧洲交通枢纽和金融中心来说，一年一度的文化消费盛宴随之而来。    法兰克福40%的人口来自170个国家和地区，满足市民差异巨大的文化需求并非易事，在财政支持日益减少的背景下保持高水平、高效率的运</t>
  </si>
  <si>
    <t>国际产能合作布局轮廓初显</t>
  </si>
  <si>
    <t>《经济参考报》记者近日多方采访发现，包括吉林、河北、辽宁等地在内的多省市都已经有针对性地制定出台了国际产能合作的具体方案，同时从国际视角看，中法、中拉、中哈等多项合作也正密集进行，国际产能合作体系机制建设也在提速。接受记者采访的权威专家指出，国际产能合作?</t>
  </si>
  <si>
    <t>美欧英央行乐观看待通胀前景</t>
  </si>
  <si>
    <t>为期三天的杰克逊霍尔全球央行年会29日闭幕。本次会议上，通胀和货币政策成为与会者讨论的焦点，美联储货币政策走向仍备受关注，主要央行高级官员均对与货币政策有较大关联的通胀前景表现出信心。    本次年会上，美联储主席耶伦和欧洲央行行长德拉吉缺席，由美联储副主席?</t>
  </si>
  <si>
    <t>新兴市场回调  英国基金很难受</t>
  </si>
  <si>
    <t>作为基金管理大户，英国安本资产管理公司近期股价有点麻烦。受中国股市近期大幅回调、新兴市场主要货币与资产价格下挫影响，这家以投资新兴市场出名的基金公司在截至8月24日的过去一个月股价累计下跌19%。    安本是欧洲地区规模最大的基金管理上市公司之一，其管理的客户?</t>
  </si>
  <si>
    <t>巴西成南美最有潜力电商市场</t>
  </si>
  <si>
    <t>2015年的巴西经济可谓水深火热，不过尽管雷亚尔持续贬值、经济陷入寒冬，巴西人民的网购热情却如同冬天里的一把火，为惨淡的零售业带来一丝暖意。    巴西在线消费行为研究公司E-Bit本月发布的数据显示，上半年巴西网购规模达186亿雷亚尔（1美元约合3.6雷亚尔），同比增长1</t>
  </si>
  <si>
    <t>全球市场动荡背后的惊恐与困惑</t>
  </si>
  <si>
    <t>“幸运的话，未来当我们回头再看时，会把当前的抛售当作8月份的一波神经紧张。也许，真正的教训应是，政策制定者并非无所不能，他们也是人，也会犯错误。市场不能依靠政策制定者来出手相救。”美国投资大师吉姆·罗杰斯接受《日本经济新闻》专访时说。    这是最好的时代，</t>
  </si>
  <si>
    <t>上半年全球贸易量创6年最大降幅</t>
  </si>
  <si>
    <t>最新数据显示，受需求持续疲软和大宗商品价格下降等因素影响，今年上半年全球贸易量的萎缩幅度达到金融危机以来最大。    荷兰经济政策分析局（CPB）编纂的《世界贸易监控报告》指出，第二季度全球贸易量比第一季度下滑0.5%，第一季度贸易量也下修至萎缩1.5%，使今年上半年</t>
  </si>
  <si>
    <t>里约通过法令禁止“优步”打车</t>
  </si>
  <si>
    <t>巴西里约热内卢市议会25日通过法令，禁止通过“优步”等手机应用软件提供载客交通服务，法案最终还需要里约市长帕埃斯在15天内批准方能正式生效。    这项新法案规定了出租车司机的职业规范，并且明确只有市政府准许的车辆才能够进行载客服务，“优步”及其他企业提供的类?</t>
  </si>
  <si>
    <t>度过危机需国际社会同舟共济</t>
  </si>
  <si>
    <t>最近全球股市和大宗商品价格大幅下挫，投资者避险情绪明显升温，一些西方媒体习惯性地将本轮全球资本市场调整的导火索归咎于中国经济形势欠佳引发的对全球经济复苏的担忧。    但是，在经济全球化深度融合的今天，增长并不是一两个国家说了算的；同样地，经济遭遇压力时也?</t>
  </si>
  <si>
    <t>台湾闺蜜闯荡上海滩</t>
  </si>
  <si>
    <t>4年前，在台北市一家银行上班的“80后”职员翁愉婷（Lena）和许瑞婷（Olivia）突发奇想：韩剧这么火，韩版服饰这么流行，为什么不去海峡对岸开一家服饰精品店？    如今，在上海市中心淮海路的后街——新乐路，愉婷和瑞婷的梦想变成现实，她俩英文名字的首字母连在一起就是</t>
  </si>
  <si>
    <t>主要经济体酝酿联合救市措施</t>
  </si>
  <si>
    <t>全球市场近日遭遇大幅震荡，亚洲市场全面下跌，中国股市更是出现暴跌，一路高歌猛进的欧美股市也未能置身事外。分析认为，虽然暴跌有可能在近期出现阶段性缓和，但未来仍面临诸多不确定性，这种市场的不确定性也加大了经济增长的风险。有迹象表明，主要经济体可能正在酝酿联?</t>
  </si>
  <si>
    <t>美汽车消费满意度跌至12年低点</t>
  </si>
  <si>
    <t>受近年来丰田、通用等车企接连出现巨量汽车召回事件影响，美国消费者2015年对汽车的满意度连续第三年下降，降至2004年以来最低点。    市场调查机构最新发布的美国消费者2015年满意度指数显示，近年来，汽车质量问题频出、新车型价格高企等因素令消费者对整个产业失望，满?</t>
  </si>
  <si>
    <t>美股恐慌性下跌为哪般</t>
  </si>
  <si>
    <t>在全球经济复苏前景存在不确定性的背景下，美国股市24日遭遇“黑色星期一”。纽约股市三大股指当天开盘后大跌，尽管收盘时跌幅有所收窄，但三大股指均跌超3%。就在上周，美国股市刚刚经历了自2015年年初以来表现最差的一周。    分析人士认为，全球股市巨震引发市场担忧情?</t>
  </si>
  <si>
    <t>是危机前夜还是恐慌踩踏</t>
  </si>
  <si>
    <t>在世界金融历史上，估计没有哪一天像8月24日一样，让世界感受到中国的影响力。中国股市的“黑色星期一”，让无论是美日英法德这样的经济大国，还是印菲新马泰这样的周边邻国，其股市无一例外地卷入一场惨痛的“下跌风暴”。    以美国为例，由于时差关系，星期一纽约股市开</t>
  </si>
  <si>
    <t>亚太股市引领全球市场重挫</t>
  </si>
  <si>
    <t>24日，亚太市场迎来“黑色星期一”。股市、汇市、大宗商品齐跌，幅度之大令投资者恐慌。分析师都在关注，下一阶段各国政府是否会有效修正经济政策，以遏制市场动荡。    亚洲股市方面，除去日本市场的MSCI亚太股市指数24日下跌5.1%，至三年来低点。中国上证综指以8.49%创下</t>
  </si>
  <si>
    <t>中国东盟力争年底前完成自贸区升级谈判</t>
  </si>
  <si>
    <t>正在吉隆坡参加东亚峰会经贸部长系列会议的中国商务部部长高虎城23日表示，当天举行的第14次中国－东盟（10＋1）经贸部长会议成果丰硕，中方与东盟就共同推进21世纪海上丝绸之路建设、力争年底前完成中国－东盟自贸区升级谈判、加强中国与东盟区域合作，以及中方提出的加强双</t>
  </si>
  <si>
    <t>市场动荡中仍须保持政策定力</t>
  </si>
  <si>
    <t>本周一，上证综指下挫8.5%，创下了次贷危机后A股单日跌幅的新纪录。此前，从上周开始，全球股市大幅下跌。上周五，美国标普500指数下跌3.2%，创下了近3年来的最大单日跌幅。    不仅中国股市，周一主要股指均大幅下跌。面对这种情况，有悲观人士已经开始担心亚洲金融危机或</t>
  </si>
  <si>
    <t>加国跨境电商青睐中国市场</t>
  </si>
  <si>
    <t>跨境电商在中国早已不是新鲜事物。在加拿大第一大城市多伦多，由于中加贸易近些年迅猛增长，各种跨境电商平台日趋风靡，其驱动力正是中国日益增长的消费需求。    在中国消费者心中，加拿大的枫糖浆、西洋参以及冰酒等产品享有良好口碑。随着中国中产阶级数量的壮大，及其?</t>
  </si>
  <si>
    <t>OPEC成员称减产可能性仍小</t>
  </si>
  <si>
    <t>由于近期国际油价意外大跌，石油输出国组织（OPEC）内部有关油价将继续下跌的担忧加剧，但减产的可能性仍然很小。    上周五，纽约油价六年来首次跌破每桶40美元大关。24日，亚洲市场的原油价格继续下滑。在原油供应充足和需求疲弱的持续压力之下，7月伦敦布伦特原油价格下</t>
  </si>
  <si>
    <t>亚洲最大火电基地推动绿色转型</t>
  </si>
  <si>
    <t>这里是亚洲最大的火电基地，目前四期项目在运总装机容量达到540万千瓦；这里即将建成全球最大的火电基地，五期扩建项目已获国家核准，两年后总装机将达到672万千瓦。这就是位于内蒙古大青山南麓托克托县境内的大唐国际托克托发电有限责任公司（简称大唐托电）。    “推进?</t>
  </si>
  <si>
    <t>内忧外患加剧雷亚尔跌势</t>
  </si>
  <si>
    <t>作为南美第一大经济体、金砖五国之一，巴西经济持续恶化，今年或将失去全球第七大经济体的地位。其货币雷亚尔则疯狂贬值，沦为新兴经济体最差货币。截至目前，雷亚尔对美元自去年6月以来已缩水近60%。遗憾的是，雷亚尔的“噩梦”似乎才刚刚开始。在“石油腐败案”不断发酵、?</t>
  </si>
  <si>
    <t>全球股市暴跌源于流动性危机</t>
  </si>
  <si>
    <t>上周全球各国股市暴跌，无论发达国家还是新兴市场经济国家都是如此。同时，新兴经济体的货币大幅贬值，石油及大宗价格急挫，国际资金都向安全的地方流动。    比如，上星期美国道琼斯指数和标普500指数的跌幅都达到5.8%，创2011年9月以来最大跌幅，纳斯达克指数跌6.8%。欧?</t>
  </si>
  <si>
    <t>出口钢材附加值亟待提升</t>
  </si>
  <si>
    <t>近日印度财政部长建议，将所有进口钢材的基本关税上调2.5个百分点。扁平材进口关税税率可能从目前10%上调至12.5%，长材进口关税税率从目前7.5%上调至10%，进口钢材的基本关税的上限有望调至17.5%。一旦国会批准，该部长将宣布上调且立即生效，这也将成为印度今年年内第二次上</t>
  </si>
  <si>
    <t>美联储9月加息概率骤降  美元遭遇短线痛击</t>
  </si>
  <si>
    <t>本周三大利空袭来，美元遭受重大打击。其中，最大利空来自美联储会议纪要，纪要未提供有关9月加息的线索，令市场感到失望，美联储9月加息的概率也因此大幅下滑。此外，美国CPI数据和油价暴跌也导致美联储加息前景蒙上一层阴影，同样令美元遭受打压。    美国联邦公开市场委</t>
  </si>
  <si>
    <t>近万亿美元资本流出新兴经济体</t>
  </si>
  <si>
    <t>由于经济增速下滑，新兴经济体一年来出现了资本大量流出的现象，并伴随着货币汇率下降。尽管宏观环境充斥着种种不确定性，但以挪威主权财富基金为代表的大型机构仍看好中国经济长期稳定性。    资本由输入到流出    英国《金融时报》援引NN投资管理公司的报告称，通过对?</t>
  </si>
  <si>
    <t>泰国如何化解爆炸事件的经济“余波”</t>
  </si>
  <si>
    <t>泰国曼谷市中心著名景点四面佛神庙外17日晚发生爆炸，造成严重人员伤亡，18日中午曼谷沙吞码头再次发生爆炸。从以往经历看，爆炸事件将对泰国经济非常倚仗的旅游业造成冲击，进而导致泰国经济增长进一步放缓。    在人口稠密的旅游城市发生爆炸并造成严重伤亡，不禁令人想?</t>
  </si>
  <si>
    <t>德国央行：需求将驱动经济劲增</t>
  </si>
  <si>
    <t>德国央行17日表示，由于消费和出口的增长，德国经济增长今年下半年仍将维持强劲增势。该央行还表示，希腊在敲定第三轮援助方案之后，经济将逐步稳定复苏；全球经济前景面临新兴经济体增长放缓所带来的潜在风险。    经济形势向好    德国央行17日在月度经济报告中说，国?</t>
  </si>
  <si>
    <t>IMF报告认为人民币汇率已接近均衡水平</t>
  </si>
  <si>
    <t>8月14日，国际货币基金组织（IMF）发布了2015年度对中国的第四条约磋商报告，对我国近一年来的经济金融运行进行了全面评估。    根据《国际货币基金组织协定》中第四条“关于汇兑安排的义务”的规定，IMF每年与成员国进行的双边磋商。在这种磋商中，IMF会派团访问成员国搜?</t>
  </si>
  <si>
    <t>躲藏在人类行为背后</t>
  </si>
  <si>
    <t>《隐性动机》作者是来自美国的两位经济学家，他们眼中的经济学，不是建立在复杂数学模型上的抽象理论，而是将之从“象牙塔”搬进日常生活，用实证研究解释人类行为背后隐藏的经济学，或称之为隐性动机。    日常行为背后隐藏哪些隐性动机？例如，用餐AA制情况下，人们愿意?</t>
  </si>
  <si>
    <t>壳牌获准勘探美国北冰洋海域油气</t>
  </si>
  <si>
    <t>美国联邦政府17日批准英荷壳牌石油公司在美国北冰洋海域勘探含油层油气资源，前提是该公司必须遵守严格的安全和环保规定。    美国内政部安全和环境执法局当天发表声明说，壳牌处理钻井失控的紧急安全设备已经安装到位，该公司在美国阿拉斯加州西北的楚科奇海的两个钻井平?</t>
  </si>
  <si>
    <t>打捞历代沉没的改革</t>
  </si>
  <si>
    <t>一直以来，“康乾盛世”被世人赞誉。1793年，英国使臣马戛尔尼带着英王乔治三世信函提出通商要求时，乾隆皇帝断然拒绝。马戛尔尼当时断言，所谓的盛世“只是一座雄伟的废墟”。这个预言，后来被证实。    时光流转，距离乾隆盛世两百多年后的今天，中国正步入一个新的盛世?</t>
  </si>
  <si>
    <t>英国央行何时加息？</t>
  </si>
  <si>
    <t>英国央行（英格兰银行）货币政策委员会成员克里斯汀·福布斯日前在英国媒体上发表专栏文章，警告拖延加息时点太久会对英国经济复苏构成威胁。但英国央行究竟应该何时提高利率，福布斯却语焉不详。与渐渐明朗的美联储加息时点相比，猜测英国基准利率的难度系数似乎更高一些。$</t>
  </si>
  <si>
    <t>中东部率先试水PPP资产证券化</t>
  </si>
  <si>
    <t>《经济参考报》记者从多渠道获悉，随着国内部分PPP项目进入建设后期、逐渐进入运营阶段，一些资产规模大的项目不再满足于传统的银行贷款，开始探索包括资产证券化在内的创新融资方式。目前，中东部地区多省交通、水务等领域多个PPP项目方已开始接洽资产支持证券（ABS）承销商</t>
  </si>
  <si>
    <t>负增长令“安倍经济学”再遭质疑</t>
  </si>
  <si>
    <t>日本内阁府17日公布的2015年第二季度国内生产总值（GDP）速报显示，由于国内个人消费及出口不振，经通胀调整后当季日本实际GDP环比萎缩0.4%，按年率计算下滑1.6%。尽管数据略好于此前市场预期，但却是日本经济3个季度以来首次出现负增长。这表明日本经济复苏仍然乏力，进而再</t>
  </si>
  <si>
    <t>德国经济稳健复苏显“内力”</t>
  </si>
  <si>
    <t>二季度GDP环比增长0.4%，较一季度高出0.1个百分点，德国联邦统计局近日公布的经济数据显示，在希腊债务危机搅动整个欧元区的背景下，德国经济依然保持稳健复苏势头。    德国是欧元区经济的“发动机”，占欧元区经济总量近30%，观察欧元区经济走势首先要看德国。数据显示，</t>
  </si>
  <si>
    <t>默克尔：相信IMF会参与救助希腊</t>
  </si>
  <si>
    <t>德国总理安吉拉·默克尔16日表示，她相信国际货币基金组织（IMF）将会参与对于希腊的第三轮救助，并释放出愿意考虑债务减免条件以促成IMF参与救助的信号。    默克尔在接受德国媒体采访时表示，IMF总裁拉加德之前已经清楚地表明，如果之前对希腊援助贷款的某些减免条件得以</t>
  </si>
  <si>
    <t>东风牵手瑞典车企  中国汽车对外合作思路生变</t>
  </si>
  <si>
    <t>东风汽车与国能电动汽车瑞典有限公司17日在京签署战略合作协议，双方将在新能源汽车技术领域开展共同研发活动，加快新能源汽车产业化进程，双方约定将就零部件采购、经销商体系建设、开发海外汽车市场等展开合作。    记者独家获悉的协议内容显示，东风将支持国能在天津建?</t>
  </si>
  <si>
    <t>培生分家故事折射行业巨变</t>
  </si>
  <si>
    <t>出售《金融时报》当天（7月23日），英国培生集团首席执行官约翰·法伦办公室内，巨大落地窗映入泰晤士河旖旎风光，天晴心朗的情景似乎是完成这桩交易的法伦心境的写照。    培生近期连续剥离金融时报集团和经济学人集团，成为英国媒体圈里乐此不疲的谈资。前一桩交易多数人</t>
  </si>
  <si>
    <t>海外美容医疗：花费多  风险大  维权难</t>
  </si>
  <si>
    <t>去韩国整容，去瑞士抗衰老，去美国治疗癌症……一度是富裕人群的“专利”，但如今，就在你我身边，赴海外医疗的人越来越多。随着国人对健康的重视以及国内医疗资源紧缺的现状，越来越多的中国人开始走出国门就医。据业内不完全统计，当前中国大大小小的医疗中介在数百家之多?</t>
  </si>
  <si>
    <t>阿里加码跨境电商业务  多题待破</t>
  </si>
  <si>
    <t>北京时间8月12日晚间消息，阿里巴巴集团与美国最顶级百货零售巨头梅西百货共同宣布，双方正式达成长期独家战略合作。此外，阿里巴巴近期宣布新的人事调动，高盛前副主席迈克尔·埃文斯（Michael Evans）正式加盟，担任阿里巴巴总裁兼执行董事，负责阿里的全球化业务，同时加?</t>
  </si>
  <si>
    <t>俄经济萎缩波及中俄贸易</t>
  </si>
  <si>
    <t>俄罗斯联邦统计局日前公布数据显示，受国际油价下跌等因素影响，今年第二季度俄罗斯经济同比萎缩4.6%，为近6年来最大降幅。一些分析人士称，俄罗斯经济不振将对中俄双边贸易在短期内造成负面影响。    今年5月中旬以来，随着国际油价的下跌，卢布再度大幅贬值，俄经济危机?</t>
  </si>
  <si>
    <t>美元指数短线强力下调  日元或已触底</t>
  </si>
  <si>
    <t>本周，由于中国央行下调人民币兑美元中间价，引发在岸和离岸人民币兑美元汇率暴跌。几个季度以来，美元兑绝大部分主要货币走高，而这拖累了美国的出口行业。因此美联储内部就9月份是否加息仍存有较大分歧，因为加息注定会让美元吸引到更多的买盘资金。美联储将对市场风险进行</t>
  </si>
  <si>
    <t>人民币对美元汇率应声企稳</t>
  </si>
  <si>
    <t>在人民币兑美元连续贬值之后，央行通过召开吹风会这一“口头干预”的方式来引导市场。中国人民银行行长助理张晓慧在13日吹风会上表示，“11日中间价基础报价完善以来，人民币经过两天的调整，逐渐向市场化水平回归，3%左右的累积贬值压力得到一次性释放，此前偏差校正应该说?</t>
  </si>
  <si>
    <t>希腊债务危机有望暂缓但前路艰难</t>
  </si>
  <si>
    <t>希腊11日与债权人就拟议中的约860亿欧元救助方案条款达成了框架协议，标志着在8月20日下一个偿债截止日期之前取得突破，有望暂缓债务压力，但考虑到希腊经济重回衰退区间、援助能否落实尚存争议，希腊仍未完全摆脱危机模式。    这次协议谈判过程又是“马拉松”式的，也是?</t>
  </si>
  <si>
    <t>GE将以90亿美元出售美国医疗金融部门</t>
  </si>
  <si>
    <t>据外媒报道，美国通用电气公司11日表示，计划将旗下的美国医疗金融部门以90亿美元的价格出售给美国Capital One金融公司，还将出售该部门约6亿美元房地产资产。这是通用电气去金融化战略的最新进展。    这笔交易将包含与医疗有关的价值约85亿美元的贷款，预计将于今年第四?</t>
  </si>
  <si>
    <t>奇瑞上半年出口逾5万辆  领跑中国品牌</t>
  </si>
  <si>
    <t>记者日前从奇瑞汽车获悉，2015年上半年奇瑞乘用车出口50130辆，占中国品牌乘用车总出口量26.7%，稳居国内汽车出口第一位置。    在伊朗，奇瑞汽车的市场占有率已达5%，成为当地市场主流品牌之一；在南美市场，今年上半年在阿根廷汽车市场整体下滑的形势下，奇瑞汽车逆市增?</t>
  </si>
  <si>
    <t>新上市车型要慎买</t>
  </si>
  <si>
    <t>美国人买车，爱拿本《消费者报告》杂志按图索骥，《消费者报告》说什么，美国人信什么，一句顶一万句。但中国人似乎不仅都爱跟风，还爱“追新”。    《消费者报告》曾说过：在全新车型上市后的一到两年，车主应该谨慎出手，以观察等候为好。这样的话我也说过很多遍，只是?</t>
  </si>
  <si>
    <t>世行：取消伊朗制裁可降油价</t>
  </si>
  <si>
    <t>世界银行在最新发布的中东北非地区经济季报《取消对伊朗制裁的经济影响》中认为，取消与伊朗核计划有关的制裁将对世界石油市场、伊朗国内经济和伊朗的贸易伙伴产生重要影响。伊朗全面回归全球市场最终将导致原油日产量增加约100万桶，明年油价每桶降低10美元，世行还预计伊朗</t>
  </si>
  <si>
    <t>保山：“极边要塞”迈向开放之城</t>
  </si>
  <si>
    <t>滔滔怒江水，巍巍高黎贡。    数千年来，“蜀身毒道”从四川成都出发，经云南，下大理，进保山，出德宏，入缅甸，直通印度，成为了西南陆地上的“南方古丝绸之路”。    在古代，中国的丝绸、茶叶、瓷器等沿着这条商道源源不断地输往南亚、东南亚各国。    沿着这条古?</t>
  </si>
  <si>
    <t>巴菲特缘何豪赌美高端制造</t>
  </si>
  <si>
    <t>“股神”巴菲特掌控的伯克希尔哈撒韦公司10日宣布，以每股235美元的价格收购美国精密机件公司。将债务考虑在内，本次交易将高达372亿美元，成为伯克希尔哈撒韦公司历史上最昂贵的一次收购行动。精密机件公司究竟具有怎样的魔力，让巴菲特心甘情愿地进行溢价20%多的收购？</t>
  </si>
  <si>
    <t>英国银行业加速移动数字化改革</t>
  </si>
  <si>
    <t>随着移动应用软件和智能手机的广泛使用，英国银行业正在推进移动数字化改革，部分银行甚至放弃开设分支机构而转为开发移动应用软件，以求满足客户使用习惯并保证市场占有率。    市场研究机构“欧睿国际”日前一份调查指出，36%的英国消费者曾在过去一个月内，通过智能手机</t>
  </si>
  <si>
    <t>抄底加拿大矿业正当时？</t>
  </si>
  <si>
    <t>近期，包括黄金在内的国际矿产品价格屡创新低，加拿大矿业界不断传出项目难以为继、变卖资产以偿还债务的新闻。在资本市场，从5月初至8月初，多伦多证券交易所TSX矿业指数一直不断探底。当前的矿业周期为中国投资者带来哪些机遇和挑战？    加拿大矿业陷入低谷无外乎以下因</t>
  </si>
  <si>
    <t>受上证指数大幅上涨的提振和美联储加息预期升温等多重因素的影响，亚太地区股市10日收盘涨跌不一。    受国企改革预期升温推动，10日A股继续强势上攻。上证综指站稳3900点整数位，与深证成指同步出现逾4%的涨幅。另一方面，美国劳工部上周五公布7月份非农就业报告显示美国?</t>
  </si>
  <si>
    <t>东京如何修建城市地下管廊</t>
  </si>
  <si>
    <t>将电力、通信、广电线路、供排水以及热力、燃气管道等市政公益事业设施集中铺设在一起的“地下综合管廊”（日本称其为“共同沟”）已经成为日本各大城市越来越倚重的基础设施，对促进城市经济社会发展，提高城市综合承载能力，满足民生需求，发挥着越来越重大的作用。为此，?</t>
  </si>
  <si>
    <t>经济持续改善提升美联储加息预期</t>
  </si>
  <si>
    <t>美国劳工部近日公布数据显示，7月非农部门新增就业岗位继续保持稳定增长，失业率也维持在金融危机前水平以下。另外，美国6月消费者借贷创历史新高，服务业数据也增长强劲。一系列亮眼的经济数据表明美国经济持续改善，市场人士普遍预计美联储距首次加息更进一步。    据美?</t>
  </si>
  <si>
    <t>卢布大幅贬值恐拖累俄经济</t>
  </si>
  <si>
    <t>俄罗斯中央银行近日公布的汇率显示，1美元兑换63.8399卢布，1欧元兑换69.8089卢布。与本月初相比，卢布对美元贬值8%，对欧元贬值4%。分析人士认为，卢布再次大幅贬值受多重因素影响，或导致通货膨胀再次攀升，阻碍俄经济复苏。    受国际油价企稳、俄罗斯外债负担和经济运?</t>
  </si>
  <si>
    <t>英国科学家骑行来华讲述气候变化</t>
  </si>
  <si>
    <t>从南极出发，骑行穿越澳大利亚、印度尼西亚、泰国等7国后，研究南极冰层的英国科学家丹尼尔·普莱斯博士近日抵达中国，和公众面对面分享他在气候变化问题上的思考。8月4日，在环保公益组织的邀请下，他在成都举办了一场科普讲座，正式启动了中国境内的骑行计划。    两位气</t>
  </si>
  <si>
    <t>美“双反”或挤压中国轮胎业利润空间</t>
  </si>
  <si>
    <t>近日，美国国际贸易委员会对中国出口美国的乘用车和轻型卡车轮胎做出“双反”终裁，这已是继2009年“特保案”之后，美国第二次针对我国汽车轮胎产品发起贸易救济措施。    业内专家认为，目前，一些亚非拉国家也开始“跟风”对中国轮胎采取“双反”措施，面对接踵而至的贸?</t>
  </si>
  <si>
    <t>纺织业借“一带一路”实现全球化布局</t>
  </si>
  <si>
    <t>到非洲种棉花、在东南亚和南亚建加工基地、铺设海外物流网络……随着“一带一路”战略的实施，中国传统优势产业之一的纺织业，通过整合“一带一路”沿线资源，正在实现产业链的全球化布局。    作为我国纺织品服装出口龙头企业，上海纺织集团去年以来在“一带一路”沿线频?</t>
  </si>
  <si>
    <t>IMF建议延长SDR货币篮子有效期</t>
  </si>
  <si>
    <t>国际货币基金组织（IMF）4日发布评估报告，建议将现行特别提款权（SDR）货币篮子的有效期延长9个月至明年9月，不过该机构官员表示，延长特别提款权货币篮子的有效期与人民币是否纳入以及何时纳入特别提款权没有直接关系。该报告当天引发了外媒对人民币“入篮”时间推迟的猜测</t>
  </si>
  <si>
    <t>中国农村逐步进入“汽车社会”</t>
  </si>
  <si>
    <t>“新车买得早，媳妇娶得比人好”。近来，一句中美合资汽车企业销售广告语席卷了湖南农村，有人按捺不住真的买了一辆小车回来。随着农村道路在农村不断生长延伸，汽车越来越成为象征一个人成功的重要标志，被越来越多在乡村生活的“丈母娘”和姑娘所看重。    事实上，这一?</t>
  </si>
  <si>
    <t>建筑板块爆发提振东京股市收涨</t>
  </si>
  <si>
    <t>亚太股市8月5日涨跌互现。    日本股市受到该国企业良好的业绩而提振。日经指数周三温和收高，强劲财报提振建筑及地产股，但由于市场担心全球经济增长放缓，丰田汽车及其他景气循环类股逆市走低。据报道，Kajima Corp业绩提振了建筑类股。该公司股价上涨逾6%，创九年高位。</t>
  </si>
  <si>
    <t>美科技股业绩冰火两重天</t>
  </si>
  <si>
    <t>美国2015年第二季度财报季渐进尾声，科技股在本轮财报季中表现参差不齐，股价冰火两重天；银行股整体表现平稳；受低油价因素拖累，能源类公司业绩下滑明显。    美国科技巨头谷歌公司公布今年二季度业绩显示，当季公司收入177亿美元，同比增长11%，好于投资者预期。谷歌公?</t>
  </si>
  <si>
    <t>澳央行维持基准利率不变</t>
  </si>
  <si>
    <t>澳大利亚央行4日在货币政策例会后宣布维持基准利率在2.0%的历史最低水平，符合市场普遍预期。澳央行表示，澳大利亚经济正在回暖，未来仍将继续监测经济数据表现，并相应调整利率水平，不排除进一步宽松的可能性。另外，澳央行在政策声明中修改了有关澳元走势的措辞，令当日澳</t>
  </si>
  <si>
    <t>技术创新利于管控全球资产管理风险</t>
  </si>
  <si>
    <t>“经济危机以来世界主要经济实施宽松货币政策，目前全球的资产管理风险随着新入资本的增加日益提高，我反对互联网等技术进步会影响金融资产安全的观点，我认为这些创新将有利于管控全球的资产风险。”夸客金融创始人兼CEO郭震洲日前在澳大利亚参加博鳌亚洲论坛间隙接受《经济</t>
  </si>
  <si>
    <t>最贵选举：加国纳税人添新愁</t>
  </si>
  <si>
    <t>这几天的加拿大颇不宁静。    就在“经济衰退”成为加拿大各界热议的话题时，史上最贵的选举帷幕拉启，更拨动了纳税人的神经。    星期天（8月2日），加拿大总理哈珀宣布，第42届联邦议会选举竞选活动开始，投票将于10月19日举行。    大选将持续78天，创下加拿大历史?</t>
  </si>
  <si>
    <t>O2O创业公司或面临倒闭潮</t>
  </si>
  <si>
    <t>虽然O2O创业公司很受资本市场欢迎，但竞争过于同质化，更多依靠烧钱进行扩张。业界人士称，O2O创业公司泡沫很大，今年下半年或明年会迎来倒闭潮。    O2O迎来投资营销热    在美国被称作家政O2O鼻祖的Homejoy平台宣布7月31日起正式关闭服务。Homejoy的结局不免让人唏嘘，</t>
  </si>
  <si>
    <t>非法移民：英国难以承受之重</t>
  </si>
  <si>
    <t>自从有了英吉利海峡海底隧道和欧洲之星高速铁路，许多来往英国与欧洲大陆（主要是法国、比利时和荷兰的线路）的游客选择穿越海底。而对于游荡在法国北部城市的移民来说，在海路、空路都无望的前提下，海底隧道成为了踏上英伦三岛的最后希望。于是，每年都有非法移民显示各路?</t>
  </si>
  <si>
    <t>Mt.Gox创始人因涉嫌财务造假被捕</t>
  </si>
  <si>
    <t>已破产的全球最大比特币交易平台Mt.Gox创始人兼前首席执行官马克·卡普雷斯近日在日本被捕并接受审问，因其涉嫌操纵公司计算机系统进行财务造假，并可能被指控通过欺诈行为为自有账户谋利高达千万美元。    据日本共同社报道，卡普雷斯于1日被日本警方逮捕，并于2日开始在?</t>
  </si>
  <si>
    <t>TPP谈判仍未达成最终协议</t>
  </si>
  <si>
    <t>美国、日本、澳大利亚等12个国家7月28日至31日在美国夏威夷州举行“跨太平洋伙伴关系协议”（TPP）谈判部长级会议，就关税等方面的各个条款进行磋商，但未能达成最终协议。    此次谈判举行前，TPP谈判大约有80%的领域已经达成基本共识，但是剩下的20%议题谈判起来却具有相</t>
  </si>
  <si>
    <t>日本欲借“故乡税”振兴偏远乡镇</t>
  </si>
  <si>
    <t>随着人口自然出生率下降以及乡村和小城镇人口不断涌入东京等大城市，日本众多偏远地区人口减少，产业也随之衰落，整体经济萎缩，财政收入减少，一些地方自治体的财政濒临破产。为此，日本政府提出了“地方创生战略”，力图通过鼓励企业将公司总部或生产部门迁往地方小城、大?</t>
  </si>
  <si>
    <t>“筹建学校的钱都要从牙缝里抠”</t>
  </si>
  <si>
    <t>一周洗一次澡换一次衣服，爱吃“辣条”，得病了就抗一抗……这样的情况在农村寄宿生中非常普遍。留守儿童已成为农村学校寄宿的大多数，而且他们的住宿条件、精神状况普遍令人担忧。    辽宁朝阳市朝阳县木头城子镇中心小学有不少孩子住校，由于学生家庭的贫困，生活不易。$</t>
  </si>
  <si>
    <t>美国重返非洲战略拉开序幕</t>
  </si>
  <si>
    <t>“肯尼亚之子”贝拉克·奥巴马日前以美国总统身份，第四次踏上了非洲大陆的土地。访问肯尼亚期间，他还与“老家”的亲戚们共进了晚餐。当然，故土寻亲只是本次出访的插曲，巩固过去六年与非洲国家达成的外交成果，并在首届美非领导人会议基础上继续强化与非洲的经贸关系，才?</t>
  </si>
  <si>
    <t>PP租车陷信任危机</t>
  </si>
  <si>
    <t>PP租车号称亚洲最大私家车共享平台，然而近来涉及该平台的车辆丢失、被抵押事件频发，车主维权艰难，PP租车正面临前所未有的信任危机。    专家表示，按照现行法律法规，私家车是不允许通过类似PP租车这样的平台出租营运的，故私家车在此类平台上的安全性难以得到保障，这?</t>
  </si>
  <si>
    <t>经济判断更乐观  美联储加息渐近</t>
  </si>
  <si>
    <t>30日，美联储在结束两天的货币政策会议后宣布维持利率不变，并表示尽管能源行业出现滑坡，且面临来自海外的不利因素，但美国经济已经克服了首季的低迷表现，劳动力市场和房地产市场都有改善，不过低通胀仍令人担忧。    整体来看，此次美联储会后发表的声明比6月会议后声明</t>
  </si>
  <si>
    <t>巴西优步争议中加速扩张</t>
  </si>
  <si>
    <t>巴西的出租车司机们近日在里约热内卢与美国打车软件优步（Uber）上演了一出精彩的互撕大戏，数千名来自里约、圣保罗和巴西利亚等地的出租车司机驾驶2000多辆黄色出租车在沿海大道游行，打出“不要黑车”“我们才是合法的，优步滚开”等标语，希望政府禁止优步运营。    对?</t>
  </si>
  <si>
    <t>IMF两报告明确人民币不再被低估</t>
  </si>
  <si>
    <t>国际货币基金组织（IMF）近日发布了单个经济体评估报告和年度对外部门报告。在两份报告中，IMF都提到人民币已经不再被低估。    在单个经济体评估报告中，IMF对中国包括实际有效汇率、经常项目和资本项目、外汇储备水平等进行了较为详尽的分析。报告指出，自2005年汇率改革</t>
  </si>
  <si>
    <t>英国石油二季度净亏58.2亿美元</t>
  </si>
  <si>
    <t>英国石油公司28日发布的数据显示，在支付了108亿美元的漏油事件赔偿金之后，该公司今年第二季度陷入亏损。    受支付赔偿金和油价持续低迷等因素的影响，英国石油第二季度净亏损58.2亿美元，而去年同期为盈利33.7亿美元。    2010年4月，英国石油租赁的“深水地平线”海?</t>
  </si>
  <si>
    <t>走向市场之路</t>
  </si>
  <si>
    <t>1949年国民党败退台湾以后，在很长一段时间内实行典型的战时统制经济，然而，令世人惊叹的是，这种带有浓厚“计划”色彩的经济体制并没有持续多久。此后十余年，台湾开始了一连串经济改革，成功走向了一个追求公平开放、富有创造力和高效的现代市场经济，一跃而为亚洲“四小?</t>
  </si>
  <si>
    <t>加国矿业股为何总是“躺枪”</t>
  </si>
  <si>
    <t>近半个月来，加拿大股市上演了一波“过山车”行情，主要股指多伦多证券交易所S&amp;P/TSX综合指数自从7月10日以来连续五个交易日上扬后，7月17日开始连续七个交易日跳水，截至27日收盘，股指创2015年新低。    一个比较有意思的现象是，近期股市萎靡，矿业股总是“躺枪”，投资</t>
  </si>
  <si>
    <t>IMF警示欧元区经济增长风险</t>
  </si>
  <si>
    <t>国际货币基金组织（IMF）27日发布欧元区经济年度评估报告表示，欧元区经济复苏正在改善。但该组织同时指出，欧元区脆弱性依然存在，未来仍易受到负面冲击的影响，必要时欧洲央行可能需要延长实施量化宽松计划的时间。    报告预测，欧元区今年经济增速将达1.5%，明年经济增</t>
  </si>
  <si>
    <t>澳元兑美元跌至六年低位</t>
  </si>
  <si>
    <t>受大宗商品需求不振、美元走强的影响，继上周连续三个交易日下跌之后，澳元兑美元27日仍然维持下跌态势，逼近六年最低水平，成为主要货币中表现最糟糕的币种。    据澳大利亚《悉尼先驱晨报》报道，澳元对美元27日早盘时段位于0.7277附近，在本地市场交易的尾盘时段则徘徊?</t>
  </si>
  <si>
    <t>日本上市企业如何稳定公司股价</t>
  </si>
  <si>
    <t>近年来，日本很多上市公司采取了回购股票后注销，通过增加对股东的利润分红，对长期持有公司股票的股东加大优惠力度等措施，鼓励股东长期持有公司股票，培养投资者对公司的“忠诚”度，努力维护公司股价稳定。    首先，大力回购公司股票，减少股票数量，提高每股含金量。?</t>
  </si>
  <si>
    <t>ITA扩围协议对我IT产业冲击有限</t>
  </si>
  <si>
    <t>一项涵盖1.3万亿美元全球贸易额的关税减让协议终于正式达成。《经济参考报》记者从中国商务部获悉，当地时间24日，世贸组织扩大《信息技术协定》产品范围谈判（以下简称ITA扩围谈判）参加方在日内瓦宣布就产品范围达成协议。    从商务部公布的扩围谈判产品清单来看，涉及?</t>
  </si>
  <si>
    <t>德银修复信誉前路漫漫</t>
  </si>
  <si>
    <t>认罚数十亿美元加上掌门辞职，并没让德意志银行（德银）摆脱Libor丑闻的阴影。这家有着百年历史的德国最大商业银行眼下急欲修复其在市场中的信誉，但只怕前路漫漫。    外媒近日披露了德国联邦金融监管局（BaFin）的一份形成于5月的调查报告。报告称，德银四名在职董事及两</t>
  </si>
  <si>
    <t>助力中医药走好“一带一路”</t>
  </si>
  <si>
    <t>目前，中医人正计划围绕国家“一带一路”战略开展中医药工作。笔者认为，中医药应该能够意气风发、步履矫健地走上“一带一路”。    一、“一带一路”是中国强国战略，是亚洲世纪战略。中医人走上“一带一路”是兴业强国的正确选择。    当今世界，由于国际金融危机造成?</t>
  </si>
  <si>
    <t>美古复交：拉美大棋局的胜负手</t>
  </si>
  <si>
    <t>当地时间7月20日，美国与古巴正式恢复外交关系，标志着双方长达半个世纪的对峙状态宣告终结，开启了两国关系的新篇章。美古关系的正常化发展，令两国之间搁浅已久的经贸往来开始重现生机，也给美洲地区的稳定和发展带来了希望。不过，恢复邦交只是美古两国修复双边关系的第一</t>
  </si>
  <si>
    <t>“互联网时代的本质精神就是分享”</t>
  </si>
  <si>
    <t>“未来中国一定会产生世界级的快递巨无霸。”经过两年发展，阿里巴巴集团旗下的菜鸟网络搭建起中国智慧物流骨干网络，成为该集团的第三大支柱。日前，记者专访了菜鸟网络总裁童文红。    具有鲜明特色的中国式快递，在全世界独一无二。“我去美国联邦快递FEDEX考察，对方听</t>
  </si>
  <si>
    <t>数据支撑美元上行动力  降息后新西兰元逆涨</t>
  </si>
  <si>
    <t>尽管美国经济数据在过去一段时间曾表现疲软，但整体而言，房市数据一直表现相对强劲，并给美元构成支撑。全美不动产协会本周公布的数据显示，美国6月成屋销售月率增长3.2%，折合成年率为549万户，创下2007年2月以来的最高。而市场原本预计6月销售年率达到540万户。另一项来自</t>
  </si>
  <si>
    <t>看清阴谋论真相</t>
  </si>
  <si>
    <t>某国际调查公司曾进行的一次民意调查显示，49%的纽约市民认定，美国政府在911恐怖袭击发生前，即知道会发生策划周密的恐怖活动，只是有意识地不采取行动。还有民意调查显示，有16%的被调查者认为，纽约世贸中心双子楼的倒塌，是提前暗藏在楼里的炸药推波助澜的结果。2013年，</t>
  </si>
  <si>
    <t>美联储年内加息大局已定</t>
  </si>
  <si>
    <t>尽管面临希腊债务危机反复和中国经济增长放缓等风险，美联储主席耶伦日前在美国国会作证时重申今年晚些时候启动加息仍然是合适的，同时强调较早启动加息和保持渐进加息节奏的好处，暗示美联储年内启动加息的大局已定。    耶伦在国会就半年度货币政策作证时说，美联储官员?</t>
  </si>
  <si>
    <t>“官帽”之下非法集资8.8亿余元</t>
  </si>
  <si>
    <t>非法集资8.8亿余元、受害者达210人、损失近4亿元……日前，海口市中院开庭审理海南省工商联原副主席沈桂林涉嫌集资诈骗案。    作为海口泰特典当有限公司、海南美丽道文化艺术中心有限公司的董事长，沈桂林同时还拥有很多头衔：“省工商联副主席”“省政协委员”“省拍卖协</t>
  </si>
  <si>
    <t>中国新能源车推广重心应转向城镇农村</t>
  </si>
  <si>
    <t>工信部近来发布的数据显示，2015年1-6月，新能源汽车累计生产7.85万辆，同比增长3倍。当我们为中国新能源车的高速发展而振奋时，和美国新能源车市场的发展一对比，或许就会有别样的感受。    据报道，2015年上半年，美国累计销售电动车54338辆，仅特斯拉Tesla ModelS这一款</t>
  </si>
  <si>
    <t>英国计划大幅削减政府部门开支</t>
  </si>
  <si>
    <t>英国财政大臣乔治·奥斯本在财政紧缩的路途上又准备开辟一条新战线，21日要求一些政府部门在2020年之前最多削减40%的开支。    奥斯本表示，目前已经启动政府开支审查，向政府部门问询，如何才能在2020年之前将其日常开支减少25%至40%，并将在11月25日公布具体将怎样通过削</t>
  </si>
  <si>
    <t>美加息预期渐强  国际金价连跌不止</t>
  </si>
  <si>
    <t>因市场对美国联邦储备委员会（美联储）年内加息的预期日益强烈，导致近期美元上扬，进而令以美元计价的国际黄金承受下行压力。截至当地时间21日，纽约商品交易所中主力黄金期货价格已连续9个交易日收跌。    最近一段时间，美联储官员对于年内加息的表态越来越明确。16日，</t>
  </si>
  <si>
    <t>乐清非遗“五朵金花”</t>
  </si>
  <si>
    <t>上世纪50年代，我国有一首对歌闻名全国，它曾由著名民歌手朱玲仙唱响北京，唱到莫斯科，1989年还被联合国教科文组织定为亚太地区民歌教材。这首对歌就叫《对鸟》。它宛如一阵清风，将乐清的乡音乡情吹向五湖四海。    乐清不仅是音乐之乡，更是百工之乡。千百年来无数能人?</t>
  </si>
  <si>
    <t>世界金融秩序治理再添新力量</t>
  </si>
  <si>
    <t>7月21日，金砖国家新开发银行在上海正式开业，这意味着由中国、巴西、俄罗斯、印度和南非“金砖五国”作为创始会员的这家银行正式扬帆起航。国际舆论高度评价并表示欢迎，认为通过新开发银行等多边合作项目，金砖国家正迎接全球范围内的可持续发展契机。    国际舆论表示，</t>
  </si>
  <si>
    <t>《侏罗纪世界》推升孩之宝单季净利</t>
  </si>
  <si>
    <t>美国知名玩具制造商孩之宝（Hasbro）20日公布的财报显示，今年第二季度，得益于《侏罗纪世界》主题恐龙玩具和培乐多彩泥的热销，公司净利润增长25%至4180万美元。    财报显示，当季孩之宝营收达7.977亿美元，如果剔除美元走强造成的汇兑损失，今年二季度孩之宝营收增加5%?</t>
  </si>
  <si>
    <t>华尔街专家为中国经济半年报点赞</t>
  </si>
  <si>
    <t>中国2015年上半年成绩单日前出炉，数据显示今年上半年中国经济同比增长7%，二季度国内生产总值（GDP）增速与一季度持平。基本面“缓中趋稳，稳中向好”。对于中国经济半年报，华尔街专家纷纷竖起大拇指。    美国金瑞基金首席投资官布伦丹·埃亨说，最新公布的系列数据“预</t>
  </si>
  <si>
    <t>东芝5年来虚报利润超1500亿日元</t>
  </si>
  <si>
    <t>据日本媒体报道，独立第三方团队20日公布了针对东芝公司管理层会计造假案的审计报告。日本金融监管机构将根据这份审计报告对东芝进行处罚，司法机构也将对涉案高管进行刑事调查。    据《日本经济新闻》报道，日本证券监管机构在接到来自东芝内部的举报后，从今年2月开始暗</t>
  </si>
  <si>
    <t>英国财政货币政策面临双调整</t>
  </si>
  <si>
    <t>7月14日，在财政自主权问题上“扬眉吐气”的保守党党魁、英国首相卡梅伦宴请了英国财政部部分官员，席间兴致盎然，高调表示此次公司税率和居民最低收入水平的调整，狠狠地甩了最大在野党工党一记耳光。    7月8日公布的政府夏季预算报告是自1996年以来首个由保守党主导的财</t>
  </si>
  <si>
    <t>少一个“仿”字赔三倍</t>
  </si>
  <si>
    <t>【案例】    2014年5月，刘先生通过亚马逊网站购买了三款吊坠，分别是：“瑞福恒水晶镶金十二生肖马千足金吊坠”，价格289.22元，由亚马逊直接销售和发货；“LACEY奥地利水晶蓝色海洋之心配925纯银项链吊坠”，特价92元，由LACEY饰品旗舰店直接销售和发货；“玲世界925银美</t>
  </si>
  <si>
    <t>希腊经济本周面临三重考验</t>
  </si>
  <si>
    <t>希腊政府与国际债权人已于13日就其债务问题达成妥协，暂时降低了希腊连续倒债和退出欧元区的风险，但后续挑战接踵而至。本周，希腊就将面临银行业重新开张、偿还欧洲央行贷款以及与国际债权人正式举行新一轮救助谈判三重考验。    考验三连击    为避免银行系统崩溃，希?</t>
  </si>
  <si>
    <t>雅虎正式申请剥离阿里巴巴股份</t>
  </si>
  <si>
    <t>雅虎公司于当地时间17日向美国证券交易委员会（SEC）正式提交其所持阿里巴巴股份剥离计划的申请文件，将成立一家新公司接收全部股票。    根据这项申请，雅虎将成立一家独立运营的投资公司Aabaco Holdings，并将自身目前持有的约3.84亿股阿里巴巴股份注入新公司，这笔股份?</t>
  </si>
  <si>
    <t>日本持续发力海外高铁市场</t>
  </si>
  <si>
    <t>随着亚洲及世界各主要经济体以高速铁路为中心的基础设施需求增加、市场进一步扩大，日本政府将基础设施出口作为“经济成长战略”重要支柱，并将高铁输出列入基础设施出口的重中之重。    为了加强和协调高铁等基础设施进军海外市场，获取更多的市场份额，日本新设了指导和?</t>
  </si>
  <si>
    <t>杰夫·伊梅尔特：通用电气愿意自我颠覆</t>
  </si>
  <si>
    <t>7月初的一个星期一，美国通用电气集团（GE）董事长兼首席执行官杰夫·伊梅尔特风尘仆仆地飞到北京，下榻于西城金融街某五星酒店。第二天一早，他就出现在了“当智慧遇上机器——工业互联网中国峰会”上，为通用电气在华大力推进工业互联网项目站脚助威。对于正在实施转型战略</t>
  </si>
  <si>
    <t>基建与产能合作筑基“一带一路”</t>
  </si>
  <si>
    <t>过去100多天里，伴随着亚投行、丝路基金和博鳌亚洲论坛等带来的冲击波，“一带一路”成为吸引全球目光的热点。总体来看，基础设施互联互通和国际产能合作在“一带一路”建设中发挥了主力和先锋作用，也是迄今进展最为迅猛的领域。基础设施与产能合作成为“一带一路”建设的领</t>
  </si>
  <si>
    <t>黄益平：经济增长更多依靠创新和产业升级</t>
  </si>
  <si>
    <t>如果美国、欧洲、日本和其他新兴市场国家的经济增长速度有所回升，中国的出口可能增长速度会加快一点，但很难再回到平均20%-30%的速度。    中国经济减速更多是结构性的原因，经济水平比较低，赶超空间比较大，增长速度可以比较高，但经济发展了，增长速度就会下来，这是一</t>
  </si>
  <si>
    <t>学术造假在国外：后果很严重</t>
  </si>
  <si>
    <t>今年7月1日，一名旅美韩国科研人员因学术成果造假，不仅丢了饭碗，而且受到刑事罪名起诉，被判监禁，锒铛入狱。    这名科研人员是现年58岁的韩东杓。2008年，韩东杓在俄亥俄州克利夫兰市凯斯西保留地大学参与教授迈克尔·赵领导的艾滋病疫苗研究项目。研究小组发现，兔子?</t>
  </si>
  <si>
    <t>高博德：把握中国企业“走出去”的机会</t>
  </si>
  <si>
    <t>全球经济复苏基础仍不牢固，在这样的大环境下，全球银行业也遭受了不少挑战。近日，星展银行全球CEO高博德（Piyush Gupta）在出席“星展银行洞悉亚洲论坛”期间，接受了包括《经济参考报》在内的记者的采访。全球以及亚洲的经济前景如何？人民币国际化和利率市场化进程不断推</t>
  </si>
  <si>
    <t>美元上涨力度强  加元冲击1.30关口</t>
  </si>
  <si>
    <t>本周中美联储主席耶伦在国会作证时，陈述了美国经济状况并阐述了美联储的货币政策。耶伦重申美联储仍处在走向升息的轨道上，就业市场预计将稳步改善，海外局势的起伏动荡不大可能令美国经济偏离正轨。    耶伦在对美国众议院金融服务委员会的证词陈述中称，如果美国经济朝?</t>
  </si>
  <si>
    <t>IMF警告希腊需要更多债务减记</t>
  </si>
  <si>
    <t>国际货币基金组织（IMF）14日表示，希腊债务具有高度的“不可持续性”，该国需要债务减免的规模远远超出欧洲债权人愿意考虑的范围，只有欧洲债权人制定出维持希腊债务可持续性的清晰计划，IMF才能参与第三轮救助协议。    这一表态暗示IMF可能不参与救助，近日刚解除警报的</t>
  </si>
  <si>
    <t>赛尔基因将以72亿美元收购Rcceptos</t>
  </si>
  <si>
    <t>全球医药行业的并购步伐在提速。据外媒报道,美国生物制药企业赛尔基因公司(Celgene)14日宣布，将以72亿美元收购专注于炎症和免疫药物的Receptos公司。    根据收购条款，赛尔基因将以每股232美元的价格对Receptos进行现金收购。收购协议已经得到两家公司董事会的批准，交易</t>
  </si>
  <si>
    <t>危机初平，希腊还需做什么</t>
  </si>
  <si>
    <t>暂时解除退欧警报的希腊救助协议13日达成，但这份协议只是开启希腊救助另一轮马拉松谈判进程的第一步。希腊要想获得救助资金，与欧洲稳定机制（ESM）等达成最终救助协议，仍然困难重重。    近两周，希腊要做以下几件事：    14日至15日，希腊议会需通过欧元区首脑峰会达</t>
  </si>
  <si>
    <t>耶伦或进一步肯定年内加息前景</t>
  </si>
  <si>
    <t>美联储主席耶伦15日至16日出席美国国会参众两院的半年度听证会，并将在听证会上就美国经济前景和货币政策发表讲话。预计耶伦将在此次讲话中透露更多的政策指引信息，两院议员也可能着重就美联储加息的问题向耶伦发问。    因上周耶伦暗示美联储可能于今年晚些时候启动加息?</t>
  </si>
  <si>
    <t>进出口银行成政治博弈牺牲品</t>
  </si>
  <si>
    <t>登录美国进出口银行的网站，映入眼帘的是“经营权已失效”几个大写英文单词的醒目提示，似乎在表达一种无声的抗议。由于遭到保守派共和党议员的阻挠，美国国会未能在6月30日的截止期限前批准延长进出口银行的经营权，这家有着81年历史的官方出口信贷机构从本月开始已无法提供</t>
  </si>
  <si>
    <t>第十轮TTIP谈判启动</t>
  </si>
  <si>
    <t>第十轮跨大西洋贸易和投资伙伴关系协定(TTIP)13日至17日继续在比利时布鲁塞尔举行。本次谈判的焦点将集中在娱乐行业和互联网接入自由权方面。    据悉，欧盟委员会负责贸易的代表还将组织一系列相关项目活动就农业、市场准入、政府采购、海关和贸易便利、制造业、竞争和国?</t>
  </si>
  <si>
    <t>巴西人买菜也“分期”</t>
  </si>
  <si>
    <t>一向崇尚快乐简单的巴西人最近比较烦，踢起球来都有点疲软。这群南美的上帝宠儿正为家里的柴米油盐挠破头，连海滩、足球和桑巴似乎也难以为他们解忧。    近来巴西人的菜篮子着实有点沉——今年上半年洋葱的价格暴涨148%，西红柿涨价58%，胡萝卜、土豆、大蒜等价格也上涨超</t>
  </si>
  <si>
    <t>希腊退欧警钟依然长鸣</t>
  </si>
  <si>
    <t>在经过长达17个小时的艰苦谈判之后，北京时间7月13日下午，欧元区领导人在希腊债务问题上与希腊达成了新的协议。该协议将是针对希腊债务危机的第三轮援助计划，援助金额高达820亿至860亿欧元，援助期为三年。国际货币基金组织总裁拉加德在会后表示，这是一个艰苦的夜晚，这是</t>
  </si>
  <si>
    <t>希腊退欧担忧消减推升亚太股市</t>
  </si>
  <si>
    <t>投资者对于希腊退出欧元区的担忧缓解助推亚太主要股市周一普遍走高。经过了17个小时的谈判，欧元区领导人峰会13日终于就希腊债务问题达成协议，准备第三次救助希腊并将希腊留在欧元区。    欧洲理事会主席图斯克当地时间13日上午表示，希腊接受了更为苛刻的改革条件，欧元?</t>
  </si>
  <si>
    <t>德国：互联网＋制造业从愿景到现实</t>
  </si>
  <si>
    <t>互联网＋制造业将会发生什么？德国人用四年时间让前景一点点清晰。从2011年德国首次提出“工业4.0”概念，到2013年出台行动报告，再到各大企业建立示范工厂，“工业4.0”在德国一步步从愿景变为现实，向人们展现了互联网＋制造业带来的智能、灵活与高效。    给机器编程让?</t>
  </si>
  <si>
    <t>希腊债务协商谈成“马拉松”</t>
  </si>
  <si>
    <t>据外媒报道，欧盟12日决定取消原定于当日举行的28国领导人峰会。这一峰会原本被外界视为决定希腊是否留在欧元区的最后期限。目前，希腊资本管制措施持续冲击经济，银行业压力持续增大，与国际债权方（欧盟、欧洲央行和国际货币基金组织）达成援助协议以启动第三轮援助贷款磋?</t>
  </si>
  <si>
    <t>加有意加快对华经贸步伐</t>
  </si>
  <si>
    <t>在多伦多证券交易所日前举行的2015年中加金融投资论坛上，加拿大财长乔·奥利弗表示，加拿大有意与亚洲基础设施投资银行开展合作，打算为加拿大企业寻求相关基建项目的投资机会。    当前，国际油价大幅下挫拖累加拿大经济增长。奥利弗的这一表态引发了业内人士对未来加拿?</t>
  </si>
  <si>
    <t>IMF重申美联储应推迟加息时点</t>
  </si>
  <si>
    <t>国际货币基金组织（IMF）7日发布报告表示，美国经济前景仍然面临多重不确定性，加之美元走强可能拖累经济增长并产生外溢效益，建议美联储将加息时间推迟至明年。该组织同时警告，美国非银行金融机构风险正在集聚，美国应完成金融危机后的一系列金融监管改革。    IMF当天发</t>
  </si>
  <si>
    <t>捷豹路虎欠缺对中国市场了解</t>
  </si>
  <si>
    <t>最近，有关捷豹路虎的新闻成为业界关注的焦点：一是7月1日极光的官方指导价格最高降价5万元；二是捷豹路虎大中华区总裁高博调任欧洲；三是2015年上半年捷豹路虎在华销量受挫，前5月累计销量仅为3.9万辆，同比下降23%。    这些信息出现后，对捷豹路虎的现状和未来，业界出?</t>
  </si>
  <si>
    <t>希腊债务谈判周末再迎最后期限</t>
  </si>
  <si>
    <t>欧元区7日的紧急峰会未能收到希腊递交的新援助方案，但将12日设定为达成援助协议的最后期限。希腊总理齐普拉斯表示有信心在时限内达成协议。    欧元区紧急峰会7日晚结束，欧盟领导人在峰会后的新闻发布会上说，希腊应最晚9日前向债权人（国际货币基金组织、欧洲央行和欧盟</t>
  </si>
  <si>
    <t>“双输”之后能否“双赢”</t>
  </si>
  <si>
    <t>在即将离开雅典回国之前，深切感到解决希腊多年来严重的债务问题还是要靠他们自己。不由想起了哲学家苏格拉底老先生，就像2400多年前他开出真正的药方，即希腊需要一只新的“牛虻”，牢牢叮住它不放，使它清醒和振奋，不再肥胖和懒惰，而要勤劳和节俭，快跑猛飞，恢复当年之?</t>
  </si>
  <si>
    <t>希腊债务危机未到山穷水尽时</t>
  </si>
  <si>
    <t>希腊全民公投否决国际债权人的救助协议后，新一轮博弈大戏随即展开。与几个月前乃至三年前的情形对比，剧情竟然没有实质性改变，主线还是老生常谈的“希腊如何还债”以及“会不会被踢出欧元区”，熟悉的场景、人物、对白甚至心理活动都能被猜出一二，只不过在时间上显得更加?</t>
  </si>
  <si>
    <t>欧元区多国国债收益率下滑</t>
  </si>
  <si>
    <t>在希腊公投结果宣布首日全球股市普跌之后，7日市场仍显疲弱，但未见恐慌性下跌。欧元区领导人7日召开紧急峰会，讨论希腊民众否决债权人协议草案带来的影响，投资者希望会议能够找到让希腊摆脱债务危机并继续留在欧元区的办法。    欧元区债券市场上，国债收益率7月7日全线?</t>
  </si>
  <si>
    <t>希腊债务困局吓不住华尔街</t>
  </si>
  <si>
    <t>希腊内政部6日凌晨公布的计票结果显示，在5日就是否接受国际债权人“改革换资金”协议草案举行的全民公决中，反对者获胜。希腊总理齐普拉斯在全民公决结果揭晓后发表电视讲话，称希腊人在公决中对债权人大声说“不”并不代表和欧洲的分裂，“而是对双方达成切实可行协议的支?</t>
  </si>
  <si>
    <t>希腊公投对债权人改革方案说“不”</t>
  </si>
  <si>
    <t>希腊980万选民当地时间5日在全民公决中否定了国际债权人最新提出的改革方案。这意味着希腊退出欧元区的可能性大幅增加。但分析认为，鉴于希腊退出欧元区对双方来说都可能带来沉重的代价，双方仍将努力达成协议，最终的协议可能会放松财政紧缩的立场，以帮助希腊恢复经济。</t>
  </si>
  <si>
    <t>希腊真的很穷吗</t>
  </si>
  <si>
    <t>六月中旬有机会去了趟希腊，收获真不少：一是澄清了许多关于希腊公共债务的疑团，二是游览了这个世界文明古国，知道了人类历史的一些来龙去脉。    我们到达雅典时天已朦胧，朋友接我们到城边的一家宾馆，说是三星级，简直就像是城镇的招待所，第一印象就不好。第二天早早?</t>
  </si>
  <si>
    <t>英国经济继续呈现复苏势头</t>
  </si>
  <si>
    <t>盘点2015年上半年英国经济总体情况，大致可以看出英国经济继续呈现复苏势头。与欧洲其他发达经济体相比，英国经济增长相对平稳；与此同时，作为中国的重要经济伙伴，中英经贸和投资合作亮点不断，并助力英国经济继续复苏。    自2013年以来，英国经济进入复苏通道。2014年?</t>
  </si>
  <si>
    <t>人民币即期汇率跌至近两周低点</t>
  </si>
  <si>
    <t>根据来自中国货币网的数据，7月6日，人民币兑美元中间价报6.1172，为自6月11日以来中间价的新低点。与此同时，受到内因和外因等多重因素的影响，人民币兑美元即期汇率盘中持续震荡下跌，收盘价也跌至近两周的新低点。    备受市场关注的希腊公投有了结果。希腊内政部6日凌?</t>
  </si>
  <si>
    <t>劳斯莱斯预警需求不振压低业绩</t>
  </si>
  <si>
    <t>英国引擎制造商劳斯莱斯6日宣布，因油气市场持续疲软以及部分航空引擎项目需求不振，公司决定下调今明两年的利润预期，同时宣布暂停当前的10亿英镑股票回购计划。    据劳斯莱斯当天公布的数据显示，由于能源市场状况进一步恶化影响了航空和船用引擎销售，该公司2015年的基</t>
  </si>
  <si>
    <t>中国完成四大油气通道战略拼图</t>
  </si>
  <si>
    <t>来自中石油集团公司消息，6月29日17时32分，随着中共中央政治局常委、国务院副总理张高丽一下令下，黑河施工现场焊花飞溅、机器轰鸣，中俄东线天然气管道中国境内段正式开工。    新华社经济参考能源研究院有关专家认为，中俄东线天然气管道中国段的开工意义重大，不仅是中</t>
  </si>
  <si>
    <t>华为在英国成功的背后</t>
  </si>
  <si>
    <t>在英国投资与运营的一长串中国企业名单中，华为无疑是一个重量级的存在，也是当地品牌识别度和知名度最高的中资企业之一。笔者在参加各类中英经济交流的活动中，英国官员们常把华为在英国投资、运营、扩张以及科研投入的故事作为案例，反映中英经济科技合作的深度。    200</t>
  </si>
  <si>
    <t>被迫公投难改希腊命运不确定性</t>
  </si>
  <si>
    <t>由于政府和债权人谈判久拖不决，当地时间7月5日，希腊通过全民公投来决定是否接受国际救助方案协议草案，但公投结果并不能改变希腊命运的不确定性。    6月25日，在对希腊救助协议即将到期的情况下，欧盟委员会、欧洲央行和国际货币基金组织这“三驾马车”组成的国际债权人</t>
  </si>
  <si>
    <t>淡水河谷祭出“杀手锏”力降运费成本</t>
  </si>
  <si>
    <t>6月2日中国矿运在新加坡接收淡水河谷4艘40万吨超大型矿砂船后，旗下“远卓海”轮已经于6月30日晚间抵达青岛外海抛锚，这是中国矿运旗下40万吨船首次抵达中国，也意味着原属淡水河谷的40万吨级矿砂船终于驶入中国港口。此外，另外三艘40万吨船分别为“远真海”、“远见海”、?</t>
  </si>
  <si>
    <t>货车帮：搭建空车与货源的交互平台</t>
  </si>
  <si>
    <t>这是一个同时受到马云和马化腾青睐的企业——今年3月，在德国汉诺威通信博览会（CEbit）上，阿里巴巴董事局主席马云向德国总理默克尔展示了一个基于阿里云计算平台的创业项目“货车帮”APP；而腾讯除了参与货车帮首轮融资，旗下微众银行第一笔3.5万元的互联网贷款，也发放给?</t>
  </si>
  <si>
    <t>揭示新西兰“国宝”麦卢卡蜂蜜的“秘密”</t>
  </si>
  <si>
    <t>近年来，享有新西兰“国宝”称誉的麦卢卡蜂蜜开始大批进入中国市场，虽然价格昂贵，但仍然受到不少国人追捧。    新西兰媒体日前报道，中国市场上的新西兰麦卢卡蜂蜜并没有一个官方的标准，而事实上，就连新西兰本国对于什么是正宗的麦卢卡蜂蜜也没有一个全行业共识。缺乏?</t>
  </si>
  <si>
    <t>匹克许景南：靠“情商”与耐克竞争</t>
  </si>
  <si>
    <t>6月29日，塞尔维亚女篮在欧锦赛决赛中击败法国队，这支铿锵玫瑰的中国赞助商——匹克体育再次站上了欧洲的冠军领奖台。    匹克财报显示，2014年公司营收28.4亿元人民币，其中海外市场占比近23%，这意味着匹克已成长为中国运动装备的国际化品牌之一。而为实现自己20多年前?</t>
  </si>
  <si>
    <t>闹剧沦为悲剧  希腊债务危局难解</t>
  </si>
  <si>
    <t>2日，希腊政府与国际债权人的拉锯战在近乎绝望的氛围下进入了新的一天。这是希腊政府宣布资本管制后的第4天，希腊国内的银行要到7日才会重新开门，居民们依旧在自动提款机前排起长队，等着提取政府规定的每人每天最多可以拿到的60欧元，但没人知道排到自己的时候提款机里是否</t>
  </si>
  <si>
    <t>中消协：支持上海消保委起诉欧珀、三星</t>
  </si>
  <si>
    <t>针对国内首次被受理的消费维权公益诉讼——上海市消保委就手机预装应用软件安装情况不告知、无法卸载等损害消费者权益问题，分别起诉天津三星通信技术有限公司、广东欧珀移动通信有限公司的两起案件，中国消费者协会新闻发言人7月2日在接受《经济参考报》记者采访时表示，中?</t>
  </si>
  <si>
    <t>英美制造业增速放缓  欧元区反弹</t>
  </si>
  <si>
    <t>全球制造业数据陆续公布，整体而言仍处于扩张阶段，但主要国家的制造业指数表现不尽相同。美国和英国的制造业处于扩张周期，但是增速有所放缓，而欧元区的制造业继续处于反弹过程之中。    数据显示，美国6月制造业采购经理人指数终值降至53.6，为2013年10月以来最低，5月?</t>
  </si>
  <si>
    <t>世行报告：中国经济需平衡兼顾改革与短期增长</t>
  </si>
  <si>
    <t>世界银行7月1日发布《中国经济简报》认为，中国经济正进入增长放慢但更具持续性的增长轨道，增长趋势将更为温和、更为平衡，这将成为世界第二大经济体的“新常态”。报告同时指出，在此种趋势下，政府需要平衡兼顾改革措施与短期增长。    世界银行高级经济学家和报告主要?</t>
  </si>
  <si>
    <t>太“抠门儿”让铃木在中国不好混</t>
  </si>
  <si>
    <t>别人家的新车上市，那是添丁进口的大喜事，启悦的到来，却让长安铃木徒添惆怅。    启悦年初已在全国各地上市，销量却不怎么如意，多的时候一月卖1000多台，到了上个月，只卖了700多台。这点销量，肯定是赔本赚吆喝了。    启悦，英文名曰ALIVIO，还有一个印度名CIAZ，在</t>
  </si>
  <si>
    <t>当“少年魔法师”遇到“施瓦本主妇”</t>
  </si>
  <si>
    <t>这两周，已到悬崖边的希腊债务危机成为最夺人眼球的经济问题。    这是一场“少年魔法师”和“施瓦本主妇”的战斗。“少年魔法师”者，年轻的希腊“70后”总理齐普拉斯也；“施瓦本主妇”，则非德国总理默克尔女士莫属了。    在希腊人看来，默克尔以及德国人的苛刻和刻?</t>
  </si>
  <si>
    <t>日本股市健康发展的稳定器</t>
  </si>
  <si>
    <t>今年以来，日本股市总体稳步上涨，其中既有投资者对日本经济复苏的预期，也与有关方面采取多种措施促进股市密不可分。    首先，大力发展机构投资者。日本股市投资主体主要是政府养老基金；人寿、财产保险公司；银行、信托和投资银行；证券投资基金公司等机构投资者，个人?</t>
  </si>
  <si>
    <t>世界贫富根源解析指南</t>
  </si>
  <si>
    <t>《全球经济史》是牛津大学专门为博雅教育撰写的通识读物，由当代全球经济史学家、英国牛津大学教授罗伯特·C.艾伦所著。艾伦探究了地理、全球化、技术进步、经济政策和制度之间的交互作用，并揭示出这些因素以何种方式决定了世界的贫富格局，阐释了为什么我们的世界一直处于?</t>
  </si>
  <si>
    <t>希腊财长称不偿还国际货币基金组织到期贷款</t>
  </si>
  <si>
    <t>希腊财政部长瓦鲁法基斯6月30日说，希腊当天不会偿还国际货币基金组织的到期贷款，但仍希望与债权人达成协议。    瓦鲁法基斯当天在希腊财政部大楼外回答记者提问时做出上述表示。    希腊应于30日偿还国际货币基金组织约16亿欧元贷款。不按时偿还这笔贷款意味着违约。</t>
  </si>
  <si>
    <t>人文土壤里的经济学硕果</t>
  </si>
  <si>
    <t>美国经济学家阿尔伯特·赫希曼所著《欲望和利益》只有薄薄的一百来页，但这部“小作品”却影响深远。这本小书到底有何魔力？    该书的副标题是“资本主义胜利之前的政治争论”，由此可知这是一本有关资本主义早期观念史的著作。这是一个磅礴的主题，很难掌控，赫希曼的非?</t>
  </si>
  <si>
    <t>多重利空压制加拿大股市</t>
  </si>
  <si>
    <t>由于希腊面临16亿欧元债务违约，引发全球金融市场“地震”，6月29日加拿大股市主要股指收盘创近半年最低记录。多伦多证券交易所S&amp;P/TSX综合指数收盘报于14490.15点,下跌317.94点，跌幅为2.15%。主要权重股全线下挫，跌幅均超过1%，素来稳健的银行股遭抛售。    加拿大第二?</t>
  </si>
  <si>
    <t>亚投行投融资框架图浮出水面</t>
  </si>
  <si>
    <t>57个意向创始成员国代表6月29日在北京出席了《亚洲基础设施投资银行协定》的签署仪式。中国财政部部长楼继伟表示，《亚投行协定》为成立亚投行提供了法律依据，明确了亚投行的宗旨、成员资格、股本及投票权、业务运营、治理结构、决策机制、总部选址等核心要素，是指导亚投行</t>
  </si>
  <si>
    <t>李克强访欧为中欧合作注入新内涵</t>
  </si>
  <si>
    <t>经中欧双方商定，国务院总理李克强于当地时间6月28日下午乘专机抵达比利时首都布鲁塞尔，出席第十七次中国欧盟领导人会晤。预计总理任期内的第七次出访欧洲之行将为中欧合作带来更多务实成果。    多项“首次”拓展新机遇    此次李克强总理访问欧洲，将与欧盟领导人共同</t>
  </si>
  <si>
    <t>去年中央财政支出低于预算逾700亿</t>
  </si>
  <si>
    <t>6月29日，财政部网站公布国务院关于2014年中央决算的报告。报告显示，2014年中央一般公共预算收入为预算的100.2%，其中非税收入超过预算近20%起到拉动收入增长的作用。而中央一般公共预算支出则未完成预算，低于预算约720亿。专家称，积极财政政策发力亟需确保支出进度、加快</t>
  </si>
  <si>
    <t>TCL将在云南设产业基地</t>
  </si>
  <si>
    <t>TCL董事长兼CEO李东生日前表示，TCL将借助云南的区位优势建设产业基地，进一步拓展我国西南市场，并为TCL辐射缅甸、印度东北部等市场提供支撑。    李东生说，“TCL坚持推进‘双＋’转型战略与国际化的双轮驱动战略，国际化是TCL企业战略的重要部分，围绕‘一带一路’战略?</t>
  </si>
  <si>
    <t>中资收购澳工厂的双赢样本</t>
  </si>
  <si>
    <t>澳大利亚昆士兰州基尔科伊，拥有典型的澳大利亚乡村风光。大片的绿色草地，牛羊成群，徜徉其间。这里是澳大利亚畜牧业的中心之一。驱车从布里斯班前往90公里外的基尔科伊路上，人们都会被路边一大片厂房吸引，院子里飘扬的中澳两国国旗让这里显得有些不寻常。    基尔科伊?</t>
  </si>
  <si>
    <t>国际清算行警告长期极低利率风险</t>
  </si>
  <si>
    <t>总部位于瑞士巴塞尔的国际清算银行28日发布年度报告说，全球利率长时间维持在极低水平，是全球存在经济隐忧的突出表现。报告呼吁其央行成员，从严重依赖货币政策回归到更为常规的手段。    报告说，全球出现了一系列经济问题，包括经济发展不平衡、债务负担和金融风险过高?</t>
  </si>
  <si>
    <t>希腊债务危局重挫亚太股市</t>
  </si>
  <si>
    <t>希腊议会上周批准政府就是否接受国际债权方（国际货币基金组织、欧洲央行和欧盟）的改革要求进行全民公决，这意味着希腊出现违约并退出欧元区的可能性大增。对于希腊债务局势的担忧情绪推动亚太主要股市周一大幅走低。    日本东京股市29日大幅收跌，日经225种股票平均价格</t>
  </si>
  <si>
    <t>法国匈牙利收紧优步业务监管</t>
  </si>
  <si>
    <t>据外媒报道，在法国出租车司机举行全国性大罢工后，法国内政部已经要求禁止优步开展低成本的打车服务UberPOP；匈牙利26日也下令，从2018年起，只有获得执照的出租车司机才能使用优步提供打车服务。    法国内政部长卡泽纳夫25日对优步再下“封杀令”，勒令关闭UberPop服务?</t>
  </si>
  <si>
    <t>国网谋划4条跨国电网互联通道</t>
  </si>
  <si>
    <t>在近日于呼和浩特举行的“特高压电网与能源互联”高峰论坛上，来自国家电网公司有关人士透露，为落实“一带一路”战略实施，国家电网公司此前提出的4条国际电网互联项目取得新进展，目前已与俄罗斯、哈萨克斯坦签署战略合作协议，这标志着国际互联战略进入实质性推动阶段，洲</t>
  </si>
  <si>
    <t>中概股回归的套利游戏</t>
  </si>
  <si>
    <t>西方6年大牛市即将谢幕之时，大批境外上市的中概股不约而同地选择私有化回国。据彭博统计，在陌陌、中星微电子、中国信息技术有限公司加入私有化阵营后，本季度发出要约收购的在美上市中国公司总数增加至22家。    2015年3月24日暴风科技顺利回归A股创业板，发行价格7.14元</t>
  </si>
  <si>
    <t>希腊将重蹈雷曼覆辙？</t>
  </si>
  <si>
    <t>当年老的福尔德还在痛苦耻辱中无法自拔之时，年轻的齐普拉斯则登上了事业的巅峰。但两个人可能都因一场危机而永载史册。2008年，福尔德执掌的雷曼兄弟破产，成为了国际金融危机全面爆发的标志；2015年，因拒绝欧盟债务协议，齐普拉斯领导的希腊有被驱逐出欧元区的可能。</t>
  </si>
  <si>
    <t>国际油价上周微涨</t>
  </si>
  <si>
    <t>尽管供应充足因素持续施压国际油价，但是上周油价在希腊债务问题待解和伊朗局势等因素影响下仍然上行。当周纽约油价上涨0.03%，布伦特油价上涨0.38%。纽约金价受美联储加息预期升温影响，当周下跌2.39%。    由于预期希腊债务谈判能够达成一致，上周前两个交易日油价持续上</t>
  </si>
  <si>
    <t>精准医学带来医疗模式全新变革</t>
  </si>
  <si>
    <t>美国年初提出的“精准医学战略”（又称“精准医疗”）成为时下国内医学界最受关注和热议的话题。今年3月以来，国家卫计委和科技部先后召开精准医学战略专家会议，论证启动精准医疗计划；精准医疗还拟被列为“十三五”健康保障发展问题研究重大专项课题。专家认为，这将为我国</t>
  </si>
  <si>
    <t>中医药走向世界：如何再快一些？</t>
  </si>
  <si>
    <t>今年以来，作为中国传统文化的精髓与代表，中医药走向世界的步伐正不断加快：近日，中东欧国家首个由政府支持的中医中心成立，中国国务院副总理刘延东和捷克副总理、世界卫生组织总干事共同出席揭牌仪式；在中国财政部支持下，中国中医药局今年设立首批共17个中医药国际合作?</t>
  </si>
  <si>
    <t>欧盟新政难解非法移民之殇</t>
  </si>
  <si>
    <t>欧盟峰会于6月25日在比利时布鲁塞尔召开，进一步探讨如何应对移民危机这一棘手问题。    这一问题的复杂性和长期性给应对措施的实施增加了不少难度，未来欧盟化解移民危机的努力仍将面临多重挑战。    形势严峻令欧盟频出手    欧盟领导人25日召开会议，探讨重新安置登</t>
  </si>
  <si>
    <t>马云：对网上售假零容忍</t>
  </si>
  <si>
    <t>互联网正改变着全球商业和贸易，世界呼吁一种全新的全球化思考，中小企业应抓住未来20年新一轮全球化浪潮带来的机遇，阿里巴巴集团董事局主席马云接受记者专访时如是说。    马云日前参加了享有俄罗斯“达沃斯论坛”之称的圣彼得堡国际经济论坛。他接受专访时表示，世界在?</t>
  </si>
  <si>
    <t>看懂数字背后的故事</t>
  </si>
  <si>
    <t>2014年，世界两大金融机构世界银行和国际货币基金组织先后发声，根据它们按购买力平价法计算的结果，中国的GDP已经超越了美国，位居世界第一。这里涉及一个重要概念——GDP。它是一个宏观指标，即使同一机构计算同一时期内同一地域范围的GDP数据，用不同方法得出的结果可能也</t>
  </si>
  <si>
    <t>下周数据密集  关注希腊还款及非农数据</t>
  </si>
  <si>
    <t>下周经济数据密集，6月30日希腊将面临IMF还款压力，伊核谈判也将公布最终结果，7月1日各国公布PMI终值，下周五美国将公布非农就业数据。    6月29日，星期一，德国公布5月实际零售销售月率、6月CPI年率初值；欧元区公布6月经济景气指数；美国公布5月成屋签约销售指数月率。</t>
  </si>
  <si>
    <t>日本力推超导磁悬浮高铁出口</t>
  </si>
  <si>
    <t>日本铁路东海公司最近再次实施的超导磁悬浮高速列车载人试验运行，创造了时速603公里的世界高铁最高速度，一举突破每小时600公里大关，更新了该公司在此前创下的590公里的世界纪录，引起媒体和国际铁道行业的高度关注。    近年来，中国与日本在国际高速铁路建设及相关设备</t>
  </si>
  <si>
    <t>稳定汇率仍是货币政策主选项</t>
  </si>
  <si>
    <t>“人民币汇率”几个字再次占据了24日各大财经网站的头条位置。正在举行的中美第七次战略与经济对话期间，中国人民银行行长周小川接受媒体采访时称，“人民币汇率处于合理水平”，以此来回应美方在对话期间对人民币汇率施压的惯常之举。    实际上，汇率话题是每次中美对话?</t>
  </si>
  <si>
    <t>高田公司因问题气囊再遭美国会质询</t>
  </si>
  <si>
    <t>日本高田公司因安全气囊缺陷问题23日前往美国国会接受质询。高田公司的代表试图通过对气囊发生装置的技术性解释，减轻全美车主的担忧，但参加听证会的一些美国国会议员认为，高田对已经发生的“死亡气囊”事件负有责任。    今年5月，面对美国国家公路交通安全管理局的施压</t>
  </si>
  <si>
    <t>奥巴马有望加速推进贸易蓝图</t>
  </si>
  <si>
    <t>美国参议院当地时间23日投票同意加快推进“快速道”授权法案，这意味着美国总统奥巴马的贸易蓝图推进将有望提速。    参议院23日以60票赞成、37票反对，为进行最终的“快速道”授权法案投票扫清了最后的程序性障碍。据法新社报道，参议院最早可能于24日就进行投票决定是否?</t>
  </si>
  <si>
    <t>日本制定经济财政重建路线图</t>
  </si>
  <si>
    <t>22日，日本政府在经济财政咨询会议上提出了经济财政运营计划的草案。草案主旨在于重视实现日本经济增长，并力争依靠经济增长带来的税收增加实现财政重建，而非依赖财政支出。未来三年，日本计划把开支增幅总额限制在1.6万亿日元以内。    草案制定了2016年度起的五年“经济</t>
  </si>
  <si>
    <t>优步总融资额将达百亿美元创硅谷纪录</t>
  </si>
  <si>
    <t>据外媒报道，美国交通网络和打车服务公司优步已经接近达成一项新的信贷额度及股权融资。这项最新融资将令优步的总融资额达到100亿美元，创美国科技公司在上市前的最高融资纪录。    英国《金融时报》报道称，因优步的投资方对该公司快速增长的业务抱有极高的期望，优步借此</t>
  </si>
  <si>
    <t>华尔街为中概股回归A股点赞</t>
  </si>
  <si>
    <t>日前，在纽交所上市的中国互联网巨头奇虎360宣布将启动私有化进程，或将成为有史以来规模最大的在美上市中资企业私有化交易。同时，这具有战略意义的一步，也为在美退市后奇虎360重返A股市场清除了障碍。    对于近期在美国上市的中概股再次掀起私有化的退市热潮，华尔街投</t>
  </si>
  <si>
    <t>英国制造业“软硬兼施”</t>
  </si>
  <si>
    <t>金融危机后，英国政府力促制造业复苏，大力提高制造业在国民生产总值（GDP）中所占的比重，扩大英国制造业产品的出口，特别是对新兴市场的出口。但一个行业的复兴囿于诸多因素，且耗时耗力有风险，并非一个简单的工程。    所幸英国现存部分知名制造业品牌，具有一定的市场</t>
  </si>
  <si>
    <t>专家称中美新一轮对话将淡化分歧</t>
  </si>
  <si>
    <t>美国中国问题专家、卡内基国际和平基金会副会长道格拉斯·帕尔（中文名包道格）近日接受记者专访时表示，即将举行的第七轮中美战略与经济对话和第六轮人文交流高层磋商有望淡化中美双方之间的分歧。    中国国家主席习近平将于今年9月对美国进行国事访问。包道格认为，本轮</t>
  </si>
  <si>
    <t>预期希腊危局趋缓  亚太股市走高</t>
  </si>
  <si>
    <t>希腊政府向国际债权方递交新改革提案，这意味着长达五个月的僵局可能就此打破，希腊可能将摆脱违约甚至退出欧元区的威胁。受此消息提振，亚太地区主要股市22日多数走高。MSCI亚太指数上涨0.8%，一度触及两周高点。    东京股市当日开盘走低，随后逐步走高。收盘时，日经股?</t>
  </si>
  <si>
    <t>美国大选透视未来政策牌局</t>
  </si>
  <si>
    <t>美国总统选举大戏即将开场，各路角色相继登场。在共和党人杰布·布什姗姗来迟、最终决定参选后，候选人预选基本将落下帷幕。盘点这些闪亮登场的候选人的话里话外，或可为前瞻未来美国政策走向提供启示。    预选隐现两大家族对阵态势    2016年美国总统选举预选已经经历?</t>
  </si>
  <si>
    <t>“一带一路”政策支持与对接</t>
  </si>
  <si>
    <t>6月12-13日在昆明举办的中国—南亚智库论坛的主题是构建利益共同体—携手共建“一带一路”。笔者认为，稳步推进“一带一路”政策支持与对接，是建设“一带一路”利益共同体和责任共同体的前提、关键和保证，更是构建“一带一路”命运共同体的必由之路。    由于“一带一路?</t>
  </si>
  <si>
    <t>宋睿：有“痛点”的地方就有机会</t>
  </si>
  <si>
    <t>从北美校园的“学霸”、到上市公司总裁助理，再到如今的互联网创业，“85后”的宋睿是如何炼成“货霸”的？2014年，他想借助移动互联网让货主和车主高效对接，想到就做，他带领团队打造起货运行业“打车”软件“罗计物流”。如今，罗计物流已拥有100多万用户，覆盖30多个城市</t>
  </si>
  <si>
    <t>汽车业《反垄断指南》起草工作启动</t>
  </si>
  <si>
    <t>经历了奥迪汽车案、日本汽车零配件案、奔驰汽车案等多次执法实践后，我国将编制一部专门针对汽车行业的反垄断指导文件。    《经济参考报》记者获悉，国务院反垄断委员会已授权国家发改委牵头起草六部反垄断法配套指南，内容涉及知识产权滥用行为、汽车业反垄断规制、宽大?</t>
  </si>
  <si>
    <t>美国公共债务未来25年将继续膨胀</t>
  </si>
  <si>
    <t>美国债务问题世所瞩目，最新报告显示，这个问题仍没有尽头。美国媒体援引美国国会预算办公室（CBO）的报告称，尽管在低利率环境下，债务增长的速度将有所放缓，但是预计到2040年，美国公共债务占GDP的比例将达到103%，大大高于今年的74%。    国会预算办公室的长期预算展望</t>
  </si>
  <si>
    <t>法系车被迫浪漫？</t>
  </si>
  <si>
    <t>和德国车的“严谨”、日本车的“省油”一样，一说起法国车，大家不由自主地想到“浪漫”，不过法国车的这个印象并不完全靠谱。    事实上，同样是欧系车，但法国和意大利的汽车长久地被笼罩在德国车的阴影之下。在上世纪80年代，法国车和意大利车做工粗糙、容易生锈、爱出?</t>
  </si>
  <si>
    <t>中美投资协定谈判步入关键期</t>
  </si>
  <si>
    <t>中国商务部日前表示，中美两国在最新一轮投资协定谈判中，首次交换了负面清单出价，正式开启负面清单谈判，标志着谈判进入新阶段。未来几个月，中美能否就负面清单出价达成一致，对于评估双方能否在奥巴马任期内完成投资协定谈判颇为关键。    中美投资协定谈判始于2008年?</t>
  </si>
  <si>
    <t>丰田在美增加问题气囊车召回数量</t>
  </si>
  <si>
    <t>日本丰田汽车公司16日宣布，将在美国新增召回近137万辆副驾驶座安全气囊有缺陷的汽车，令该公司因该问题在北美召回的汽车总数量增至逾290万辆。    据美国《纽约时报》报道，丰田公司此次新增召回的车型涉及2003年至2007年主力车型卡罗拉和卡罗拉混动系列、2005年至2006年?</t>
  </si>
  <si>
    <t>欧盟高官说中方确认参与欧洲战略投资基金</t>
  </si>
  <si>
    <t>欧洲议会社会党党团16日在布鲁塞尔发布新闻公告称，中方向其确认了参与欧洲战略投资基金（EFSI）的意愿。    据其官网介绍，该党党团主席贾尼·皮泰拉正率团访问中国。贾尼说，访问期间，中方向其“公开确认”了参加欧盟委员会主席容克投资计划的“兴趣与意愿”。这是目前?</t>
  </si>
  <si>
    <t>“北京蓝”：天帮忙，更要人努力</t>
  </si>
  <si>
    <t>16日，北京偏南风，中度污染。    大街上的人们更怀念几天前的天气：自11日持续的“北京蓝”，天空“颜值爆表”，地面随处是举着手机、扛着单反相机拍照的人群。    家住在玉渊潭附近的邹先生说，这是他进京25年来印象最好的天气了。很多人在“秀”照片，假装“在瑞士”?</t>
  </si>
  <si>
    <t>GAP关闭北美175家分店</t>
  </si>
  <si>
    <t>美国服装公司GAP15日宣布，因网购崛起和其他品牌竞争对门店销售造成冲击，将关闭北美地区175家分店并在总部裁员250人，以降低成本和提高收益。    据悉，此次GAP宣布关闭的门店均为零售店，占其北美门店零售店总数的四分之一，其中大部分门店将在今年关闭，此后GAP将保留在</t>
  </si>
  <si>
    <t>中国产能威胁论是个伪命题</t>
  </si>
  <si>
    <t>近期，有西方媒体报道称，中国产能过剩增加了全球多行业库存压力，加剧了通缩局面，正拖累全球经济复苏。这种论调以偏概全，罔顾事实，显然是个伪命题。    上述中国产能威胁论，实质上与形形色色的中国经济威胁论无异：都是要通过曲解、唱衰中国经济，打乱中外合作节奏，?</t>
  </si>
  <si>
    <t>高盛进军在线小微贷款领域</t>
  </si>
  <si>
    <t>据多家外媒报道，华尔街最大的投资银行高盛公司正在转变其商业模式，尝试从事在线小微贷款业务。    据英国《金融时报》报道，高盛在上个月的一份内部备忘录中称，公司从金融服务公司Discover招募了一位高管哈瑞特·塔瓦尔来领导公司的新业务——“数字银行服务”，为此次?</t>
  </si>
  <si>
    <t>悲观图解美国经济</t>
  </si>
  <si>
    <t>比较，有时会出智慧，有时也会扭曲观察、理解世界的角度，失去理性认知。美国经济学家查尔斯·肯尼所著《理性的繁荣》与哈佛大学经济学博士泰勒·考恩的《大停滞》，面对同样的美国经济发展局面，得出的确是不尽相同的结论，对比阅读颇为有趣。前者以乐观主义态度在世界经济?</t>
  </si>
  <si>
    <t>光明集团国际化不惜“赔本赚吆喝”</t>
  </si>
  <si>
    <t>对于一家企业而言，“国际化”是目的还是手段？在中国企业走出去的进程中，这个问题应该先考虑清楚。如果没有足够的整合能力，收购的结果可能只是“赔本赚吆喝”。    日前，光明乳业公布定增方案，拟以68.73亿元的价格，从母公司光明集团收购其持有的以色列乳业公司Tnuva</t>
  </si>
  <si>
    <t>社科院：应推进亚洲能源共同市场建设</t>
  </si>
  <si>
    <t>中国社会科学院15日发布《世界能源发展报告（2015）》，建议推动建设东北亚、中亚和东南亚三个区域性的能源共同市场，并依托海上丝绸之路建设东亚、东南亚天然气交易中心。    中国社会科学院副院长蔡昉表示，能源安全是全世界共同关心的重大问题。中国作为全球能源消耗最?</t>
  </si>
  <si>
    <t>丧失扩张机遇  汇丰败退巴西</t>
  </si>
  <si>
    <t>汇丰银行日前宣布出售巴西业务，但仍保留大客户业务。这是两年来第三家国际银行退出巴西市场或缩减巴西业务，前两家分别是法国兴业银行和花旗银行。    巴西国土面积世界第五，经济总量世界第七，目前是南美最大的金融市场；但任何想进入巴西金融业或想在巴西扩张的外国银?</t>
  </si>
  <si>
    <t>东北亚区域经济合作的制度性突破</t>
  </si>
  <si>
    <t>东北亚地区重点聚集着中日韩三个国家，经济发展水平日渐相近，贸易投资活动十分活跃，经济结构具有较强的互补性，是亚洲区域经济合作的重点潜力地区。然而，东北亚区域经济合作道路曲折，谈判进程十分艰辛，以致不得不在三个成员中探索如何通过渐进的方式达成区域贸易安排的?</t>
  </si>
  <si>
    <t>美国“快速道”授权立法在众议院受阻</t>
  </si>
  <si>
    <t>美国众议院日前就贸易调整援助（TAA）议案和贸易促进授权（TPA）议案举行投票，但两项议案未能同时获得通过。这一结果意味着奥巴马政府尚不能获得推动贸易谈判所需的“快速道”授权，进而影响其整体贸易议程。不过，奥巴马仍将继续争取众议院议员的支持，并可能于本周举行第?</t>
  </si>
  <si>
    <t>看加拿大禁烟有多“狠”</t>
  </si>
  <si>
    <t>6月1日起，号称“史上最严禁烟令”的《北京市控制吸烟条例》开始实施，以禁止公共场所吸烟。    几乎同时，加拿大魁北克省高等法院当地时间6月1日就两桩历时17年的烟民集体诉讼案做出历史性判决，要求3家烟草公司向两组烟民支付156亿加元（约合780亿元人民币）赔偿金。法院</t>
  </si>
  <si>
    <t>我各航空公司停飞或减班韩国航线</t>
  </si>
  <si>
    <t>受到韩国MERS疫情冲击，我国飞往韩国的旅客减少。记者14日获悉，目前，我国各航空公司纷纷减少或停飞航班。    中韩互为第一大入境客源国，2014年访韩的中国游客超过610万人次。近期，MERS疫情持续升温，目前飞韩国的航空公司，包括国航、南航、东航等纷纷采取减班、减小机</t>
  </si>
  <si>
    <t>MERS考验韩国政府应对能力</t>
  </si>
  <si>
    <t>仅仅三周时间，中东呼吸综合征（MERS）就在韩国快速传播，亚洲邻国也高度戒备。突发公共卫生事件再次考验政府的快速应对能力，疫情爆发初期韩国政府的应对不力受到多方诟病，目前正面临新一轮防控形势的严峻考验。    患者增速或放慢    据韩国保健福祉部10通报，韩国新?</t>
  </si>
  <si>
    <t>世行下调全球经济增速预期</t>
  </si>
  <si>
    <t>世界银行10日发布《全球经济展望》，下调2015年全球经济增长预期至2.8%，并建议各国采取措施应对美联储加息和油价维持低位等下行风险。由于世界经济复苏形势疲弱，世行经济学家还建议美联储将首次启动加息的时间推迟到明年。    全球经济令人失望    最新一期的《全球经?</t>
  </si>
  <si>
    <t>奢侈品“中国军团”崭露头角</t>
  </si>
  <si>
    <t>“‘亚洲虎’出击奢侈品市场！”法国第一大经济报纸《回声报》10日赫然打出这一标题。这份报纸用整版报道了中国奢侈品商集体崛起的现象，读来颇为有趣。    报道说，德勤一份研究报告显示，按营业额计算，2013年全球奢侈品商前100强中，中国奢侈品商已经增至五席，“中国军</t>
  </si>
  <si>
    <t>方兴地产400亿元投资“中欧国际城”</t>
  </si>
  <si>
    <t>近日，方兴地产宣布将斥资400亿元在青岛投资“中欧国际城”，项目总占地面积2500亩，定位为智慧化社区。    资料显示，2015年1月，方兴地产以1.1亿元的总价竞得位于青岛高新区两宗商住地块，土地面积共计3.7万平方米。据悉，方兴地产在拿地前期，关于“中欧国际城项目”的?</t>
  </si>
  <si>
    <t>米兰世博会助推中国企业走向世界</t>
  </si>
  <si>
    <t>2015年米兰世博会上，中国以除东道国意大利之外最大参展规模的国家形象示人，一大批嗅觉敏锐、敢为人先的中国企业抓住机遇，纷纷抢滩登陆世博舞台，在这被誉为世界经济、科技、文化的“奥林匹克盛会”上绽放自我，拥抱世界。    中国制鞋企业高端品牌Sheme占据了中国国家馆</t>
  </si>
  <si>
    <t>晋江：从“千年侨乡”到“智造名城”</t>
  </si>
  <si>
    <t>晋江，位于我国东南沿海之滨“闽南金三角”核心，与宝岛台湾一水之隔，是重要的侨乡和台胞祖籍地之一。历史上，晋江就因特殊的地理位置，成为古代“海上丝绸之路”起点之一，留下了众多历史文化古迹。改革开放以来，晋江人发扬“爱拼才会赢”的精神，迅速崛起为中国经济最发?</t>
  </si>
  <si>
    <t>美国经济：萎缩与反弹</t>
  </si>
  <si>
    <t>美国商务部近期公布的修正数据显示，今年第一季度美国实际国内生产总值（GDP）按年率计算萎缩0.7%，低于首次估测的增长0.2%，这是自2009年6月美国结束本轮经济衰退以来首季经济增长第三次出现萎缩。这种在经济扩张周期内屡次出现单个季度萎缩的情况在美国历史上非常罕见，而?</t>
  </si>
  <si>
    <t>苹果音乐剑指流媒体市场</t>
  </si>
  <si>
    <t>美国苹果公司8日在旧金山举行的年度开发者大会上推出流媒体音乐服务，苹果首席执行官蒂姆·库克表示，这种新服务将开启音乐领域新的篇章。    苹果当天推出的流媒体音乐服务以“苹果音乐”命名。苹果高管说这项“革命性”的音乐服务集音乐下载、流媒体音乐电台和流媒体音乐</t>
  </si>
  <si>
    <t>土耳其里拉暴跌至纪录低位</t>
  </si>
  <si>
    <t>土耳其7日举行议会选举，全国5370多万选民将从9861名候选人中选出550名议员。选举初步计票结果显示，执政党正义与发展党获得41%的选票，领先于其他党派，但失去原有的过半数席位，不再能够单独执政，这对总统雷杰普·塔伊普·埃尔多安造成重大打击。在土耳其，执政党必须与其</t>
  </si>
  <si>
    <t>巴拉德在京签署燃料电池合作协议</t>
  </si>
  <si>
    <t>加拿大巴拉德动力系统公司8日在北京分别与南通泽禾新能源科技有限公司（“泽禾”）和广东鸿运氢能源科技有限公司（“鸿运”）签署价值1000万加元（约合5000万人民币）的最终许可协议和供应协定，为中国两座城市首批部署的33辆燃料电池动力公共汽车提供燃料电池动力产品和技术</t>
  </si>
  <si>
    <t>中国先进制造寻找“全球坐标”</t>
  </si>
  <si>
    <t>“中国制造2025”发布后，国内外企业、智库纷纷对此进行关注和研究。他们通过比较“中国制造2025”、美国“再工业化构想”、日本“工业智能化”和德国“工业4.0”之后认为，全球先进制造业正在聚焦3D打印、大数据、机器人等前沿热点，中国在实施“中国制造2025”的进程中，需</t>
  </si>
  <si>
    <t>G7：没落的贵族？</t>
  </si>
  <si>
    <t>七国集团（G7)峰会正在德国加米施－帕滕基兴市的埃尔毛城堡举行。这个德国南部小城远离现代文明中心，似乎映射了七国集团日渐式微。    数年来，七国集团的前景不为人看好。有分析人士直言，这个曾主导全球经济治理数十载的富国俱乐部，几乎已沦为弃之可惜、食之无味的鸡肋</t>
  </si>
  <si>
    <t>CMP继续推进中国市场战略</t>
  </si>
  <si>
    <t>“港口的未来将与中国经济增长联系在一起”，哥本哈根-马尔默港（CMP）首席执行官约翰·瑞斯汀日前重申，开拓中国市场不是短期行为，而是这家辐射北欧市场的综合性港口的长期战略。    哥本哈根-马尔默港（CMP）是由瑞典、丹麦两国共同组建的一家瑞典港口运营企业。从股权?</t>
  </si>
  <si>
    <t>美国芯片行业兴起购并热潮</t>
  </si>
  <si>
    <t>美国芯片业巨头英特尔公司日前宣布收购另一家芯片制造商拓朗半导体公司。这是今年以来公布的第三例涉及美国芯片公司的重大购并案，反映了芯片行业出现整合热潮。    英特尔是世界头号芯片制造商，此次以167亿美元收购拓朗，将创下其47年历史上最大收购交易的记录。英特尔占</t>
  </si>
  <si>
    <t>靓丽数据未刺激日本股市上扬</t>
  </si>
  <si>
    <t>日本8日公布的经济数据令人眼前一亮。日本内阁府当天将该国第一季度国内生产总值环比增长率从此前的0.6%上调至1%，换算成年增长率则从初值的2.4%上调至3.9%，经济扩张步伐快于最初预期。经济学界认为，日本经济基本上走出了消费税上调引发的衰退阴霾，复苏势头正逐步企稳。</t>
  </si>
  <si>
    <t>G7商讨全球经济和气候变化</t>
  </si>
  <si>
    <t>一片抗议声中，七国集团（G7）峰会7日至8日在德国巴伐利亚州的小镇埃尔茂举行。本次峰会议题预计较为广泛。据外媒透露，此次峰会的首个讨论主题是全球经济，中国主导的亚洲基础设施投资银行和希腊债务问题预计也将成为讨论对象。第二天的议程将围绕气候变化等问题展开。</t>
  </si>
  <si>
    <t>英国国有资产私有化进程提速</t>
  </si>
  <si>
    <t>为实现上台前的削减财政赤字承诺，5月份获得连任的保守党政府近日接连宣布系列国有资产出售计划，以期套现来填补财政窟窿和减少公共债务。尽管目标清晰明确、描绘的蓝图也较美好，但由于国有资产良莠不齐，出售时机把握得好尚可卖个好价钱，倘若时机把握不当，则容易贵买贱卖</t>
  </si>
  <si>
    <t>百亿资本投向“互联网+旅游”存隐忧</t>
  </si>
  <si>
    <t>6月2日，去哪儿网对外宣布获得银湖投资5亿元融资。一天前，驴妈妈旅游网宣布锦江国际对其战略投资5亿元。此前的5月26日，携程旅行网获得了全球最大的在线旅游企业美国普利斯林公司（Priceline）2.5亿美元的进一步投资。更早的5月8日，途牛旅游网完成了来自京东等投资者的新一</t>
  </si>
  <si>
    <t>自贸区开启中韩经贸新竞合时代</t>
  </si>
  <si>
    <t>2015年6月1日，中韩自贸协定正式签署,这是中国迄今为止对外签署的覆盖议题范围最广、涉及国别贸易额最大的自贸协定，标志着中韩自贸区建设正式完成制度设计，即将进入实施阶段。    这将开启中韩经贸新竞合时代的大幕，两国产业也将从深度融合走向平衡竞争。专家认为，自贸</t>
  </si>
  <si>
    <t>转型升级需要深化教育改革</t>
  </si>
  <si>
    <t>制造业的转型升级直接依赖于劳动者的受教育程度。2012年我国制造业劳动生产率仅相当于美国的4.38%、日本的4.37%和德国的5.56%。制造业高级技工缺口每年高达400余万人。有企业家形容，“找100个大学生不难，找100个高级钳工却是难上加难”。    各级学校在很大程度上还是教?</t>
  </si>
  <si>
    <t>莫低估日本高铁的竞争力</t>
  </si>
  <si>
    <t>“中国制造”在转型升级，中国高铁则是一面旗帜，其进步和成就让世界刮目相看。德国铁路公司不久前也表示，希望未来从中国购买3.5万组高铁轮对。但很可惜，泰国的第一条高铁合同却给了日本的高铁——新干线。    按照媒体的报道，泰国这条高铁连接首都曼谷和旅游重镇清迈，</t>
  </si>
  <si>
    <t>中韩自贸协定的含金量到底有多高</t>
  </si>
  <si>
    <t>2015年6月1日，中国商务部部长高虎城和韩国产业通商资源部长官尹相直在韩国首尔分别代表两国政府正式签署《中华人民共和国政府和大韩民国政府自由贸易协定》。中韩自贸协定谈判始于2012年5月，期间经历了多轮磋商，可谓好事多磨。在迄今为止中国签署的所有自由贸易协定中，中</t>
  </si>
  <si>
    <t>国际足联贪腐窝案持续发酵</t>
  </si>
  <si>
    <t>从5月27日到6月3日，国际足联（FIFA）一直处于一场反贪风暴的中心。美国、瑞士以及紧随其后的其他国家的检察机构纷纷展开调查，将揭开这家非营利性国际体育组织不为人知的贪腐迷局。    上月27日，瑞士检方就国际足联评选2018年及2022年世界杯承办国过程涉嫌腐败一案启动刑</t>
  </si>
  <si>
    <t>大众系在华遭遇滑铁卢</t>
  </si>
  <si>
    <t>《经济参考报》记者近来发现，多方数据显示，中国乘用车市场的领头羊——大众系，目前已面临严峻挑战。    中国汽车工业协会的数据显示，今年前4月，上海大众和一汽大众分别以66.38万和57.13万的销量分列所有乘用车车企的第一位和第三位。    尽管大众系在中国的市场份额</t>
  </si>
  <si>
    <t>MERS肆虐  韩国机构担心游客转往日本</t>
  </si>
  <si>
    <t>中东呼吸综合征（MERS）肆虐韩国，尚未对其经济造成严重影响，但旅游机构已感受到冲击。一方面，国际游客开始取消前往韩国的行程，另一方面，一些韩国人也放弃了前往中东旅行的打算。    韩国最大旅行社“Hana Tour”日前表示，大约300名从北京、上海前往韩国的游客取消了4</t>
  </si>
  <si>
    <t>五方面因素影响世界经济增长</t>
  </si>
  <si>
    <t>中国社科院世界经济与政治研究所所长张宇燕近日参加由人大经济学院主办的首届“世界经济论坛”时表示，影响世界经济增长周期性因素有五方面。    第一个长期因素是人口。人口是经济的第一个重要因素。最近世界人口发生了重要变化。按照联合国的定义，老龄人口超过人口总数1</t>
  </si>
  <si>
    <t>美国经济恐面临更多下行风险</t>
  </si>
  <si>
    <t>美国联邦储备委员会理事莱尔·布雷纳德2日表示，今年美国经济呈现一系列走软迹象，未来走势尚待密切观察，但不能排除外部环境疲弱、油价下跌和国内消费不振给美国经济带来更多下行风险的可能性。    布雷纳德在位于华盛顿的美国智库战略与国际问题研究中心发表演讲时说，美</t>
  </si>
  <si>
    <t>日本经济复苏势头逐步企稳</t>
  </si>
  <si>
    <t>日本内阁府最近宣布，今年第一季度日本国内生产总值增长2.4%，增幅高于上季度的1.5%，连续两个季度增长。日本经济学家普遍认为，日本经济基本走出了因上调消费税引发的衰退困境，复苏势头将逐步企稳。    在日本政府一系列对策的刺激下，经济开始复苏，特别是在提振股市，?</t>
  </si>
  <si>
    <t>商务部：中韩自贸区利好纺织钢铁等行业</t>
  </si>
  <si>
    <t>商务部新闻发言人沈丹阳2日在商务部例行发布会上表示，中韩自贸协定是推动两国经济增长的新动力。中韩两国政府都认为，中韩自贸协定实施后，两国将在各个领域不断深化务实合作，双边经贸将高度互补融合，从而为两国经济增长注入源源不断的动力。根据国务院发展研究中心测算，</t>
  </si>
  <si>
    <t>美林违规卖空被罚1100万美元</t>
  </si>
  <si>
    <t>据外媒报道，美国监管机构1日表示，美国银行旗下的证券交易分支美林公司已经与监管方达成协议，承认其违法使用相关数据进行卖空操作，并同意为此支付1100万美元的罚款。    美国证券交易委员会（SEC）与美林达成的和解协议包括900万美元的罚款，退还非法所得157万美元以及3</t>
  </si>
  <si>
    <t>IT传奇人物失意录</t>
  </si>
  <si>
    <t>板仓雄一郎是日本IT界传奇人物，他1991年创办HyperNet公司，设计出一套相当超前和高明的商业模式：向网民提供免费上网服务，并借此搭建广告平台。不但如此，HyperNet还利用客户上网的信息，开展数据挖掘分析，数据资源成为该公司最具营收潜力的利润来源。而今看来，这一模式?</t>
  </si>
  <si>
    <t>银联卡获德意志银行ATM受理</t>
  </si>
  <si>
    <t>记者2日从银联国际获悉，德国最大商业银行德意志银行将在其所有ATM受理银联卡（卡号以62开头）。此举意味着银联在整个德国ATM受理率将超过60%，今后赴德旅游和留学人士用银联卡转账或取款将更加便利。    银联已成为中国人出境首选支付品牌。此次银联国际与德意志银行及其A</t>
  </si>
  <si>
    <t>美元走强致金价油价微跌</t>
  </si>
  <si>
    <t>由于升息预期帮助美元走强等因素影响，国际油价金价1日均小幅收跌。    在前一个交易日大涨后，受获利回吐操作等因素影响，国际油价1日收盘下跌。数据显示，油价走低迫使许多美国原油开采企业削减投资支出，国际油价5月29日大涨。美国油田技术服务公司贝克休斯29日发布的数</t>
  </si>
  <si>
    <t>法国“再工业化”开始效法德国</t>
  </si>
  <si>
    <t>几乎与中国发布“中国制造2025”规划同时，法国经济部也出台新政，对原来的“再工业化”政策——“新工业法国”计划进行大幅调整。“新工业法国II”出现一个值得关注的新动向：法国“再工业化”开始效法德国。    此次调整的主要目的在于优化布局。“新工业法国”计划2013?</t>
  </si>
  <si>
    <t>马航宣布公司已技术性破产</t>
  </si>
  <si>
    <t>据外媒报道，马来西亚航空新任首席执行官（CEO）克里斯托夫·米勒6月1日表示，该公司“技术上而言已经破产”，他同时宣布了一些重组计划，包括将裁员三分之一，以及重新规划一些国际航线。    米勒6月1日在一场新闻发布会上表示，马航已经技术上破产，早在2014年的空难前，</t>
  </si>
  <si>
    <t>中联重科收购意大利LADURNER公司</t>
  </si>
  <si>
    <t>记者1日从中联重科总部了解到，当日，中联重科联合曼达林基金，就收购意大利LADURNER公司75%股权与其股东达成协议：双方拟共同投资7500万欧元，折合人民币约5.08亿元，通过收购老股和增资扩股两种方式获得意大利LADURNER公司75%股权，其中，中联重科拟投资5700万欧元，折合人</t>
  </si>
  <si>
    <t>欧盟三巨头协商希腊债务谈判对策</t>
  </si>
  <si>
    <t>欧盟委员会主席容克1日与德国总理默克尔、法国总统奥朗德在柏林举行会谈。容克向《南德意志报》表示，目前仍无突破性进展的希腊债务谈判困局肯定是一项主要议题。在容克看来，一旦希腊退出欧元区，将严重损害欧元信用，国际投资者将抛售欧元资产。    有分析指出，容克与德</t>
  </si>
  <si>
    <t>脱欧公投：卡梅伦连任后的新棋局</t>
  </si>
  <si>
    <t>备受瞩目的英国脱欧公投进程日前正式启动。英国女王伊丽莎白二世27日宣布，英国将通过法律，为2017年年底前全民公投是否退出欧盟铺平道路。英国首相卡梅伦28日向英国议会提交脱欧公投法案，承诺将于2017年年底前就是否退出欧盟举行全民公投。官方的态度表明，英国脱欧公投似?</t>
  </si>
  <si>
    <t>美国经济的复苏之旅</t>
  </si>
  <si>
    <t>经济全球化的今天，美国经济仍发挥着举足轻重的作用。次贷危机已经过去八年，美国经济是否走出金融危机阴影，迈上复苏道路？美国经济复苏将给世界带来哪些影响？带着这些问题，《经济参考报》记者专访了《从大衰退到新增长：金融危机后美国经济发展轨迹》一书的作者、中国国?</t>
  </si>
  <si>
    <t>欧盟打击避税行动再加码</t>
  </si>
  <si>
    <t>欧盟27日表示，已经和瑞士签订税务信息自动交换协议，2018年双方将首次交换税务数据。欧盟近期正在不断向一些政府和企业施压，以加大打击避税行为的力度。    瑞士负责国际金融事务的国务秘书杜哲巍和欧盟经济和货币事务委员皮埃尔·莫斯科维奇27日签署了税务信息自动交换?</t>
  </si>
  <si>
    <t>英国与欧盟“分家”概率有多大</t>
  </si>
  <si>
    <t>尽管距离英国政府承诺的最后期限还有两年半，但英国脱离欧盟的公投已成为全球最受关注的事件之一。近日公投计划正式启动，更令英国可能退出欧盟的担忧再度升温。不过，考虑到英国的实际目的、欧盟的态度和民众支持率等多个因素，公投计划可能只是“雷声大、雨点小”，英国退?</t>
  </si>
  <si>
    <t>“一带一路”与亚债市场可以双赢</t>
  </si>
  <si>
    <t>从2010年到2020年，亚洲各国国内基础设施投资合计大约就需要8万亿美元，其中，区域性基础设施建设也需要将近3000亿美元资金投入。    为了保证资金融通的正常运作，需要加强各国的金融监管合作，推动签署双边监管合作谅解备忘录，逐步在区域内建立高效监管协调机制。</t>
  </si>
  <si>
    <t>比亚迪连获美国纯电动大巴订单</t>
  </si>
  <si>
    <t>近期，中国民营企业比亚迪在美国公交系统一系列竞标中连续击败美国当地和来自加拿大等地的竞争对手，接连斩获纯电动大巴订单，展示出一种“舍我其谁”的霸气。    美国公交采购标准及其严苛，比亚迪却能取得压倒优势，这在赴美发展的中国企业中是极为少见的。记者通过实地?</t>
  </si>
  <si>
    <t>IMF评估报告有望为中美汇率争端降温</t>
  </si>
  <si>
    <t>国际货币基金组织（IMF）日前发布最新评估说，人民币在过去一年里实际有效汇率大幅升值，使得当前的人民币币值不再被低估。多位美国专家在接受记者采访时对此表示认同，认为人民币汇率已处于合适水平，汇率争端不再是中美双边经贸摩擦中的优先议题。    美国智库布鲁金斯学</t>
  </si>
  <si>
    <t>车企“拯救”亚洲CES首秀</t>
  </si>
  <si>
    <t>从拉斯维加斯驶向上海，久负盛名的CES（美国消费电子展）首设“亚洲分站”。尽管主办方希望将首届亚洲消费电子展（亚洲CES）打造成与美国CES具有同样影响力的科技盛会，但众多一流消费电子企业的缺席，多少让亚洲CES的首秀没有人们期待的那样出彩，幸亏还有一众“高大上”的?</t>
  </si>
  <si>
    <t>G7财长会议“把脉”希腊债务危机</t>
  </si>
  <si>
    <t>七国集团（G7）财长和央行行长将于当地时间27日至29日在德国东部城市德累斯顿举行会议，希腊债务问题是重要议题之一，同时将探讨全球经济和金融监管等议题，为经济增长寻找新动能。    德国、英国、法国、加拿大、意大利、日本和美国的财长和央行行长将参加会议。德国目前?</t>
  </si>
  <si>
    <t>绿色的城造就绿色的港</t>
  </si>
  <si>
    <t>作为东道主，兴致勃勃介绍着城市环保策略的哥本哈根-马尔默港（CMP）首席执行官约翰·瑞斯汀，很快就让人感受到了北欧居民对绿色经济和绿色生活的莫大敬意，同时也激发出远道而来的我们探究这个北欧港口如何实现绿色运营的兴趣。    在日前围绕哥本哈根-马尔默港的访问中，</t>
  </si>
  <si>
    <t>上交所拟与德交所成立合资公司</t>
  </si>
  <si>
    <t>人民币国际化和中国资本市场开放再下一城。5月27日，上交所、中金所与德意志交易所集团，就共同建设离岸人民币金融工具交易平台达成战略合作协议，计划在法兰克福成立一家合资公司，作为该平台的运营机构。根据协议，合资公司将定名为“中欧国际交易所股份有限公司”，上交所</t>
  </si>
  <si>
    <t>日增资亚洲基建市场有何玄机</t>
  </si>
  <si>
    <t>日本首相安倍晋三21日晚在《亚洲未来》国际交流会上发表演讲时宣布，日本将在今后的5年内提供13.2万亿日元（约为1100亿美元）资金，支持亚洲国家的基础设施建设。    安倍表示，日本可以通过亚洲开发银行、日本政府系统的“国际协力银行”和“国际协力机构”三条渠道向亚洲</t>
  </si>
  <si>
    <t>老外看珲春：温暖  亲切  舒适</t>
  </si>
  <si>
    <t>卫国战争胜利纪念日前夕，一场中俄足球友谊赛在吉林省珲春市举办。由俄罗斯留学生组成的球队与珲春当地足球爱好者切磋球艺。足球场上你争我夺，但场下两队队员却亲如兄弟，洋溢着亲切友好的气氛。    在珲春，每年都会举办很多场类似的交流活动。来自俄罗斯、朝鲜等国的朋?</t>
  </si>
  <si>
    <t>IMF副总裁:人民币币值不再被低估</t>
  </si>
  <si>
    <t>国际货币基金组织第一副总裁大卫·利普顿26日在北京透露，该组织最新评估认为，人民币在过去一年里实际有效汇率大幅升值使得当前的人民币币值不再被低估。过去国际舆论曾认为人民币币值低估是导致全球经济不平衡的主要原因之一。    “对于像中国这样希望实现以市场为基础?</t>
  </si>
  <si>
    <t>产油大国尼日利亚再度遭遇油荒</t>
  </si>
  <si>
    <t>近期，尼日利亚再度遭遇油荒：加油站无油可加，航班大面积停航，企业、政府机关限电提前下班，通讯无法保障。尼日利亚本已脆弱的经济再度遭受打击，人们生活受到严重影响。    作为产油大国，缺乏加工能力使得尼日利亚用油大量依赖进口。而在总统选举前，国际油价下跌、本?</t>
  </si>
  <si>
    <t>脱欧公投成英国下一场政经大戏</t>
  </si>
  <si>
    <t>成功连任英国首相的卡梅伦22日起走访欧洲数国，和各国政要就英国和欧盟关系进行非正式磋商。此前，卡梅伦承诺将在2017年年底之前举行脱欧公投，目前外界普遍认为，公投或会提前至2016年。    这意味着继2014年苏格兰独立公投和2015年英国大选之后，吸引世界眼球的英国政经?</t>
  </si>
  <si>
    <t>欧亚经济联盟与越南自贸区协议获批</t>
  </si>
  <si>
    <t>据俄罗斯政府网站发布的消息，俄总理梅德韦杰夫25日批准通过欧亚经济联盟与越南自贸区协议（以下简称自贸区协议）。    消息称，这一协议将促进双边贸易增长，有利于发展参与国间的经贸联系，有助于欧亚经济联盟与亚太经济一体化进程的对接。自贸区协议对参与国间放宽商品?</t>
  </si>
  <si>
    <t>希腊敦促债权人作出更多让步</t>
  </si>
  <si>
    <t>有关希腊债务谈判问题一拖再拖。由于各方短期内难以达成一致性协议，导致谈判进展缓慢拖沓不前。随着需要偿还的贷款接踵而至，希腊近日再度表示难以如期偿还国际货币基金组织的贷款利息，并敦促债权人作出更多让步。    希腊内政部长尼科斯·乌西斯23日表示，希腊若不能就?</t>
  </si>
  <si>
    <t>“亚洲机遇”考验企业竞争力</t>
  </si>
  <si>
    <t>近日，亚洲基础设施投资银行创始成员国在新加坡举行了为期三天的闭门会议。在此期间，传来日本政府拟定在未来五年内投资1000亿美元用于亚洲各国的基础设施建设，并提高亚洲开发银行融资额度计划的消息。世界银行行长金墉也宣布将在未来3至4年内向印尼提供110亿美元贷款，以帮</t>
  </si>
  <si>
    <t>《亚投行章程》出炉  法定资本千亿美元</t>
  </si>
  <si>
    <t>结束了三天的闭门会议，亚投行57个意向创始成员国的代表22日在新加坡发表公告说，各方已就《亚投行章程》文本达成一致，将于今年6月底在北京举行《亚投行章程》签署仪式。    筹建亚投行谈判代表会议常设主席、中国财政部副部长史耀斌会后接受媒体记者采访时表示，亚投行将</t>
  </si>
  <si>
    <t>惠普出售中国数据网业务控股股权</t>
  </si>
  <si>
    <t>美国惠普公司近日宣布，将以23亿美元的价格向中国清华紫光集团出售其中国数据网络业务51%的股权，并与后者建立合作关系，以创造一家引领中国市场的科技企业。    清华控股旗下子公司紫光股份有限公司在递交深圳证券交易所的公告中称，将斥资至少23亿美元收购惠普旗下华三通</t>
  </si>
  <si>
    <t>美元走强  大宗商品价格多数下滑</t>
  </si>
  <si>
    <t>由于美元走强对以美元计价的大宗商品价格造成打压，上周国际大宗商品价格多数下滑。纽约油价微涨0.05%，布伦特油价下滑2.16%。纽约金价下跌1.74%。    受美国利好经济数据以及美联储主席耶伦明示今年将加息等因素影响，美元当周继续走强。美联储主席耶伦22日表示，如果美国</t>
  </si>
  <si>
    <t>美对我集装箱“双反”无损害结案</t>
  </si>
  <si>
    <t>《经济参考报》记者近日从商务部获悉，美国国际贸易委员会已于19日在对中国53英尺内陆干货集装箱“双反”（反倾销和反补贴）调查损害终裁中认定，中国输美产品未对美国内产业的建立造成实质阻碍，从而一举否决了美国商务部此前要求对上述产品征收双反关税的决定。    作为?</t>
  </si>
  <si>
    <t>国内汽柴油出口套利逐步收窄</t>
  </si>
  <si>
    <t>5月4日至18日期间，国际原油上行步伐逐步放缓，国内汽柴油价格涨后回落，而新加坡油价亦随原油震荡，致使汽柴油进口套利涨后回落，而国内油品出口套利逐步减量。    金银岛监测成品油进出口套利数据显示，5月4日至5月18日期间，国内市场受国际原油上涨乏力拖累，尤其是11日</t>
  </si>
  <si>
    <t>中葡经贸合作未来发展：深度与广度并进</t>
  </si>
  <si>
    <t>当前，中国正在深入实施的改革开放，为未来中葡经贸合作带来更大发展空间。对内，中国正致力于大力发展服务业、推动经济增长方式从投资和出口驱动向消费和投资拉动转变；对外，中国倡议共同建设“一带一路”，得到了包括葡萄牙在内诸多欧洲国家的积极响应。    另一方面，?</t>
  </si>
  <si>
    <t>六大跨国银行操纵汇率被罚58亿美元</t>
  </si>
  <si>
    <t>美国和英国的监管部门20日表示，已和六家大型跨国银行达成了总计约58亿美元的和解协议，以了结其操纵外汇市场的指控。这些银行的交易员共谋制定外汇汇率，从竞争者变成合作伙伴。    在20日达成的和解协议中，美国司法部开出了有史以来最大一笔集体反垄断罚单，就外汇交易?</t>
  </si>
  <si>
    <t>片仔癀五年来首现出口“滑铁卢”</t>
  </si>
  <si>
    <t>医药上市公司第一高价股片仔癀的业绩，远不如股价表现那样光鲜。《经济参考报》记者日前从中国医药保健品进出口商会（简称医保商会）获悉，作为中国中成药出口第一的企业，2014年片仔癀出口量出现了五年来的首次下滑。片仔癀证券事务代表5月21日向《经济参考报》记者承认了这</t>
  </si>
  <si>
    <t>最低工资，天使还是魔鬼？</t>
  </si>
  <si>
    <t>谈到德国的劳动力市场，就不得不说今年元旦正式付诸实施的最低工资标准——每小时8.5欧元，它被视作近几年德国劳动力市场最大的改革。这项改革在争议中诞生，业已在争议中运行了5个月有余。对德国人来说，它究竟是天使还是魔鬼？不妨拿现实来照一照。    先说对德国宏观经?</t>
  </si>
  <si>
    <t>联合国报告：今年全球经济增长2.8%</t>
  </si>
  <si>
    <t>联合国19日发布《2015年世界经济形势与展望》报告的年中修订版。报告说，全球经济持续以温和速度增长，2015年全球经济增长率预计将达到2.8%。    联合国经济与社会事务部当天在联合国总部举行报告发布会。报告说，更新后的2015年全球经济增长率与今年年初发布的数字相比下?</t>
  </si>
  <si>
    <t>英国通胀率50年来首现负值</t>
  </si>
  <si>
    <t>英国通胀率在连续两个月为零后降为负值。英国国家统计局19日发布的数据显示，英国通胀率4月从上一个月的0.0%降至－0.1%，是自1996年有官方数据以来首次出现通缩。根据具有可比性的估计历史数据，这也是英国自1960年以来首次出现通缩，那时通胀率曾降至-0.6%。    导致4月通</t>
  </si>
  <si>
    <t>德意志银行就英国退欧启动风险评估</t>
  </si>
  <si>
    <t>据多家英国媒体报道，德国资产规模最大的德意志银行，正在考虑一旦英国退出欧盟，该银行是否要将部分业务撤出英国，迁回德国。    德银是首个正式开始评估英国退出欧盟对其业务影响的银行。德银已经成立一个专门小组，以评估英国退欧对德银在该国业务的影响，成员包括从风?</t>
  </si>
  <si>
    <t>印度是中企走向海外最佳“试验田”</t>
  </si>
  <si>
    <t>印度？为什么会是印度？这恐怕出乎绝大多数人意料，更难以被理解。火车顶上坐满了人、国庆阅兵摩托车叠罗汉、电影里歌舞没完没了。来过印度旅游的人也呈现两种极端心态：极度的厌恶，觉得印度脏乱差，缺乏诚信；极度的喜爱，觉得这里精神自由，心灵容易得到解放。    去印?</t>
  </si>
  <si>
    <t>经济发展勿忘兼顾社会公平</t>
  </si>
  <si>
    <t>英国经济学家、1977年诺贝尔经济学奖得主詹姆斯E.米德所著《聪明激进派的经济政策：混合经济》，实际是他对毕生经济主张的总结：在确保实现社会平等和自由的前提下，推进经济改革，实现经济活力，控制通货膨胀，保证充分就业。    米德是英国二战后经济改革的重要设计者，?</t>
  </si>
  <si>
    <t>中概股“返乡”别只盯高估值</t>
  </si>
  <si>
    <t>一批在海外上市（主要是在美国上市）的中概股将要“组团”归来了。领头的是分众传媒，该公司将在今年6月借壳宏达新材实现A股上市。宏达新材作为A股中小板上市公司已于去年12月10日起停牌交易。而除了分众传媒之外，今年还有多家中概股计划回归A股，比如完美世界、世纪佳缘、?</t>
  </si>
  <si>
    <t>标准缺失成可穿戴设备普及“拦路虎”</t>
  </si>
  <si>
    <t>从谷歌眼镜开始，可穿戴设备成为新时尚的代表；而苹果手表的强势来袭，更是掀起了可穿戴设备的新浪潮。据悉，尽管曾多次出言讽刺苹果手表，但瑞士手表制造商斯沃琪旗下多个品牌正在进入可穿戴领域，最新宣布出品智能手表的是该集团旗下高端品牌IWC万国表。    当前，智能手</t>
  </si>
  <si>
    <t>亚太股市周一普遍收高</t>
  </si>
  <si>
    <t>亚太地区多数股市18日收盘上涨，其中日本股市涨幅最大，其当日收盘价升至近三周最高水平。    随着全球公债收益率下降，投资者对于借贷成本压力增加的恐惧有所缓解。另外，开盘前日本内阁府公布的今年3月核心机械订单指数环比增长2.9%，增幅较今年前两个月均有所扩大，投资</t>
  </si>
  <si>
    <t>力拓可能以10亿美元出售部分铝资产</t>
  </si>
  <si>
    <t>据英国《金融时报》报道，全球矿业集团力拓再次计划出售部分铝资产，可能的交易规模为10亿美元。    两年前，力拓曾计划出售其太平洋铝业部门（Pacific Aluminium），但后来取消了计划，如今可能再次考虑出售部分铝资产。《金融时报》17日援引消息人士的话说，力拓已聘请瑞</t>
  </si>
  <si>
    <t>日本3月核心机械订单环比增2.9%</t>
  </si>
  <si>
    <t>日本内阁府18日公布的数字显示，随着日本经济整体走上复苏轨迹，日本企业投资开始增加，经过季节性调整后3月日本核心机械订单环比增长2.9%至8694亿日元（1美元约合119.64日元）。    数字显示，这一环比增幅不仅大大高于2月份时的1.4%，而且也较1月份的2.5%有所扩大。日本?</t>
  </si>
  <si>
    <t>华尔街激辩A股创业板</t>
  </si>
  <si>
    <t>以新兴、科技、中小企业为主的创业板，常被称为“中国版的纳斯达克”。在其“一路高歌”的背后，究竟是实力的凸显还是泡沫危机的蕴含？华尔街大佬们对此展开激辩。    原摩根大通首席股票策略师、现美国市场研究公司Fundstrat创始人托马斯·李表示，A股创业板并不蕴含泡沫?</t>
  </si>
  <si>
    <t>北京收取电动车充电服务费被质疑</t>
  </si>
  <si>
    <t>北京市近日制定出台电动汽车充电服务费上限收费标准：充电服务费按充电电量收取，每千瓦时收费上限标准为当日本市92号汽油每升最高零售价的15%。各经营单位可在不超过上限标准情况下，制定具体收费标准。政策自6月1日起执行。此消息一出，各路网友疑问声不断。    一问：充</t>
  </si>
  <si>
    <t>横店圆明新园：“混搭”还是“混杂”？</t>
  </si>
  <si>
    <t>“这儿盖神殿，那儿建后宫，放上神像，放上异兽；饰以琉璃、饰以黄金，施以脂粉……”这是法国大文豪雨果1862年笔下的圆明园。150多年后的今天，这座既是中华骄傲又曾是国人创痛的皇家园林正在一个江南小镇里试图“复活”。    5月10日，顶着巨大争议和压力，占地6200多亩?</t>
  </si>
  <si>
    <t>英国脱欧公投影响几何</t>
  </si>
  <si>
    <t>英国大选保守党获胜，卡梅伦连任，这意味着脱欧公投的脚步越来越近。进行是否留在欧盟的公投，意味着英国有可能会退出欧盟，这将在公投举行前，即未来两年给本已出现放缓趋势的英国经济增添新的不确定性。    目前英国经济正受到低通胀和增长放缓的威胁。3月份英国连续第二</t>
  </si>
  <si>
    <t>“一带一路”战略瞄准能源基础设施</t>
  </si>
  <si>
    <t>5月14日，在中国广核集团（以下简称“中广核”）牵头下，上海电气、东方电气、金风科技、英利集团等中国企业组团赴哈萨克斯坦，推介中国核电、风电、太阳能等清洁能源的发展优势和竞争力。期间，中广核与哈萨克斯坦国家原子能公司（以下简称“哈原工”）还签署了《开发清洁能</t>
  </si>
  <si>
    <t>零售增长停滞推迟美加息预期  美元延续疲软走势</t>
  </si>
  <si>
    <t>尽管此前市场都相信美国经济能够脱离一季度的低迷，帮助美元反弹，但周中公布的美国4月零售销售数据意外零增长无疑为美元多头浇了一盆冷水，并让美联储提前加息的预期受到越来越多的质疑。    美元短线下行回落    消费在美国GDP中的占比高达70%。美国商务部公布的数据显</t>
  </si>
  <si>
    <t>欧元区经济迎暖春  增速反超英美</t>
  </si>
  <si>
    <t>欧盟统计局13日发布数据显示，欧元区2015年第一季度环比经济增长0.4%，增幅为近两年来最高水平，并且超过同期英国和美国的经济表现。多方面的政策支持以及油价和欧元走低，成为推动经济回暖的有力因素。分析人士称，短期内欧元区经济或将继续得到提振，但结构性顽疾难以根治?</t>
  </si>
  <si>
    <t>中国成最大石油进口国之忧</t>
  </si>
  <si>
    <t>今年中国将超越美国成为世界上最大的石油进口国。相关统计数据显示，4月份中国石油进口达到每日740万桶，美国的日进口量则只有720万桶。当然，中国4月份石油大量进口，有借国际油价低迷之际加大战略储备的缘故。但是，中国进口量持续增加可能是必然趋势。    《金融时报》?</t>
  </si>
  <si>
    <t>欧佩克上调今年原油需求增长预期</t>
  </si>
  <si>
    <t>石油输出国组织欧佩克（OPEC）12日在其月度报告中再度上调了2015年全球石油需求增长预期，但并未认为供过于求局面结束。有消息称，欧佩克稍早前预计10年内原油价格仍将维持在100美元以下水平，高盛等金融机构则认为近期油价在上涨后仍会出现回调。    全球原油需增供减</t>
  </si>
  <si>
    <t>威瑞森44亿美元收购美国在线</t>
  </si>
  <si>
    <t>美国最大移动运营商威瑞森通信公司（Verizon）12日宣布，将以44亿美元的价格收购网络信息服务公司美国在线（AOL）。此项交易有助于威瑞森拓展在线视频服务，并提高其在移动广告领域的竞争力。    根据当天公布的交易信息，威瑞森的出价合每股50美元，与美国在线11日的收盘?</t>
  </si>
  <si>
    <t>班芙小镇为何魅力不衰？</t>
  </si>
  <si>
    <t>在加拿大艾伯塔省的班芙国家公园里，有一个著名小镇，这便是班芙镇。班芙镇始建于1883年，比班芙国家公园的历史还早两年，是班芙国家公园的主要商业中心，文化中心和交通枢纽，也是来班芙国家公园的必游之地。    班芙镇过去一直归班芙国家公园管理，享受国家级待遇。后来?</t>
  </si>
  <si>
    <t>澳大利亚新财年预算“定调”促增长</t>
  </si>
  <si>
    <t>澳大利亚政府12日公布2015至2016财年的财政预算案。新财年预算案包括促进就业、降低小企业税赋、打击跨国避税、降低外援支出等措施。在大宗商品价格不断走低的背景下，此份预算案有望对澳疲软的经济起到提振作用。但分析人士同时警告，此举也有可能推升赤字水平，给经济增长?</t>
  </si>
  <si>
    <t>欧元集团与希腊未达成发放剩余贷款协议</t>
  </si>
  <si>
    <t>欧元集团11日在布鲁塞尔举行会议讨论希腊债务危机问题，如外界所预期，这次会议未能就向希腊发放剩余救助贷款达成协议。这预示着，双方已经进行了三个月的马拉松谈判还得继续下去。    欧元集团的声明说：“我们欢迎迄今取得的进展……同时，我们承认，双方需要更多的时间?</t>
  </si>
  <si>
    <t>阿根廷拟加大进口中国汽配产品令巴西焦虑</t>
  </si>
  <si>
    <t>据媒体披露，由于阿根廷拟加大从中国进口汽车配件以取代巴西同类产品，巴西方面十分紧张，近期将与阿根廷磋商，以延续双边相关汽配使用协议。    据巴西《圣保罗报》7日报道，巴西和阿根廷此前签有协议，南方共同市场（南共市）国家所生产的汽车必须满足至少60%零配件为本?</t>
  </si>
  <si>
    <t>铁路又罢工  德国人很闹心</t>
  </si>
  <si>
    <t>最近一周，德国的火车站冷清了，公交站台热闹了，高速公路也堵起来了……这样的变化让德国人很闹心，尤其是习惯搭乘火车的通勤客，选择铁路出行的旅行者，还有依赖铁路物流的企业。一切只因火车司机又罢工了，而且一罢就是138个小时。    5月3日，德国火车司机工会发起该工</t>
  </si>
  <si>
    <t>爱立信在德英荷三国起诉苹果专利侵权</t>
  </si>
  <si>
    <t>瑞典电信集团爱立信近日在德国、英国和荷兰向美国苹果公司提起诉讼，指控后者未经许可在iPhone和其他无线设备中使用其专利技术。此举标志着两公司之间专利大战的炮火由美国蔓延至欧洲。    爱立信首席知识产权官卡西姆·阿法拉赫在一份声明中表示，苹果此前与爱立信达成的?</t>
  </si>
  <si>
    <t>中俄企业合作开发黄金资源</t>
  </si>
  <si>
    <t>记者11日从中国黄金集团公司获悉，该集团已与俄罗斯极地黄金公司签署有关合作开发黄金及有色资源的合作框架协议。    此合作框架协议是中俄双方近日签署的一系列有关经济合作的协议之一。根据协议，中国黄金集团公司与俄罗斯极地黄金公司将在矿产资源的合作开发、技术交流?</t>
  </si>
  <si>
    <t>世行建议分步骤实现脱碳发展</t>
  </si>
  <si>
    <t>11日，世界银行在其最新发布的《脱碳发展——迈向零碳未来》报告中，建议各国采取三大步骤来将温室气体的净排放减少为零，从而使气候变化更为稳定。    报告将重点放在政府和企业现在拥有的政策选择上。该行提出的三大步骤为：一是设定为达到终极目标的计划，而非短期计划?</t>
  </si>
  <si>
    <t>英大选结果有利于经济政策延续</t>
  </si>
  <si>
    <t>英国大选结果8日尘埃落定，卡梅伦领导的保守党获得议会下院绝大多数席位，能够单独执政，卡梅伦成功获得连任。分析指出，保守党获胜有利于保持经济政策的延续性，但新政府在经济方面仍然面临多重挑战，如英国脱欧公投、苏格兰独立问题以及更为激进的财政紧缩政策。    结果</t>
  </si>
  <si>
    <t>英劳动生产率之谜与经济失衡</t>
  </si>
  <si>
    <t>“英国劳动生产率的相对低下是影响经济长期发展的一个最大不确定性因素，至少是一个最大的国内不确定性因素。”    在最新的季度经济报告发布会上，英国全国经济与社会研究所（NIESR，简称社研所）经济学家西蒙·卡比给英国经济复苏泼了一盆冷水，除了提出上述“危言”，该</t>
  </si>
  <si>
    <t>任天堂四年来首次盈利  拟进军手游市场</t>
  </si>
  <si>
    <t>日本视频游戏制造商任天堂日前公布的财报显示，在截至2015年3月的一个财年中，公司营业利润达到248亿日元（约合2.07亿美元），为近四年来首次跳出亏损泥潭。任天堂表示，今年将开拓智能手机游戏项目，同时进入主题公园市场。    财报显示，在刚刚过去的一个财年当中（2014?</t>
  </si>
  <si>
    <t>中国对加拿大油气投资已处存量消化阶段</t>
  </si>
  <si>
    <t>8日，由加拿大阿尔伯塔大学中国学院主办的“中国投资论坛”在多伦多举行，记者在会上了解到，当前中国投资加拿大逐步呈现多元化趋势，而在油气领域的投资现在已处于消化前几年大额投资存量的阶段。    中国驻加拿大使馆公使衔经济商务参赞余本林期间在接受记者采访时说，近</t>
  </si>
  <si>
    <t>美能源署释放看涨信号或推高油价</t>
  </si>
  <si>
    <t>近日，曾经对囯际油价基本持谨慎态度的美国能源署突然改口，对未来油价做出了上涨的预判。这一预判，不仅意味着对正在逐渐上涨的油价发出了更明确的看涨信号，还意味着，在今后的油价运行中，将可能有更多利益集团加入到推涨油价的行列中去，成为推涨油价的又一助力。    ?</t>
  </si>
  <si>
    <t>库存回落推动油价触及年内高点</t>
  </si>
  <si>
    <t>受美国原油库存意外下滑等因素影响，当周国际油价一度上涨至年内高点，但随后由于原油供应过剩担忧重燃而回落。纽约油价和布伦特油价分别上涨0.41%和下跌1.61%。纽约金价上涨1.23%。    美国能源信息局6日公布的数据显示，上一周美国全国的商业原油库存减少390万桶至4.87亿</t>
  </si>
  <si>
    <t>俄罗斯成中医药“走出去”突破口</t>
  </si>
  <si>
    <t>在与朝鲜、俄罗斯两国毗邻的吉林省珲春市，不少中药商铺和医院里都开始打出俄文招牌。在一些中医针灸、按摩馆里，也越来越多地出现拖家带口、金发碧眼的俄罗斯面孔。在珲春，中医药在外国人中间受欢迎程度日渐升高，每年都有大批外国人前来寻医问药。    珲春是中国中医药?</t>
  </si>
  <si>
    <t>英国大选开锣  两党博弈主打经济牌</t>
  </si>
  <si>
    <t>英国议会第56次选举于当地时间7日正式开幕，投票时间从当日7时一直持续至22时，之后产生下议院的650名议员。本届大选呈现出大党渐衰、小党崛起、选票分散等特点，被英国舆论称为“二战以来最难预测”的大选。    由于目前支持率不分上下的两大核心政党保守党和工党在经济主</t>
  </si>
  <si>
    <t>延续投资神话的巴菲特</t>
  </si>
  <si>
    <t>是什么能让四万多人自掏腰包，从世界各地飞往美国中部名不见经传的小城，去听一场六个多小时的个人“自白”？全世界有如此号召力的人和事屈指可数，“股神”巴菲特和他的伯克希尔-哈撒韦公司股东大会算是其中之一。    今年巴菲特执掌伯克希尔-哈撒韦公司已经整整半个世纪?</t>
  </si>
  <si>
    <t>寻突破未必“一电就灵”  跟风跑别接“最后一棒”</t>
  </si>
  <si>
    <t>服装企业大力谋转型  寻突破未必“一电就灵”    近一段时间以来，传统服装企业寻求产业创新的故事频繁上演。森马服饰宣布参股韩国电商ISE，贵人鸟近期也对外宣布投资2000万欧元收购西班牙足球经纪公司“BOY”；此前，罗莱家纺与“和而泰”签署战略合作，拟共同研发生产智?</t>
  </si>
  <si>
    <t>海湾国家期待“21世纪海上丝绸之路”新机遇</t>
  </si>
  <si>
    <t>地处亚洲西南部的波斯湾连接沿岸多个国家和地区，是联系中西的经贸要道。中国发起“一带一路”倡议，让海湾国家的许多商界领袖和企业充满期待。他们认为，这一倡议将促进中国和海湾国家之间以及区域各国之间的经贸联系。    “我们也在呼吁重建丝绸之路。”伊朗中国商会会?</t>
  </si>
  <si>
    <t>欧版QE短期效应逐渐显现</t>
  </si>
  <si>
    <t>继1月22日欧洲央行宣布扩大资产购买计划后，欧元系统3月份启动针对区域内公共部门的首期债券购买。截至3月31日，欧元系统购买的债券达到474亿欧元，其中12%来自超国家机构。欧元区19个成员国中，希腊、塞浦路斯和爱沙尼亚的政府债券未被纳入购买计划。4月15日，欧洲央行管理?</t>
  </si>
  <si>
    <t>更多中国人移民美国不是好消息</t>
  </si>
  <si>
    <t>美国人口普查局日前的一项调查显示，中国已经成为美国新移民的最大来源国，2013年达到了14.7万人，超过了传统上最喜欢移民美国的墨西哥，后者当年只有12.5万人。    移民是个人的自由，但对国家来说，这不是一个好消息。    为什么这么说？因为对于经济可持续发展而言，?</t>
  </si>
  <si>
    <t>加拿大牛市行将结束？</t>
  </si>
  <si>
    <t>5月5日，我国A股遭遇黑色星期二，重挫200点，而远在大洋彼岸的加拿大股票市场也面临牛市行将结束的担忧。    5月1日，加拿大第二大资产管理机构——道明银行资产管理公司（TD Asset Management Inc.）向媒体透露，加股牛市的局面正进入尾声，该机构正将其资金撤离股市，转?</t>
  </si>
  <si>
    <t>IMF将重估人民币：从“低估”到“合理”</t>
  </si>
  <si>
    <t>一国汇率问题向来是国际社会关注的焦点，人民币汇率也不例外。最近，美国《华尔街日报》报道称，国际货币基金组织（IMF）将重新对人民币进行评估，预计对人民币汇率的评价将为“估值合理”。此外，今年10月，IMF还将对人民币加入SDR一揽子货币进行评估。    人民币估值更趋</t>
  </si>
  <si>
    <t>日美TPP谈判仍未破冰</t>
  </si>
  <si>
    <t>日本首相安倍晋三日前结束为期一周的访美之行，美日双方都表达出进一步加强投资和贸易合作的意愿，但在外界广受关注的跨太平洋战略经济伙伴协定（TPP）谈判方面并未取得实质性突破。    据美国媒体透露，目前美日分歧主要集中在美方希望日本提高美国大米的免税进口配额，而</t>
  </si>
  <si>
    <t>利用外资进入“服务经济时代”</t>
  </si>
  <si>
    <t>随着全球经济一体化不断加强，我国对外开放水平的不断提高，再加上我国巨大的市场空间和良好的政策环境，以及越来越成熟的产业配套，我国吸收利用外商投资的规模不断扩大，领域也在不断拓宽。从外资利用的规模看，2014年我国实际利用外商直接投资规模已经超越美国，成为世界?</t>
  </si>
  <si>
    <t>国家公园必须属于国家</t>
  </si>
  <si>
    <t>在加拿大西部艾伯塔省与不列颠哥伦比亚省交界处，横亘着一座绵延数千公里、雄浑奇巧的山脉，这便是举世闻名的落基山脉。在落基山脉的深处，汇集着由四座国家公园和三座省级公园组成的一组自然公园群。    这座自然公园群占地面积2.3万平方公里，是世界上保护最好，生态系统</t>
  </si>
  <si>
    <t>中欧合作可促进繁荣低碳的未来</t>
  </si>
  <si>
    <t>打开电视看新闻，几乎每周都能看到关于极端天气或自然灾害的报道：美国恶劣的暴风雪，欧洲肆虐的洪水，南美洲致命的滑坡灾害，非洲仍在持续的干旱，中亚日渐干涸的湖泊。所有这些灾害都造成了人类生命的不幸与当地数以亿计的经济损失。    气候变化已经不是只发生在世界其?</t>
  </si>
  <si>
    <t>2035年中国将成全球第二大页岩气产区</t>
  </si>
  <si>
    <t>BP集团日前在北京发布的一份报告预计，到2035年，中国页岩气产量将占全球页岩气增量的13%，届时，中国和美国将提供85%的全球页岩气产量。    《BP2035世界能源展望》预计，未来20年中国天然气产量将保持年均5.1%的增长，其中页岩气是增长的重要推动因素，将在2025年至2035?</t>
  </si>
  <si>
    <t>强震重创尼泊尔经济支柱</t>
  </si>
  <si>
    <t>一场八十年来最严重的地震，导致世界文化遗产杜巴广场上2/3的建筑物倒塌，珠穆朗玛峰登山大本营也受冲击。有人估计，强震造成的经济损失将超过尼泊尔全年GDP总量——    遭遇80年来最强地震    2015年4月25日14时11分，经典旅游手册中被称为“神与人一样多，庙与房一样多</t>
  </si>
  <si>
    <t>华尔街大佬眼中的A股牛市</t>
  </si>
  <si>
    <t>2014年，中国A股以全年近53%的涨幅领涨全球。本周，中国上证综指时隔七年后再度触及4500点。为啥中国A股可以持续走“牛”？上涨的原动力在哪儿？2015年，A股还可以在全球市场里拔得头筹吗？华尔街投资大佬们，“你们怎么看”？    原摩根大通首席股票策略师、现美国市场研?</t>
  </si>
  <si>
    <t>珠峰登山产业面临大考</t>
  </si>
  <si>
    <t>每年3月到6月，是珠穆朗玛峰的登山期，来自全球各地的登山高手涌向尼泊尔境内的登山大本营，试图完成登顶壮举。而登山探险作为尼泊尔旅游业的一个重要部分，已成该国国民经济的支柱产业，还形成了一条完整登顶珠峰产业链。    在这条产业链上，有尼泊尔政府、西方登山探险?</t>
  </si>
  <si>
    <t>美国经济增速大幅放缓</t>
  </si>
  <si>
    <t>美国商务部29日公布的初步数据显示，今年第一季度美国实际国内生产总值（GDP）按年率计算增长0.2%，较去年第四季度2.2%的增速大幅放缓，且低于市场预期。    美国商务部指出，出口、非住宅固定投资和地方政府支出大幅下滑，抵消了个人消费开支和私人库存投资对一季度经济增</t>
  </si>
  <si>
    <t>日本评级遭降  财政货币政策承压</t>
  </si>
  <si>
    <t>评级机构惠誉近日将日本的主权信用评级从“A+”下调至“A”，显示惠誉对日本财政状况的担忧，以及对安倍政府并未采取有力措施弥补因去年暂缓提高消费税带来的财政收入损失的不满。    债务高企财政疲软致评级调低    在惠誉之前，穆迪公司去年底下调了日本的评级。“A”?</t>
  </si>
  <si>
    <t>法国品牌推广的三大亮点</t>
  </si>
  <si>
    <t>为挽救市场地位步步下滑的“法国制造”，法国近两年启动“法国品牌”战略计划，力图改善法国品牌整体形象，有效提振法国经济。审视法国品牌推广战略的设计，三大亮点值得借鉴。    第一，规划人员突出“专业性”，专业的事情交给专业的人做。    “法国品牌”战略计划于2</t>
  </si>
  <si>
    <t>“中国+东盟”将成为新增长极</t>
  </si>
  <si>
    <t>为期五天的第26届东盟峰会及系列会议落下帷幕。东盟以民为本的共同体建设愿景将给区内和周边带来积极的意义，中国和东盟的合作也将在东盟一体化的进程中找到更多机遇。    2015年是东盟关键性的一年。一方面，东盟将力争完成既定的年底建成东盟共同体的目标；另一方面，东?</t>
  </si>
  <si>
    <t>福瑞股份与海斯凯尔纠纷海外升级</t>
  </si>
  <si>
    <t>福瑞股份与无锡海斯凯尔医学技术有限公司（简称海斯凯尔）的知识产权纠纷闹到国外去了。    海斯凯尔相关负责人28日向《经济参考报》记者透露，FibroTouch无创肝纤维化检测系统在奥地利参加世界肝病大会展览期间，因福瑞股份向当地法院提起刑事诉讼“称是侵权产品”，警察?</t>
  </si>
  <si>
    <t>苹果一季度利润大涨逾30%</t>
  </si>
  <si>
    <t>美国苹果公司27日公布2015年第一季度业绩报告显示，受iPhone销量增长强劲以及中国市场业务增长迅速的提振，苹果本季度的营业收入和净利润均大幅增长，并远超市场预期。    苹果当日公布的财报显示，苹果一季度营业收入为580.1亿美元，比去年同期的456.5亿美元增长27%；净利</t>
  </si>
  <si>
    <t>国际金价升破1200美元关口</t>
  </si>
  <si>
    <t>在美联储议息会议前，金价强劲上扬至每盎司1200美元上方。纽约商品交易所6月交货的黄金期货合约27日比前一交易日上涨28.2美元，收于每盎司1203.2美元，涨幅为2.4%。    29日，美国联邦储备委员会将在货币政策会议结束后发表声明。市场并未预期此次美联储会议将会宣布开始加</t>
  </si>
  <si>
    <t>OLED电视或步等离子后尘</t>
  </si>
  <si>
    <t>从诞生那天起，OLED就被视为下一代显示技术，但技术路径不确定以及价格居高不下一直是其普及的最大障碍。业内人士分析称，OLED电视已面临当年等离子电视类似的困境。    近日，据韩国媒体报道，2015年1-3月份，LG电子的电视业务部门可能从盈利转为亏损，预计今年第一季度营</t>
  </si>
  <si>
    <t>印度经济如何后来者居上</t>
  </si>
  <si>
    <t>不出意外的话，今年印度经济增速将超越中国。对印度来说，这无疑具有里程碑式的历史意义。对中国来说，值得认真对待。    根据印度财政部长阿伦·贾伊特此前的预测，今年印度经济增速将达到7.5%。印度政府不久前发布的《印度经济调查》称，印度已经达到了一个“最佳切入点?</t>
  </si>
  <si>
    <t>亚太股市涨跌不一  日经股指失守20000点</t>
  </si>
  <si>
    <t>本周，美联储和日本央行均将举行货币政策会议，投资者均持谨慎态度，亚太地区股市27日涨跌不一。    27日东京股市在交投清淡的行情中微幅收低。日经225种股票平均价格指数下跌36.72点，收于19983.32点，跌幅0.18%，失守20000点大关；东京证券交易所股票价格指数上涨0.23点?</t>
  </si>
  <si>
    <t>报告：大宗商品价格将持续疲软</t>
  </si>
  <si>
    <t>世界银行最新一期《大宗商品展望》称，由于供应充足，大宗商品市场价格在今年余下时间内将会持续疲软，预计2016年仅会小幅回升。    报告称，多数指数在2015年一季度继续小幅下跌。与2014年四季度相比，粮食下跌7.3%，原油下跌13%，金属下跌9%。    2015年一季度原油均价</t>
  </si>
  <si>
    <t>加速推进创新以应对全球再失衡</t>
  </si>
  <si>
    <t>为提升美国经济的边际产出效率，延长再工业化的经济驱动效应，美国将进入到技术外溢、模式外溢和产业外溢阶段，亟须推进全球经贸格局和机制调整，经济全球化发展进入到新的关键时期。    在去杠杆化的大背景下，发达国家的资本供给难以满足投资需求，利用较好的投资收益率?</t>
  </si>
  <si>
    <t>德银宣布全球资产战略重组计划</t>
  </si>
  <si>
    <t>德国最大银行德意志银行近日宣布战略性资产重组计划，将剥离旗下零售部门德国邮政银行，并在全球范围内削减投行业务，以实现提高公司盈利和提振股价的目的。    据美国《华尔街日报》报道，德意志银行在一份公开声明中表示，德银执行和监督委员会同意剥离德国邮政银行。这?</t>
  </si>
  <si>
    <t>英国大选迷局背后的经济寓意</t>
  </si>
  <si>
    <t>近年来，英国众多小党派发展迅猛，撕裂了原先由保守党和工党轮流坐庄的英国政坛格局，使得英国政党体系出现“碎片化”的趋势。5月7日650个英国国会下议院议席最终如何分布，目前看来仍难以预测，因传统的两大党预计都未能获得过半议席，届时将会再次出现一大带小的联合政府，</t>
  </si>
  <si>
    <t>中国居民赴德旅游持续升温</t>
  </si>
  <si>
    <t>德国驻华大使馆与德国国家旅游局北京办事处日前在京举行“跨越一切边界，欢迎来到德国”主题开放日活动。德国大使柯慕华在开放日上表示，德国不仅是“汽车工厂”、“啤酒花园”以及获得足球世界杯冠军的国家，同时还有丰富的旅游和文化资源，欢迎更多中国人前往德国。    2</t>
  </si>
  <si>
    <t>国际油价继续上攻</t>
  </si>
  <si>
    <t>也门战事呈胶着状态，助推国际油价继续上行。在截至4月24日的一周中，纽约商品交易所轻质原油期货价格比前一周上涨2.53%，伦敦北海布伦特原油期货价格单周上涨2.9%。    沙特21日晚宣布，停止在也门境内实施的“果断风暴”空袭行动，从22日开始在也门展开代号为“恢复希望?</t>
  </si>
  <si>
    <t>蚂蜂窝：社交互助式的在线旅游</t>
  </si>
  <si>
    <t>“世界那么大，我想去看看。”一封有情怀的辞职信，用在当下热爱旅游的人群身上也毫不违和。    但怎么看世界，每个人有每个人的设想，家住朝阳区的吴女士如今烦恼的是出门去哪里旅游的问题。周边国家早已转遍，欧洲美洲也已经走过，她倾向于和几个朋友自己组一个团去深度?</t>
  </si>
  <si>
    <t>赴韩整容：美梦变噩梦</t>
  </si>
  <si>
    <t>韩剧里的帅哥靓女，整容节目的神奇“变脸”，让不少人对韩国的“造美”技术深信不疑。日前走红网络的《LET美人》节目，更是让不少中国的求美者心动不已——经过手术整形、形体训练、时尚包装等改造方案，原本容貌欠佳的女性得以美丽自信地站在电视荧幕前，而她们的人生也从此</t>
  </si>
  <si>
    <t>“一带一路”战略为欧洲提供投资新契机</t>
  </si>
  <si>
    <t>第七届欧洲经济大会20日至22日在波兰卡托维茨举行。在会议期间举办的第四届欧洲与中国经济合作论坛上，“一带一路”构想和亚洲基础设施投资银行成为与会者热议的话题。    欧洲与中国经济合作论坛有三个主题，分别是“中国和世界”、“中国和中东欧”、“中国和波兰”。来?</t>
  </si>
  <si>
    <t>中国为何不再当美国最大债主</t>
  </si>
  <si>
    <t>关于中美关系，美国漫画家最喜欢的一个套路，大致是膀大腰圆的中国债主（有时候就是代表中国的大熊猫）趾高气扬地去敲门，门后是毕恭毕敬的瘪三债主山姆大叔。言外之意就是，别看美国在全世界昂头挺胸，但在中国面前必须低眉顺目，因为中国是美国的最大债主！    美国漫画?</t>
  </si>
  <si>
    <t>俄六年来首现经济“萎缩季”</t>
  </si>
  <si>
    <t>俄罗斯总理梅德韦杰夫21日表示，受西方制裁措施和低油价等因素影响，俄罗斯经济第一季度预计将同比收缩2%。梅德韦杰夫还承认，俄罗斯经济正承受着进一步恶化的压力，面临的危机将不是短期的。    21日，梅德韦杰夫在俄罗斯国家杜马（议会下院）作2014年度政府工作报告时指?</t>
  </si>
  <si>
    <t>中石化发64亿美元双币种国际债券</t>
  </si>
  <si>
    <t>4月22日，中国石油化工集团公司（下称“中石化集团”）成功发行等值64亿美元规模的双币种固定利率债券，其中美元48亿、欧元15亿，涵盖3年期、5年期、7年期、10年期和30年期5个期限品种，综合融资成本率约2.55%。    这是历史上中资国企最大规模境外债券发行，也是亚洲公司?</t>
  </si>
  <si>
    <t>英交易员涉股市“闪崩”案被捕</t>
  </si>
  <si>
    <t>据多家外媒报道，英国大宗商品交易员纳温德·辛格·萨劳因涉嫌与2010年震动全球股市的“闪崩”有关，在其英国伦敦的家中被捕。分析认为，这将考验司法机构对这类市场操控提起刑事指控的掌控能力。    2010年5月6日，市场出现神秘暴跌，道指在几分钟内大跌近1000点。之后美?</t>
  </si>
  <si>
    <t>酷寒天气再次“冻坏”美国经济</t>
  </si>
  <si>
    <t>眼下华盛顿潮汐湖畔及国家广场的樱花开得正旺，吸引世界各地的大批游客专门前来赏樱和拍照留念。由于天气差异，华盛顿樱花盛放期因年而异，最近两年受严寒天气持续影响,樱花盛放期都来得比较晚一些。对于经济学家来说，华盛顿樱花盛放也是一件喜事，因为它预示着美国经济反弹</t>
  </si>
  <si>
    <t>美国智库看好亚投行未来</t>
  </si>
  <si>
    <t>在刚刚结束的国际货币基金组织（IMF）和世界银行春季会议上，亚洲基础设施投资银行（亚投行）再一次成为会议的焦点。在美国，很多学者对亚投行的前景作出了乐观的展望。    4月15日是确定亚投行意向创始成员国数量的最终日期。据中国财政部的消息，共有来自五大洲的57个国?</t>
  </si>
  <si>
    <t>三一重工在美司法维权再次获胜</t>
  </si>
  <si>
    <t>“三一重工在美司法维权再获胜利！337案，美国马尼托瓦克主张的我司履带起重机侵犯马尼托瓦克公司的928号专利和158号专利请求，ITC的复审判决：均不构成侵权！”三一重工总裁向文波日前公开表示。    据悉，这一判决是ITC（即美国国际贸易委员会）于4月16日做出的，三一重?</t>
  </si>
  <si>
    <t>美官员称加息对新兴市场影响可控</t>
  </si>
  <si>
    <t>美国纽约联邦储备银行行长威廉·达德利20日表示，美联储会留意启动货币政策正常化可能给新兴经济体带来新一轮市场压力的风险，但有理由相信美联储加息引发的新兴市场调整是整体可控的，不会非常具有破坏性。    达德利当天在彭博美洲货币峰会上发表演讲时说，美联储在执行?</t>
  </si>
  <si>
    <t>油价低迷催生新投资契机</t>
  </si>
  <si>
    <t>“石油还会跌吗？我有个朋友打算去阿尔伯塔买油井。”这是一个朋友最近时常挂在嘴边的一个问题。    阿尔伯塔是加拿大的产油大省，拥有世界上85%的油砂资源，其首府卡尔加里已成为加拿大石油和天然气中心，被称为“能源之都”。而加拿大官方数据显示，该国拥有世界第二大原</t>
  </si>
  <si>
    <t>城镇规划抢穿“洋马甲”身价翻几番</t>
  </si>
  <si>
    <t>年初，江西某市一中央商务区规划设计竞赛邀请了8家单位，一位国内知名的规划专家当场发现两家“美国设计事务所”的设计图质量较差。后经核实，这两家所谓的“美国设计事务所”均为国内公司假冒。    贵州省住房和城乡建设厅总规划师王春告诉《经济参考报》记者，规划领域“</t>
  </si>
  <si>
    <t>日美TPP谈判谁会服软</t>
  </si>
  <si>
    <t>日本和美国连日来就“跨太平洋战略经济伙伴关系协定”（TPP）举行密集谈判，期待在日本首相安倍晋三本月底访美期间收获实质性成果。    本轮部长级谈判由日本经济财政政策担当大臣甘利明和美国贸易代表弗罗曼领衔，双方将围绕难点问题进行磋商。据日本共同社报道，19日当晚</t>
  </si>
  <si>
    <t>中国钢企抄底海外矿山</t>
  </si>
  <si>
    <t>中国钢铁企业开始“抄底”海外矿山。《经济参考报》记者20日获悉，山东钢铁集团（“山钢”）宣布收购非洲矿业有限公司（“非洲矿业”）在非洲塞拉利昂唐克里里铁矿项目75%的股权。交易完成后，山钢将获唐克里里铁矿及非洲港口铁路服务公司100%股份。    唐克里里铁矿属世界</t>
  </si>
  <si>
    <t>法国燃气苏伊士集团发现新气田</t>
  </si>
  <si>
    <t>法国能源巨头燃气苏伊士集团20日宣布，该集团在阿尔及利亚东南部的伊利济盆地发现新的天然气田。    据介绍，燃气苏伊士集团旗下的勘探公司今年1月份在东南伊利济盆地气田开启新的钻探，新打的首个气井代号为TESO－2，目前已钻至1307米深。开采试验显示，该井日产天然气可?</t>
  </si>
  <si>
    <t>国家加紧构建绿色金融体系</t>
  </si>
  <si>
    <t>《经济参考报》记者日前从权威渠道获悉，国家正在加紧构建完善的绿色金融体系以激励绿色投资，引导大量民间资金进入环保、节能、清洁能源和清洁交通等绿色产业。    央行研究局和联合国环境署可持续金融项目共同起草的绿色金融报告拟于4月底前后发布。该报告主体内容将涉及</t>
  </si>
  <si>
    <t>日本为是否加入亚投行纠结</t>
  </si>
  <si>
    <t>当德国、法国和意大利继英国之后宣布申请加入亚洲基础设施投资银行（亚投行）的消息传到日本之后，日本政经界一片哗然。亚投行有57个创始成员完全出乎日本政府的预料，不得不为如何应对苦恼和纠结。日本首相安倍晋三已经要求自民党和政府有关部门抓紧时间研究亚投行运营对日?</t>
  </si>
  <si>
    <t>“一带一路”需开启环保国际合作</t>
  </si>
  <si>
    <t>“一带一路”战略引发国内不少领域热议，近期部分环保部官员、环境研究学者在广西提出，“一带一路”战略构想在实施推进中需开启环保国际合作，发挥环保“保驾护航”功能。就与东盟地区的环保国际合作而言，广西具备先行先试的基础，应当获得相关扶持，探索与东盟环保合作新?</t>
  </si>
  <si>
    <t>康卡斯特并购时代华纳可能受阻</t>
  </si>
  <si>
    <t>据彭博社等外媒报道称，一年多前就宣布的时代华纳有线和康卡斯特价值高达450亿美元的合并计划或许会遭到美国监管部门的阻止。    彭博社报道称，美国司法部可能会因反垄断考虑而否决这宗购并案。消息人士称，反垄断委员会的官员认为，该交易可能损害消费者的权益。《纽约时</t>
  </si>
  <si>
    <t>稳外贸需打造“双引擎”</t>
  </si>
  <si>
    <t>进出口在3月份双双下降，尤其是出口增速从上月猛增48.9%骤降至-15%，大幅低于业内预期，这是2009年9月以来最低增速。即便是考虑到春节因素会使3月数据偏低，业内此前也普遍预计3月应为正增长。    从细分数据来看，3月我国对主要出口国家和地区的出口全线下滑，对美国、欧?</t>
  </si>
  <si>
    <t>中美深化合作  助力“天网”“猎狐”</t>
  </si>
  <si>
    <t>从美国检方近日起诉外逃的中储粮“硕鼠”乔建军及其前妻赵世兰，到中国反贪局证实向美方提供追逃“优先名单”，再到时隔九年后美国国土安全部部长首次访华，中美追逃追赃合作揭开了新的一幕——    跨国追诉合作将成常态    躲在美国的乔建军和其前妻赵世兰，肯定没有料?</t>
  </si>
  <si>
    <t>IMF与世行年会将探寻经济新动能</t>
  </si>
  <si>
    <t>国际货币基金组织（IMF）与世界银行春季年会16日在美国华盛顿正式开幕。同时，二十国集团会议也将在其主会场之外举行。全球经济增长低迷、债务与高失业率的风险、希腊危机、IMF份额改革及亚投行框架等，将成为此次会议的重点议题。    世界经济前景待改善    全球经济增?</t>
  </si>
  <si>
    <t>诺基亚集团计划合并阿尔卡特—朗讯</t>
  </si>
  <si>
    <t>芬兰诺基亚集团和法国阿尔卡特-朗讯公司15日发表公报，宣布双方计划合并，以引领下一代网络技术和服务的创新。    公报称，根据两家签署的谅解备忘录，诺基亚将提出要约，全额收购阿尔卡特-朗讯已发行的证券，并在法国和美国以公开换股要约的方式进行合并。此项交易提议虽?</t>
  </si>
  <si>
    <t>谈判期限将至  希腊否认准备违约</t>
  </si>
  <si>
    <t>距离谈判最后期限仅剩一周，希腊债务问题仍未见转机。希腊与国际债权人15日恢复了旨在解决希腊债务僵局的相关谈判，但债权人方面越来越担心希腊无法按时拿出解冻国际援助的改革方案。尽管希腊政府对于“希腊已做好债务违约准备”的传言予以否认，称谈判前景向好，但市场对于?</t>
  </si>
  <si>
    <t>莲娜丽姿继承人因汇丰逃税案获刑</t>
  </si>
  <si>
    <t>据外媒报道，法国时装及香水品牌莲娜丽姿继承人阿莱特·丽姿被判利用汇丰银行海外账户藏匿数百万欧元资产，将面临一年监禁和100万欧元罚款。这是被卷入汇丰“逃税门”中第一个被定罪的法国人。    据英国广播公司报道，法国巴黎地方法院判定现年73岁的阿莱特·丽姿犯了税务</t>
  </si>
  <si>
    <t>世行：南亚成全球发展最快地区</t>
  </si>
  <si>
    <t>世界银行最新发布的《南亚经济聚焦》报告称，在印度强劲扩张的推动下，加上低油价利好，南亚经济增长预计将加速，这一地区已经在2014年第四季度成为世界上发展最快的地区。    报告称，通过维持旺盛的消费和增加投资，南亚经济增长预计将从2015年的7%稳步上升至2016年的7.4</t>
  </si>
  <si>
    <t>法经济“春色遥看近却无”</t>
  </si>
  <si>
    <t>复活节一过，法国大部春暖花开，一派生机勃勃。与此同时，法国的多个经济指标意外“回暖”，让人感到法国经济的春天似乎也悄然降临。可惜春讯虽多，却难改变法国经济不景气的基本面貌。“春色遥看近却无”，或许才是法国经济当下的真实写照。    4月初，法国国家统计局和经</t>
  </si>
  <si>
    <t>希拉里竞选的“经济牌”</t>
  </si>
  <si>
    <t>美国前国务卿希拉里·克林顿12日正式宣布参加2016年美国总统选举，距离其2008年竞选败给现任总统奥巴马已过去7年。这是美国媒体等待已久的“突发新闻”，但看到这条新闻的美国人一点也不会感到意外，因为此前几乎华盛顿政治圈的所有人都认定希拉里·克林顿将会参选2016，而且</t>
  </si>
  <si>
    <t>世行：东亚经济存重大下行风险</t>
  </si>
  <si>
    <t>世界银行13日发布《东亚与太平洋地区经济半年报》，下调东亚和太平洋地区发展中经济体今年的经济增长预估，其中预测中国经济今年将同比（下同）增长7.1%。世行报告同时警告称，全球经济的一系列不确定性令该地区面临重大风险，包括美元升值和美联储加息可能带来的冲击，以及?</t>
  </si>
  <si>
    <t>UPS欲投资10亿欧元拓展欧洲业务</t>
  </si>
  <si>
    <t>据外媒报道，美国UPS快递公司计划在欧洲市场投资10亿欧元，以拓展其快递业务网络。有分析称，这表明各大快递业巨头在欧洲的市场争夺战可能进一步升级，全球快递业也可能面临新变局。    据德国杂志《德国经济周刊》援引UPS德国市场主管Frank Sportolari的话称，UPS将大力拓</t>
  </si>
  <si>
    <t>叫板苹果  乐视手机胜算几何</t>
  </si>
  <si>
    <t>4月14日，乐视同时在北京、美国硅谷正式发布乐视超级手机，跨界扑入已呈“火海”状态的全球手机市场，并频频喊话苹果公司。    3月27号，乐视董事长贾跃亭连发两条微博，闭环“化学反应”带来的极致体验在成就了苹果的同时，也极大地扼制了技术创新，阻碍了产业进步，伤害?</t>
  </si>
  <si>
    <t>日本央行：经济维持增势  宽松货币不变</t>
  </si>
  <si>
    <t>日本央行（日本银行）行长黑田东彦13日表示，日本经济正处于温和增长状态，在宽松货币政策持续发挥效力下，日本经济将维持增长趋势，逐步走出通缩困局。同日发布的地区经济报告显示，日本经济增长总体向好，一些地区呈现加速复苏势头。    黑田东彦是在东京出席日本央行全?</t>
  </si>
  <si>
    <t>两大利好未能提振日本股市</t>
  </si>
  <si>
    <t>继上周末日经225指数15年来首次突破20000点之后，日本股市周一表现平平。日本央行当日在其地区经济季报中，上调了3个地区的经济评估，维持其余6个地区经济评估不变。同时，该行公布的最近一次货币政策会议纪要显示，许多委员认为在2015财年实现2%的通胀目标概率很大。然而，?</t>
  </si>
  <si>
    <t>全球探讨“蓝金时代”共同行动框架</t>
  </si>
  <si>
    <t>为期六天的第七届世界水论坛12日在韩国大邱会展中心（EXCO）和庆尚北道庆州和白会展中心（HICO)拉开帷幕。来自170多个国家和地区的领导人、高层人士以及国际机构相关人士、学界人士、企业家等约3.5万人共聚一堂，共商全球面临的水资源问题。    此次论坛的口号为“水——人</t>
  </si>
  <si>
    <t>“日资大逃亡”是个伪命题</t>
  </si>
  <si>
    <t>最近，日本西铁城宣布关闭在中国的工厂，解散员工。在这之前，松下、夏普、TDK、佳能、大金、无印良品等公司，也相继决定或表示考虑关闭部分国外工厂，利用日本国内现有产能或新增设备扩大生产。日本部分媒体据此发表文章认为，日本企业已经对中国市场失去信心，日资将从中国</t>
  </si>
  <si>
    <t>德银与英美Libor案和解谈判近尾声</t>
  </si>
  <si>
    <t>据知情人士透露，德意志银行最早将在本月与美国和英国监管机构就操纵伦敦银行间同业拆借利率（Libor）的调查达成和解，和解金额可能超过15亿美元，同时其英国分支机构还将承认有罪。这意味着全球长达数年的针对Libor操纵丑闻的调查终于接近尾声。    据外媒近日报道，知情?</t>
  </si>
  <si>
    <t>多国竞追5G战略制高点</t>
  </si>
  <si>
    <t>尽管4G在国内尚处起步阶段，但5G的研发已经如火如荼。在近期举办的多个5G技术标准研讨会上，来自中移动、中电信、中联通、华为和中兴在内多家企业技术人员均预测，根据欧洲电信标准化协会的布局以及目前行业发展趋势来看，5G有望在2020年正式商用。5G商用后，将会在互联网和?</t>
  </si>
  <si>
    <t>英国经济智库的独立之道</t>
  </si>
  <si>
    <t>“这楼是维多利亚时期的，到现在有一百多年历史了。”会议经理布鲁克口中的这个楼是英国全国经济与社会科学研究所（NIESR）的红砖小楼，距离英国议会大厦仅10分钟的路程，但远离了人群喧嚣，静静的隔望着圣约翰·史密斯音乐厅。地下一层，地上四层，红色墙砖，白色窗棂，两伞</t>
  </si>
  <si>
    <t>来自“创客先驱”比尔·盖茨的箴言</t>
  </si>
  <si>
    <t>比尔·盖茨今年60岁。    西装下的身躯依旧高大挺拔，但满头灰白发和眼角鱼尾纹似在提醒，这个曾经让世界惊艳的商界巨擘、计算机科技的先驱也难逃岁月之法则。    尽管如此，他的眼睛依然闪烁着活力和睿智。    时隔两年，盖茨又一次来到博鳌亚洲论坛。在他停留此地不?</t>
  </si>
  <si>
    <t>数据改善  欧元区经济缓慢升温</t>
  </si>
  <si>
    <t>继数月前欧元区经济显现微弱亮点之后，最近公布的部分数据又增添了几分欧元区经济继续向好的迹象。不过欧元区通胀水平依然低迷，经济下行风险未能消除。    4月8日欧盟统计局公布的欧元区2月份零售数据好于预期，同比增长幅度达到3%，显示消费者需求继续改善。1月份，这个?</t>
  </si>
  <si>
    <t>IMF:全球经济潜在增长率将持续低迷</t>
  </si>
  <si>
    <t>国际货币基金组织（IMF）7日发布半年度《世界经济展望报告》说，国际金融危机对发达经济体和新兴经济体潜在增长率的影响仍将持续显现。随着人口老龄化趋势加强，投资增速和全要素生产率增速放缓，预计未来几年世界经济将继续呈现增长缓慢的态势，低潜在增长率已成为新现实。$</t>
  </si>
  <si>
    <t>移动餐车流行折射互联网经济魅力</t>
  </si>
  <si>
    <t>移动美食餐车正成为美国首都华盛顿的一道亮丽风景线。不管是在美国政府部门云集的宪法大道两侧、两党议员角力的国会山、还是游人如织的国家广场，你都会看到各式各样、色彩鲜艳、招牌醒目的移动餐车为忙碌的上班族和游客提供世界各地美食。    作为国际化都市，这里的移动?</t>
  </si>
  <si>
    <t>比亚迪：新能源车应“公交先行”</t>
  </si>
  <si>
    <t>今年春节前后，一则“中国电动大巴打入日本市场”的消息在国内外引发强烈反响。来自一线的市场消息确认，日本京都决定采购总部位于深圳的中国汽车企业比亚迪开发的新型纯电动大巴5台并投入运营，这不仅使得全球市场刷新了对于中国汽车产业抢占全球制高点的认知，也使得国内消</t>
  </si>
  <si>
    <t>壳牌470亿英镑收购英天然气集团</t>
  </si>
  <si>
    <t>据彭博社等外媒报道，荷兰皇家壳牌石油公司已经同意以470亿英镑收购英国天然气集团。据称，这场并购可能是至少10年来该行业最大的一宗并购案。    彭博社报道称，壳牌将以现金加股票的方式进行这笔交易。英国天然气集团的声明称，壳牌公司将以现金383便士以及0.4454股壳牌?</t>
  </si>
  <si>
    <t>我将欧盟禽肉配额措施诉至WTO</t>
  </si>
  <si>
    <t>《经济参考报》记者8日从商务部获悉，中国就欧盟禽肉关税配额管理措施，提出与欧盟在世贸组织（WTO）争端解决机制下进行磋商，正式启动世贸组织争端解决程序。业内人士指出，此案是我国利用世贸规则，主动亮剑，积极维护产业利益的又一例证。如本案胜诉，我国禽肉出口欧盟将?</t>
  </si>
  <si>
    <t>数据失色  美加息预期放缓</t>
  </si>
  <si>
    <t>美国最新公布的数据显示，就业市场表现不如预期，服务业虽然仍处于扩张状态，但呈现放缓迹象。受数据影响，市场对美联储将很快加息的预期逐渐缓和，新兴市场货币出现反弹。    非农数据失色    受寒冷天气、美元走强等因素影响，上周末公布的非农数据显示，美国3月份新增</t>
  </si>
  <si>
    <t>拼抢中国市场，法企被德企甩在身后</t>
  </si>
  <si>
    <t>近年来，在拼抢中国市场这块“香饽饽”的竞争中，法国被德国远远甩在身后。经常听闻法国商界人士痛心疾首地呼吁：法国企业要争口气，在中国市场上一定要尽快赶超德企！那么，决胜中国市场，法企为何拼不过德企呢？    先来看看法企被德企甩开了多远。法国OC＆C战略咨询公司</t>
  </si>
  <si>
    <t>二季度国际石油市场供过于求压力不减</t>
  </si>
  <si>
    <t>虽然国际油价与去年高点相比已跌至“腰斩”价位，但国际石油市场上供过于求的压力仍在与日俱增。专家预计，今年二季度国际油价仍难有起色。    美国能源信息局最新发布的数据显示，2014年美国原油日均产量达到870万桶，同比增长120万桶，为1900年统计该数据以来最高值。主?</t>
  </si>
  <si>
    <t>哥斯拉与创可贴</t>
  </si>
  <si>
    <t>《压力测试：对金融危机的反思》不同于大多数主题相似的书籍，它以美国年轻财政部长的亲身经历和所思所为，尖刻地复盘了2008年美国金融危机滑稽图景——金融市场跑出两百只哥斯拉(科幻怪兽)在闹市横冲直撞，而政府部门只有用创可贴和胶布修补损害的力量。    普通人眼里，?</t>
  </si>
  <si>
    <t>开店，实现理想的自我</t>
  </si>
  <si>
    <t>日本作家田川美由的这本书很时尚，尤其是在我们国家正掀起“大众创业，万众创新”时代浪潮的今天。    这本书由15位个性经营者的开店故事共同构成，装帧精美，图文并茂。细腻生动的摄影、温馨迷人的场景，无一不述说着开店故事的真实可信，创业经历的真实感人。文具店、古?</t>
  </si>
  <si>
    <t>亚太股市7日普涨</t>
  </si>
  <si>
    <t>受前一个交易日美国股市全线上涨等消息影响，亚太地区主要股市7日普遍走高。    中国沪深股市7日双双大幅上涨。截至收盘，沪指收于3961.38点，涨幅2.52%；深成指收于13768.73点，涨幅2.03%。    东京股市7日高开高走，收盘时，日经股指上涨242.56点，收于19640.54点，涨?</t>
  </si>
  <si>
    <t>“一基一行”将引发多重效应</t>
  </si>
  <si>
    <t>自2013年10月以来，国家领导人多次提出筹建亚洲基础设施投资银行和设立丝绸之路发展基金（简称“一基一行”）的倡议，赢得了区域内外广泛的国际支持。目前，“一基一行”正按预案进行筹建，已经取得了超出预想的开局。可以预期不久“一基一行”成功地建成运作，必将带来重大?</t>
  </si>
  <si>
    <t>工业4.0来袭  钢铁制造迎升级机遇</t>
  </si>
  <si>
    <t>2013年德国政府推出了“工业4.0”的概念，意欲提高制造业的竞争力，在新一轮工业革命中占领先机。去年底李克强总理访德，中德双方发表了《中德合作行动纲要：共塑创新》，宣布两国将开展工业4.0合作。国内借鉴工业4.0，提出“中国制造2025”战略。“两会”结束，“中国制造20</t>
  </si>
  <si>
    <t>英国启动新一轮养老金改革</t>
  </si>
  <si>
    <t>英国养老金系统改革在西方复活节期间正式启动。“这是100年来英国养老金体系变化最大的一次”，英国财政大臣奥斯本将本次养老金改革称作一场“革命”。    据英国媒体报道，从本周一开始，英国居民将面对调整后的养老金系统。与过去相比，新的养老金系统主要有以下变化：超</t>
  </si>
  <si>
    <t>原油低价位格局短期难以逆转</t>
  </si>
  <si>
    <t>伊朗核问题谈判日前在经过两个“加时赛”后终于达成框架性协议，不仅扑灭了近期国际油价“反攻倒算”的烈火，也令未来油价保持低位、宽幅振荡的态势更为清晰。虽然海湾局势一日一新，种种不确定因素随之而来，但尚不足以颠覆全球能源领域供大于求的总体格局。    本轮伊朗?</t>
  </si>
  <si>
    <t>开启航空业低碳革命新时代</t>
  </si>
  <si>
    <t>世界上最大的太阳能飞机“阳光动力”2号于北京时间3月31日凌晨抵达重庆江北国际机场，正式开启中国之旅。飞机在短暂停留后将飞往南京，此后将在太平洋上空飞行五天五夜到达美国夏威夷，并继续后续行程。    这一史无前例的环球之旅引发了全球各界人士的强烈关注，标志着可?</t>
  </si>
  <si>
    <t>马斯克：我只想做一些能改变世界的事</t>
  </si>
  <si>
    <t>要说清埃隆·马斯克的身世并不简单。他出生在南非，17岁到加拿大，现在常居美国加利福尼亚。    被认为是电影《钢铁侠》原型的他有许多身份：支付系统Paypal创始人之一，私人火箭公司SpaceX和特斯拉汽车公司的CEO，以及太阳能公司SolarCity的董事长。这些都与他的兴趣密切?</t>
  </si>
  <si>
    <t>消费者诉搜房网：跨国做局  “掉包”土地</t>
  </si>
  <si>
    <t>通过搜房网在美国花27766美元买的土地，交付时却被“掉包”成评估价不到2300美元的土地，这样“咄咄怪事”让本来满心欢喜的消费者顿时傻了眼。    《经济参考报》日前从北京海淀法院获悉，消费者要求更换土地或退款却被拒绝，无奈之下将搜房网和中介公司诉至法院。目前，海</t>
  </si>
  <si>
    <t>ADP数据打压非农预期  美元仍有下调风险</t>
  </si>
  <si>
    <t>本周中美元遭受ADP和ISM制造业数据的“双重打击”，前者令周五的非农报告蒙上一层阴影，而后者则凸显强势美元对于美国经济的负面影响。过去几周，很多主要货币走势震荡、成交缩量，在本周五美国非农就业报告公布以及复活节长周末之前，市场成交将进一步萎缩。民间就业服务机?</t>
  </si>
  <si>
    <t>楼市止跌回暖“拐点”短期不会出现</t>
  </si>
  <si>
    <t>房地产市场历来是博鳌亚洲论坛上广受关注的议题之一。今年年会举行期间，正值国土部、住建部两部门联合出台促进房地产市场平稳健康发展的政策，而且市场频频流出即将出台“更强刺激”新政的猜测。    房地产相关政策密集出台，引发与会嘉宾热烈讨论：楼市在持续低迷后是否?</t>
  </si>
  <si>
    <t>自贸区本质是改革而非单纯促增长</t>
  </si>
  <si>
    <t>在2015博鳌亚洲论坛上，“一带一路”“自贸区”依然是最火热的两个话题。上海市政府副秘书长、中国上海自贸试验区管委会常务副主任陈寅表示，上海将通过高标准的贸易规则，通过对自贸试验区的创新和改革实践的更好运用，使上海能更多更好地融入到“一带一路”建设中。    ?</t>
  </si>
  <si>
    <t>中欧经贸：卖货须心细  投钱正当时</t>
  </si>
  <si>
    <t>最近欧洲境内与中国有关的经贸投资事件不少，一则是欧盟委员会日前宣布对进口自中国的冷轧不锈钢板征收临时反倾销税，一则是中国化工集团公司收购意大利轮胎生产企业倍耐力尘埃落定。    两件事情在同一时段出现，不免引发遐想：欧洲经济不振的背景下，贸易防御的姿态难以?</t>
  </si>
  <si>
    <t>希腊改革计划谈判进入倒计时</t>
  </si>
  <si>
    <t>希腊近日提交的新改革清单仍未能令国际债权人满意。欧盟方面3月30日表示，目前双方仍然没有达成任何协议，希腊还需提供更多信息和细节，后续谈判也需参考对该国财政状况的评估情况。根据此前规定，希腊与国际债权人必须在本月底达成最终改革协议，加之本月希腊将有一大笔债务</t>
  </si>
  <si>
    <t>中美经贸规则竞合博弈并非对抗</t>
  </si>
  <si>
    <t>从国际货币基金组织（IMF）份额和治理改革到筹建金砖国家开发银行和亚洲基础设施投资银行，从跨太平洋经济伙伴协定（TPP）和区域全面经济伙伴关系协定（RCEP）谈判到规划亚太自贸区路线图，中美两国在国际金融和经贸领域围绕规则制定权的竞合博弈日益增多，国际上有关中国欲?</t>
  </si>
  <si>
    <t>跨境电商助力“全球购”走进现实</t>
  </si>
  <si>
    <t>国内多个电商巨头纷纷布局“网上自贸区”，中国首个跨境电商综合试验区落户杭州，海外市场到处开疆拓土。参加博鳌亚洲论坛的嘉宾们表示，随着跨境电商对个人代购空间的进一步挤压，跨境电商正在助力我国“全球购”目标走进现实。    身边的朋友中如果身在国外或经常出国的?</t>
  </si>
  <si>
    <t>“我们不是来捞鱼的，是来学习捕鱼的”</t>
  </si>
  <si>
    <t>由希腊副总理德拉加萨基斯率领的希腊政府代表团于3月25至28日访问中国。这是希腊大选后新政府首次派团访华。在北京，德拉加萨基斯就相关问题接受了新华社《经济参考报》记者的专访。    经济参考报：新政府上台后曾表示要“重新审核”包括比雷埃夫斯港在内的私有化项目，请</t>
  </si>
  <si>
    <t>日本大力进军世界轨道交通建设市场</t>
  </si>
  <si>
    <t>据欧洲铁路联盟预测，未来5年，以高速铁路为中心的轨道交通市场将出现飞跃式增长，全球年均规模将达到2000亿美元，将给具备高铁等轨道交通建设能力的国家和企业带来巨大的商机。为此，日本安倍内阁已将铁道及其相关设备走向海外列为“经济成长战略”的重要支柱，期待通过出口</t>
  </si>
  <si>
    <t>周小川：中国还是常规货币政策</t>
  </si>
  <si>
    <t>中国人民银行行长周小川29日在博鳌亚洲论坛上表示，当前中国采取的货币政策还是常规的货币政策，政策要支持中国经济的结构性调整，逐步改变传统行业在资本市场、银行体系占据过多资源的现状，鼓励高科技和互联网行业相关企业的发展。    周小川是在一场主题为“非常规货币?</t>
  </si>
  <si>
    <t>耶伦阐述美联储加息思路  重在灵活</t>
  </si>
  <si>
    <t>美国经济保持稳步复苏势头，增加了美国联邦储备委员会（美联储）年内加息的可能性。美联储主席珍妮特·耶伦表示，今年晚些时候将启动加息进程，之后将采取渐进方式，依据经济发展状况逐步引导货币政策回归正常化。    根据美国官方公布的统计数据，美国经济增长目前保持稳?</t>
  </si>
  <si>
    <t>也门战事搅动国际原油市场</t>
  </si>
  <si>
    <t>沙特等国26日起对也门胡塞武装组织发动空袭，国际原油价格随之暴涨。不过，市场两天后逐渐消除了战事可能影响中东原油供应的担忧，原油价格也在当周最后一个交易日暴跌。    据报道，胡塞武装长期盘踞在也门北部萨达省，2010年与也门政府签署停火协议，结束与政府军长达6年</t>
  </si>
  <si>
    <t>英特尔拟逾百亿美元收购阿尔特拉</t>
  </si>
  <si>
    <t>据外媒报道，全球最大个人计算机零件和CPU制造商英特尔公司拟收购芯片制造商阿尔特拉公司，目前正与后者进行高级谈判。    美国《华尔街日报》27日最早报道了该消息。报道称，尽管无法立即得知英特尔出价多少，但阿尔特拉此前的市值约为104亿美元，并在消息发布后的当天涨?</t>
  </si>
  <si>
    <t>“一带一路”与欧盟投资计划合作前景广阔</t>
  </si>
  <si>
    <t>舒尔茨议长在访华前，其办公室曾打电话给我。一来是感谢我介绍两会；二来是希望我能建议一些议长与中国领导人谈论的问题。我建议的其中一点是把3150亿欧元的欧盟投资计划与“一带一路”结合，在这个框架下商谈中欧合作。之所以有此建议，是因为“一带一路”与欧盟投资计划有?</t>
  </si>
  <si>
    <t>普惠金融借互联网轨道全面提速</t>
  </si>
  <si>
    <t>今年的政府工作报告提出，大力发展普惠金融，让所有市场主体都能分享金融服务的雨露甘霖。26日，参加2015博鳌亚洲论坛的专家认为，无论是农业领域还是消费信贷领域，普惠金融是大势所趋，互联网则是重要推手。    “普惠金融有其特点和优势，将来传统金融也会朝这个方向发?</t>
  </si>
  <si>
    <t>TPP条款或扩大企业起诉美政府权利</t>
  </si>
  <si>
    <t>据外媒报道，泄露的跨太平洋伙伴关系协定(TPP)草案文件显示，该协定有关投资者-国家争端解决机制（ISDS）的条款将可能赋予跨国企业更多起诉美国政府的权利。这在美国招致一些反对的声音。分析指出，由于美国“快速道”贸易授权法案迟迟难以通过，以及ISDS条款备受争议等原因?</t>
  </si>
  <si>
    <t>博鳌论坛共绘亚洲融合新未来</t>
  </si>
  <si>
    <t>全球经济在多年疲弱的复苏后似乎正处在一个上下皆有可能的新路口，亚洲或仍将保持可观的增长，却暗藏多种不确定性。未来，亚洲在打造命运共同体的过程中，机遇与挑战孰大？经济体合作还需攻克哪些难点？金融贸易新架构如何影响区域未来？这些林林总总的问题都将在三江入海的?</t>
  </si>
  <si>
    <t>下一场互联网革命：数字医疗</t>
  </si>
  <si>
    <t>随着技术进步，德国病人前往医院问诊恐怕很快将成为“往事”。取而代之的是，他们坐在家里，面对一台电视机，完成全部治疗。    眼下，德国一大批初创企业涌入医疗领域，掀起了一场数字革命。    新应用专注于真正的医疗保健    位于柏林、久负盛名的夫朗禾费研究所开?</t>
  </si>
  <si>
    <t>加拿大萨尼池市的灰桶与绿桶</t>
  </si>
  <si>
    <t>去年春天的一个早晨，加拿大维多利亚大区的萨尼池市出现了一道与往日不同的风景，家家户户门前整齐地排列着一对塑料高桶，一灰一绿。原来，这天是收垃圾的日子，只是往日各色各样的垃圾桶不见了，只剩下了现在这一灰一绿——灰桶中的垃圾将照旧送至填埋场，绿桶则囊装了餐厨?</t>
  </si>
  <si>
    <t>“世行一号女性”英卓华爱念“改革经”</t>
  </si>
  <si>
    <t>在刚刚结束的在中国发展高层论坛上，《经济参考报》记者再次见到了世界银行常务副行长、首席运营官英卓华女士。    记者面前的英卓华，没有商务人士的硬朗打扮，漂亮的宝蓝色中式服装加上阔腿裤，使得这位出身亚裔的女士更显亲和。事实上，无论是在担任印尼财长期间，还是?</t>
  </si>
  <si>
    <t>未来5年自动驾驶汽车汹涌来袭</t>
  </si>
  <si>
    <t>联网化和智能化成为汽车革命的两大主要方向，未来5年全球不少国家和汽车制造商将大力推动自动驾驶技术的发展，而相关车型也将陆续面市。    2015年3月。瑞士Rinspeed公司在瑞士日内瓦国际车展上展示Budii自动驾驶概念车。其特色在于，方向盘不仅可以上下移动，也可左右移动</t>
  </si>
  <si>
    <t>中方放弃亚投行一票否决权是伪命题</t>
  </si>
  <si>
    <t>亚投行首席谈判代表会议主席、中国财政部副部长史耀斌25日接受记者采访时表示，所谓中方寻求或放弃一票否决权是一个不成立的命题。他表示年底前正式成立亚投行，各方已一致同意将总部设在北京。    有媒体报道称，中国放弃在亚投行的一票否决权以换取欧洲国家支持。对此，?</t>
  </si>
  <si>
    <t>欧元区经济复苏现更多企稳迹象</t>
  </si>
  <si>
    <t>英国市场调研机构马基特集团24日发布数据显示，欧元区3月的经济产出正在以2011年5月以来最快的速度增长。近期的数据也显示欧元区消费者信心指数升至近8年新高。分析认为，在欧洲央行推出量化宽松措施（QE）、低油价和欧元走软等因素影响下，欧元区经济复苏出现更多企稳迹象，</t>
  </si>
  <si>
    <t>雷亚尔贬值未改中巴经贸向好前景</t>
  </si>
  <si>
    <t>今年以来，巴西经济下行趋势明显，通胀高企，货币急剧贬值，对华贸易出现萎缩。但是，在一些熟悉两国经贸关系的人士看来，“危”中始终有“机”，只要抓住机遇，中巴经贸合作依然会有光明前景。    巴西中央银行3月23日发布的“焦点调查”报告显示，金融市场分析师预测该国</t>
  </si>
  <si>
    <t>巴西3G资本拟收购卡夫食品</t>
  </si>
  <si>
    <t>据外媒引述消息人士称，巴西私募股权公司3G资本正在和美国卡夫食品公司进行收购后者的谈判，并有意将其与2013年收购的亨氏食品公司合并。    消息人士称，该交易可能最早于本周宣布。《金融时报》报道称，目前意向价格可能是400亿美元，但是并不清楚3G资本是否会单独进行这</t>
  </si>
  <si>
    <t>高储蓄“笼中虎”已渐失威力</t>
  </si>
  <si>
    <t>据媒体报道，中国人民银行行长周小川日前在由国务院发展研究中心主办的中国发展高层论坛上表示，中国整个经济的信贷杠杆率和GDP相比的比值较其他很多国家都偏高，这里面要考虑到中国储蓄率高，以及资本市场发展比较滞后的原因。也是受这两个因素影响，走信贷渠道支持经济增长</t>
  </si>
  <si>
    <t>经济复苏预期推升东京地价</t>
  </si>
  <si>
    <t>日本国土交通省日前公布的“公示地价”表明，东京今年1月1日的平均“公示地价”比去年同时上涨1.9%，连续两年上涨。市区的商业地产均价上涨2.9%，最大涨幅为14.2%。住宅用地均价上涨1.9%，最大涨幅为11.2%。东京地价上涨使先前投资东京房地产的基金和个人获得丰厚的利润。</t>
  </si>
  <si>
    <t>国际金价继续上涨</t>
  </si>
  <si>
    <t>国际金价连续第五个交易日上涨，纽约商品交易所黄金期货市场交投最活跃的4月黄金期价24日比前一交易日上涨3.7美元，收于每盎司1191.4美元，涨幅为0.31%。    24日美国公布的最新通胀数据和房地产销售数据均为美联储作出加息决定提供了新的支持，这加剧了投资者对美国股市泡</t>
  </si>
  <si>
    <t>阿里巴巴怎样应对美国的诉讼</t>
  </si>
  <si>
    <t>为了尽量减少股东集团诉讼带来的消极影响，阿里巴巴必须以充分的证据论证自身并无虚假陈述、遗漏信息等违法行为，因而也没有损害投资者合法权益。阿里巴巴应该尽量避免同原告方和解，因为一旦和解就意味着承认自身确实存在违法行为。    阿里巴巴是否有必要在招股书中披露?</t>
  </si>
  <si>
    <t>亚太自贸区的路线图与时间表</t>
  </si>
  <si>
    <t>未来需要我们摆正大国姿态，在“一带一路”和亚太自贸区建设中，为沿线及区内各国送去实实在在的好处，以包容性政策延长仍于我们有利的多边自由贸易体制，促进新规则朝有利于包括中国在内的广大发展中国家的方向发展。    只要中国与其他国家和地区的自贸安排存在，TPP就不</t>
  </si>
  <si>
    <t>贫穷到富足的历史白描</t>
  </si>
  <si>
    <t>这不只是一部大书，更是一个时代的记忆，是美国决定性的40年出色而引人注目的人物素描。《光荣与梦想》问世多年以后，近期由中信出版社再度呈现，让人读之依然动容。    安那考斯迪亚河彼岸，“补偿金大军”揭竿而起，涌向宾夕法尼亚大道，一段历史铺陈开来。40年后，大幕?</t>
  </si>
  <si>
    <t>“管理者通吃”科研霸权大行其道</t>
  </si>
  <si>
    <t>《经济参考报》记者在北京、湖北、江苏等地调研时发现，高校教师、科研人员反映最多的是科研经费获取不公平，“官大学问大，权大经费多”已成为一种普遍现象。科研管理体制尤其是经费资源分配过度行政化饱受诟病，促使官本位意识泛滥，滋长投机意识，造成学术氛围不良、科研?</t>
  </si>
  <si>
    <t>奥经济学家支持奥地利加入亚投行</t>
  </si>
  <si>
    <t>奥地利经济研究所所长卡尔·艾京格日前表示，建立亚洲基础设施投资银行（亚投行）为拓展国际项目融资新渠道迈出重要一步，奥地利应加入亚投行。    艾京格表示，亚投行对推动国际经济稳定发展将会起到积极作用。他说，亚投行与世界银行相似，都将致力于推动国际发展。</t>
  </si>
  <si>
    <t>人民币“日不落”意味着什么</t>
  </si>
  <si>
    <t>“人民币日不落！”3月23日，在多伦多举行的北美首个人民币业务清算行启动仪式上，加拿大不列颠哥伦比亚省前财政厅长科林·汉森突发一声感叹，引来在场中加双方商界代表的一阵欢笑。    在多伦多这个加拿大的金融中心，23日最大的新闻当属中国工商银行加拿大分支机构宣布正</t>
  </si>
  <si>
    <t>亚太市场24日跌多涨少</t>
  </si>
  <si>
    <t>受美联储副主席暗示加息时点、中国经济数据表现不佳、希腊德国两国总理会面等因素影响，全球股市24日上涨但涨幅受到限制。其中，亚太股市多数收盘下跌。    继上周美联储发布偏“鸽派”的政策声明之后，美联储副主席斯坦利·费希尔23日暗示，美联储可能将于今年年底之前启?</t>
  </si>
  <si>
    <t>三大国际金融机构欲与亚投行合作</t>
  </si>
  <si>
    <t>就在英德法意这些传统欧洲国家决定作为亚洲基础设施投资银行意向创始成员国加入亚投行后，世界银行等国际金融机构纷纷表示将和亚投行展开合作，另有外媒报道，原先游说其他西方国家不要加入亚投行的美国或和其西方伙伴一样寻求分羹亚投行。    早先有报道称，美国在暗中希?</t>
  </si>
  <si>
    <t>追忆现代新加坡缔造者李光耀</t>
  </si>
  <si>
    <t>新加坡前总理李光耀23日病逝。从2010年底至2015年初，作为新华社驻新记者，笔者在许多场合都看到过这位新加坡的传奇人物。对新加坡了解越多，就越能感触到这位世界级政治家留下的非凡烙印。    新加坡在短短的50年时间里由一个第三世界国家跨越到高收入国家，说李光耀厥功?</t>
  </si>
  <si>
    <t>亚马逊无人机快递测试获批</t>
  </si>
  <si>
    <t>据外媒报道，美国联邦航空管理局（FAA）已经宣布批准亚马逊展开无人机快递测试服务。    美国联邦航空管理局表示，该机构已向亚马逊及其无人机原型设计颁发了一份实验性的适航证书，允许其在华盛顿州的私人及农村地区进行测试飞行。亚马逊必须向该监管机构提供月度飞行数据</t>
  </si>
  <si>
    <t>香奈儿在华降价的背后</t>
  </si>
  <si>
    <t>“只涨不跌”的香奈儿终于降价了。日前，香奈儿公司宣布，香奈儿将下调中国内地售价，同时上调欧洲售价，幅度均为20%，调价后两地价差不超过5%。首先调整的是经典款(11.12和2.55)与Le Boy Chanel手袋系列。香奈儿公司表示，此次调价为缩小各个市场的价差，打击代购市场。</t>
  </si>
  <si>
    <t>希腊债务危机仍陷僵局前景难料</t>
  </si>
  <si>
    <t>继近日在希腊问题欧盟特别会议上承诺将尽快提交新的改革清单之后，希腊总理齐普拉斯23日将访问德国，并将与德国总理默克尔举行会谈，争取达成更多共识。不过，尽管希腊与国际债权人都希望尽快解决这场债务纠纷，但目前仍未达成任何新协议。分析称，由于双方立场坚定，解决希?</t>
  </si>
  <si>
    <t>亚投行意向创始成员国月底将达35个</t>
  </si>
  <si>
    <t>在由国务院发展研究中心主办的中国发展高层论坛2015年年会上，亚洲基础设施投资银行（亚投行）受到了强烈关注。目前，亚投行吸引了全球的目光，其各方面的议程也都已基本成型。    亚洲基础设施投资银行多边临时秘书处秘书长金立群表示，根据目前的进展，亚投行本月底意向?</t>
  </si>
  <si>
    <t>发改委火速排查企业债风险</t>
  </si>
  <si>
    <t>受偿债高峰期集中到来以及经济放缓因素影响，企业债兑付风险再次备受关注。据记者从多个渠道证实，近期各省级发改委向区县级下发了紧急通知，要求各地高度重视今年企业债券本息兑付工作，并对2015年企业债券本息兑付情况进行进一步排查，于23日中午12点前上报至下发该通知的?</t>
  </si>
  <si>
    <t>亚投行扩容  凸显多边金融架构渐变</t>
  </si>
  <si>
    <t>欧洲四大主要经济体德、英、法、意近日先后决定作为意向创始成员国申请加入亚洲基础设施投资银行（亚投行），澳大利亚、韩国和沙特阿拉伯等也在考虑加入事宜。多国寻求加入亚投行是对中国政府投出的信任票，也显示出全球经济重心东移趋势下多边金融架构的微妙变化。    多?</t>
  </si>
  <si>
    <t>美国难跨加入亚投行的两道“门槛”</t>
  </si>
  <si>
    <t>面对英、德、法、意近日宣布有意成为亚投行意向创始成员国，美国白宫发言人欧内斯特表态说，全球加强基础设施投资的需求迫切，但建立新的国际组织需要借鉴建立世界银行和其他区域性发展银行的高标准，亚投行还需要加强内部治理。作为可以影响世行重大决策的国家，美国想让亚?</t>
  </si>
  <si>
    <t>企业“走出去”存风险  控管有缺位</t>
  </si>
  <si>
    <t>由江泰国际合作联盟主办，中国产业海外发展协会支持的“2015中国企业走出去风险发布会暨融资与保险论坛”3月19日举行。会上数据显示，在中国企业“走出去”规模快速增长的过程中，由于很多中国企业缺乏充分的准备，对海外投资过程中的内外风险还缺乏防范措施，导致在海外投资</t>
  </si>
  <si>
    <t>芬兰企业不求“做大”只求“做精”</t>
  </si>
  <si>
    <t>记者在芬兰已工作一段时间，无论是采访中，还是生活中，都能强烈感受到芬兰企业的独到之处——不求“做大”，只求“做精”，也许与国家贫弱的历史、严酷的自然环境、顽强的民族性格等因素有关。但不管怎样，企业发展不一味求“大”，可以少些“面子”上的负担，踏踏实实专注?</t>
  </si>
  <si>
    <t>英德法意申入亚投行有助于“一带一路”建设</t>
  </si>
  <si>
    <t>毫无预兆“duang”地一下，英国财政大臣日前宣布英国计划成为亚洲基础设施投资银行（简称“亚投行”）的创始成员国，有望成为首个加入亚投行的主要西方国家。德国、法国、意大利紧随英国申请加入亚投行。    英德法意此时向中国递交加入亚投行申请的理由有三点。首先，亚投</t>
  </si>
  <si>
    <t>美联储加息措辞微变令市场震荡</t>
  </si>
  <si>
    <t>美联储18日结束货币政策例会后发表声明称，美国经济增速自1月以来略微放缓，未来美联储仍将根据美国经济发展情况决定何时启动加息，同时下调美国经济增长预期。另一方面，美联储取消了利率前瞻指引中的“保持耐心”这一措辞。此次整体基调谨慎而保守的声明推迟了美联储加息时</t>
  </si>
  <si>
    <t>亚投行伙伴增多考验中国智慧</t>
  </si>
  <si>
    <t>继英国宣布申请加入亚洲基础设施投资银行（亚投行）后，欧洲德、法、意三国17日也申请作为意向创始成员国加入亚投行。澳大利亚、沙特和韩国也表示正在考虑搭上“末班车”。作为一个多边的、互利共赢的投融资平台，亚投行提倡的包容性、开放性与建设性正被越来越多的经济体接?</t>
  </si>
  <si>
    <t>美好愿景和技术暗影</t>
  </si>
  <si>
    <t>有人说，我们进入了推土机时代；短短几十年间中国的城市日新月异变化着。如何让城市更美好？智慧城市是我们的追逐目标。美国硅谷未来研究所主管安东尼·汤森，在其著作《智慧城市：大数据、互联网时代的城市未来》中，描绘了一幅智慧城市的蓝图和全球智慧城市建设的思想、经?</t>
  </si>
  <si>
    <t>中德有望成为工业4.0时代双引擎</t>
  </si>
  <si>
    <t>“2015年德国汉诺威通信和信息技术博览会”(以下简称“汉诺威IT展”)近期开幕，“工业4.0”概念成为本届展会最大的亮点，一大批以信息技术为基础的创新技术和生产方式陆续亮相。会上，多国产业界和学术界人士表示，工业4.0正在成为未来制造业的发展方向，以及经济发展的新趋?</t>
  </si>
  <si>
    <t>银发族高就业  日经济显疲态</t>
  </si>
  <si>
    <t>漫步在东京街头，人们可以不经意地发现，在东京街头开出租车的司机、负责看护建筑工地和诱导道路交通的保安、高速公路收费站的收费员、以及各高档住宅小区物业管理公司的管理员和清洁工，大部分都由退休老人担任。    据日本总务省发表的统计数据，不包括从事农业和林业的?</t>
  </si>
  <si>
    <t>解养老难题须普及企业年金</t>
  </si>
  <si>
    <t>目前，人社部正在谋划将我国地方政府分散掌管的“社会保险基金”（简称“五险基金”）拿来“入市”，更有人提倡让“五险基金”进入股市赚钱，并以此填补养老金缺口。这些主张虽未进入立法程序，但令人担忧。    在美国，华尔街总是两眼紧盯社保基金的“口袋”，一直企图游?</t>
  </si>
  <si>
    <t>加拿大油砂行业准入门槛短期难降</t>
  </si>
  <si>
    <t>加拿大阿尔伯塔大学中国学院副院长王佳日前在接受《经济参考报》记者专访时表示，当前国际油价降至低位，但加拿大政府短期内在油砂领域不太可能降低外国投资的审批门槛。王佳还称，获准进入油砂领域的中国私营企业应重投资风险，特别是要把握投资时机。    经济参考报:当前</t>
  </si>
  <si>
    <t>亚投行创始成员申请国新增德法意</t>
  </si>
  <si>
    <t>据外媒17日报道，德国、法国和意大利均已同意申请加入亚洲基础设施投资银行（简称“亚投行”），亚投行的创始成员国队伍将不断扩大。继英国12日向中方提交了作为意向创始成员国加入亚投行的确认函之后，澳大利亚、沙特和韩国也均表示正在考虑加入亚投行，这引发各方热议。分?</t>
  </si>
  <si>
    <t>汉莎航空飞行员拟罢工抗议退休政策</t>
  </si>
  <si>
    <t>据外媒报道，德国汉莎航空公司飞行员拟于18日举行全天罢工，抗议公司的提前退休福利政策。届时，汉莎短程航班和中程航班都将受到影响。    据路透社报道，德国飞行员工会16日表示，工会与汉莎航空管理层上周举行的谈判没有任何进展，公司管理层一意孤行，试图向资历较浅的?</t>
  </si>
  <si>
    <t>期待中欧公平对等地开放市场</t>
  </si>
  <si>
    <t>欧洲议会议长马丁·舒尔茨17日在北京表示，“我们一直在强调公平竞争，各自的市场可以平等准入，欧洲是一个相当开放的市场，希望与中国实现对等开放，双方本着互利的精神共同发展。”舒尔茨还说，欧洲是朝着承认中国市场经济地位的方向前进的，也愿意推动中欧投资协定谈判继?</t>
  </si>
  <si>
    <t>阿海珐巨亏的三大教训</t>
  </si>
  <si>
    <t>今年3月初，在全球核能发电领域首屈一指的阿海珐集团曝出猛料：该集团2014年亏损额超过48亿欧元，几乎达到2013年亏损额的10倍。阿海珐的业绩之所以一塌糊涂，从外因上看，与2011年日本福岛核电站事故后，全球核电发展明显放缓不无关系；不过，阿海珐自身的问题才是形成巨亏“</t>
  </si>
  <si>
    <t>上海高通诉美国高通商标侵权</t>
  </si>
  <si>
    <t>3月17日，上海高通半导体有限公司（以下简称“上海高通”）召开发布会，指控美国高通公司（英文名：QUALCOMM Inc.，在中国市场自称“美国高通”）涉嫌商标侵权和干预执法，并提起上诉。上海高通代理律师段和段律师事务所合伙人陈若剑表示，上海高通准备向国家工商总局举报美?</t>
  </si>
  <si>
    <t>中国加速实现AMOLED国产化</t>
  </si>
  <si>
    <t>近年来在全球平板显示领域，韩国、中国、日本企业正竞相加大在“下一代显示技术”AMOLED（主动式矩阵有机发光二极体）上的投资布局。随着以京东方、和辉光电等为首的中国企业的AMOLED面板生产线逐步量产，成功实现国产化，将有效打破目前韩国企业的垄断格局。    AMOLED凭?</t>
  </si>
  <si>
    <t>2015汉诺威展聚焦“数字经济”</t>
  </si>
  <si>
    <t>2015年德国汉诺威通信和信息技术博览会（简称汉诺威IT展，CeBIT）3月16日至3月20日开展，主题定为“数字经济”。    现如今，几乎没有哪个行业能够回避“数字化”，传统商业模式正逐渐消失，数字经济时代已经来临。物联网、大数据、云计算……种种技术无不推动着企业的数字</t>
  </si>
  <si>
    <t>日本货币政策料将按兵不动</t>
  </si>
  <si>
    <t>日本央行16日开始为期两天的货币政策会议。据日本共同社报道，会议将集中讨论目前正在进行中的年度薪资增长谈判和低油价对央行实现2%通胀目标的影响。不少分析认为，本次会议预计日本央行仍将按兵不动，但如果低油价持续对物价产生下行压力并且薪资增长难以明显帮助提振消费?</t>
  </si>
  <si>
    <t>加拿大石油之城的“危”“机”</t>
  </si>
  <si>
    <t>“这几个月街上走的人明显少了好多！”在位于加拿大石油之城卡尔加里的英国石油中心大厦（BP Center），中天石油有限公司总裁魏民生感概地说。    据魏民生介绍，近几个月以来油价下跌已经对加拿大石油工业造成了很大冲击，为了缩减成本，加拿大当地以及在卡尔加里的国际石</t>
  </si>
  <si>
    <t>中企在澳投资结构悄然生变</t>
  </si>
  <si>
    <t>中澳自贸区协定签署在即，而中国企业“走出去”在澳大利亚投资的热度也在持续升温。澳洲汇丰银行有限公司中资企业海外事业部总经理李昱16日在接受《经济参考报》记者采访时表示，中企在澳投资规模有望在自贸协定签署后持续增长，而农业、房地产和基建领域取代矿业和能源业成?</t>
  </si>
  <si>
    <t>汇丰瑞士分行在法国面临刑事审讯</t>
  </si>
  <si>
    <t>法国司法部门近日表示，要求汇丰银行瑞士分行在法国接受刑事审讯，对关于该行涉嫌协助富有客户逃税的指控作出回应。    据路透社援引法国司法界一名知情人士透露，法国金融检察官办公室希望将汇丰瑞士分行送上法庭，对其涉嫌与税务欺诈等相关的洗钱活动进行审理。该知情人?</t>
  </si>
  <si>
    <t>美联储货币政策时下不明朗</t>
  </si>
  <si>
    <t>美联储本周即将举行今年第二次议息会议，市场期待会议能指明货币政策新的路线图。不少金融机构认为,美国最新经济数据欠佳，虽不能排除此次会议上对加息相关措辞进行修改的可能，但在加息时点方面并无统一预期。不过，值得关注的是，全球资金在货币政策变动及变动预期下在悄然</t>
  </si>
  <si>
    <t>英国的配角和主角情结</t>
  </si>
  <si>
    <t>在二战将要见到曙光的1944年7月，美国、英国、中国等44个国家的代表在美国新罕布什尔州的布雷顿森林开会，商讨战后全球经济治理架构。尽管森林幽静，但与会各国交锋激烈，尤其是成为世界新盟主的美国和昔日霸主英国间的交锋。会议的举办地也体现了东道主的地位，美国凭借战后</t>
  </si>
  <si>
    <t>德国商业银行14.5亿美元了结指控</t>
  </si>
  <si>
    <t>德国商业银行近日同意向美国监管机构支付14.5亿美元，来了结有关该行涉嫌隐瞒与伊朗和苏丹等国进行交易的业务，以及与日本照相器材商奥林巴斯共谋进行大规模财务欺诈的刑事指控。    德国商业银行是德国第二大银行。美国司法部12日表示，德国商业银行承认并接受因其违反美?</t>
  </si>
  <si>
    <t>中国应依靠改革对冲经济增速下滑风险</t>
  </si>
  <si>
    <t>两会上中国政府工作报告将2015年经济增长目标下调至7%左右，引发各方关注，欧盟委员会经济与金融事务总司副司长鲁珀特·威利斯近日在接受《经济参考报》记者专访时表示，随着中国经济转型，消费升级，即使未来数年经济缓慢下降至6%左右，欧方认为都是合理、可以接受的，不会?</t>
  </si>
  <si>
    <t>原油价格跌幅近一成</t>
  </si>
  <si>
    <t>由于供过于求阴影未消，国际油价13日继续下跌。    当日，国际能源署（IEA）在最新一期月度报告中对原油供应持续过剩表达了更强烈的担忧，称美国仓储能力的捉襟见肘可能导致油价进一步下行，油价随后暴跌，主力原油合约报价场内交易中收低。    此外，最新公布的美国经济</t>
  </si>
  <si>
    <t>创新引领产业升级  九牧卫浴打造世界品牌</t>
  </si>
  <si>
    <t>春节长假后，一则“中国游客在日本疯抢马桶盖”的报道将“中国制造”推至风口浪尖，引发社会热议，此事件不仅引发了人们对中国制造和日本产品的思考，也使得一直沉默发展的智能马桶产业备受关注。    近日，国内卫浴品牌领导者九牧开展智能马桶“先用后买，免费试用”体验?</t>
  </si>
  <si>
    <t>消费者质疑众信旅游单方面变更合同内容</t>
  </si>
  <si>
    <t>购买了众信旅游卡，本以为可以和家人在元旦前往韩国度假，谁知却被旅行社告知行程有效期或将缩短，无奈提前订了去韩国的团；说好的5天4夜北京出发，却被要求提前一晚从北京前往天津赶第二天早晨的飞机，在天津机场坐了一晚将行程“坐成”5天5夜；本以为向北京市旅游委投诉能?</t>
  </si>
  <si>
    <t>全球货币宽松潮愈演愈烈</t>
  </si>
  <si>
    <t>韩国央行12日意外宣布，将基准利率下调至1.75%这一创纪录的水平。这是本月以来第三家采取降息措施的主要央行，使全球范围内的货币宽松竞赛再度升温。在全球经济复苏缓慢、通缩风险升温的背景下，预计宽松阵营在未来还将进一步壮大。    韩国央行委员会在当日的货币政策会议</t>
  </si>
  <si>
    <t>欧盟巨额投资计划今年有望启动</t>
  </si>
  <si>
    <t>据外媒报道，欧盟财长们10日批准了欧盟委员会主席容克提出的金额高达3150亿欧元的庞大投资计划的关键细节，这一计划有望和欧洲央行9日刚刚开始实施的欧洲量化宽松货币政策一起试图解决欧元区疲弱的经济复苏和面对的通缩压力。    欧盟委员会的投资计划，将通过新设立总额为</t>
  </si>
  <si>
    <t>美政府被曝用黑客手段破解苹果设备近10年</t>
  </si>
  <si>
    <t>据美国“截击”网站10日报道，美国前防务承包商雇员斯诺登提供的文件显示，近10年来，美国中央情报局一直在试图破解苹果iPhone手机和iPad平板电脑的安全系统，为此开发了一系列黑客程序。    报道说，这项“持续多年的”努力始于2006年，即苹果发布第一款iPhone手机的前一?</t>
  </si>
  <si>
    <t>瑞士钟表界对苹果加入竞争反应不一</t>
  </si>
  <si>
    <t>美国苹果公司10日宣布将于下月正式推出苹果智能手表，瑞士钟表业人士对此反应不一，有人惊呼“狼来了”，有人从容淡定，也有人从中看到重塑历史辉煌的机遇。    瑞士钟表业三大巨头之一的斯沃琪公司联合创始人伊马·莫克对媒体表示，苹果将很快成为世界第一大手表制造商，?</t>
  </si>
  <si>
    <t>打造创新高效世界级钢企</t>
  </si>
  <si>
    <t>在世界钢铁行业不景气的大背景下，日本钢铁企业近年来通过合并重组、开拓创新、节能减耗等措施，鼎力打造创新、低碳和高效的世界级钢铁企业，取得了不俗的业绩。    2012年10月，新日本制铁和住友金属工业合并，组成世界第二大钢企新日铁住金公司，并进行了大刀阔斧的整合?</t>
  </si>
  <si>
    <t>希腊改革方案技术性谈判启动</t>
  </si>
  <si>
    <t>希腊和其国际债权人11日开始在布鲁塞尔开展关于希腊改革方案的技术性对话，商定改革方案的具体条款和相关细节。此次对话对保障上月达成的延长救助期限的协议至关重要，将决定希腊能否顺利得到救助协议中的最后一笔贷款。    欧元集团主席戴塞尔布鲁姆9日在欧元区财长会议后</t>
  </si>
  <si>
    <t>苹果公司推介全新产品智能手表</t>
  </si>
  <si>
    <t>美国苹果公司9日在春季产品推介会上对市场期待已久的苹果手表进行推介。这款全新产品将于4月首先在美国和中国等9个国家和地区上市。业界普遍关注苹果手表能否像苹果公司其他颠覆性产品那样，推动目前发展迟缓的智能手表市场。    苹果公司去年9月份推出的苹果手表被视为戴?</t>
  </si>
  <si>
    <t>日本下修去年四季度经济增长率</t>
  </si>
  <si>
    <t>日本内阁府3月9日发布的GDP修正数据将此前公布的去年第四季度的经济增长率做了下调，主要原因是日本的企业投资不如人意，仍处于下降趋势中。    经济增长仍然乏力    经过修订后的2014年10月至12月的日本国内生产总值修正值，在剔除物价变动影响后实际同比增长0.4%，换算</t>
  </si>
  <si>
    <t>经济向好力挺美股长牛预期</t>
  </si>
  <si>
    <t>在连续冲高后，纽约股市终于稍作喘息。上周最后一个交易日，纽约股市三大股指齐跌，其中道琼斯指数暂别18000点。尽管美联储加息预期愈发强烈，对美股后市构成下行压力，但身处纽交所内，还是会令人感受到强烈的牛市氛围。    原摩根大通首席股票策略师、现美国市场研究公司</t>
  </si>
  <si>
    <t>优步在首尔暂停UberX叫车服务</t>
  </si>
  <si>
    <t>为避免遭到全面封杀，美国打车软件公司优步（Uber）日前宣布在首尔暂停低成本叫车服务UberX。优步希望与韩国交通管理机构达成妥协，以此换取打车软件的生存空间。    优步在一份声明中指出，该公司承诺继续与地方管理者以及出租车行业展开合作，期待“在各方努力下，给首尔</t>
  </si>
  <si>
    <t>欧元区将讨论希腊新改革清单</t>
  </si>
  <si>
    <t>据外媒报道，9日的欧元区财长会将讨论希腊近日提交的新的改革清单，但可能难以立即详审并通过提议的内容。希腊本月面临大批即将到期的债务，急需获得新的援助资金。分析认为，希腊递交改革清单希望重启援助谈判显示出其立场的松动，但要想早日获得急需的贷款，还需加快推进改</t>
  </si>
  <si>
    <t>矿业低迷会否刺激更多中国投资</t>
  </si>
  <si>
    <t>“我们愿意放低姿态，只要中国投资进来，矿山建成后，利润分成完全可以商量。”在一年一度的多伦多国际矿业大会召开之际，加拿大一家铁矿公司透露了这样的信号。正所谓“春江水暖鸭先知”，业内的需求和呼声将是矿业界未来发展的新风向标。    加拿大国际矿业大会日前在经?</t>
  </si>
  <si>
    <t>低碳发展成效明显  生产性服务业集聚</t>
  </si>
  <si>
    <t>《经济参考报》记者最新获悉，上海市莘庄工业区一手抓“四新”经济培育发展，一手抓先进制造业转型发展，其中低碳生产性服务业集聚区发展模式日渐清晰、产业集聚效应初步显现。截至目前，西区市政建设已完成总体规划的85%，已签约落户项目有法国液化空气、山崎马扎克等20个。</t>
  </si>
  <si>
    <t>欧元区经济呈微弱亮点</t>
  </si>
  <si>
    <t>欧洲央行（ECB)3月5日的会议宣布维持利率不变，并决定将从3月9日开始启动量化宽松政策（QE）。在欧洲央行公布QE细节前，欧元区的数据总体仍显疲弱，经济难言有实质性的改变，尤其是通缩没有改善迹象，但需要注意的是，小部分数据已经呈现出微弱亮点，而这些亮点能否持续，QE?</t>
  </si>
  <si>
    <t>瑞士银行保密制度或淡出历史</t>
  </si>
  <si>
    <t>近期曝出的汇丰银行协助客户逃税事件令全球金融界为之震惊。作为汇丰银行瑞士分行的所在国，瑞士的银行账户保密制度再度引发全球反思。随着全球反避税行动不断升级，瑞士的银行保密制度有可能退出历史舞台。    凭借严格的保密制度和极低的银行税率，瑞士银行的存款占全球?</t>
  </si>
  <si>
    <t>美元屡创新高  澳元仍有下行风险</t>
  </si>
  <si>
    <t>数据处理公司ADP本周公布的素有“小非农”之称的ADP就业报告显示，美国2月ADP就业增幅不及市场预期，且创下6个月以来的最低水平，这或为即将于周五公布的美国2月非农就业报告蒙上一层阴影。不过，美元似乎并没有受疲弱数据太大的影响，本周美元指数在经过了超过一个月的高位?</t>
  </si>
  <si>
    <t>澳大利亚四季度经济增速逊预期</t>
  </si>
  <si>
    <t>澳大利亚去年第四季度经济增速略逊于外界预期，显示出澳大利亚经济增长持续低于趋势水平。不少分析认为，澳大利亚央行仍需进一步降息以提振经济增长。    澳大利亚统计局3月4日公布的数据显示，澳大利亚国内生产总值（GDP）去年第四季度同比增长2.5%，环比增长0.5%，略低于</t>
  </si>
  <si>
    <t>欧元区通胀率连续三月萎缩</t>
  </si>
  <si>
    <t>欧盟统计局3月2日发布的数据显示，欧元区2月份通货膨胀率初值为-0.3%，为连续第三个月保持负值，但相比前一个月降幅有所减少，显示通胀水平正在好转。此外，当日发布的欧元区失业率创三年来新低，令整体经济状况改善的预期升温。不过，鉴于当前欧元区通胀率离2%的目标水平相?</t>
  </si>
  <si>
    <t>P2P行业监管细则应尽快落地</t>
  </si>
  <si>
    <t>2007年，我国第一家P2P网络借贷平台“拍拍贷”成立。此后，平台数量飞速增长。据统计，截至2014年10月31日，我国P2P网络借贷平台总数达到1474家。从行业规模来看，我国的P2P网络借贷总额已远超英国和美国。毫无疑问，这对解决中小企业融资难，发展普惠金融具有积极的意义。然</t>
  </si>
  <si>
    <t>希腊债务风波凸显欧洲病根未除</t>
  </si>
  <si>
    <t>近段时间，希腊债务问题再度令欧洲各界恐慌，新救助协议待敲定、债务违约风险难除，欧洲在艰难复苏道路上显示出失信、失效、失衡，与债务危机前并无根本改观。    希腊救助协议原定于今年2月底到期，欧元集团在临近期限前评估希腊提交的改革计划后同意将协议延长4个月，以?</t>
  </si>
  <si>
    <t>盖茨蝉联全球首富  王健林比肩索罗斯</t>
  </si>
  <si>
    <t>美国财经杂志《福布斯》3月2日公布了2015年全球富豪榜。59岁的微软创始人比尔·盖茨蝉联榜首，墨西哥电信大亨卡洛斯·斯利姆·埃卢和“股神”巴菲特分列二、三位。万达集团董事长王健林凭借242亿美元的身价，与“金融大鳄”索罗斯并列第29位，他同时击败了马云，成为中国内地</t>
  </si>
  <si>
    <t>谷歌计划在美提供无线网络服务</t>
  </si>
  <si>
    <t>据外媒报道，美国谷歌公司高层表示，将在美国布局无线网络服务，此举将有助于帮助谷歌提升在全球互联网接入领域的地位。    负责Chrome浏览器和安卓（Android）操作系统业务的谷歌高级副总裁桑达尔·皮查伊3月2日宣称，谷歌准备布局无线网络领域，并将在未来数月正式公布相</t>
  </si>
  <si>
    <t>纳指重回5000点  亚股未受提振</t>
  </si>
  <si>
    <t>3月2日，美国股市表现亮丽，纳斯达克综合指数自2000年3月以来首次站上5000点，道琼斯工业平均指数和标准普尔500种股票指数也分别创下年内第四次、第五次收盘新高。    不过，当期经济数据并不十分抢眼。其中，美国2月份ISM制造业PMI指数为52.9，不及预期的53，连续第四个月</t>
  </si>
  <si>
    <t>东盟欲降低非关税壁垒推进一体化</t>
  </si>
  <si>
    <t>东盟十国贸易部长3月1日呼吁进一步消除非关税壁垒以促进地区内贸易，推进东盟一体化建设。    2月28日，东盟十国的部长们在马来西亚东北部城市哥打巴鲁开始了为期两天的会议，就进一步加强东南亚国家经济大融合，于今年年底正式完成东盟经济一体化建设的具体措施进行了讨论</t>
  </si>
  <si>
    <t>中韩自贸协定或改写东亚政经格局</t>
  </si>
  <si>
    <t>在中国漫长的历史中，朝鲜半岛一直以来都是我们最亲密的邻邦之一。而在中国已完成和正在谈判的自贸协定中，中韩自贸协定的影响也最为深远，其结果很可能会改写东亚的政经格局。    之所以这样说，是因为未来经济的竞争，不仅仅只是一国经济的竞争，而是一个地区经济的竞争?</t>
  </si>
  <si>
    <t>加拿大国际矿业大会“渴求”中国投资</t>
  </si>
  <si>
    <t>第83届加拿大国际矿业大会3月1日在多伦多开幕。业内人士表示，目前国际矿业大环境不景气，矿产品价格和矿业融资低迷，业界热切期盼中国投资。    本届矿业大会为期4天，将吸引100多个国家和地区的2.5万多名代表参加。会场上多名资深业内人士向记者表示，因大宗商品价格不振</t>
  </si>
  <si>
    <t>国际油价止涨回跌  盘中下滑1%</t>
  </si>
  <si>
    <t>受中国制造业数据不及预期及利比亚增加原油产出等因素影响，国际油价在2月实现月度增长之后，于3月2日再度走低，盘中一度下滑约1%。    据路透社报道，3月2日开盘后，伦敦布伦特原油期货价格一度下跌52美分至每桶62.06美元，跌幅超过8%；纽约轻质原油期货价格一度下跌49美?</t>
  </si>
  <si>
    <t>印度将向基建领域投资百亿美元</t>
  </si>
  <si>
    <t>印度财长阿伦·贾伊特利2月28日在议会发布新财年预算案时表示，政府投资将在基础设施建设等领域发力，助推印度经济实现高速增长。贾伊特利称，“全世界都在预测这是印度经济‘起飞’的良机”。    重金砸向基建领域    这是印度莫迪政府上台后首份完整的预算报告。这份预</t>
  </si>
  <si>
    <t>谁让耶伦左右为难</t>
  </si>
  <si>
    <t>美联储主席耶伦正面临上任以来的最大政治压力。在日前美国国会就美联储半年度货币政策报告举行的听证会上，耶伦同时遭到左右两派议员的严厉拷问，民主党议员指责美联储对华尔街的监管不够严格，共和党议员呼吁对美联储的货币政策进行审计，双方都要求美联储进一步提高政策透?</t>
  </si>
  <si>
    <t>巴菲特:继任者必须冷静理智果断</t>
  </si>
  <si>
    <t>美国“股神”沃伦·巴菲特致股东的一封信2月28日在网上发布，他在信中回忆了旗下伯克希尔—哈撒韦公司投资50年来的成与败，向投资者提出建议，并点明接班人应有的素质。    巴菲特依旧没有揭开继任者谜底。他的老搭档、伯克希尔—哈撒韦公司董事会副主席查利·芒格说，新掌</t>
  </si>
  <si>
    <t>国际航空集团去年利润增长逾80%</t>
  </si>
  <si>
    <t>欧洲最大航空公司国际航空集团（IAG）近日发布年报显示，受成本下降和旗下公司转亏为盈等因素的影响，该集团2014年全年利润增长逾80%，同时将2015年盈利预期上调20%。    根据IAG2月27日公布的年报，该集团2014年运营利润达13.9亿欧元，高于此前预期的13.73亿欧元，比2013?</t>
  </si>
  <si>
    <t>互联网金融是实现普惠金融最佳选择</t>
  </si>
  <si>
    <t>根据世界银行2012年的统计数据，全球有27亿成年人得不到任何正规的金融服务。受到各方面因素的影响，有超过一半的成年人被排斥在正规金融服务门槛之外。普惠金融的发展能帮助更多的人享受到金融服务，而在我国，互联网金融的飞速发展也为普惠金融的发展提供了解决方案。</t>
  </si>
  <si>
    <t>从华盛顿到哥伦比亚</t>
  </si>
  <si>
    <t>华盛顿哥伦比亚特区是美国首都所在地的全称。外乡人简称它华盛顿或华府，本地人则说特区或DC。北京是直辖市，和各省平起平坐。但DC既非州又非市，只拥有州的大部分法律地位和权力，该算个准州。DC人口近七百万，却在国会里没有代表权。    和大多数国家的首都不同，DC是靠?</t>
  </si>
  <si>
    <t>耶伦“鸽派”表态不改美元整体涨势</t>
  </si>
  <si>
    <t>由于美联储主席耶伦本周三在美国参议院金融委员会的表态谨慎，美元指数持续调整。但我们依然认为耶伦的讲话利好美元，且美联储很有可能在6月份开始加息。    美元中线涨势未变    耶伦在参议院金融委员会作证时表示，改变前瞻指引不应该被解读为暗示货币政策委员会必将在</t>
  </si>
  <si>
    <t>德国政府如何保证住房市场公平和稳定</t>
  </si>
  <si>
    <t>二战之后，联邦德国一直以社会市场经济理念构建和维护其经济秩序。其要旨，是经济自由与社会公正及社会平衡相兼容。纵观德国有关住房领域的立法及政府的住房政策，都体现了这一特色。    保障国民基本居住需求的法律和政策，体现的是居住公平的理念。至于如何确定基本居住?</t>
  </si>
  <si>
    <t>耶伦微调前瞻指引为加息铺垫</t>
  </si>
  <si>
    <t>2月24日，美联储主席耶伦在美国参议院金融委员会上就半年货币政策报告作证词，并将美联储货币政策前瞻指引进行了微调。看似更为“中立”的调整意味着耶伦在为未来一段时间内美联储加息做好铺垫，同时保持货币政策灵活性，但具体加息时点仍未确定。    年内仍可能加息</t>
  </si>
  <si>
    <t>纠偏海外扫货需“中国制造”图新</t>
  </si>
  <si>
    <t>据报道，春节长假期间，中国游客“席卷”日本、新加坡、西班牙等地，部分游客在海外疯狂扫货，甚至舍近求远奔赴日本抢购马桶盖乃至使其“几乎处于断货状态”。    面对此种情景，不少网民诘问“中国制造”何以落败。有网民指出，“中国制造”必须要认识到，国民消费已不再?</t>
  </si>
  <si>
    <t>美股全年或再续牛市</t>
  </si>
  <si>
    <t>美国道琼斯工业平均指数和标准普尔500种股票指数24日收盘再创历史新高，纳斯达克综合指数实现十连阳，纽约股市近日“捷报”频频，华尔街分析人士认为美股今年将再续牛市。    市场人士认为，美联储主席耶伦24日在国会听证会的谈话直接推涨了当天股市。她说，美联储将根据美</t>
  </si>
  <si>
    <t>中国商品渗透日本人生活</t>
  </si>
  <si>
    <t>近年来，中国商品已经渗透到日本人生活的方方面面，如果在日本东京、大阪等大城市生活，谁也不能不与中国商品打交道，不能不使用中国商品。中国商品不仅大量进入日本的普通超市、百元店和小商场，还登上了日本高档百货店以及奢侈品专卖店，广受日本消费者欢迎。    在上世?</t>
  </si>
  <si>
    <t>温哥华微型公寓为何受青睐</t>
  </si>
  <si>
    <t>加拿大西部最大城市温哥华不但是个宜居城市，同时也是个房价奇高的城市。据统计，温哥华的房价仅比香港略低一些，在世界各大城市房价排行榜位居第二。不久前的权威机构发布数据显示，温哥华普通独立屋的平均售价每栋超过100万加元。    温哥华房价不但高企，而且在持续攀升</t>
  </si>
  <si>
    <t>欧盟将全面审查GE并购阿尔斯通案</t>
  </si>
  <si>
    <t>欧盟反垄断机构当地时间23日表示，将对美国通用电气集团（GE）并购法国阿尔斯通公司电力业务一案进行全面审查，原因是担心两家公司的并购交易有碍市场竞争。负责竞争事务的玛格丽特·维斯塔格称：“我们对这起并购案非常关注，不仅是因其有可能推升市场价格，而且还可能缩小?</t>
  </si>
  <si>
    <t>谷歌联合电信商力推移动支付服务</t>
  </si>
  <si>
    <t>谷歌公司23日宣布与美国三大电信运营商达成协议，将在安卓手机中预装“谷歌钱包”移动支付程序。谷歌推广“谷歌钱包”的举动大有在移动支付市场与苹果公司的“苹果支付”竞争之势。    谷歌当天在官方博客中说，它正与美国电话电报移动通信公司、美国移动电信公司和韦里孙?</t>
  </si>
  <si>
    <t>中国资本出海须先练好内功</t>
  </si>
  <si>
    <t>中国企业走出去，已经是国家的一项经济发展战略。对此，中国政府正在进行一系列的改革方便企业走出国门。比如，全面简化中国资本到海外投资的审批流程。从已公布的数据可以看到，2014年中国企业对外直接投资达到1000亿美元以上。其中不少投资进入了欧洲。值得注意的是，中国?</t>
  </si>
  <si>
    <t>意大利同瑞士签署税务信息交换协议</t>
  </si>
  <si>
    <t>意大利经济财政部长帕多安与瑞士财政部长伊夫琳·威德默—施伦普夫23日在米兰签署了两国税务信息双边交换协议。    意大利经济财政部发表声明称，几十年来由于银行实行客户隐私保护原则，这为逃税者隐匿钱款提供了可能。此次协议签署后，意大利当局将可以根据经济合作与发?</t>
  </si>
  <si>
    <t>推动结构改革仍是世界经济最大挑战</t>
  </si>
  <si>
    <t>国际货币基金组织(IMF)高级经济学家、经济学博士孙涛日前接受了《经济参考报》记者的专访。这位先后撰写《中国金融稳定评估报告》和《全球金融稳定报告》的经济学家表示，今年世界经济和金融市场波动性继续存在甚至会增大，主要经济体的宽松货币政策会导致各国货币竞争性贬值</t>
  </si>
  <si>
    <t>中科招商2015主攻战略新兴产业</t>
  </si>
  <si>
    <t>作为一家管理基金规模超600亿元、受托管基金过100支、管理投资项目300多个的大型投资机构，即将挂牌新三板的中科招商的一举一动都吸引着业内的关注。2015年春节前夕，刚从英国剑桥完成海外投资业务布局归来的中科招商董事长兼总裁单祥双接受了《经济参考报》的独家专访，他向</t>
  </si>
  <si>
    <t>中企海外投资羊年将乘势而上</t>
  </si>
  <si>
    <t>在日前举行的巴西-中国企业家委员会论坛上，多位与会者呼吁巴西政府应该抓住中国大规模海外投资的机遇期，在基础设施等领域出台刺激政策吸引中国投资。不仅如此，欧洲多国近年来都将吸引中国投资视为助力经济复苏的重要一环，在华推出一系列招商引资的优惠政策。机构普遍认为</t>
  </si>
  <si>
    <t>日本商家盯上中国游客的钱包</t>
  </si>
  <si>
    <t>据日本驻华使领馆提供的消息，今年1月日本给中国大陆共发放了25万份旅游签证，创同期最高纪录，预计今年春节中国访日游客将比上年大幅增长。    由于中国游客具有强大的购买力，向来喜好在国外购物消费，所以受到各国商家的欢迎。日本观光厅发表的统计数据显示，2014年，中</t>
  </si>
  <si>
    <t>货币竞相宽松恐难解经济之痛</t>
  </si>
  <si>
    <t>2月12日，瑞典央行下调关键利率至-0.1%，并推出100亿瑞典克朗的购债计划，希望借此摆脱通缩的恶性循环，这使得近两个月来全球陆续下调利率的货币宽松阵营再度扩大，然而各国货币竞相宽松恐难解经济切肤之痛。    从目前情况看，全球央行货币政策分化，发达国家这一趋势非常</t>
  </si>
  <si>
    <t>希腊减债谈判恐难一蹴而就</t>
  </si>
  <si>
    <t>近期，希腊和国际债权人未能就希腊修改紧缩和改革措施谈判达成一致意见。16日，欧元区各国财长将再次在比利时首都布鲁塞尔开会磋商，目前希腊和德国政府表态似乎使希腊债务问题显现转机，但要达成最终协议仍需多方博弈。    据报道，现有贷款救助希腊协议将于本月28日到期?</t>
  </si>
  <si>
    <t>经济数据弱于预期  美元回调走软</t>
  </si>
  <si>
    <t>美国近期的经济数据弱于预期，导致美元全面回调走软。有关乌克兰局势和希腊债务问题谈判取得进展，欧元受到提振，兑美元反弹至一周高位。    美国商务部公布，1月零售销售下降0.8%，远低于预期；美国1月核心零售销售仅小幅增长0.1%，也低于预期，反映消费者支出疲弱，暗示?</t>
  </si>
  <si>
    <t>油价连续两周收高</t>
  </si>
  <si>
    <t>诸多因素支持原油价格持续回弹。    13日的数据显示，当周美国原油钻井平台数目降至2011年8月来最低水平，由于此前油价已经因此急升，故油市对该数据的反应相对温和。政府数据显示，美国原油库存曾上升到约4.18亿桶的纪录高位。去年第四季度欧元区经济增长意外加速，德国经</t>
  </si>
  <si>
    <t>高端医疗器械国产化进程加速</t>
  </si>
  <si>
    <t>2014年以来，医疗器械国产化进程出现加速态势。记者近日采访获悉，一款自主研发的微创心脏瓣膜植入系统，有望在今年获得美国药监局和欧盟CE认证的临床审批，这将为日趋多元化、国际化的本土医疗器械注入一剂强心针。    小器械有望打破垄断格局    主动脉瓣狭窄和关闭不?</t>
  </si>
  <si>
    <t>美国向WTO投诉中国出口补贴</t>
  </si>
  <si>
    <t>美国贸易代表办公室11日宣布，美国已经就所谓中国“示范基地公共服务平台”出口补贴项目，提出和中国在世界贸易组织争端机制下进行磋商，美中贸易争端又被点燃。    美国贸易代表办公室当天发表声明说，中国似乎在通过示范基地公共服务平台为中国超过179个工业园内的纺织品</t>
  </si>
  <si>
    <t>复星集团9.39亿欧元收购地中海俱乐部</t>
  </si>
  <si>
    <t>法国监管机构11日宣布，中国民营企业复星集团成功收购了法国度假村集团地中海俱乐部公司，结束了这场法国迄今历时最长的收购战。    法国金融市场监管局（AMF）当日宣布，复星集团及其合伙人收购了地中海俱乐部92.8%的股份。根据这项去年12月修改的收购要约，复星集团的收?</t>
  </si>
  <si>
    <t>罗兰·贝格：把每个项目当成最后一个来做</t>
  </si>
  <si>
    <t>尽管已经70多岁，罗兰·贝格先生仍然佩戴着时下年轻人最时髦的运动手环，面对记者调侃他只会用非智能芬兰产手机时，罗兰·贝格会很认真地辩解说，“不，我还有苹果手机，还有iPad，因为携带不方便都放房间里了。”    即使退出了经营业务多年，他仍然关注并应用着最先进的?</t>
  </si>
  <si>
    <t>页岩油处困境需扶植  央企未来发展看混改</t>
  </si>
  <si>
    <t>油价暴跌页岩油受损    国内开发还需要扶植    据报道，美国的页岩革命导致美国能源供应发生革命性变化，能源的对外依存度大大降低。能源界普遍认为，近一年世界能源价格的大幅下挫，最主要原因之一是美国非常规能源的产能大幅提升。与此相适应，不仅在美国本土对页岩油?</t>
  </si>
  <si>
    <t>欧盟峰会的三大看点</t>
  </si>
  <si>
    <t>欧盟峰会12日在布鲁塞尔举行，希腊问题、乌克兰危机和反恐合作无疑是本次会议的讨论重点。    希腊激进左翼为何能在前不久的大选中获胜？是因为自希腊危机爆发以来,欧盟和国际货币基金组织承诺向希腊提供救助贷款，但同时又要求希腊实施一系列紧缩和改革措施作为发放贷款的</t>
  </si>
  <si>
    <t>政策利好刺激  珠海横琴一二手房升温</t>
  </si>
  <si>
    <t>粤港澳自贸区的利好消息放出后，横琴楼市开始走俏。记者注意到，去年底至目前，前来横琴新区看房的购房者数量成倍增长。    “我们的客户中，澳门购房者大约占八成，但近期本地和其他城市的购房者也多了，”上述华融琴海湾销售员表示，自贸区利好消息的放出，令楼盘近期来?</t>
  </si>
  <si>
    <t>TTIP谈判时间表或将继续推迟</t>
  </si>
  <si>
    <t>欧盟委员会10日公布了“跨大西洋贸易和投资伙伴关系协定”（TTIP）谈判的一份核心文件，介绍欧盟和美国在诸多关键产业的监管合作进展，由于各行业技术细节繁冗、关键行业的监管未被提及，谈判时间表预计将继续推迟。    当天欧盟在其网站公布了一份名为“监管合作提案”的?</t>
  </si>
  <si>
    <t>到法国投资别忽视三个细节</t>
  </si>
  <si>
    <t>在法国工作的这段时间里，我多次现场见证中法企业成功“联姻”的喜事，深感中国企业家投资法国的形式越来越丰富，行业越来越广泛，中法经贸交流的新一轮热潮方兴未艾。    日积月累，见得多了，自然就发现，中国企业家到法国投资，往往容易忽视三个重要的细节。这些细节说?</t>
  </si>
  <si>
    <t>委内瑞拉推出“边缘外汇系统”</t>
  </si>
  <si>
    <t>委内瑞拉政府10日宣布一系列外汇管制改革措施，并将正式推出新的外汇交易系统。    委内瑞拉财政部长托雷斯当天在新闻发布会上说，委内瑞拉将保持1美元兑6.3玻利瓦尔的官方汇率不变，以满足国内食品、药品等优先级别产品的进口和生产。同时，现有的1号外汇管理补充系统（1?</t>
  </si>
  <si>
    <t>苹果市值首超7000亿美元</t>
  </si>
  <si>
    <t>全球市值最高的公司美国苹果公司10日成为美国首家市值超过7000亿美元的公司。有分析指出，随着苹果加快拓展中国市场，以及今年4月Apple Watch即将推出，苹果未来将可能出现更好的业绩。    有关苹果智能手机iPhone和可穿戴设备Apple Watch的利好消息近期持续推动其股价上涨</t>
  </si>
  <si>
    <t>互联网孕育的教育革命</t>
  </si>
  <si>
    <t>1992年，当亚马逊卖出第一本书时，没有哪一家书店或出版商觉得是个威胁，更没人想到，书店会因此面临灾难。其实，互联网改变的岂止是图书出版业，大规模公开在线开放教育慕课（MOOC），自2012年从斯坦福大学、哈佛大学等美国高校出现以来，已在全球呈现星火燎原势头。国务院?</t>
  </si>
  <si>
    <t>高通案：反垄断与知识产权的博弈</t>
  </si>
  <si>
    <t>中国反垄断执法再次成为中外焦点。从国家发改委突击调查美国高通公司北京和上海办公室到10日公布处罚决定，这场战役历时15个月，以60.88亿元人民币罚款和高通停止违法行为、实施一揽子整改措施而落幕。    高通案涉及支配企业滥用知识产权，收取不公平高价专利许可费，要求</t>
  </si>
  <si>
    <t>对传统货币定义的颠覆</t>
  </si>
  <si>
    <t>欧洲稳定计划智库成员、英国牛津大学经济学博士菲利克斯·马汀通过他的著作《货币野史》，以全新视角揭秘了货币历史，并挖掘出货币的真谛——什么是货币、怎样产生的以及如何发挥作用。    马汀先讲述了雅浦岛的故事：该岛居民的货币是一种大石轮（费币），最大的特点是，?</t>
  </si>
  <si>
    <t>空的城与空的村</t>
  </si>
  <si>
    <t>作为一名在中国扎根十多年的西方记者，汤姆·米勒早就不再是一般意义上的“中国通”，他的文章资料翔实、文字亲切亦不乏见解。汤姆在中国的这十多年，见证了中国加入世贸组织（原关贸总协定）后又一轮高速增长期，同时也是城乡发展非对称性增长的时期。汤姆写作本书是基于“?</t>
  </si>
  <si>
    <t>微软和三星就专利纠纷达成和解</t>
  </si>
  <si>
    <t>韩国三星电子和美国微软公司9日表示，已经就微软控诉三星违反安卓操作系统专利授权协议的纠纷达成和解，但没有公布和解的具体内容。    微软去年8月份向美国纽约州联邦法院提起诉讼，控诉三星未能及时支付专利费用以及因延迟缴纳而产生的利息。纠纷中涉及安卓操作系统专利?</t>
  </si>
  <si>
    <t>美国页岩油企业“瘦身”度“寒冬”</t>
  </si>
  <si>
    <t>在国际油价持续大幅下跌半年多后，美国页岩油企业终于感受到了全球能源行业调整的阵阵寒意，近期掀起了一波削减资本预算和裁员的“瘦身”潮，努力降低运营成本和改善现金流，准备迎接一场旷日持久的能源业“寒冬”。业内人士认为，油价持续低迷将令美国页岩油投资和生产放缓?</t>
  </si>
  <si>
    <t>低调安邦的高调演讲：全球资产配置</t>
  </si>
  <si>
    <t>“如果十年是一个轮回，10年后的安邦将会完成它的第二个轮回。”一向低调的安邦集团因为最近的大笔收购成为了舆论的焦点，安邦保险集团股份有限公司董事长吴小晖选择了在美国哈佛大学高调演讲回应。他勾勒出的“安邦2.0”是一个在全球配置资产、在世界各大资本市场上市的金控</t>
  </si>
  <si>
    <t>澳大利亚反倾销风刮向中国企业</t>
  </si>
  <si>
    <t>去年底，澳大利亚政府新修反倾销反补贴法。澳大利亚数次修改反倾销法的目的，就是想利用反倾销形成贸易保护，使其国内企业更容易地获得保护，利用反倾销手段对付进口竞争。    作为澳大利亚最大的贸易伙伴，这次修改将给中国企业出口澳大利亚带来不利影响，中国涉案企业应?</t>
  </si>
  <si>
    <t>希腊公布反紧缩新经济政策</t>
  </si>
  <si>
    <t>希腊总理齐普拉斯8日在议会公布新政府的一系列经济政策，包括减税、提薪、再聘用等反紧缩措施。同时，齐普拉斯表示不寻求延长当前的国际救助计划，但将向国际债权人寻求过渡性贷款，以争取时间解决希腊的债务问题。有分析指出，此举将希腊推向了与欧洲其他国家完全对立的道路</t>
  </si>
  <si>
    <t>日企频退警示中国彩电业</t>
  </si>
  <si>
    <t>出于经营压力、行业前景等多种原因，一些日本电子企业正在或筹划退出彩电生产。    日前，松下中国正式发布了关于山东松下电子信息有限公司事业终结的通知。通知显示，自2015年1月30日起，这家由松下电器（中国）有限公司以及济南高新控股集团有限公司等3家公司出资设立的?</t>
  </si>
  <si>
    <t>汇丰承认曾协助客户避税</t>
  </si>
  <si>
    <t>英国汇丰控股8日承认其瑞士分支在处理客户税务方面存在失误。之前据媒体报道称，机密文件显示，汇丰银行瑞士分支曾帮助富有的客户避税和隐藏数亿美元的财富。    长达数千页的机密银行文件显示，汇丰瑞士分支曾协助200多个国家的富有客户避税，这些客户账户中总共存放了约1</t>
  </si>
  <si>
    <t>P2P应与传统金融相融合</t>
  </si>
  <si>
    <t>据外媒报道，法国兴业银行和高盛等多家老牌金融机构正商讨资助P2P融资平台Aztec Money，探索打破传统融资模式。去年，英国桑坦德银行宣布和英国最大的P2P平台之一FundingCircle建立合作关系。在美国，P2P平台主要投资者包括大银行和其他领先金融服务公司。这些情况表明，传统</t>
  </si>
  <si>
    <t>澳总理信任投票“过关”  将全力提振经济</t>
  </si>
  <si>
    <t>现任澳大利亚自由党党首、联邦总理阿博特在9日上午举行的党内投票中顺利过关，保住总理一职，澳大利亚从而避免了8年内迎来6个总理的尴尬。但阿博特的当务之急仍是改善经济不振局面。    据报道，自由党是澳大利亚执政的主要政党，党团大会原定10日举行，表决一份所谓的“换</t>
  </si>
  <si>
    <t>中国可淡定面对希腊变局</t>
  </si>
  <si>
    <t>希腊左翼政府上台后，围绕着债务问题，希腊和欧盟陷入了新的对决。中国企业也连带“躺枪”——1月27日，希腊新政府叫停了该国最大港口比雷埃夫斯港口的私有化计划，一些外电报道说，“中国人有被赶出比雷埃夫斯港”的可能。    按照此前与国际社会达成的协议，希腊将出售比</t>
  </si>
  <si>
    <t>“突袭式解散”突袭职工权益</t>
  </si>
  <si>
    <t>报载，2月5日下午，知名钟表企业日本西铁城集团在华重要生产基地——西铁城精密（广州）有限公司清算解散，并突然通知和全体员工解除劳动合同。该公司工会主席称“什么都不知道”。对“突袭”式解散，西铁城方面称“事先通知会影响工人情绪和生产”。广州市花都区人社部门已?</t>
  </si>
  <si>
    <t>G20会议聚焦全球经济下行风险</t>
  </si>
  <si>
    <t>二十国集团（G20）财长和央行行长会议2月9日和10日将在土耳其伊斯坦布尔举行。在各国经济增势和货币政策持续分化之际，如何为全球经济增长注入新动能成为一个艰巨问题。    聚焦多重下行风险    开年以来，希腊退欧风险重燃为欧洲经济增长前景蒙上阴影，低油价持续加大通</t>
  </si>
  <si>
    <t>中国探索构建“全球能源互联网”</t>
  </si>
  <si>
    <t>近日，全球最大的公用事业企业中国国家电网公司提出一项旨在促进全球清洁能源大规模开发利用的“全球能源互联网”计划，并将于2015年迈出建设第一步。    国家电网表示，将借加快与哈萨克斯坦、俄罗斯、蒙古国、巴基斯坦等“一带一路”沿线国家的特高压工程建设，努力为构?</t>
  </si>
  <si>
    <t>日本严打医药业潜规则</t>
  </si>
  <si>
    <t>由于日本严格限制处方药、特别是治疗癌症等肿瘤的药品在媒体上做广告，所以在大众传媒上很少看到处方类药品广告，为此，日本许多医药生产厂商纷纷通过资助科研活动以及聘请医学界各领域的权威人士讲演、授课、举办相关讲座等方式来宣传自家产品，提高有关群体对其认知度，达?</t>
  </si>
  <si>
    <t>阿里遭集体讼诉恐陷做空危机</t>
  </si>
  <si>
    <t>截至2月8日，已陆续有至少7家中美法务机构对阿里巴巴提出集体诉讼，这致使阿里股价近期持续低迷。    截至美国时间2月6日收盘，阿里股价报收每股85.68美元，较前一交易日下跌1.52%；而和1月28日每股100.30美元价格相比，短短8个交易日阿里股价已累计跌幅超过14%。对此，有?</t>
  </si>
  <si>
    <t>标普下调评级  希腊压力再增</t>
  </si>
  <si>
    <t>国际信用评级机构标准普尔6日把希腊主权信用评级下调一级至B－，令苦于新救助协议谈判的希腊政府再添压力。就下调希腊主权信用评级，标准普尔说：“希腊银行和经济承受的流动性压力令新政府可用于达成（新救助）融资方案的时间减少……与官方债权人磋商时间的延长将进一步施?</t>
  </si>
  <si>
    <t>供应放缓导致油价持续上涨</t>
  </si>
  <si>
    <t>由于投资者预期原油企业削减开发投资将导致原油供应增速减缓，国际油价当周有4个交易日大幅上涨。纽约油价和布伦特油价本周分别上涨7.15%和9.08%。受美国就业市场数据强劲等因素影响，纽约金价当周跌幅为3.49%。    美国油田技术服务公司贝克休斯6日发布的数据显示，过去9?</t>
  </si>
  <si>
    <t>赖小民：大资管时代的大管家</t>
  </si>
  <si>
    <t>北京西长安街北侧，金融街，一块大约1平方公里的土地上，聚集了众多国内外大型金融机构和一行三会等国家金融监管部门。据称，这里是中国单位面积资金流动额最高、高端服务产业最集中、金融资源配置权最大的所在地。    就在这条寸土寸金、高楼林立的街道上，一幢灰色高层写</t>
  </si>
  <si>
    <t>全球化经济重构大国关系</t>
  </si>
  <si>
    <t>去年以来，中美关系总体保持对话发展势头，并取得新的重要进展，凸显出新定位、新起点。中美两国领导人习近平与奥巴马在加州举行庄园会晤以及聚首北京的AIPAC会议，无不给中美关系的未来定下基调。国家主席习近平“凡是有利于为两国关系注入正能量的，都要做‘加法’；反之，</t>
  </si>
  <si>
    <t>全球发力再宽松  激发货币竞贬</t>
  </si>
  <si>
    <t>迈入新年仅一月有余，全球多家央行相继开启货币宽松模式，印度、瑞士、加拿大、新加坡等10多个央行实施降息和其他宽松政策，欧洲央行更是启动了全面量化宽松（QE）。在当前全球经济复苏前景不明、各国通缩风险日益升温之际，未来将有更多央行加入宽松阵营，全球货币大战一触?</t>
  </si>
  <si>
    <t>美联储是否加息仍存明显分歧</t>
  </si>
  <si>
    <t>美联储1月议息会议之后，尽管美国公布的一系列数据尚属平稳，但关于美联储今年加息问题的争议并未结束。从媒体报道看，鹰鸽两派对今年是否需要加息看法存在明显差异。    鹰鸽相持    加息派的克利夫兰联储主席梅斯特较为激进，他明确表示，美联储应在短期内加息。梅斯特</t>
  </si>
  <si>
    <t>中国信保发布2014年四季度ERI指数</t>
  </si>
  <si>
    <t>2014年四季度全球经济复苏持续分化。发达经济体中，欧元区和日本经济形势依然低迷。欧元区经济受制于高失业率、高债务率及通货紧缩压力，结构性改革推进缓慢，四季度经济数据喜忧参半，整体复苏力度疲软。日本经济在经历了三季度的意外萎缩后，四季度料将恢复正增长，但从目?</t>
  </si>
  <si>
    <t>加拿大龙虾发力中国年货市场</t>
  </si>
  <si>
    <t>“过去三年，我们销往中国的鲜活龙虾约翻了4倍，今年我们约有350吨鲜活和冷冻龙虾销往中国。”加拿大爱德华王子岛省的知名水产公司皇家之星食品公司总经理莫里西说，他们越来越重视中国市场了。    莫里西曾到中国大连和广州参加过两次水产交易会，他对中国的市场前景相当?</t>
  </si>
  <si>
    <t>TPP谈判今年能否收官</t>
  </si>
  <si>
    <t>过去几年，美国政府曾多次承诺要在年内完成《跨太平洋战略经济伙伴协定》（TPP）谈判，但最后却发现现实比梦想要“骨感”得多。    美国贸易代表迈克尔·弗罗曼日前在美国国会就2015年贸易政策议程作证时再次表示，美国政府致力于今年完成TPP谈判。观察人士认为，在历时五?</t>
  </si>
  <si>
    <t>美国国会共和党再提“审计美联储”</t>
  </si>
  <si>
    <t>据外媒报道，美联储正在面对金融危机以来的最大政治压力，共和党人指责其货币政策缺乏透明度，因此认为需要进行外部审计。    控制着国会参众两院的共和党试图推动一项法律，将美联储制定利率政策和量化宽松政策的过程纳入正式审计。据报道，美联储主席耶伦本月很可能将面?</t>
  </si>
  <si>
    <t>澳大利亚央行降息  澳元创新低</t>
  </si>
  <si>
    <t>澳大利亚联邦储备委员会（央行）3日宣布将基准利率下调25个基点至2.25%，澳元对美元的比价之后降至2009年5月以来低点。    这是澳大利亚央行自2013年8月以来首次降息，也达到1968年以来的基准利率最低点。澳大利亚央行行长史蒂文斯在一份简短的声明中指出，本次降息将有助?</t>
  </si>
  <si>
    <t>高铁出海宜稳健行驶</t>
  </si>
  <si>
    <t>高铁走出去要注意什么？由于墨西哥政府宣布无限期搁置其墨西哥城-克雷塔罗高铁项目招标，本来志在必得的中铁建再次被闪了一次腰，这个问题再次凸显。    高铁堪称中国制造业、建筑工程、交通运输三大产业共同锻造的一张耀眼“名片”，由于能够最充分地显示中国经济融制造业</t>
  </si>
  <si>
    <t>劳动合同未达共识  美国石油工人大罢工</t>
  </si>
  <si>
    <t>因当前合同到期且未达成新协议，美国钢铁工人联合会（USW）于2月1日发起30多年来最大规模的全国性罢工活动，涉及多地工厂的数千名石油工人。    据美联社报道，美国钢铁工人联合会自1月21日起与以壳牌石油公司为代表的炼油厂展开关于全国石油工程项目的谈判，但未能就新劳?</t>
  </si>
  <si>
    <t>奥巴马增支预算或重燃两党冲突</t>
  </si>
  <si>
    <t>过去一年，美国围绕预算问题的争斗相对平静。不过，随着美国总统奥巴马于当地时间2月2日公布美国2016年新预算，民主共和两党围绕预算案的分歧或又将再次进入公众视线。    计划推出税收改革    2月1日，白宫表示，这份预算案将包括一项为期六年的建设和提升道路、桥梁和?</t>
  </si>
  <si>
    <t>三大因素推动日本海外企业回流</t>
  </si>
  <si>
    <t>海外劳动人事费用大幅上涨、日元大幅贬值以及政府出台振兴地方经济政策三大因素促使许多日本海外投资企业决定将部分生产基地回迁国内。松下电器、夏普、TDK、佳能、大金、无印良品等日本公司已经或正在考虑将海外的部分工厂撤回国内。如果海外人工费用继续上涨、日元长期疲软</t>
  </si>
  <si>
    <t>美司法部调查穆迪抵押贷款评级业务</t>
  </si>
  <si>
    <t>据外媒2月1日报道，美国司法部正在调查评级机构穆迪是否在金融危机前对抵押贷款业务作出不实评级。    美国《华尔街日报》1日援引知情人士的话称，美国司法部正在调查穆迪是否在金融危机前对部分抵押贷款业务作出不实评级。司法部正在调查该公司是否在进行评级时放宽了标准</t>
  </si>
  <si>
    <t>希腊新政府开启寻援之旅</t>
  </si>
  <si>
    <t>在送走欧元集团主席戴塞尔布卢姆后，希腊新总理齐普拉斯和财长瓦鲁法基斯本周将分赴欧洲多国，为即将被迫叫停的救助方案寻求声援。按瓦鲁法基斯的话说，希腊需要为本国财政打开“呼吸的空间”。    对救助方案说不    上月25日举行的希腊议会选举中，激进左翼联盟党获胜?</t>
  </si>
  <si>
    <t>海外项目遭遇“逆风”心别慌</t>
  </si>
  <si>
    <t>墨西哥财政和公共信贷部1月30日发布公告，宣布无限期搁置由中铁建参与竞标的墨西哥城至克雷塔罗高铁项目。此消息引爆中国网络舆论，在不少人看来，中国人志在必得的项目泡汤了，煮熟的鸭子飞了。    一周来，这种事儿不止一出。先是墨西哥环保部门以环保不达标为由，叫停中</t>
  </si>
  <si>
    <t>南京正大天晴20亿建一流医药产业园</t>
  </si>
  <si>
    <t>南京正大天晴制药有限公司为了满足日益增长的医药订单需求，自2013年5月全面启动医药产业园建设，计划总投入逾20亿元，包含研发、生产、物流、物流、行政办公及配套生活中心。    据悉，南京正大天晴公司由泰国正大集团、江苏省农垦集团、正大天晴药业集团、南京金康等四家</t>
  </si>
  <si>
    <t>民营公司首推个人征信服务  信息安全备受关注</t>
  </si>
  <si>
    <t>与美国广泛使用的FICO信用评分类似，中国人也将拥有属于自己的个人信用评分——根据个人在互联网上和现实生活中的行为记录得出分值，试图成为身份证之外的另一张“社会通行证”，未来可以在租车、贷款、交友等方面使用。    28日，蚂蚁金融服务集团旗下的芝麻信用管理有限?</t>
  </si>
  <si>
    <t>“正向供给冲击”为新常态开局带来机遇</t>
  </si>
  <si>
    <t>2014年第4季度，全球经济运行出现明显分化，美国经济率先进入快速发展阶段。国际大宗商品市场的价格波动也日趋复杂，国际原油、铁矿石和其他非农大宗商品的价格急速走低，世界迎来了20年来最为难得“正向供应冲击”。随着经济结构调整的不断深入和各项改革的有序起步，中国经</t>
  </si>
  <si>
    <t>英国2015年经济料将企稳</t>
  </si>
  <si>
    <t>英国国家统计局27日的数据显示，2014年全年英国经济增长2.6%，增速创下2007年以来的新高，但第四季度经济增速明显放缓。分析认为，英国经济目前面临5月大选和国际经济形势带来的不确定性等风险因素，但油价和借贷成本维持低位将继续有助提振经济，英国2015年经济增速料将维持</t>
  </si>
  <si>
    <t>新加坡货币政策放宽重挫本币汇率</t>
  </si>
  <si>
    <t>因新加坡金融管理局（MAS）28日意外宣布将放宽货币政策，以应对油价下跌对经济增长和通胀水平造成的冲击，新加坡元当日重挫至四年半以来新低。新加坡金融管理局28日在非常规日程的会议上宣布，因本币名义有效汇率在近三个月里呈现不断升值的趋势，未来将在维持汇率波动区间宽</t>
  </si>
  <si>
    <t>住宅过剩成日本政府“烦心事”</t>
  </si>
  <si>
    <t>东邻日本的地方政府正因住宅过剩而挠心。随着新建住宅增加、人口下降和老龄化加剧，日本许多城市都出现了住宅过剩问题，成为地方政府的“烦心事”。    日本总务省日前发布的《住宅和土地统计调查》结果显示，截至2013年底，日本全国共有5240多万个家庭，住宅总数约为6063?</t>
  </si>
  <si>
    <t>美国中产阶级衰落为哪般</t>
  </si>
  <si>
    <t>美国总统奥巴马日前发表国情咨文演讲，首次旗帜鲜明地提出“中产阶级经济学”的执政理念和一揽子扶持中产阶级的新政策建议，凸显中产阶级萎缩和贫富差距扩大已成为当前美国经济和奥巴马政府面临的重大挑战。随着一年后美国将步入2016年总统大选的政治周期，民主、共和两党也?</t>
  </si>
  <si>
    <t>边界之外是见识</t>
  </si>
  <si>
    <t>作为中欧国际工商学院兼职教授，站上讲台就“进入状态”的李善友颇谙授课之道，讲座中，他锦言妙语层出，将国内外经典案例穿插其中，让听者一不留神就着了“道”，沿着他的思路一路狂奔。李善友在其新作《颠覆式创新：移动互联网时代的生存法则》中，依然延续了讲课风格，文?</t>
  </si>
  <si>
    <t>强势美元缘何如此任性</t>
  </si>
  <si>
    <t>美国联邦储备委员会本周举行年内首次货币政策会议。此前加拿大、瑞士、印度、埃及、丹麦等国央行纷纷降息，欧洲央行也推出总额高达1万亿欧元的“量化宽松”计划，汇市上美元对主要货币屡创新高。作为这场对手戏的另一方，美联储将决定未来一段时间内强势美元到底有多强，一骑</t>
  </si>
  <si>
    <t>城市发展的迷茫与反思</t>
  </si>
  <si>
    <t>美国萨福克大学历史系副教授的薛涌，发表过不少著述，“城市发展”更像是他新开辟的另一个叙事领地。在新书《城市的迷惘》里，他的观察和分析节奏恰如其分，语言绵密有致，文体与内容相得益彰。    在大量涌现的“城市发展”和“城市未来”各类著述中，《城市的迷惘》不算?</t>
  </si>
  <si>
    <t>从触不可及到款款而来</t>
  </si>
  <si>
    <t>提到私人银行，人们会首先想到以瑞银集团为代表的瑞士银行业——面向“高净资产客户”而开设的专门银行服务。近年来，我国国有商业银行和股份制商业银行也纷纷推出私人银行服务，填补了这方面的市场空白。但是，我国银行企业发展的私人银行业务，整体水平还不高，专业人才紧?</t>
  </si>
  <si>
    <t>希腊大选加剧欧元区经济不确定性</t>
  </si>
  <si>
    <t>25日的希腊选举中，极左翼Syriza获得大胜，预计将与右翼党派“独立希腊人党”组建联合政府。希腊政府的更迭将使欧元区面对更多挑战。    在希腊前政府时期，希腊与欧盟、国际货币基金组织和欧洲央行这三驾马车达成了协议，获得国际援助，并帮助希腊走出债务危机。如果新政?</t>
  </si>
  <si>
    <t>货币超宽松为欧洲带来喘息时间</t>
  </si>
  <si>
    <t>欧版“量化宽松”旨在驱逐通缩幽灵，通过在欧元区内营造更为宽松的货币环境，让深陷困境的欧洲经济获得喘息之机。    在经历5年之久的犹豫后，欧洲央行终于出台了被称为扩大版资产购买计划的“量化宽松”措施。从欧洲经济发展态势和政治博弈的角度观察，欧版“量化宽松”已</t>
  </si>
  <si>
    <t>美首个合法比特币交易所将运营</t>
  </si>
  <si>
    <t>据外媒25日报道，比特币交易处理商Coinbase公司将开始运营美国首家得到多个州监管机构批准的比特币交易所。这意味着比特币的合法性正在得到加强，但比特币交易依然面临安全性和稳定性等众多挑战。    美国媒体报道称，Coinbase公司的交易所将在已获得监管机构批准的20多个?</t>
  </si>
  <si>
    <t>欧版QE对中国经济冲击几何</t>
  </si>
  <si>
    <t>欧洲央行行长德拉吉上周宣布欧元区实施超过一万亿规模的资产购买计划，以应对区域内持续的通缩压力并促进经济复苏。欧洲央行QE对中国经济的影响正负兼有，总体来说影响有限。    欧元区QE正式启动，且在购债规模和混合制结构方式上超出预期，利好新兴市场。若购债持续至201</t>
  </si>
  <si>
    <t>中国将开始人均量追赶的新长征</t>
  </si>
  <si>
    <t>中国经济50人论坛、新浪财经和清华经管学院联合举办的新浪·长安讲坛第267期日前召开。论坛成员、清华大学公共管理学院教授、清华大学国情研究院院长胡鞍钢发表了题为“中国现代化之路”的主题演讲。胡鞍钢表示，任何一个现代化的后来者，都不是简单地对西方现代化道路拷贝、</t>
  </si>
  <si>
    <t>货币周期大分化触发金融错配风险</t>
  </si>
  <si>
    <t>随着欧洲央行推出欧版QE,全球正在掀起新一轮降息和货币宽松潮。降息或量化宽松非但解决不了全球普遍通缩和增长乏力问题，一旦美国启动加息进程，全球货币周期大分化将进一步触发全球新的金融错配风险。    2008年金融危机爆发后，全球主要央行无一例外开始推行大规模宽松货</t>
  </si>
  <si>
    <t>加拿大央行降息的连锁反应</t>
  </si>
  <si>
    <t>加拿大央行21日将基准利率由此前的1%降至0.75%，这是4年多来首次降息，背后的直接原因是为油价打压经济开出一张“药方”。    央行此举令市场有点措手不及。股市大涨，加元“躺枪”，“几家欢喜几家愁！”而此前关于加拿大央行可能于2015年年中加息的预期则顿时消弭。</t>
  </si>
  <si>
    <t>签约鲁迈拉:中石油管道局迈向高端市场</t>
  </si>
  <si>
    <t>1月20日，伊拉克BGC公司与中石油管道局（CPP）签订鲁迈拉管道完整性管理项目，BGC负责人表示要通过与CPP的共同努力，顺利完成该项目，为伊拉克南方天然利用项目的实施奠定基础。    据管道局副总工程师、中东地区公司总经理薛枫介绍，完整性管理项目不同于传统的EPCC（设计</t>
  </si>
  <si>
    <t>达沃斯推导全球经济新棋局</t>
  </si>
  <si>
    <t>2015年开年以来，全球经济形势复杂，油价继续暴跌，欧元区通缩风险日益加大，各国增长形势分化明显，金融市场担忧情绪持续蔓延。在此背景下，来自140多个国家和地区的2500名各界人士齐聚瑞士东部小镇达沃斯，出席2015年的世界经济论坛年会，力求就全球经济形势达成更多共识，</t>
  </si>
  <si>
    <t>国情咨文：奥巴马三提中国的“潜台词”</t>
  </si>
  <si>
    <t>国情咨文，是美国总统一年一次的述职报告。在最近几年的国情咨文中，中国或多或少会出现几次。从出现的频率、提及的内容，亦可管窥中美关系的发展变化，尤其是美国总统对中国态度的变化。    在1月21日奥巴马的第六次国情咨文中，他三次提到了中国。    第一次，奥巴马说</t>
  </si>
  <si>
    <t>美国经济已走出金融危机阴影</t>
  </si>
  <si>
    <t>美国总统奥巴马于当地时间20日晚在国会发表国情咨文演说。奥巴马在讲话中对美国经济复苏做出了积极的评价，称金融危机的影响已经结束。他承诺未来将采取惠及所有美国人民的经济政策，继续重点推动包括税制改革在内的多项政策及法案，缩小国内贫富差距，优化资源配置。此外，?</t>
  </si>
  <si>
    <t>加拿大楼市今年怎么走</t>
  </si>
  <si>
    <t>加拿大央行最近发布的2014年下半年金融系统评估报告指出，加拿大的房价被高估了30%之多，而家庭负债高企和房价高估，是当前加拿大经济面临的两大风险。今年油价持续走低，对加拿大经济造成冲击，当地楼市能否降温？    加拿大房价过去曾多次被一些金融公司和权威机构预测高</t>
  </si>
  <si>
    <t>达沃斯：用“新”字诀解读世界</t>
  </si>
  <si>
    <t>又到了达沃斯时间。每年这个时候，有关全球经济发展的大趋势、大策略以及大反思，都会从这座瑞士小城传播到世界各个角落。今年，世界经济论坛将冬季年会主题定为“全球新局势”，试图继续启发并指引全球政策制定者、商业决策者、市场投资者应对新挑战。    粗算起来，今年?</t>
  </si>
  <si>
    <t>中国改革新乐章回响瑞士雪镇</t>
  </si>
  <si>
    <t>中国经济增幅降至7.4%，三十年改革奏鸣曲下的高增长神话似乎有终结苗头。但在达沃斯年会上，与会各方嘉宾并不担忧暂时的增速回落，将注意力转向了中国新一轮改革的乐章上，对如何参与“合奏”兴趣甚高。    数十年来，中国在多数海外经济学家眼中都是全球经济最强有力的发?</t>
  </si>
  <si>
    <t>恐怖袭击让法国经济付出代价</t>
  </si>
  <si>
    <t>日前在法国巴黎发生的两起恐怖袭击震惊世界。血案一方面为整个欧洲敲响警钟，推动各国构建联合反恐的大网，另一方面也深刻影响法国的政治格局和经济走向。对于法国来说，本轮恐怖袭击浪潮的“经济账”值得算一算。    至今为止，法国官方尚未公布恐怖袭击给法国经济造成的?</t>
  </si>
  <si>
    <t>上交所总经理：将扩大沪港通投资额度</t>
  </si>
  <si>
    <t>鉴于沪港通开通两月来成功建立起两地股市互联互通的桥梁，上海证券交易所总经理黄红元1月20日在出席亚洲金融论坛时表示，未来将考虑扩大沪港通投资额度，并研究将沪港通投资范围扩大至债券及交易所买卖基金(ETF)等。    黄红元同时强调，上证所正在与港交所研究如何继续优?</t>
  </si>
  <si>
    <t>力拓2014年铁矿石发运量首超3亿吨</t>
  </si>
  <si>
    <t>全球第二大铁矿石生产商、澳大利亚力拓矿业集团20日表示，该公司2014年全年铁矿石发运量首次超过3亿吨，2015年还将进一步扩大产出。分析称，这或将加剧铁矿石行业产能过剩的局面，令铁矿石价格继续承压。    力拓当日公布的报告显示，2014年10月至12月，力拓铁矿石总产量为</t>
  </si>
  <si>
    <t>Uber计划今年在欧洲创造五万就业岗位</t>
  </si>
  <si>
    <t>美国租车服务公司Uber近日表示，2015年将在欧洲快速扩展业务，并在欧洲多个城市创造近50000个就业岗位。    Uber首席执行官特拉维斯·卡拉尼克18日在德国慕尼黑的数字生活设计（DLD）大会上表示，Uber将致力于与欧洲城市建立新的合作伙伴关系，以促进创新、增加经济效益和?</t>
  </si>
  <si>
    <t>奥巴马欲对富人增税补贴中产阶级</t>
  </si>
  <si>
    <t>据外媒报道，美国总统奥巴马欲借助发表国情咨文的机会提出针对富裕阶层的增税计划，在未来10年筹措3200亿美元资金补贴中产阶级。但这一计划受到国会共和党人的批评，料将点燃民主与共和两党在税务改革方面的争论。    欲“劫富济贫”    奥巴马将于当地时间20日晚间在首?</t>
  </si>
  <si>
    <t>肖钢:五大因素羁绊亚洲财富管理</t>
  </si>
  <si>
    <t>中国证监会主席肖钢1月19日在香港“亚洲金融论坛”上发表“亚洲财富管理”主题演讲时指出,在过去数十年里，亚洲大量的外汇储备和储蓄资金流至欧美金融市场，而亚洲地区经济发展，特别是基础设施建设和中小企业成长的融资需求难以得到满足。目前，亚洲具有强烈的财富管理需求?</t>
  </si>
  <si>
    <t>石油美元体系塌陷恐引发全球风险</t>
  </si>
  <si>
    <t>全球大宗商品超级周期正趋于结束，这将改变整个全球资本格局。近一段时期以来，全球大宗商品市场和国际金融市场开启了“高风险模式”，国际油价已跌至55美元/桶附近，较2014年6月高位跌48%。受此影响，欧佩克（OPEC）石油收入将锐减3160亿美元。国际油价长期维持低位，流入全</t>
  </si>
  <si>
    <t>南澳小市市长的大计划</t>
  </si>
  <si>
    <t>昂卡帕林加市位于南澳大利亚州首府阿德莱德市郊区，以中国标准衡量，这是一个小城市，只有16.6万人口。不过，市长洛兰·罗森伯格女士并没有看轻这座小城，她的心中藏有一个大大的梦想，她想把昂卡帕林加市变成一个高技术企业集中、商业发达、时尚又宜居的社区。    罗森伯?</t>
  </si>
  <si>
    <t>外资看好日本地产市场</t>
  </si>
  <si>
    <t>随着日本房地产价格的触底以及日元汇率的大幅贬值，日本房地产投资价值显现，引起了包括中国在内的国际投资机构以及个人的青睐。2014年年初以来，外国资本开始大举进军日本房地产市场，投资额巨幅增加。    日本瑞穗信托银行数据显示，2014年，外国投资者掀起了“购买日本?</t>
  </si>
  <si>
    <t>美联储2015年加息概率较低</t>
  </si>
  <si>
    <t>美国劳工部上周公布的一系列数据喜忧并存，其中一些重要数据显示出油价暴跌正在抑制美国通胀水平。这使得市场关注的美联储加息问题再次显得扑朔迷离。笔者认为，美国经济复苏节奏稳健，但还存在许多问题。如果较早加息，除去对世界经济带来的影响外，对美国自身也会造成一定?</t>
  </si>
  <si>
    <t>油价反弹  金价续涨</t>
  </si>
  <si>
    <t>本周（1月12日-1月16日）大宗商品市场上，黄金和原油价格均以上涨报收。    国际能源署(IEA)16日发布月度报告称，油价暴跌可能会令非欧佩克(OPEC)成员国今年的供应量增长减速。报告中，国际能源署将非欧佩克成员国今年的原油供应量增长预期下调了35万桶/日，并预计欧佩克产</t>
  </si>
  <si>
    <t>年中国际油价或止跌回升</t>
  </si>
  <si>
    <t>这一轮油价下跌的底部在哪里？分析人士曾从不同角度预判了最低价位。但是，无论是力图从新的供需平衡点寻求解释，或是力图从产油国及美国页岩油成本的财政平衡价位获得支持，其结果，无不被一次又一次更低的价位打破。    其实，从供求关系看，全球石油供应仍然相对平衡。?</t>
  </si>
  <si>
    <t>中药饮片国际化：东盟市场能否率先突破</t>
  </si>
  <si>
    <t>“我们非常看好玉林的地理位置和中药产业优势，玉林产业园将成为康美药业走向国际化的重要标志。”康美药业（股票代码：600518）董事长马兴田近日接受《经济参考报》记者采访时提出了康美药业国际化的想法。    康美药业1月13日公告称，董事长马兴田主持召开2015年度第一次</t>
  </si>
  <si>
    <t>古巴私营经济迎来春天</t>
  </si>
  <si>
    <t>美国和古巴去年12月宣布开始关系正常化进程。对于古巴个体户而言，这个消息好似一剂强心针，为事业发展前景注入希望。    然而，由于美国尚未取消经济制裁，古巴经济改革及当地个体经济发展仍然颇受限制，仍需按部就班慢慢来。    听说古美两国关系正常化的消息，53岁的?</t>
  </si>
  <si>
    <t>冬季感受古巴旅游热</t>
  </si>
  <si>
    <t>“去古巴‘养猪团’过冬吧！”    这个冬天，在“千里冰封”的多伦多，这是笔者收到的最具感染力的问候了。    所谓“养猪团”，是指一种把机票、住宿、吃喝玩乐全包括在内的度假套餐。对于那种不是特别注重游玩项目的人来说，去古巴白净的巴拉德罗沙滩晒晒太阳，感受一?</t>
  </si>
  <si>
    <t>国产首个脊灰灭活疫苗获批上市</t>
  </si>
  <si>
    <t>食药总局1月14日宣布批准了全球首个Sabin株脊髓灰质炎灭活疫苗（单苗）的生产注册申请。该疫苗是由中国医学科学院医学生物学研究所研发，这打破了法国赛诺菲集团灭活疫苗一直垄断中国市场的局面。    《经济参考报》记者了解到，赛诺菲集团灭活单苗“爱宝维”价格为一支200</t>
  </si>
  <si>
    <t>英国财长称低通胀不足为惧</t>
  </si>
  <si>
    <t>在通胀率创下新低后，英国财政大臣奥斯本表示，这种趋势不足为惧，英国经济复苏不会就此止步。    英国国家统计局13日发布数据显示，英国2014年12月通胀率从上一个月的1.0%降至0.5%，创2000年5月以来新低。对此，奥斯本在14日的演讲中表示，“我们不要把这个受欢迎的消息与</t>
  </si>
  <si>
    <t>经济学家称美国消费结构更趋均衡</t>
  </si>
  <si>
    <t>“从消费分类来看，2013年增长最快的是私人飞机，去年是电脑和电视，”摩根士丹利高级经济学家曾特纳12日对记者表示。她说，过去一年是美国消费结构转折之年，消费正变得更加均衡且更有持续性。    曾特纳当天在美国全国零售商联合会第104届年度大会上说，过去几年美国富裕</t>
  </si>
  <si>
    <t>奥巴马出口倍增目标为何落空</t>
  </si>
  <si>
    <t>在2010年年初国情咨文演讲中，美国总统奥巴马提出在五年内，即到2014年年底，实现出口翻番的目标。虽然美国2014年12月份的出口数据要等到今年2月5号才会公布，但从已公布的信息来看，奥巴马政府已无法兑现五年内出口翻番的目标。    美国商务部公布的最新数据显示，2014年?</t>
  </si>
  <si>
    <t>加拿大退休基金投资中国地产项目</t>
  </si>
  <si>
    <t>加拿大退休金计划投资委员会（简称CPPIB）12日发布消息称，将斥资2.34亿加元（约合12.5亿元人民币）投资苏州一大型综合地产项目。    CPPIB表示，将与中国龙湖地产有限公司合作开发苏州时代天街地产项目。双方已于2014年12月23日成立合资公司，CPPIB将投资约2.34亿加元。据</t>
  </si>
  <si>
    <t>互联网构建新世界</t>
  </si>
  <si>
    <t>1985年，埃弗雷特.罗杰斯的《硅谷热》可以算影响中国互联网的第一书。该书分析了当时美国硅谷高科技公司的互联网创业热潮，对中国早期互联网产生巨大影响力。近些年，随着移动互联网全面普及，人们开始系统回顾互联网在中国走过的点点滴滴。    最近，腾讯公司的徐昊和马斌</t>
  </si>
  <si>
    <t>带人者与被带者的微妙哲学</t>
  </si>
  <si>
    <t>带人者与被人带者，往往是不断博弈的关系，其间或斗智斗勇，或惺惺相惜，或互利互惠，不可一言而概之。《带人的技术》一书，从“行为学”角度出发，给读者剖析了带人者该掌握的技术，读来真正耳目一新，有醍醐灌顶之感。    《带人的技术》一书，作者石田淳，研究日本行为?</t>
  </si>
  <si>
    <t>英国通胀率创近15年新低</t>
  </si>
  <si>
    <t>英国国家统计局13日发布数据显示，英国2014年12月通胀率从上一个月的1.0%降至0.5%，创2000年5月以来新低。    统计局表示，导致2014年12月通胀率下降的主要原因是油价持续下跌；另外，2013年12月石油和电力价格上涨超出预期也是12月通胀率下降的原因。    数据还显示，当</t>
  </si>
  <si>
    <t>马杜罗出访欧佩克多国意在“保油价”</t>
  </si>
  <si>
    <t>石油输出国组织（欧佩克）成员国委内瑞拉总统马杜罗12日访问阿尔及利亚，期待与东道主总统布特弗利卡就确保国际油价稳定达成共识。在此之前的3天当中，马杜罗先后前往伊朗、沙特阿拉伯，希望欧佩克两大成员国做出应有努力，维护产油国共同利益。    2014年，纽约市场轻质原</t>
  </si>
  <si>
    <t>摩托罗拉重回中国  抢占智能手机“蛋糕”或不易</t>
  </si>
  <si>
    <t>联想将带着摩托罗拉2月初回归中国的消息引发业内关注，主要焦点在于面对今非昔比的国内智能手机市场环境，老牌手机能否重展雄风，还是会变成华为、小米等国产品牌的陪衬。业内认为，看似巨大的“蛋糕”，对于摩托罗拉而言，吃起来恐怕并不容易。    近日在美国举行的国际消</t>
  </si>
  <si>
    <t>互联互通助力中国盘活外储</t>
  </si>
  <si>
    <t>改革开放彻底改变了中国的命运，也才有了今天中国经济的发展繁荣。回望过去的30余年，中国对外开放又大致可划为三个节点，第一个节点即是1978年开始的战略转折；第二个节点则是2001年中国加入世贸组织；第三个节点则是当下中国新开放格局。    换言之，中国正进入关键的第?</t>
  </si>
  <si>
    <t>各路资本密集追捧光伏电站</t>
  </si>
  <si>
    <t>1月12日，刚在美国纳斯达克上市的独立电力运营商天华阳光控股有限公司（下称“天华阳光”），在北京与专业创投机构美国Sino-Century签署了联合筹建新能源投资基金的合作备忘录，旨在将天华阳光在海外上GW级的光伏电站项目变成金融资产。按照其规划，目前公司已储备近5GW的项?</t>
  </si>
  <si>
    <t>药企Shire拟52亿美元收购美国NPS</t>
  </si>
  <si>
    <t>爱尔兰制药商Shire11日宣布，将以52亿美元收购美国罕见病药品制造公司NPS。此次交易是Shire迄今为止数额最大的一次收购案。    根据交易双方当日发布的声明，此次收购为全现金交易，Shire将收购NPS所有已发行股票，交易金额合每股46美元。该价格较NPS股票上周五收盘价溢价?</t>
  </si>
  <si>
    <t>中石化领跑国内页岩气开发</t>
  </si>
  <si>
    <t>“作为中国页岩气勘探开发的领先者和联合国全球契约的领跑者，发展页岩气是中石化实施绿色低碳战略的重要举措。”中石化集团公司副总经理焦方正近日在京表示，“中石化率先倡导并践行绿色低碳开发，对我国优化能源结构、建设和谐社会和促进可持续发展具有重要意义。”    ?</t>
  </si>
  <si>
    <t>全球经济缘何逼近通缩边缘</t>
  </si>
  <si>
    <t>当前，包括欧元区、日本、中国等在内的多个经济体通货膨胀率持续下行，低通胀正在全球范围内蔓延，并可能进一步带来通缩风险，这背后的深层次因素是什么？会不会是全球经济的一种“新常态”？    根据国际货币基金组织评估数据，在1990至2013年之间，全球通胀率平均为11%，</t>
  </si>
  <si>
    <t>美国就业市场改善推升加息预期</t>
  </si>
  <si>
    <t>美国劳工部近日公布的统计数据显示，2014年12月美国就业市场继续回暖，为全年画上靓丽句点。就业数据喜人为美国经济步入强劲复苏通道提供了最新佐证，也使得美联储加息宜早不宜迟的市场预期进一步升温。但另一方面，作为美联储另一重要政策依据的通胀水平仍无实质性好转，这?</t>
  </si>
  <si>
    <t>欧佩克仍拒绝减产  油价收盘走低</t>
  </si>
  <si>
    <t>在油价大跌后，欧佩克国家仍拒绝减产，国际油价9日收盘走低。    阿联酋驻美国大使8日在华盛顿表示，无论油价跌到多低，欧佩克都不会通过减产来推高油价。他说，市场上多余的原油并不是来自欧佩克，为了能源市场上的长期供需健康，欧佩克愿意承受短期的艰难。他还说，阿联?</t>
  </si>
  <si>
    <t>“一带一路”战略不是中国版“马歇尔计划”</t>
  </si>
  <si>
    <t>“一带一路”战略是国家主席习近平在2013年出访时提出来的“丝绸之路经济带”和“21世纪海上丝绸之路”的统称。为推进“一带一路”建设，中国倡导成立了400亿美金的丝路基金，筹建1000亿美金的亚洲基础设施投资银行等。“一带一路”战略与沿线国家结成命运共同体，中国拿出真</t>
  </si>
  <si>
    <t>默克液晶：“老技术”开拓新领域</t>
  </si>
  <si>
    <t>窗户玻璃可以自动控制光线入射角？    没错，未来的窗户确实可以做到。德国医药与化工巨头默克集团液晶事业部与荷兰智能窗技术公司Peer＋携手，让这种绝佳的创意离我们的生活只有“一步之遥”。    “智能窗”这一概念由两位荷兰科学家卡斯帕尔·欧斯腾和特恩·瓦格纳尔?</t>
  </si>
  <si>
    <t>“退欧”疑云再起  希腊逼近抉择时刻</t>
  </si>
  <si>
    <t>希腊局势又一次站到悬崖边。经历数周的政治动荡后，希腊政府近日宣布解散议会，并于本月底提前举行议会选举。因最有希望胜出的激进左翼联盟党主张取消希腊债务、重新协商国际救助协议条款，令希腊出现债务违约的风险大大增加，进而再次推升了希腊可能退出欧元区的预期。这一?</t>
  </si>
  <si>
    <t>欧版量化宽松箭在弦上</t>
  </si>
  <si>
    <t>欧盟统计局7日发布数据显示，欧元区2014年12月通胀率初值为负0.2%，为逾五年以来首次跌至负值。这一数据表明欧元区已陷入技术性通缩，并使欧洲央行可能开启量化宽松政策的市场预期再度升温。多数分析人士预计，欧洲央行很有可能在即将召开的货币政策会议上采取行动。    当</t>
  </si>
  <si>
    <t>双飞人诉利佳薄荷水侵权</t>
  </si>
  <si>
    <t>被江西双飞人制药（中国）有限公司（以下简称双飞人制药）以雷同的商标注册15年后，法国利佳制药公司本以为改名换姓后的薄荷水产品能绕道顺利进入中国市场，但上市半年后即被告上了法庭。《经济参考报》记者1月8日获悉，江西省宜春市中级人民法院原本定于1月8日开庭审理该纠?</t>
  </si>
  <si>
    <t>资本下乡拿地准入办法年内将出</t>
  </si>
  <si>
    <t>南亚 工商资本下乡“玩农业”无章可循的局面即将结束。《经济参考报》记者从多位权威人士处获悉，相关部门正抓紧征集工商资本租赁农地准入监管和风险防范问题的建议，有望在今年出台规范工商资本下乡的具体办法。    专家认为，我国农村人多地少，如果不加限制地让工商企业</t>
  </si>
  <si>
    <t>国际油价跌破50美元关口</t>
  </si>
  <si>
    <t>因市场对全球原油供应过剩的担忧挥之不去，国际油价继续大幅下跌。纽约轻质原油期货收盘价跌至50美元下方。随着各产油国之间的竞争日趋激烈，原油供应过剩局面仍将继续，短期内油价将继续处于下行通道。油价持续走低给包括美国页岩油企业在内的石油供应方造成冲击，预计将在?</t>
  </si>
  <si>
    <t>改革全球经济治理需要“手术刀”</t>
  </si>
  <si>
    <t>与近年的惯例一样，美国总统奥巴马闯过了民主、共和两党就联邦政府预算之争闹出的枪林弹雨，躲开了人为制造的政府关门危机，美国第一家庭在夏威夷圣诞休假，好让海风拂去身上的政治硝烟。美国国会通过的政府2015财年综合拨款法案并不包括批准国际货币基金组织（IMF）2010年份</t>
  </si>
  <si>
    <t>美加州高铁开工  部分资金仍无着落</t>
  </si>
  <si>
    <t>美国加利福尼亚州政府高铁局6日在该州弗雷斯诺市的高铁车站举行了加州高铁动工仪式。5日宣誓第四次就任加州州长的杰瑞·布朗、联邦环保署署长吉娜·麦卡锡等官员参加了加州高铁动工仪式。    计划中的加州高铁项目从北部的州府萨克拉门托经旧金山、位于硅谷地区的圣何塞、?</t>
  </si>
  <si>
    <t>国“芯”能否赶上“换芯潮”？</t>
  </si>
  <si>
    <t>据《经济参考报》报道，根据央行规定，从2015年起我国将逐步停发磁条银行卡，以金融IC卡进行替代，目前各地已陆续开展“磁条卡换芯”工作。由于我国市面上的纯磁条银行卡保有量高达34亿张，金融IC卡需求巨大。与此同时，数据显示，我国存量金融IC卡已突破10亿张，但仅荷兰恩?</t>
  </si>
  <si>
    <t>摩根大通外汇操纵案达成和解</t>
  </si>
  <si>
    <t>据外媒报道，美国最大银行摩根大通已就一项关于操纵外汇价格的反垄断诉讼案与投资者达成和解协议，成为相关涉案机构中首家达成和解的银行。    据路透社报道，摩根大通律师与投资者表示，双方已在5日向美国曼哈顿地方法院提交备案的一封信中，就涉嫌参与操纵规模高达数万亿</t>
  </si>
  <si>
    <t>沉沦的法国经济呼唤春天</t>
  </si>
  <si>
    <t>多年以后，当人们为2015年初的法国画像时，基调一定是灰色的。此时此刻，沉沦的法国在呼唤春天。    据法新社4日报道，法国民意调查机构ifop调查显示，仅有29%的法国人对未来持乐观态度，远低于去年8月份的43%。调查还显示，仅有16%的受访者对就业形势有信心，对消除贫困有</t>
  </si>
  <si>
    <t>警惕油价急跌的负面作用</t>
  </si>
  <si>
    <t>新年伊始，国际原油价格延续颓势，继5日纽约轻质原油价格暴跌至50.04美元后，6日又跌至50美元以下；布伦特原油价格5日也下滑到53.11美元/桶，为五年半来低点，原油价格暂无止跌迹象。与此同时，欧洲、日本的通货膨胀水平也再度下滑，油价下跌的负面影响继续显现。    去年1</t>
  </si>
  <si>
    <t>德拉吉释放宽松信号</t>
  </si>
  <si>
    <t>德国联邦统计局5日公布的数据显示，该国通胀水平在2014年年底下降至五年来最低，仅为0.1%，欧元区整体出现通货紧缩的风险仍然挥之不去。    从统计数据看，德国物价去年全年几乎没有提高，年底的通胀率为0.1%接近于零，低于此前彭博社对经济学家调查预测的0.2%。尽管去年平</t>
  </si>
  <si>
    <t>激活自贸区金融须创新监管模式</t>
  </si>
  <si>
    <t>成立一年多来，上海自贸区金融业务发展的现状是，在金融机构快速落地的同时，金融业务总量没有出现相应的增长，区内金融业务的发展总体低于预期：截至2014年9月，自贸区的贷款余额823亿元，同比零增长，而同期上海地区银行业的贷款余额增幅为6.9%。相比之下，自贸区金融业务?</t>
  </si>
  <si>
    <t>欧亚经济联盟需夯实基础迎接挑战</t>
  </si>
  <si>
    <t>2015年新年伊始，以俄罗斯、白俄罗斯、哈萨克斯坦和亚美尼亚为四大成员国的欧亚经济联盟正式启动，吉尔吉斯斯坦已签署有关加入欧亚经济联盟的条约，将于今年5月正式成为联盟成员国。    按照计划，欧亚经济联盟的经济一体化，首先于2016年建立统一的药品市场，到2019年之前</t>
  </si>
  <si>
    <t>欧盟经济缓慢复苏</t>
  </si>
  <si>
    <t>欧洲债务危机应该被视为基本得到了解决，但欧盟经济复苏乏力。根据2014年11月4日欧盟所作的预测，2014年欧盟经济增长率为1.3%，欧元区为0.8%。    2015年的欧盟经济形势会好于2014年。根据IMF在2014年10月所作的预测，2015年，绝大多数欧盟成员国的经济增长率会高于2014年?</t>
  </si>
  <si>
    <t>日本经济三驾马车很难跑起来</t>
  </si>
  <si>
    <t>2014年的日本经济，被日本首相安倍晋三本人及其支持者吹嘘得天花乱坠，但实际数据却令人大跌眼镜。由于“安倍经济学”预期减弱和提高消费税的影响，宏观经济出现大起大落，前三个季度的实际GDP增长率分别为5.8%、-6.7%和-1.9%。按照国际通行标准，两个季度实际GDP出现负增长?</t>
  </si>
  <si>
    <t>新兴经济体面临三大外部冲击</t>
  </si>
  <si>
    <t>2014年以来，一些新兴经济体的结构性问题日益突出，同时外部环境风向转变，新兴经济体的增长表现开始出现分化，其经济增长动力也陆续遭到质疑。“金砖国家褪色”“脆弱五国”等概念开始受到关注。但也要注意到，由于新兴经济体的结构具有很强异质性，比如，俄罗斯、沙特阿拉?</t>
  </si>
  <si>
    <t>中国外贸的潜在增长能力</t>
  </si>
  <si>
    <t>2014年中国外贸进出口增长受多种因素影响低于预期，其中世界经济复苏低于年初预期，新兴经济体增长困难，导致全球需求不振是影响我国对外贸易的主因。其次美国退出量化宽松政策，全球主要大宗商品价格大幅下降。导致我进口增长低迷。    展望2015年，中国外贸依旧面临着复?</t>
  </si>
  <si>
    <t>德国福利改革助推就业率攀高</t>
  </si>
  <si>
    <t>就业成为德国的开年热议话题之一。德国智库伊福经济研究所日前公布的最新就业指数显示，2015年德国企业雇佣需求有望继续增长，就业率预计将持续攀高。    在谈论就业好形势时，很多人提到“哈尔茨四”一词。到2015年，这项德国著名就业改革法案已经实施十年。历史上，“哈?</t>
  </si>
  <si>
    <t>美债务负担持续上升</t>
  </si>
  <si>
    <t>2014年美国经济总体呈现出可观的增长态势，从经济基本面的主要指标来看，国内经济仍然在持续好转，企业和个人信心不断上升，就业增加，房价回升，个人可支配收入和家庭财富也都出现较大幅度的上升。总体来说，国内消费依然是支持增长的主要动力，投资和净出口则是波动来源，?</t>
  </si>
  <si>
    <t>英国大选的年关猜想</t>
  </si>
  <si>
    <t>英国外国记者协会的工作人员克里斯是英国国会大厦的常客，大厦里面的每条小巷道、每个容易被忽略的角落以及每个重要的雕像与绘画，他都能讲出些背后的故事。而当坐在下议院的媒体观众席，观看每周一次的首相问答，他表现出英国人对政治常有的那种愤世嫉俗感，但他也坚定了一?</t>
  </si>
  <si>
    <t>经济缓中趋稳  供给侧改革成效显现</t>
  </si>
  <si>
    <t>年初以来，工业企业各月利润均保持增长，改变了2015年利润下降局面，从产业链看，利润大幅回升的行业集中于煤炭开采和洗选业、石油加工、炼焦和核燃料加工业、黑色金属冶炼和压延加工业，有色金属冶炼和压延加工业等中上游行业。美国加息与欧洲和日本继续量化宽松的货?</t>
  </si>
  <si>
    <t>2016年人工智能十大关键词</t>
  </si>
  <si>
    <t>阿尔法狗2016年3月9日，一款由谷歌研发，名为AlphaGo的围棋人工智能程序在与韩国围棋职业九段李世石的人机大战中，以4：1的总比分轻松获胜。这一款人工智能程序被“赋予”了强大的“学习功能”，用“策略网络”学习人类棋手的下法，对比棋谱，选择胜算较大的棋路。并且</t>
  </si>
  <si>
    <t>SUV靠什么“干掉”了轿车</t>
  </si>
  <si>
    <t>SUV排挤轿车，取代轿车成为车市的主角，这一点已经毫无悬念，而且，这个过程比我们想象的更快。美国是SUV的发源地，也是全球最重要的SUV市场。当地时间11月18日开始的美国洛杉矶车展，俨然成了SUV的狂欢，各种级别、各种用途的SUV占据着场馆主要位置，各大汽车公司借展</t>
  </si>
  <si>
    <t>日经济现企稳态势  通缩压力犹存</t>
  </si>
  <si>
    <t>2016年的日本经济在实施负利率、加码财政刺激措施的多重影响下缓慢复苏，贸易回暖、企业景气度上升，股市在年底也一度升至年内高点。但安倍经济学未达预期，令这个深陷通缩长达20年的国家依然找不到强劲增长良方，未来增长幅度仍很有限。日本中央银行1月份意外宣布降息</t>
  </si>
  <si>
    <t>特朗普重塑美国贸易政策架构</t>
  </si>
  <si>
    <t>美国当选总统特朗普日前宣布首次成立白宫国家贸易委员会，并计划由商务部主导贸易政策制定，降低美国贸易代表的影响力，显示其正对美国维持数十年的贸易政策架构进行大幅变革，以重振美国制造业和缩小美国贸易逆差，凸显重商主义和贸易保护主义色彩。根据美国政府部门?</t>
  </si>
  <si>
    <t>2017欧洲经济复苏面临大考</t>
  </si>
  <si>
    <t>回首2016年，欧洲经济基本面无太大起色但也无太多险情，然而欧洲“黑天鹅”事件频现，使得欧洲经济节外生枝，其中尤以英国脱欧最为严重，影响将持续到2017年。欧洲社会正在经历政经双重变化。英国脱欧和意大利修宪公投余波未消，而多国在2017年将面临选举和可能到来的?</t>
  </si>
  <si>
    <t>中欧班列成中欧联运大通道还任重道远</t>
  </si>
  <si>
    <t>在2016年中国物流行业大事件中，中欧班列应该是最值得浓墨重彩的。作为承上启下、配合“一带一路”倡议的实施性纲领文件，《中欧班列建设发展规划（2016-2020）》为未来中欧班列的标准化运行和统一运营管理奠定了基础。对于中欧班列的开行，社会上存在截然相反的两种声</t>
  </si>
  <si>
    <t>中欧班列：从“独苗”到“人丁兴旺”</t>
  </si>
  <si>
    <t>五年前，首条中欧班列——“渝新欧”在重庆诞生。如今，中欧班列已然从一个个嗷嗷待哺的“婴儿”，成长为一群身强力壮的“小伙子”，奔跑着唤醒沉睡多年的古丝绸之路。而我们，则有幸成为历史的见证者。时间回到五年前，深居内陆腹地的重庆，既不沿边也不沿海，距出海?</t>
  </si>
  <si>
    <t>美经济开启特朗普时代的摇滚之路</t>
  </si>
  <si>
    <t>美国经济近几年持续温和复苏，经济增速由2013年的1.7%提升至2015年的2.6%。不少分析预计，2016年美国经济增速将在2%左右。今年美国大选结果出人意料，当选总统特朗普的经济主张唤醒了外界对增长提速的憧憬。但分析指出，美国就业市场已经接近充分就业，经济维持缓慢增速或成?</t>
  </si>
  <si>
    <t>中欧班列已初具规模  竞争优势显现</t>
  </si>
  <si>
    <t>2016年12月24日，中欧班列（郑州）从郑州铁路集装箱中心缓缓驶出，目的地是德国汉堡，而这也是今年最后一趟中欧班列。据了解，中欧班列（郑州）过去曾被称为“郑新欧”。今年，中欧班列（郑州）实现了总载货量12.86万吨、总货值12.67亿美元，全年开行251班（137班去程?</t>
  </si>
  <si>
    <t>首届塞展成功助推中非产能合作</t>
  </si>
  <si>
    <t>由中国商务部联合重庆市人民政府主办、商务部外贸发展事务局承办、中国机电商会合作承办的2016年(非洲)中国商品和装备制造展（以下简称“塞展”），日前在塞内加尔首都达喀尔成功举办。据了解，此次塞展是为了落实中非合作论坛的后续行动，有效推进中非产业对接和产能?</t>
  </si>
  <si>
    <t>日本央行继续维持长期利率在低点</t>
  </si>
  <si>
    <t>据外媒报道，日本央行12月26日发布的会议纪要显示，央行会继续将日本的长期利率维持在低点，以帮助推升通胀水平。日本央行行长黑田东彦26日也表示，9月份央行推出的国债收益率控制政策正在发挥出预期效果。日本央行发布的10月31日至11月1日的会议纪要显示，本央行货币?</t>
  </si>
  <si>
    <t>英国人圣诞季消费趋谨慎</t>
  </si>
  <si>
    <t>受英镑贬值和通货膨胀预期上升等因素影响，今年圣诞季英国人消费更加精打细算，倾向于更少花钱和更多选择网上购物。此外，中国产品物美价廉的传统优势依然明显，在一些高端市场开始展现较强竞争力。数据显示，英国家庭今年圣诞平均消费780.28英镑，为2012年以来最低值?</t>
  </si>
  <si>
    <t>迪卡侬：如何将性价比做到极致</t>
  </si>
  <si>
    <t>说起迪卡侬，很多人第一印象就是物美价廉。在迪卡侬，几十元就能买到一件不错的运动服。在知乎上，很多运动爱好者也会推荐迪卡侬的运动装备。这家拥有40年历史的法国企业，被业内形容为运动行业的宜家。如今，迪卡侬在中国的门店数量超过200家，而且做到不亚于中国企业</t>
  </si>
  <si>
    <t>意大利银行业危机滑向临爆点</t>
  </si>
  <si>
    <t>意大利西雅那银行再次成为欧洲金融业的“风暴眼”。由于投资者担心这家历史最为悠久的商业银行难以在年底落实从市场融资50亿欧元的救助方案，西雅那股价一路跌至1999年上市以来最低点位。受命于危难之际的意大利过渡政府表示，已做好救助准备，不会让垂危的西雅那对整?</t>
  </si>
  <si>
    <t>美元创新高后回落调整  澳元全数回吐今年涨幅</t>
  </si>
  <si>
    <t>美联储上周不仅上调了利率，而且非常罕见地上修2017年的加息次数至三次，这是美元近期涨势如虹的主要原因。三次加息的预期透露出美联储对2017年美国经济稳步增长充满信心，但是，三次加息可能是美联储预期明年加息次数的最大值。值得注意的是，美联储此前曾预计2016年会加息?</t>
  </si>
  <si>
    <t>跨国旅居养生新模式走俏</t>
  </si>
  <si>
    <t>“中医神奇，不得了！”前不久，首届中俄跨国旅居养老互访活动举行。35位俄罗斯“候鸟老人”打包行囊，来到中国黑龙江省黑河市体验了一把“跨境养老”，近距离感受着中医针灸理疗的魅力。不过，《经济参考报》记者采访了解到，部分边境口岸城市的中医技术力量薄弱、基?</t>
  </si>
  <si>
    <t>日本21个月来首次调高经济评估</t>
  </si>
  <si>
    <t>日本政府21日调高了月度经济评估，为2015年3月以来首次，但商业投资领域仍未回暖，显示日本多项经济政策在通缩面前效果有限，大规模刺激政策退出动作尚未进入视野。日本内阁府21日发布12月份月度经济报告，维持对本国经济温和复苏的基本评估。但报告同时表示，公共投资</t>
  </si>
  <si>
    <t>中俄双边贸易额有望继续上升</t>
  </si>
  <si>
    <t>中国驻俄罗斯大使李辉20日说，中俄务实合作保持稳定发展势头并日趋向好。2017年中俄双边贸易额有望继续呈上升趋势。李辉当天在接受俄罗斯国际文传电讯社采访时说，中俄务实合作是推动双边关系发展的强大动力和坚实基础，具有战略性、稳定性、长期性特点，符合双方根本?</t>
  </si>
  <si>
    <t>从龙虾小镇看中澳自贸协定大实惠</t>
  </si>
  <si>
    <t>南澳大利亚州海边小城罗布在当地华人中有一个诱人的别名——龙虾镇。这里出产的南部岩石龙虾外壳红亮、肉质鲜美，是龙虾中的精品。罗布每年龙虾捕捞量约1400吨，九成出口到中国。罗布市市长彼得·莱斯利说，随着中澳自贸协定签署生效，罗布与中国的商业联系越来越紧密?</t>
  </si>
  <si>
    <t>海西：打开高原“聚宝盆”</t>
  </si>
  <si>
    <t>海西蒙古族藏族自治州，位于青藏高原北部，因居青海湖以西，故名海西。它南通西藏，北达甘肃，西出新疆，东邻本省海北、海南藏族自治州，是四省区交汇的中心地带，也是进出西藏的重要通道。海西州建州于1954年，现辖德令哈、格尔木两市，都兰、乌兰、天峻三县和大柴旦?</t>
  </si>
  <si>
    <t>英国小镇缘何力挺“脱欧”</t>
  </si>
  <si>
    <t>从伦敦坐火车往北走，两小时就到了坐落在林肯郡的波士顿。在今年6月的英国全民公投中，这个人口3.5万的英国东部小镇以近76%的脱欧票成为全英“最支持脱欧”的小镇。波士顿镇所在的波士顿自治市曾是英国最开放的地区之一。作为面向欧洲大陆的英国港口城市，波士顿从14世</t>
  </si>
  <si>
    <t>德银：中美全面贸易战概率不大</t>
  </si>
  <si>
    <t>德银大中华区首席经济学家张智威近日发表研究报告称，中美全面贸易战的实际发生概率不大。报告指出，美国的根本目标在于缩小贸易逆差，促进经济增长以及将工作岗位带回美国，挑起对中国的贸易战或难以解决上述问题。报告称，当前贸易数据或放大了中国对美国商品贸易逆?</t>
  </si>
  <si>
    <t>孙正义大手笔投资美通信卫星公司</t>
  </si>
  <si>
    <t>据外媒报道，美国通信卫星技术公司OneWeb19日表示，日本软银集团将向其投资10亿美元。这是本月初软银表示将在美投资500亿美元后的首笔重大投资。OneWeb公司19日表示，获得了一轮12亿美元的融资，其中有10亿美元来自软银。据悉，这笔投资将帮助建造高速卫星通信网络，将</t>
  </si>
  <si>
    <t>大柴旦：立足锂电产业重塑辉煌</t>
  </si>
  <si>
    <t>大柴旦地处柴达木盆地北部，蒙古语称为伊克柴达木，意为大盐湖、大盐泽，境内拥有丰富的盐湖资源和金、钾、锂、煤炭等多种矿产资源，而且水资源相对丰富，具有发展资源型工业经济优厚条件。二十世纪五六十年代，大柴旦一度是开发柴达木的后方基地和海西蒙古族藏族自治?</t>
  </si>
  <si>
    <t>“中国盐湖城”打造生态镁锂钾园</t>
  </si>
  <si>
    <t>格尔木，蒙古语意为“河流密集的地方”，位于“聚宝盆”柴达木盆地的南缘，南邻昆仑山，北望中国最大的盐湖——察尔汗盐湖，素有“中国盐湖城”美誉。在历史上，格尔木一直是丝绸之路“青海站”的重要节点，是连接西藏、新疆、甘肃的战略要塞；但是从城市建设发展来看，这是?</t>
  </si>
  <si>
    <t>意政府欲筹资200亿欧元救银行</t>
  </si>
  <si>
    <t>意大利政府12月19日决定寻求议会批准，筹借200亿欧元以稳定危机四伏的国内银行业。意大利政府还可能最早于本周对该国第三大银行西雅那银行(Banca MPS)展开救援。意大利经济部长帕多安表示，政府正在筹措的这笔资金可能被用于保障银行业体系的充足流动性。此外，还可能?</t>
  </si>
  <si>
    <t>美联储加息步伐未必“鹰派”</t>
  </si>
  <si>
    <t>去年年底，美联储官员预计2016年美联储将加息4次，但最终实际加息仅1次；就在上周，美联储官员预计2017年将加息3次，这会不会被再次证明又过于乐观呢？回答这个问题之前，有必要先普及一下美联储决策的基本知识。根据美国法律，美联储制定货币政策的决策机构是联邦公开</t>
  </si>
  <si>
    <t>“路线图”缺失  英国脱欧仍在“囧途”</t>
  </si>
  <si>
    <t>据外媒报道，苏格兰政府18日表示，20日将公布提案，说明英国“脱欧”后苏格兰计划如何继续留在欧盟单一市场，以避免“硬脱欧”引发经济灾难。这愈加显示出在英国政府缺乏清晰“脱欧”路线的前提下，英国国内对于“脱欧”严重后果存在的担忧。分析人士称，目前，?</t>
  </si>
  <si>
    <t>欧洲迎来大选年  欧元区经济面临考验</t>
  </si>
  <si>
    <t>2016年，国际形势波诡云谲，乱中有变。特朗普出人意料赢得美国大选、英国意外“脱欧”、意大利修宪公投被否等“黑天鹅”事件屡屡发生。2017年是欧洲大选年，德国、法国、荷兰等国传统政党都将迎来大考。目前，法国极右翼政党国民阵线主席玛丽娜·勒庞和荷兰“反欧派”自由进?</t>
  </si>
  <si>
    <t>瑞典人幸福的秘密就在“Fika”</t>
  </si>
  <si>
    <t>见到瑞典人时脱口而出“Fika”一词，你定会被刮目相看，因为这意味着你了解他们的文化。每一个长居瑞典的人都会用到Fika，它的使用频率仅次于“谢谢（Tack）”和“你好（Hej）”。Fika既是名词也是动词，字面意思是“喝咖啡”，更广泛的意思是“边喝咖啡，边吃甜点，边谈天。</t>
  </si>
  <si>
    <t>哈维的“矛盾论”</t>
  </si>
  <si>
    <t>经典的观点曾这样表述：资本主义的根本矛盾是生产社会化和生产资料私人占有之间的矛盾，这对矛盾最终导致无产阶级与资产阶级之间不可调和的斗争。但是，在西方上世纪70年代以来的去工业化浪潮下，第三产业崛起，机器人和人工智能逐渐成熟，知识劳工和服务劳工日益占据主体，?</t>
  </si>
  <si>
    <t>美加息将加剧新兴市场外部风险</t>
  </si>
  <si>
    <t>美国联邦储备委员会年底加息的剧情再次上演。美联储14日时隔一年再次加息，宣布将联邦基金利率目标区间上调25个基点到0.5%至0.75%的水平，符合市场普遍预期。尽管数月以来，市场基本已经消化了美联储将加息的消息，但美联储的会议声明暗示明年可能加息三次，这快于外界预期。</t>
  </si>
  <si>
    <t>特朗普邀科技巨头欲修补关系</t>
  </si>
  <si>
    <t>美国当选总统特朗普14日带领他的过渡团队，与应邀而来的科技界巨头们召开一场名为科技峰会的圆桌会议，商谈继续发展科技行业等话题。媒体报道称，特朗普在科技界并不受欢迎。140多位科技界企业高管7月曾发表公开信，称特朗普将是创新的灾难。他们认为，特朗普的主张与?</t>
  </si>
  <si>
    <t>新加坡学者：发达经济体来年将维持缓慢增长</t>
  </si>
  <si>
    <t>主要发达国家经济低迷、增长缓慢的走势在2017年仍然不会有根本的改变，欧洲、日本在通缩的阴影笼罩下仍无起色，美国的情况虽有好转但也不可能一枝独秀。新加坡国立大学李光耀公共政策学院高级公共行政与管理硕士项目主任陈抗日前接受《经济参考报》记者专访时指出，中国经济L</t>
  </si>
  <si>
    <t>企业“走出去”亟待建立长期投资安全体系</t>
  </si>
  <si>
    <t>从首次提出至今，经过三年时间，“一带一路”倡议的实施路径逐渐清晰。伴随一份份协议的签署和一个个项目的落地，中国梦正一步步走向现实。而在这条梦之路背后，还诉说着无数像刘传武这样的逐梦故事。刘传武曾在国家商务部欧洲司任职近20年，期间派驻俄罗斯、吉尔吉斯?</t>
  </si>
  <si>
    <t>法国力推巴黎成为新金融中心</t>
  </si>
  <si>
    <t>英国“脱欧”后，许多金融机构开始筹备进入欧盟市场的替代方案。此前，不少金融机构选择在英国设立机构，以此作为进入欧盟单一市场的“桥头堡”。然而英国“脱欧”后，这些机构很可能将失去其“金融通行证”，从此无法直接从伦敦向欧洲大陆的客户提供金融服务。包括巴黎在内?</t>
  </si>
  <si>
    <t>谷歌无人驾驶汽车项目转为独立公司经营</t>
  </si>
  <si>
    <t>美国谷歌公司13日宣布，将其无人驾驶汽车研究项目转为谷歌母公司“字母表”旗下的一家独立子公司，专门从事无人驾驶技术开发。这意味着开展近八年的谷歌无人驾驶汽车项目开始市场化。据新公司首席执行官约翰·克拉夫奇克说，公司名称是Waymo，意为“通向自由出行的新途</t>
  </si>
  <si>
    <t>中澳民航市场进入快速增长期</t>
  </si>
  <si>
    <t>13日上午，南澳大利亚首府阿德莱德国际机场的停机坪上，两辆消防车喷出两条水龙，形成一道拱门。一架喷涂了中国南方航空公司标识的飞机缓缓穿过水门。在南航广州至澳大利亚阿德莱德直航航线开通仪式上，阿德莱德机场给予这一航班过水门礼遇，南澳州州督黎文孝、州长杰?</t>
  </si>
  <si>
    <t>“金砖之父”爱曼联</t>
  </si>
  <si>
    <t>吉姆·奥尼尔的官方简历显示，他已到耳顺之年。当他走进我们约好见面的咖啡厅，我感觉他步伐轻盈得像个小伙子。他一边摘围巾，一边环顾四周，机警的眼神让我想起和他长相颇有几分相似的一位英国演员——就是在英剧里扮演福尔摩斯的那个。奥尼尔一辈子在英国商界、政界?</t>
  </si>
  <si>
    <t>国际油价难以持续快速上涨</t>
  </si>
  <si>
    <t>近来，国际原油市场涨声一片，布伦特原油价格不到两周上涨两成，直逼每桶60美元。这当然是减产协议的功劳。欧佩克国家于11月底达成八年来首份减产协议，12月10日，欧佩克与非欧佩克国家十五年来又首度达成全球减产协议。两份协议无疑为抑制全球原油供应过剩局面，加速?</t>
  </si>
  <si>
    <t>减产协议推高油价至一年来高点</t>
  </si>
  <si>
    <t>主要产油国达成的减产协议持续推高国际油价，12日伦敦布伦特原油期货价格达到一年多来高点。业内人士预计，减产消息可能推动油价冲高至60美元一线。11个非欧佩克产油国日前在维也纳达成减产协议，决定从明年1月起将其原油日产量减少55.8万桶。协议有效期为六个月，是否</t>
  </si>
  <si>
    <t>我国将欧美反倾销“替代国”做法诉至WTO</t>
  </si>
  <si>
    <t>面对欧美的“赖账”，我国正式亮剑，将欧美反倾销替代国做法诉至WTO。中国商务部网站消息，2016年12月12日，中国就美国、欧盟对华反倾销“替代国”做法，先后提出世贸组织争端解决机制下的磋商请求，正式启动世贸组织争端解决程序。商务部新闻发言人就此发表谈话表示，</t>
  </si>
  <si>
    <t>默多克拟以140亿美元收购英国Sky剩余股权</t>
  </si>
  <si>
    <t>据外媒报道，传媒大亨默多克旗下的21世纪福克斯，拟以约140亿美元购买英国付费电视公司英国天空电视台（Sky）的61%股权，协议初步达成。本次收购报价为每股10.75英镑现金。根据外媒计算，福克斯提出的报价对Sky估值约为185亿英镑（约合232亿美元），其中福克斯未持有的</t>
  </si>
  <si>
    <t>中法经济研讨会推动两国创新合作</t>
  </si>
  <si>
    <t>第21届“中法经济研讨会”日前在京举行，本年度的主题是中法共话创新与创业，旨在进一步提升两国在创新领域的交流合作。当前，全球化的发展受挫，对全球化的怀疑和“逆全球化”思潮在许多国家都越来越明显。2016年黑天鹅事件频现，英国“脱欧”公投、美国大选结果和意?</t>
  </si>
  <si>
    <t>三星拟在美强迫停用未召回Note7</t>
  </si>
  <si>
    <t>据外媒报道，为收回全部盖乐世Note7智能手机，三星日前宣布将从12月19日起，对美国市场还未回收的盖乐世Note7智能手机推送系统更新，更新后的该款手机将无法接入通信网络，也无法充电使用。三星希望借此达到强迫盖乐世Note7停用的目的。三星已经宣布永久停产与全面停售</t>
  </si>
  <si>
    <t>警惕“逆全球化”冲击世界经济</t>
  </si>
  <si>
    <t>全球正处于后经济危机时代，经济缓慢复苏难掩发达经济体自身困境，失业率高位徘徊、民众对政府失望情绪上升，使“逆全球化”论调日嚣尘上。欧洲极端民粹主义政党兴起，脱离欧盟的主张在多国蔓延，加强边界管制，抵触经济公平开放政策等消息频现当地主流媒体。在这种背?</t>
  </si>
  <si>
    <t>中国市场经济地位遭“非市场”阻力</t>
  </si>
  <si>
    <t>今年12月11日，中国加入世界贸易组织（WTO）期满15年，理应获得该组织框架下的“市场经济地位”。但出于保护主义抬头因素影响，欧盟、美国、日本官方表态以及部分商业团体呼吁反对中国获得此待遇，并酝酿在多行业加收惩罚性关税措施。带有保护主义色彩的举动不仅无益于全球贸</t>
  </si>
  <si>
    <t>旁听历史性的“脱欧程序案”</t>
  </si>
  <si>
    <t>本周，一宗将决定英国脱欧进程、改变欧洲甚至世界历史走向的案件在英国最高法院开庭。这件“脱欧程序案”将决定英国政府和议会谁将有权打响“脱欧发令枪”，并主导这一历史性的英欧“离婚”进程。此案被媒体称为“英国历史上最重要的法律案件之一”。就在案件开?</t>
  </si>
  <si>
    <t>海量大数据成为“蓝色能源”</t>
  </si>
  <si>
    <t>“双12”即将开启，大数据，这个藏在“双11”上千亿交易额背后并让很多电商取得傲人业绩的“网络新贵”，成为不少企业热捧和追逐的制胜法宝。大洋彼岸美国总统大选中，MogIA AI（人工智能）系统通过搜集Google、Facebook、Twitter、YouTube等2000万个数据来源进行分析，预测?</t>
  </si>
  <si>
    <t>英国脱欧草案后年10月前有望敲定</t>
  </si>
  <si>
    <t>据外媒报道，欧盟官员6日明确表示，英国必须在2018年10月之前与欧盟达成“脱欧”协议草案。在“脱欧”问题上，英国面临的来自国内和外部的各种压力不断增加，“脱欧”之路料将十分艰辛。按照欧盟负责英国“脱欧”事务谈判团队的设想，英国政府应于明年3月底之前启动《?</t>
  </si>
  <si>
    <t>软银拟向美初创企业投资500亿美元</t>
  </si>
  <si>
    <t>软银集团主席兼首席执行官孙正义6日宣布，他将在美国投资500亿美元﹐创造5万个新工作岗位。市场称此举意在为笼络与新政府关系，从而推进软银在美国电信市场的整合方案。孙正义当天在特朗普大厦大厅宣布了上述投资计划﹐但他并未提供细节。在接受采访时﹐孙正义称上述投</t>
  </si>
  <si>
    <t>欧元区财长称意修宪公投冲击有限</t>
  </si>
  <si>
    <t>在5日举行的欧元区财长会上，多国财长和欧盟官员表示，意大利修宪公投失败后引发的潜在经济风险有限，不至于让欧元区重新陷入危机。另外，考虑到政治形势，欧元区财长同意等待一段时间，再要求意大利采取更多措施，以令其2017年预算计划符合欧盟规定。意大利修宪公投以</t>
  </si>
  <si>
    <t>布局无人驾驶技术  优步将组建人工智能研发中心</t>
  </si>
  <si>
    <t>据外媒报道，美国打车服务平台优步5日宣布将购买美国人工智能公司Geometric Intelligence，并将其作为优步人工智能研发中心的核心组成部分。此举显示出优步正进一步加强人工智能技术研发，帮助无人驾驶技术早日普及。优步5日表示，将收购Geometric Intelligence公司以?</t>
  </si>
  <si>
    <t>人工宝石：一张耀眼的“国际名片”</t>
  </si>
  <si>
    <t>第十三届梧州宝石节日前在梧州落幕，美国、英国、瑞典、缅甸、马来西亚和中国台湾、香港等地区的特色珠宝美玉闪亮登场，看点十足。据悉，今年的珠宝展吸引了国内外60余家企业参展，展销范围包括金银珠宝首饰、玉石、钻石及宝石、珍珠及珊瑚、宝石机械等。梧州市?</t>
  </si>
  <si>
    <t>“最牛经济专栏作家”怎么看脱欧</t>
  </si>
  <si>
    <t>“好，开始提问吧!”——马丁·沃尔夫的口气不容置疑，他似乎从一开始就想主导这一小时的采访。沃尔夫被称为“世界上最有影响力的经济专栏作家”，他目前是英国《金融时报》副总编、首席经济评论员。在泰晤士河边的《金融时报》总部，我们在一间空荡荡的会议室里采访了</t>
  </si>
  <si>
    <t>放弃连任的奥朗德输给了谁</t>
  </si>
  <si>
    <t>法国总统奥朗德日前发表电视讲话称，他决定不作为候选人参加2017年法国总统选举以寻求连任。自1958年法兰西第五共和国成立以来，这是首次出现法国现任总统不寻求参选连任。分析人士认为，奥朗德之所以宣布不参加2017年总统选举实属无奈，主要是出于两方面的原因：持续?</t>
  </si>
  <si>
    <t>松下收购ZKW进军汽车照明领域</t>
  </si>
  <si>
    <t>据外媒报道，日本松下已决定收购奥地利汽车照明巨头ZKW集团，收购金额可能达到1000亿日元（约合8.8亿美元）。据日本《日本经济新闻》报道，松下和ZKW集团正在磋商收购协议的详细内容，有可能在12月达成基本协议。ZKW的主要产品是节能、照射较远和亮度高的汽车发光二极?</t>
  </si>
  <si>
    <t>北京污水处理宜改变“重水轻泥”思维</t>
  </si>
  <si>
    <t>随着近日亚洲最大的地下再生水厂——槐房再生水厂的投入运行，北京市第一个污水处理和再生水利用设施建设三年行动方案全面完成。至此，北京市污水处理、再生水生产利用、防汛能力得到提升，中心城区水污染治理问题得到解决。业内人士认为，治理水环境还需要进一步完善水污染?</t>
  </si>
  <si>
    <t>贸易额跃至千亿美元  中非经贸合作上新台阶</t>
  </si>
  <si>
    <t>近年来，中非经贸发展迅速。据统计，从2000年到2014年，中非贸易额由100亿美元跃升到2200亿美元。在中非经贸合作规模不断扩大的同时，合作领域和结构也不断拓宽和优化，工业、金融、旅游、电信、航空、广电等行业正日益成为中非经贸合作新亮点。在非投资兴业的中国企业已超过</t>
  </si>
  <si>
    <t>消解美联储加息“心魔”</t>
  </si>
  <si>
    <t>美国联邦储备委员会（美联储）将于12月13日至14日举行年内最后一次货币政策会议，再次加息几乎板上钉钉。自特朗普11月初当选美国总统以来，全球金融市场对于美国经济走势的预期发生大逆转，押注美国经济增速、通胀水平以及利率都将回升的筹码越来越多。美联储加息遭严?</t>
  </si>
  <si>
    <t>“脱欧幕后主谋”做对了什么</t>
  </si>
  <si>
    <t>马修·艾略特的长相与气质和英国前首相卡梅伦有几分相似，而卡梅伦恰恰因他而结束了自己的政治生涯。马修·艾略特，今年38岁，是英国“为脱欧投票”组织的首席执行官。正是这个由艾略特等人在去年10月筹划、成立的跨党派组织，成为声势浩大的“脱欧运动”大本营，最终?</t>
  </si>
  <si>
    <t>减产协议虽定  油价投机泡沫仍将持续</t>
  </si>
  <si>
    <t>11月30日，石油输出国组织（欧佩克）终于达成减产协议。当日，国际油价受限产消息驱动而上涨了4.2美元达到49.4美元，涨幅为今年来单日最大。10月初，欧佩克在阿尔及尔的非正式会上初步达成限产协议，在之后的半个月，累计推动油价上扬了7-8美元。相比10月初，11月30日?</t>
  </si>
  <si>
    <t>意大利修宪公投能否承受失败之痛</t>
  </si>
  <si>
    <t>12月4日，意大利将举行有关修宪的全民公投。此次修宪的核心诉求是削弱参议院权利，降低改革政策推行难度。若修宪失败，可能引发市场动荡，进而激化意大利银行业危机全面爆发。意大利总理马泰奥·伦齐已经表示，若公投失败将辞职，如果伦齐下台，就意味着意大利或将面临“反欧</t>
  </si>
  <si>
    <t>美国新提名财长：税改将是头号要务</t>
  </si>
  <si>
    <t>赢得大选不久，美国候任总统特朗普已着手挑选下一届政府的内阁人员，政策取向令外界广泛关注。美国新提名财长斯蒂文·努钦明确表示，税改将是头号要务，将企业税率降至15%将是特朗普政府的主要目标。特朗普将于明年1月20日宣誓就职。他需任命上千名官员以顺利接班，时?</t>
  </si>
  <si>
    <t>中国公务航空滤掉“噪音”渐趋理性</t>
  </si>
  <si>
    <t>美国国家商务航空协会（NBAA）主席艾德·伯伦在接受记者专访时表示，中国公务航空业正在跨越“幼年”，更多中国企业家正比以往更理性、更充分地利用公务机作为高效便捷的交通工具。七年前，中国第一次被列入伯伦的全球商务旅程行程表。七年间，伯伦到访中国数十次，见?</t>
  </si>
  <si>
    <t>美元有望延续涨势  欧系货币风险上升</t>
  </si>
  <si>
    <t>本周，美国“小非农”与PCE数据传来佳音，美元强劲上行。数据处理公司ADP公布的数据显示，美国11月ADP就业人数增加21.6万人，创下今年6月以来最大增幅，远高于市场预期的增加17.0万人。美国11月就业增速强劲，主要受零售、娱乐和服务业驱动。整体而言，消费者信心增长?</t>
  </si>
  <si>
    <t>警惕美国再玩“汇率操纵国”把戏</t>
  </si>
  <si>
    <t>美国当选总统唐纳德·特朗普曾在竞选中承诺，上台后的第一天将把中国列为“汇率操纵国”。从特朗普经济顾问最近释放的政策信号和美国专家评论来看，作为其“百日新政”的突破口之一，特朗普上任后很可能兑现这一承诺，藉此展现其对华政策的强硬一面。特朗普的经济顾问、</t>
  </si>
  <si>
    <t>欧洲银行业脱困难觅良方</t>
  </si>
  <si>
    <t>“我们的诊断是：欧洲银行业不缺稳定性。”欧洲央行执委、欧洲央行银行业监管委员会副主席劳滕施莱格日前在法兰克福金融周活动期间如是说。一年一度的法兰克福欧元金融周是银行业者、监管者、官员和学者的年终“大聚会”，至今已举办19届。今年在金融周亮相的“大咖”包</t>
  </si>
  <si>
    <t>经济数据强劲  美加息预期再升温</t>
  </si>
  <si>
    <t>12月14日，美联储将进行今年最后一次议息，近两日出台的美国经济数据表现十分靓丽，市场对于美联储很快加息的预期继续升温。美国商务部11月29日公布的数据显示，三季度美国实际GDP的修正值为3.2%，创两年新高，高于其3.0%的预期值。商务部表示，三季度GDP的增长，来自于</t>
  </si>
  <si>
    <t>市场警惕东亚新兴债券市场风险</t>
  </si>
  <si>
    <t>亚洲开发银行最新发布的《亚洲债券监测》称，2016年10月31日至11月中旬，由于全球对美国经济政策走向的担忧加剧，大多数东亚新兴市场的债券收益均有所上升，不过，报告指出了东亚新兴债券市场面临风险。除中国两年期债券外，几乎所有东亚新兴市场的本币债券收益均有上升</t>
  </si>
  <si>
    <t>国际油价大幅反弹</t>
  </si>
  <si>
    <t>石油输出国组织（欧佩克）11月30日在维也纳举行部长级会议，截至记者发稿，外媒援引参会消息人士称，该组织达成了9月份初定的减产协议，虽细节暂未公布，影响当天国际油价盘中暴涨，北海布伦特油价涨幅达8%，超过每桶50美元重要关口。路透社报道称，据一名消息人士透露?</t>
  </si>
  <si>
    <t>2016物联网开发者大会吹响集结号</t>
  </si>
  <si>
    <t>由中国科学技术信息研究所和美国国际数据集团（IDG）联合主办的2016物联网开发者大会将于12月9日在北京举办。据悉，本次大会不仅吸引了微软、英特尔、IBM等国际巨头，也集结了不少物联网的前沿开发者。业界认为，物联网是下一个“工业革命”，它将改变人类的生活、工作?</t>
  </si>
  <si>
    <t>打破制造藩篱  帅太家居打造企业转型新模式</t>
  </si>
  <si>
    <t>我国制造业占世界20%的份额，但在厨房家电制造领域，欧美和日本技术领先，国内大品牌垄断性强，如何在激烈的竞争中实现突破，河南帅太给出了新的思路。帅太整体定制家居（中国）品牌运营中心总经理黄赢介绍说，帅太公司于2002年6月份成立，总部在广东中山，是一家专业生</t>
  </si>
  <si>
    <t>“美国第一”给世界带来新挑战</t>
  </si>
  <si>
    <t>渐露峥嵘的“特朗普经济学”，正以其不确定性给世界经济带来新挑战。“特朗普经济学”的最大特点就是“美国第一”，这被很多经济学家批评带有强烈保护主义色彩。特朗普本人也不讳言这一点，在竞选期间，他公开宣称，上台后将废除美加墨自由贸易协定，在美墨边境建立隔离</t>
  </si>
  <si>
    <t>美元步入强势上涨周期</t>
  </si>
  <si>
    <t>美联储上周公布的11月份货币政策会议纪要显示，多数美联储官员认为合适的加息时机将很快到来，暗示美联储12月再次加息已是板上钉钉，美债收益率大幅上升，美元指数创下多年来新高。由于市场预期特朗普新政可能会推升美国通胀压力和促使美联储更快加息，未来两年美元有望延续?</t>
  </si>
  <si>
    <t>爱学习的“字条政客”</t>
  </si>
  <si>
    <t>许多人知道英国政客利亚姆·伯恩是因为他“臭名昭著”的一张字条。伯恩是英国工党资深议员，曾任英国财政部首席大臣。在英国，财政大臣在内阁中排名仅次于首相，而财政部首席大臣一职则被认为是财政大臣的副手。这让当年不到40岁就在布朗政府就任此职的伯恩成为英国政坛</t>
  </si>
  <si>
    <t>网购推升西方“黑色星期五”消费</t>
  </si>
  <si>
    <t>网购推动了西方国家“黑色星期五”购物日零售额激增，据机构Adobe的统计，当天，美国在线购物交易额创下历史纪录，达33.4亿美元，首次突破30亿美元。而也有数据显示，英国“黑色星期五”网购比例也将超过五成。相关数据显示，加上前一天感恩节约19.3亿美元的在线销售额?</t>
  </si>
  <si>
    <t>印度央行令银行业缴纳近两个月存款</t>
  </si>
  <si>
    <t>印度央行26日宣布临时规定，要求银行业者将近两个月内吸纳的存款按100%的央行存款准备金率转至央行，以吸收因政府禁用大额纸币带来的额外流动性。印度总理纳伦德拉·莫迪8日突然宣布，废除500和1000面额卢比，代之以新版500面额卢比并发行2000面额卢比，以打击逃税和货?</t>
  </si>
  <si>
    <t>组阁之路：特朗普的班底与家底</t>
  </si>
  <si>
    <t>美国当选总统唐纳德·特朗普在公布其上任后的百日新政时表示，他的计划将基于一个非常简单的核心准则，那就是“把美国放在首位”，无论是在钢铁制造、汽车生产还是医疗领域。按照他的说法，希望下一代的生产和创新全部出现在美国的领土之上，为美国劳动者带来财富和就业岗位?</t>
  </si>
  <si>
    <t>汽车共享成趋势  传统车企纷转投</t>
  </si>
  <si>
    <t>自今年4月份以来，一辆辆蓝白相间的奔驰Smart汽车在重庆街头随处可见，在一些繁华商圈和居民社区内，甚至还专门建有其专属停车位。被誉为“山城”的西部重镇重庆，成为了戴姆勒智能交通服务集团旗下汽车共享服务品牌“即行car2go”在亚洲的首个运营城市。“即行car2go”</t>
  </si>
  <si>
    <t>“五个结合”办好塞展  推进中非产能合作</t>
  </si>
  <si>
    <t>由中国商务部主办、商务部外贸发展事务局承办、中国机电商会合作承办的2016年(非洲)中国商品和装备制造展（以下简称“塞展”），将于11月27至29日在塞内加尔举办。据了解，该展会目前国内企业报名参展踊跃，远超计划数。无论是政府部门还是企业，对此次塞展在推进中非产业对?</t>
  </si>
  <si>
    <t>中医药国际标准建设亟待提速</t>
  </si>
  <si>
    <t>从上海国际会议中心的中医药展示区、易筋经表演区到世界卫生组织总干事陈冯富珍前往上海中医药博物馆参观，从多国领导出席中医药论坛到外宾代表在“国家日”参与中国传统文化的互动……在上海气温骤降转入严冬之际，中医药成为第九届全球健康促进大会上的一大亮点。《经</t>
  </si>
  <si>
    <t>美元多头高歌猛进  日元延续贬值趋势</t>
  </si>
  <si>
    <t>本周公布的美国初请失业金、美国耐用品订单以及消费者信心指数等重磅经济数据表现抢眼，再加上美联储12月升息预期的支撑，美元多头再次爆发，刷新13年半的高位。美国10月耐用品订单初值环比涨4.8%，涨幅创2015年10月以来新高，大幅好于预期。美国耐用品订单在过去5个月?</t>
  </si>
  <si>
    <t>下周重点关注美国非农数据</t>
  </si>
  <si>
    <t>下周经济数据密集，外围重点关注美国10月核心PCE物价指数与11月非农就业报告，近期美国经济数据与就业数据表现强劲，市场预计美联储12月加息为大概率事件。国内重点关注11月官方PMI数据。11月29日，星期二，欧元区将公布11月经济景气指数；德国将公布11月CPI初值；美国?</t>
  </si>
  <si>
    <t>奥巴马会不会给特朗普留个“信封”</t>
  </si>
  <si>
    <t>美国大选已经尘埃落定，共和党候选人唐纳德·特朗普击败希拉里·克林顿，将于明年1月入主白宫。颠覆性的大选结果，打断了民主党奥巴马政府的政策延续性，意味着奥巴马的不少政策遗产将难以保全。从宏观经济上讲，奥巴马8年前接手白宫时美国正陷入二战后最严重的一场金融</t>
  </si>
  <si>
    <t>“脱欧”为英国经济带来诸多不确定性</t>
  </si>
  <si>
    <t>英国财政部23日发布“脱欧”公投后的首份财政报告“秋季声明”，下调了未来两年英国经济增长预期，但同时推出系列减税措施，并将积极加大在基础设施和科技领域的投入。在这份颇受关注的财政报告中，英国政府指出英国经济前景存在更多不确定性，“脱欧”带来了新机遇，但</t>
  </si>
  <si>
    <t>不良贷款东部双降西部双升</t>
  </si>
  <si>
    <t>《经济参考报》记者梳理多地银监局日前公布的三季度最新数据发现，在上海、浙江、宁波等东部沿海地区不良贷款余额和不良贷款率环比二季度呈双降态势的同时，甘肃等西部地区的不良贷款余额和不良率则呈现双升态势。另外，黑龙江、吉林、河南等省份的不良率仍高达3%以上。业内?</t>
  </si>
  <si>
    <t>日本汽车在美销量增速放缓</t>
  </si>
  <si>
    <t>随着美国汽车市场持续出现增长放缓趋势，日本汽车企业在北美市场的销售也正在放缓，预计今年的增长幅度将明显低于2015年。据《日本经济新闻》报道，丰田等6家车企2016年度销量预计仅为820万辆，比上一财年增长2.5%，这与2015年度7.8%的增速相比大幅减缓，将创出5年来的?</t>
  </si>
  <si>
    <t>英国拟将企业税降至17%</t>
  </si>
  <si>
    <t>据外媒报道，英国政府正在酝酿加快推出削减企业税的政策，希望借此改善企业投资环境。英国首相发言人21日表示，本届内阁已宣称，至2020年将企业税下调至17%。此前，媒体预计英国政府会将企业税降至低于15%，为全球20个最大经济体中最低，减税力度和速度均超预期。?</t>
  </si>
  <si>
    <t>孔雀河畔的国门</t>
  </si>
  <si>
    <t>夕阳下的孔雀河静静地穿过普兰，流至中尼边界的科迦村和斜尔瓦口岸，然后一路经尼泊尔，再往南到印度，汇入恒河。斜尔瓦口岸的一座铁索吊桥跨河而过。临近黄昏，河对岸尼泊尔境内的空地上每隔5分钟有一架直升飞机起飞。这是一个现代和原始画面的交织：尼泊尔籍的背夫不?</t>
  </si>
  <si>
    <t>警惕强势美元带来的“麻烦”</t>
  </si>
  <si>
    <t>美元持续升值，已成为当前世界经济运行的一大风险。一度有所稳定的大宗商品价格，再次出现暴跌；不少发展中国家，则受到资本急剧外流的冲击；即使是美国本身，强势美元背后的债务隐患亦不容低估。当前，强势美元主要受两个因素推动：第一，美国经济呈现向好趋势，加息预</t>
  </si>
  <si>
    <t>法国总统竞选的热门与冷门</t>
  </si>
  <si>
    <t>法国2017年总统竞选20日爆出冷门：前总统尼古拉·萨科齐在当天举行的中右翼政党共和党初选首轮投票中意外被淘汰。观察人士认为，萨科齐被淘汰，菲永拔头筹，表面看来出人意料，其实却在情理之中。此前在选战中相对低调的前总理弗朗索瓦·菲永赢得约44%的支持率，超出此?</t>
  </si>
  <si>
    <t>海外港口链助力中国和平崛起</t>
  </si>
  <si>
    <t>大国崛起的关键在于拥有强大的经济、工业和科技力量，但同时也必须要有强大的贸易和贸易通道来支撑。美国从英国的殖民地发展为全球霸主，得益于其审时度势地从“孤立主义”转为“扩张主义”，更得益于军事家马汉的“海权论”及其运用。经过30多年的快速增长，中国已成为</t>
  </si>
  <si>
    <t>英国如何建设莎翁小镇</t>
  </si>
  <si>
    <t>英国的灵魂在乡村。莎士比亚的故乡与安葬地埃文河畔的斯特拉福德位于英国中部的华威郡，这个约3万人的小镇每年要接待约50万来自世界各地的游客。小镇一方面通过发展旅游业自负盈亏、实现文物古迹的维护与基础设施的更新，另一方面又要避免过度商业化破坏小镇的宁静和历史厚重</t>
  </si>
  <si>
    <t>我国着力提高中欧班列运行效率</t>
  </si>
  <si>
    <t>11月18日，郑州国际陆港迎来了一辆特殊的专列。满载80辆宾利和路虎汽车的班列从德国汉堡出发，经过18天横跨欧亚的旅程后抵达郑州，这是中欧班列（郑州）运行三年多来首次开行的进口整车班列。经过多年努力，中欧班列正逐渐打破“有去无回”的困局，运行效率和效益不断提</t>
  </si>
  <si>
    <t>“一带一盟”为欧亚海运提供有效替代方案</t>
  </si>
  <si>
    <t>联合交通物流公司总裁阿列克谢·格罗姆接受新华社记者专访时说，丝绸之路经济带与欧亚经济联盟对接为先前以海运为主的欧亚运输提供有效替代方案，即铁路运输。联合交通物流公司2014年11月由俄罗斯、白俄罗斯和哈萨克斯坦铁路管理局共同成立，借助1520毫米宽轨提供中国/?</t>
  </si>
  <si>
    <t>德企呼吁美当局放行中企收购案</t>
  </si>
  <si>
    <t>对于美国当局日前反对中国企业收购案，德国芯片商爱思强发布公告称，希望找到解决方案，同时等待美方15日内的最终裁决。尽管中德企业双方已达成收购协议，但有可能成为美国阻挠中企收购欧洲企业又一案例。爱思强上周五表示，美国外国投资委员会(CFIUS)告知该公司，该委?</t>
  </si>
  <si>
    <t>中国华信在捷克加快投资布局</t>
  </si>
  <si>
    <t>记者从总部位于上海的中国华信能源有限公司（简称“中国华信”）获悉，其下属的上海华信集团资产经营公司日前竞得布拉格最大办公大楼，进一步加快在捷克的投资布局。中国华信收购的J＆T银行作为捷克政府方代表，与中国工商银行共同发起设立的中国－中东欧投资基金也正在积极?</t>
  </si>
  <si>
    <t>谁为白金汉宫装修埋单？</t>
  </si>
  <si>
    <t>白金汉宫是英女王伊丽莎白二世的居住和办公地，是君主立宪制国家英国的王权象征。这里在未来十年要迎来一次耗资近3.7亿英镑的大装修。白金汉宫动土装修，国之大事，何况这是这座金碧辉煌的宫殿二战后最大规模的一次修葺。装修工程巨大，仅要更换的电线长度就超过100英里</t>
  </si>
  <si>
    <t>马拉喀什气候变化大会：落实《巴黎协定》开启细节博弈</t>
  </si>
  <si>
    <t>为期12天的第22届《联合国气候变化框架公约》缔约方大会在摩洛哥中部城市马拉喀什举行。这是继本月4日《巴黎协定》正式生效后，全球首次召开气候变化会议。会议的主要议题是商讨落实这一协定的细节问题，各方均展现了共同应对气候变化的意愿和决心。但是，美国可能退出?</t>
  </si>
  <si>
    <t>资本与产业抱团出海渐成趋势</t>
  </si>
  <si>
    <t>商务部17日发布对外投资数据显示，1至10月，我国非金融类对外直接投资1459.6亿美元，同比增长53.3%，其中，对美国投资增长迅速，增幅达173.9%。值得关注的是，本轮中企对外投资热潮中，中国买家的结构发生了显著变化，私募买家、并购基金、财务投资者日益成为谈判桌上的</t>
  </si>
  <si>
    <t>京东集团第三季度净利同比增长逾10倍</t>
  </si>
  <si>
    <t>京东集团（纳斯达克股票代码：JD）11月15日发布了2016财年第三季度财报。财报显示，京东集团第三季度实现净收入607亿元，同比增长38%；第三季度交易总额（GMV）达到1588亿元，剔除虚拟商品的交易总额达1556亿元，同比增长47%；第三季度集团毛利额为96亿元，非美国通用会计准?</t>
  </si>
  <si>
    <t>拜尔斯道夫全球CFO探访村淘点  点赞称“前所未见”</t>
  </si>
  <si>
    <t>隆昌这个小县城被称为“四川东大门”，以清汤羊肉、石牌坊建筑群出名。而现今，农村淘宝电商服务站也正在成为这座县城新的经济发展名片。这座小县城独特的经营电商之道，不仅吸引了友邻县城的学习，连跨国巨头高管都特地上门取经。德国拜尔斯道夫集团首席财务官（CFO）J</t>
  </si>
  <si>
    <t>多重风险威胁欧洲经济增长前景</t>
  </si>
  <si>
    <t>欧盟最新经济数据显示，在第三季度经济整体增长的情况下，主要经济引擎德国增速放缓，显示景气程度不高，复苏不稳。另外，意大利宪法公投在即，政治动荡引发退出欧元区的猜测也令欧洲经济前景承压。欧盟统计局15日发布的报告显示，今年第三季度欧元区19国国内生产总值（</t>
  </si>
  <si>
    <t>奥巴马贸易政策遗产可能落空</t>
  </si>
  <si>
    <t>美国总统奥巴马在第二任期开始高调宣布将“跨太平洋伙伴关系协定”（TPP）和跨大西洋投资伙伴关系协定（TTIP）合称的“两洋”贸易战略纳入其核心政策议程，力图打造“立足于下一代和21世纪”的贸易体制，留下具有划时代历史意义的政治遗产。不料，打着反全球化旗号、贸易保护</t>
  </si>
  <si>
    <t>谷歌确认继续在英国建设新总部</t>
  </si>
  <si>
    <t>据外媒报道，美国科技巨头谷歌15日确认，将继续推动在英国投资建立新总部的项目。有分析预计，这笔投资的规模或将超过10亿英镑，将在2020年之前为英国创造3000个工作岗位。此举被视为跨国企业对公投“脱欧”之后的英国投出的一张信任票。据报道，新总部计划将包括在当前</t>
  </si>
  <si>
    <t>全球债市现抛售潮</t>
  </si>
  <si>
    <t>唐纳德·特朗普当选美国总统的消息仍在持续影响金融市场。投资者预期特朗普的刺激主张可能推动经济加速增长和通胀回升，这意味着美联储或将加快加息的步伐。在此预期下，美国、英国、德国和日本等国的国债收益率出现全线上涨，美元走强。全球债券市场14日继续暴跌。美国</t>
  </si>
  <si>
    <t>希腊经济两年来首次“技术性”走出衰退</t>
  </si>
  <si>
    <t>希腊政府14日公布的数据显示，希腊第三季度国内生产总值（GDP）环比增长0.5%，同比增长1.5%，连续两个季度实现增长。这是希腊经济自2014年以来首次“技术性”摆脱衰退。希腊经济第二季度环比增长0.2%。一般意义上，经济连续两个季度保持增长就可认为摆脱衰退。不过，希?</t>
  </si>
  <si>
    <t>特朗普能让英国巧克力重起来吗？</t>
  </si>
  <si>
    <t>英国人最近在吐槽一件事：他们熟悉的瑞士三角巧克力（Toblerone）在英国市场缩水了。因为原料价格上涨，生产厂商决定让隆起的巧克力片之间的距离变大，减轻每盒巧克力的重量，从而在售价不变的前提下降低成本。虽然厂商否认巧克力的“变形”与“脱欧”有关，但却难以解?</t>
  </si>
  <si>
    <t>担心欧盟业务不便  大银行酝酿撤离伦敦</t>
  </si>
  <si>
    <t>担忧“脱欧”造成英国丧失欧盟市场自由准入待遇，外资大银行正在撤离英国。德国、法国等欧洲国家正争抢这部分企业，意图借机稳固其金融中心的地位。德国财政部人士14日表示，接到越来越多金融机构的申请，这些机构在英国决定脱离欧盟之后，考虑迁往德国。已拥有德意志银</t>
  </si>
  <si>
    <t>联合国环境规划署呼吁加大减排力度</t>
  </si>
  <si>
    <t>在《巴黎协定》生效前一天，联合国环境规划署呼吁各国加大减排力度，以确保全球平均气温较工业化前水平升高2摄氏度以内的目标能够实现。联合国环境规划署日前在伦敦发布《2016排放差距报告》。报告显示，按各国在2030年的预期温室气体排放水平测算，即使《巴黎协定》充?</t>
  </si>
  <si>
    <t>我国应制定一部怎样的众筹法</t>
  </si>
  <si>
    <t>众筹能够为那些存在资金缺口的中小微企业提供资金支持，鼓励创新、创业和创意项目，有助于提高就业率和促进经济增长。为此，许多国家通过修改证券法，为证券型众筹的发展提供制度空间。应在众筹发行的核准或注册要求方面作出豁免规定，这需要由全国人大常委会对《证券法</t>
  </si>
  <si>
    <t>TPP搁浅在即  多国欲寻求替代方案</t>
  </si>
  <si>
    <t>美国主导的跨太平洋伙伴关系协定（TPP）日前被奥巴马政府正式交给继任者特朗普处理，这意味着该协定搁浅在即。此举正引发协定相关国商讨替代方案，即，加入其他自贸圈或在剔除美国的情况下继续成立自己的自贸圈。美国白宫高级官员11日表示，奥巴马政府已清楚认识到美国?</t>
  </si>
  <si>
    <t>支付34亿美元  丰田在美达成生锈诉讼和解</t>
  </si>
  <si>
    <t>据外媒报道，日本丰田汽车就部分皮卡和运动型多功能车(SUV)的防锈措施不充分在美达成诉讼和解，同意支付34亿美元用于修理等费用。这成为大型汽车厂商因质量问题承担高额费用的最新案例。报道称，丰田已经同意支付34亿美元来和解由美国车主提起的相关集体诉讼。这些车主?</t>
  </si>
  <si>
    <t>收购海外俱乐部须重视长远经营</t>
  </si>
  <si>
    <t>近期，中国资本收购海外顶级俱乐部蔚然成风。收购法甲尼斯足球俱乐部刚满4个月的7天酒店集团创办人、俱乐部监事会主席李建日前表示，收购球会并不难，如何长远经营、应对未来各种风险和危机才是中企需要关注的。在接受《经济参考报》记者专访时，李建说，他和他的美国投</t>
  </si>
  <si>
    <t>日渐萧条的美国“煤仓”</t>
  </si>
  <si>
    <t>从华盛顿驱车西行，沿52号公路约5个小时，驶入西弗吉尼亚州南部的阿巴拉契亚山区，眼前便是曾经繁荣一时的麦克道尔县煤矿区，整个区域涵盖10多个靠煤炭生存的小镇。这个曾经享有美国“煤仓”美誉的小镇，如今已看不到昔日的繁华，破败不堪的房屋随处可见，除加油站和一?</t>
  </si>
  <si>
    <t>出口转强  日本经济增长超预期</t>
  </si>
  <si>
    <t>日本内阁府14日公布的日本经济三季度初值显示，得益于出口数据由负转正，日本经济今年第三季度通胀经调整后环比增长0.5%，折合成年率为增长2.2%，超过市场普遍预期。这是日本经济连续第三个季度呈现扩张态势。日本共同社的报道称，从数据上看，日本国内居民消费和企业投</t>
  </si>
  <si>
    <t>虚报销售收入  东芝再涉财务造假</t>
  </si>
  <si>
    <t>据日本媒体报道，东芝公司宣布，因子公司伪造并挪用订货单等票据，截至2016年9月底，累计虚报销售收入5.2亿日元（约合人民币3320万元）。这是东芝公司近年来曝出的最新一起财务造假事件，对该公司的品牌将再次形成打击。东芝称，涉及造假的子公司是开展机械设备系统安装</t>
  </si>
  <si>
    <t>中英经济财金对话达成多项共识</t>
  </si>
  <si>
    <t>第八次中英经济财金对话近日在伦敦举行，双方就宏观经济形势和政策、贸易投资和市场准入、金融服务与金融市场发展、基础设施和产业战略等议题进行了深入探讨，并达成多项成果与共识。分析认为，这为中英两国关系“黄金时代”注入了更多实质性内容，为今后两国合作拓展了更加?</t>
  </si>
  <si>
    <t>金价持续下跌  创5个月低点</t>
  </si>
  <si>
    <t>由于美国大选的不确定性消退，加上美联储12月份加息的预期再度升温，当周国际金价连续五个交易日下跌，刷新5个月来的新低，结束此前连续三周上涨的势头。当周投资者对于原油市场供过于求局面的担忧再次加剧，国际油价走低。截至11日收盘，纽约市场金价收报每盎司1224.3?</t>
  </si>
  <si>
    <t>中国电商改变澳大利亚行业生态</t>
  </si>
  <si>
    <t>近年来，澳大利亚的奶粉、保健品、羊毛制品等商品在中国越来越受欢迎。中国消费者的巨大需求在澳大利亚华人圈内催生了代购这个新行当，也促使京东、淘宝等电商平台进军澳大利亚，开设澳洲专区。中国的电商网购平台甚至在一定程度上改变了澳大利亚一些行业的生态。澳大利</t>
  </si>
  <si>
    <t>特朗普如何影响中美关系</t>
  </si>
  <si>
    <t>特朗普“意外”当选美国总统，产生巨大话题效应，美国政策连续性受阻、保护主义扩大的担忧蔓延，市场更是以剧烈震荡予以反应。但新总统真正会带来何种变化，尤其是对我国的影响，不能仅以其竞选时的口号作为参照，客观、理性地看待十分重要，因为合作发展机遇一直蕴藏在</t>
  </si>
  <si>
    <t>特朗普当选加剧全球市场动荡</t>
  </si>
  <si>
    <t>当地时间11月8日，美国全国各地开始大选投票，9日出炉的计票结果显示，共和党总统候选人唐纳德·特朗普击败民主党总统候选人希拉里·克林顿，当选美国第45任总统。尽管美国主流媒体和选前的各类民调普遍看好希拉里，但选民用选票表达了不同声音。特朗普当选引发投?</t>
  </si>
  <si>
    <t>特朗普胜利的背后</t>
  </si>
  <si>
    <t>出乎很多人的意料，特朗普赢得了美国大选。他是一个没有从政经验的房地产商，很多政策主张似乎也不具备可行性，但他依然战胜了被认为经验丰富的希拉里。神奇大逆转背后，至少反映了当下世界的三大趋势。第一，得社交媒体得天下。特朗普是一个标准的美国“网红”，他在推</t>
  </si>
  <si>
    <t>我国率先策动“透明计算革命”</t>
  </si>
  <si>
    <t>可量身定制、用完即走，能以终端“小成本”共享智能“大平台”……凭借诸多优点，近年来透明计算在可穿戴设备、医用胶片打印、办公自动化和无人机等智能终端领域，学术和产业化均取得进展。记者在研发基地实地调研获悉，目前美国、日本、加拿大等国企业和国防等机构都在从不?</t>
  </si>
  <si>
    <t>丰田连续两个财季利润下滑</t>
  </si>
  <si>
    <t>丰田8日公布最新业绩，受日元升值和美国购车者转而青睐卡车、运动型多用途车（SUV）等影响，丰田汽车第二财季利润下滑。该公司将采取削减成本的常规做法来提振利润，并小幅上调了截至2017年3月财年的利润预期。丰田汽车第二财季净利润从去年同期的6117亿日元降至3937亿?</t>
  </si>
  <si>
    <t>欧佩克：石油需求2040年或见顶</t>
  </si>
  <si>
    <t>石油输出国组织（欧佩克）8日发布报告称，如果能源利用效率在今后不断提高，国际原油需求将在2040年达到平台峰值。欧佩克在2016年国际原油展望报告中称，如果国际社会在今后能够提高能源在各领域的利用效率，国际市场对原油的需求量将在2040年达到一个平台峰值，届时原?</t>
  </si>
  <si>
    <t>财政整肃再成欧盟财长会焦点</t>
  </si>
  <si>
    <t>欧盟财长会8日在布鲁塞尔举行，尽管以希腊为代表的经济受援国近期改革进程稳定，债务紧张程度下降，但更多高债务国家如何通过改革遵守财政纪律将成为欧盟内部争议点。在7日举行的欧元集团会议上，欧元集团主席戴塞尔布卢姆表示，塞浦路斯和西班牙在得到经济援助后，近期</t>
  </si>
  <si>
    <t>双11成西方观察“中国式创新”窗口</t>
  </si>
  <si>
    <t>进入第8年的双11，变革在更加深刻地发生。10月20日举行的“2016天猫双11全球狂欢节”启动仪式上，阿里巴巴集团CEO张勇直言，双11成功的标志就是创新。在西方，双11背后的技术和模式革新正被视为观察“中国式创新”的窗口，当中国买家们忙着往购物车力塞商品时，西方媒体</t>
  </si>
  <si>
    <t>华尔街多数“押宝”希拉里</t>
  </si>
  <si>
    <t>美国大选当地时间8日进入投票阶段。华尔街多数预期民主党总统候选人希拉里·克林顿获胜几率较高。虽然希拉里多次公开表示当选后将从严治理金融业，但华尔街依然广泛支持她，因为金融大佬们更不愿让共和党总统候选人特朗普当选。由于美国联邦调查局日前宣布维持不建议就?</t>
  </si>
  <si>
    <t>美大选来临  大银行备战市场动荡</t>
  </si>
  <si>
    <t>据外媒报道，美国大选来临，不少大型银行未雨绸缪，积极备战，准备应对大选过后金融市场可能会出现的动荡。10月9日，美国大选结果将陆续出炉，亚洲将是第一波针对大选结果交投的市场。侧重亚洲业务的银行汇丰和日本野村控股等机构都在增派人手，其他一些机构则要求追加?</t>
  </si>
  <si>
    <t>双11包裹奇迹背后：菜鸟网络引领中国“新物流”革命</t>
  </si>
  <si>
    <t>快递奇迹，将再次刷新属于中国的世界纪录。2013年，92亿单；2014年，139.6亿单——首次超越美国；2015年，再创纪录，达到207亿单；随着2016年双11再度来临，天量包裹备受瞩目。短短10年时间，中国快递业完成了对美国多年积累的超越。阿里巴巴集团董事局主席马云说?</t>
  </si>
  <si>
    <t>谁的经济政策更受青睐</t>
  </si>
  <si>
    <t>在过去几年的美国总统大选中，随着总统选举日临近，民主、共和两党总统候选人都会就各自竞选政策纲领特别是经济政策展开激烈辩论。但在今年的选举中，媒体、公众和总统候选人都更多纠缠于“邮件门”“避税门”“录音门”等个人丑闻，对实质政策内容的辩论不多。美国民意</t>
  </si>
  <si>
    <t>丰田计划量产纯电动汽车</t>
  </si>
  <si>
    <t>随着各国在汽车环保方面的要求不断提高，日本丰田公司拟将纯电动汽车纳入公司环保车的支柱产品。据日本媒体7日报道，丰田首次披露了纯电动汽车生产的具体计划。丰田计划到2020年建立并完善纯电动汽车批量生产体系，正式进军纯电动汽车市场。目前丰田方面已朝这一目标着?</t>
  </si>
  <si>
    <t>美国大选阴霾笼罩市场</t>
  </si>
  <si>
    <t>在美国总统选举最后一轮公开辩论之后，由于美国联邦调查局（FBI）重启“邮件门”调查，希拉里和特朗普民调支持率出现反复，不确定性致市场承压。美国总统大选已经进入最后阶段，11月8日将进行选举投票。大选前最后一轮公开辩论结束时，希拉里的民调支持率领先特朗普10个</t>
  </si>
  <si>
    <t>中企海外并购进入深水区</t>
  </si>
  <si>
    <t>进入2016年，全球海外并购在2015年高潮之后略现回落，而中企出海势头更猛。在并购视野更为广阔的情况下，企业正遭遇更多政策规则和保护主义挑战，未来需要多方努力加以厘清应对。逆势上升10年前，美国《商业周刊》曾刊文，“中国正进入购并时代。”现在跨国并购正?</t>
  </si>
  <si>
    <t>美联储按兵不动  12月加息概率增大</t>
  </si>
  <si>
    <t>11月2日，美联储再次宣布维持联邦基金利率不变，同时表示通胀水平有所回升，再次加息的条件继续加强。市场人士分析认为，12月美联储将召开今年最后一次议息会议，加息概率再度上升。当天在结束货币政策例会后，美联储表示，9月以来的经济数据显示美国就业市场继续改善，</t>
  </si>
  <si>
    <t>以文带医显成效  以医带药推进慢</t>
  </si>
  <si>
    <t>近三年，甘肃省与吉尔吉斯斯坦持续开展中医药合作，坚持“以文带医、以医带药、以药兴商”思路，所开展的中医服务得到当地官员、医生、患者的多层面认可，主动学习中医的人不断增多，中药注册和出口也取得突破。业内人士表示，中医药走向世界是中医药学发展的必然，中医</t>
  </si>
  <si>
    <t>eWTP  用技术拉近世界的可能</t>
  </si>
  <si>
    <t>本周，蚂蚁金服公布了公司全球化战略。在公布战略的同一天，蚂蚁金服还与泰国支付企业Ascend Money签订战略合作协议。蚂蚁金服将对Ascend Money展开战略投资，计划把在中国已经顺利推广的普惠金融模式复制到泰国，在未来5年，有望服务泰国一半以上的网民。作为东南亚最?</t>
  </si>
  <si>
    <t>原汁原味创业史</t>
  </si>
  <si>
    <t>当下，互联网企业风光无限，各种创新理念、名词层出不穷，然而，一家传统制鞋企业却连续10年牢牢抓住清华大学经济管理学院、中欧国际工商学院和哈佛商学院三家世界顶尖商学院眼球，成为他们高层经理培训项目重点剖析研究的样板，这家企业就是耐克。耐克究竟怎样魅力迷人</t>
  </si>
  <si>
    <t>中国跨境电商积极布局非洲市场</t>
  </si>
  <si>
    <t>近年来，中非双边务实合作快速发展，两地间贸易和投资增长迅速。在电商领域，非洲市场也吸引着中国跨境电商企业着手布局。“集酷KiKUU”创始人兼首席执行官徐征2日表示，国内跨境电商正帮助更多商家开拓非洲市场，同时也满足当地经济发展和居民改善生活的迫切需求。随着</t>
  </si>
  <si>
    <t>物博会“黑科技”巡礼</t>
  </si>
  <si>
    <t>10月30日至11月1日，2016世界物联网博览会在无锡举行，来自23个国家和地区的3000多位企业家和专家学者参加了此次盛会，吸引了微软、IBM、西门子、阿里巴巴、华为、中国移动等众多国内外知名企业参展。作为本次世界物联网博览会的重头戏之一，物联网应用和产品展览这几天</t>
  </si>
  <si>
    <t>原油市场供需明年有望达到平衡</t>
  </si>
  <si>
    <t>沙特阿拉伯国家石油公司总裁、首席执行官纳塞尔1日预测，明年上半年国际原油市场供需可达到平衡，油价将稳步回升。这与不久前国际能源署主席比罗尔的看法相一致。但有分析指出，这样乐观的估计需要以石油输出国组织（欧佩克）履行减产承诺为基础，如果减产计划难以执行，国际</t>
  </si>
  <si>
    <t>日元走强  上市日企上半财年盈利减两成</t>
  </si>
  <si>
    <t>据日本媒体报道，日本上市企业2016财年上半年（4月至9月）净利润同比减少两成。原因是受到了日元大幅升值和新兴市场国家经济增长减速等因素影响。《日本经济新闻》汇总了10月31日前发布2016年4月至9月财报的501家日本上市企业（不包括金融等，公司数量占整体的32%）的业</t>
  </si>
  <si>
    <t>欧元区三季度增长和通胀符合预期</t>
  </si>
  <si>
    <t>10月31日，欧元区公布了经济增长和通货膨胀两项主要经济数据，均符合预期，其中通胀水平回升至两年高点，但仍距欧洲央行目标有较大差距。欧盟统计局31日发布的数据显示，欧元区第三季度国内生产总值（GDP）初值环比增长0.3%，与第二季度环比增速持平，第三季度同比增长?</t>
  </si>
  <si>
    <t>并购大戏：全球汽车电子业谁唱主角</t>
  </si>
  <si>
    <t>全球汽车电子领域的并购活动被美国高通推向了新高潮。10月底，高通抛出470亿美元宣布收购市场占有率全球第一的汽车电子元件制造商荷兰恩智浦半导体集团，这离后者完成对飞思卡尔的全球收购行动还不足一年时间。在此之前，恩智浦的竞争对手先后出手，德国英飞凌全资收购?</t>
  </si>
  <si>
    <t>为俄中经贸合作寻找新增长点</t>
  </si>
  <si>
    <t>俄罗斯工业和贸易部长曼图罗夫日前接受记者专访时表示，俄中务实合作发展迅速、前景广阔，双方应最大程度挖掘合作潜力，寻找新的增长点，进一步提高双边经贸合作规模。目前，中国是俄罗斯第一大贸易伙伴。在双方共同努力下，双边贸易额今年上半年止跌回升，达到317.2亿?</t>
  </si>
  <si>
    <t>业绩造假  乐购或遭机构投资者索赔1亿英镑</t>
  </si>
  <si>
    <t>据外媒报道，英国连锁超市巨头乐购因虚报利润丑闻被部分机构投资者追讨损失，金额可能达到1亿英镑。虽然丑闻曝出已有两年，乐购需为此付出的沉重代价还远没有结束。据英国《卫报》报道，有124家机构投资者10月31日向乐购提起诉讼，追讨约1亿英镑损失。这些投资者认为，?</t>
  </si>
  <si>
    <t>中企海外并购需全方位提升“内功”</t>
  </si>
  <si>
    <t>近日，中企海外并购遇阻的消息频频传来。据报道，中国化工收购瑞士先正达的项目遇阻，先正达方面表示，欧盟监管机构或将审批延期至明年年初进行，这起涉约430亿美元的并购案是有史以来最大金额的海外并购案。此外，一周之内，两个中资并购德国企业的案例也先后被德国政府叫停</t>
  </si>
  <si>
    <t>英国央行货币政策料将按兵不动</t>
  </si>
  <si>
    <t>英国央行（英格兰银行）11月3日将举行货币政策会议，并发布季度通胀报告，外界预期本次会议将维持现行货币政策不变。另据外媒10月30日报道，英国央行行长马克·卡尼可能在今年年底前辞职，英国央行最快或于本周就此作出声明。英国《泰晤士报》和《每日邮报》等媒体报道?</t>
  </si>
  <si>
    <t>全球电商从资本配置转向贴身肉搏</t>
  </si>
  <si>
    <t>目前，零售渠道的竞争一方面依然依靠传统模式，如美国的沃尔玛、好市多、德国Schwerz、英国乐购、法国家乐福等；另一方面则是以阿里巴巴、亚马逊、eBuy、京东和日本乐天等为代表的“互联网+”模式。“互联网+” 竞争模式的一大特点就是，让消费者以更低的价格和更迅捷的</t>
  </si>
  <si>
    <t>“了解国际规则才能无往不利”</t>
  </si>
  <si>
    <t>“在参与国际贸易和应对贸易争端时，只有了解国际规则，利用好规则，才能无往而不利。”刚刚结束任期的世界贸易组织上诉机构首位中国籍大法官张月姣近日在接受记者专访时强调。世贸组织上诉机构有着世界贸易“最高法院”之称，世贸组织成员之间发生贸易争端并提请世贸组</t>
  </si>
  <si>
    <t>苏格兰为何总跟英国闹“分手”</t>
  </si>
  <si>
    <t>“哈格斯”和悠扬的风笛、浓郁民族风的方格裙一样，成为苏格兰努力将自己与英格兰区别开来的标志之一。几乎在爱丁堡的每个餐馆，都能找到“哈格斯”。苏格兰人会自豪地对你说，好好体验一下“苏格兰自己的独特味道”。在爱丁堡一家有400年历史的小餐馆，玻璃窗把苏格兰?</t>
  </si>
  <si>
    <t>中国快递民企开启“二次创业”</t>
  </si>
  <si>
    <t>在经济增速放缓之际，中国快递业的快速扩张引人瞩目。业内人士认为，登陆资本市场，对处于由“大”转“强”关键期的中国快递企业来说，具有里程碑意义。作为中国民营快递领军企业之一，中通快递10月28日正式在美国纽交所挂牌交易，共发行7210万股，募资规模14亿美元。这</t>
  </si>
  <si>
    <t>欧加签署自贸协定  双边贸易额或年增120亿欧元</t>
  </si>
  <si>
    <t>欧盟与加拿大10月30日在布鲁塞尔召开了峰会，双方签署了双边自由贸易协定《综合经济与贸易协定》。根据协定，欧盟和加拿大将消除几乎所有关税，建立更开放的市场。此外，双方还签署了《战略伙伴关系协议》，欧盟和加拿大将扩大双方在外交政策、安全和国防、能源和气候变化、?</t>
  </si>
  <si>
    <t>美国经济回暖  年内加息预期升温</t>
  </si>
  <si>
    <t>美国最新公布了多项关键经济数据，显示经济基本面持续向好，为该国12月份加息提供了更强支撑，但市场人士称，美国实体经济仍有改善空间。美国商务部10月28日公布的初步统计显示，今年第三季度美国实际国内生产总值（GDP）按年率计算环比增长2.9%，好于前一季度1.4%的增速</t>
  </si>
  <si>
    <t>AT＆T收购时代华纳  昭示发展大趋势</t>
  </si>
  <si>
    <t>美国电信运营商美国电话电报公司（AT＆T）日前宣布，将斥资854亿美元，采用现金加股权的方式收购时代华纳公司。这一并购如果得到美国监管部门批准，将成为今年以来最大规模并购案。华尔街专家分析认为，未来信息发展“内容为王”，一家即拥有“内容”又拥有“渠道”的公?</t>
  </si>
  <si>
    <t>亚马逊三季度盈利不及预期</t>
  </si>
  <si>
    <t>美国亚马逊公司最新发布的第三财季报告显示，第三财季利润达到2.52亿美元，为2016财年最低，每股收益则未能达到分析师预期，另外受各领域投资不确定性影响，该公司股价接连下挫。亚马逊第三财季数据显示，物流成本上升43%，至39亿美元。总营业开支增加31.5%至109.4亿美元</t>
  </si>
  <si>
    <t>欧佩克未达成减产协议  油价承压下行</t>
  </si>
  <si>
    <t>上周国际油价跌回至50美元一线以下，而金价等贵金属受避险因素驱动接连走高。欧佩克及非欧佩克产油国10月29日在维也纳结束为期两天的会谈，但由于欧佩克内部就落实减产存在分歧，导致磋商过后各方未能达成任何合作协议。欧佩克代表称，专家们将在11月25日再度开会，讨论?</t>
  </si>
  <si>
    <t>刘振亚呼吁各国共推全球能源互联网创新发展</t>
  </si>
  <si>
    <t>来自国家电网公司消息，美国当地时间10月26日，由联合国经济和社会事务部、全球能源互联网发展合作组织联合主办的高级别研讨会在纽约联合国总部举行。全球能源互联网发展合作组织主席、中国电力企业联合会理事长刘振亚发表主旨演讲时表示，构建全球能源互联网是实现可持续发?</t>
  </si>
  <si>
    <t>德意银行风险引欧洲金融危机担忧</t>
  </si>
  <si>
    <t>近日，欧洲银行业很不平静。德意志银行前途未定，意大利西雅那银行股票又遭投资者抛售。英国央行甚至要求英国大型银行上报其持有的德银和几家意大利大银行的风险敞口，这些银行成为烫手山芋。分析人士担心，欧洲银行危机有可能演变成一场金融危机。德银成了引爆欧洲银行</t>
  </si>
  <si>
    <t>世纪游轮305亿收购以色列游戏公司</t>
  </si>
  <si>
    <t>巨人网络壳公司世纪游轮近日发布公告称，将以总价305亿元人民币收购以色列游戏公司“普乐”（Playtika）。这也是继腾讯86亿美元收购芬兰手游开发商“超级细胞”（Super Cell）84.3%股权后，今年国内游戏行业第二大跨国并购案。“普乐”是国际著名的休闲社交棋牌类网络游</t>
  </si>
  <si>
    <t>英国第三季度经济增速微降</t>
  </si>
  <si>
    <t>英国27日公布的第3季度经济增长率为0.5%，这是该国退出欧盟公投后的首份整季表现，低于第2季度0.7%的增长率，显示“脱欧”负面效应已经显现，但经济严重放缓的局面并未出现，这进一步降低英国央行下周再度降息的可能性。当天英国国家统计局公布的第3季度经济增长率为0.5</t>
  </si>
  <si>
    <t>德拉吉：超低利率非欧元区“新常态”</t>
  </si>
  <si>
    <t>欧洲中央银行行长德拉吉25日在柏林发表讲话指出，欧洲央行已经意识到超宽松的货币政策让金融行业付出越来越大的代价，并不倾向于维持负利率太长时间。有市场人士预计，欧洲央行有可能在12月份的货币政策会议上扩大其1.7万亿欧元的债券购买计划。也有分析认为，欧洲央行在维持</t>
  </si>
  <si>
    <t>美国批准大众147亿美元和解排放门案</t>
  </si>
  <si>
    <t>美国25日批准了大众汽车高达147亿美元的“排放门”丑闻和解案，大众表示将于11月中旬开始召回受影响车辆。美国旧金山地方法院法官布雷尔同意了大众汽车与联邦及加州监管机关以及47.5万辆排污柴油车车主之间的和解案。大众2015年9月承认在所生产的柴油车上安装秘密?</t>
  </si>
  <si>
    <t>一把尖刀插在了欧盟的心脏</t>
  </si>
  <si>
    <t>一把尖刀插在了欧盟的心脏。这句话是欧盟前贸易专员曼德尔森说的。因为欧盟与加拿大谈判多年达成的自由贸易协定(CETA)，欧盟28国中27国都同意了，但因为比利时一个地方政府的反对，竟然处于崩溃边缘。加拿大国际贸易部长欲哭无泪，欧盟28国领导人束手无策。英国《金融时</t>
  </si>
  <si>
    <t>德国重开中企并购爱思强审查</t>
  </si>
  <si>
    <t>中国在海外投资大幅增长成为发达国家业界的焦点，中国买家大手笔的收购不仅屡屡见诸当地报端，还引发了一阵保护主义情绪兴起，中企重要投资目的地德国近期甚至酝酿出台新政，在欧盟范围对海外投资设限、严加管控。德国半导体工业设备制造企业爱思强公司24日发布新闻公告</t>
  </si>
  <si>
    <t>意大利公投再度考验欧盟</t>
  </si>
  <si>
    <t>12月4日，意大利将进行宪法改革公投。若公投结果与主流建制派的愿望相反，意大利总理伦齐自上台以来推进的结构性改革将遭遇重挫，欧元区金融市场恐陷入动荡，由此欧盟一体化将承受英国脱欧之后的第二轮冲击。2014年2月，中左派的民主党人伦齐以凌厉的改革之势替代党内竞</t>
  </si>
  <si>
    <t>海航65亿美元入股希尔顿</t>
  </si>
  <si>
    <t>美国酒店巨头希尔顿集团24日发表公告称，中国海航集团将斥资约65亿美元从黑石集团手中收购约25%希尔顿集团股份，成为希尔顿的长期战略投资者。收购完成后，海航将成为希尔顿的最大股东。这也是中国企业收购美国酒店的最新案例。公告显示，此次收购为全现金收购，折合股?</t>
  </si>
  <si>
    <t>中欧班列规划需要更高层次的系统统筹</t>
  </si>
  <si>
    <t>近日，国家发改委网站公布了《中欧班列建设发展规划（2016-2020）》（下简称《规划》），其目标是，到2020年，基本形成布局合理、设施完善、运量稳定、便捷高效、安全畅通的中欧班列综合服务体系。《规划》的目标一旦达成，货运积聚效应将会释放，而国际贸易“单一窗口?</t>
  </si>
  <si>
    <t>中欧班列首次实现全程运邮</t>
  </si>
  <si>
    <t>前段时间，来自重庆的26袋邮包完成了一次“特殊”的旅程。它们搭乘“中欧·渝新欧”班列从重庆出发，15天后顺利抵达德国法兰克福邮件处理中心，截至10月21日，已全部成功投递。业内人士认为，此次中欧班列全程运邮测试的成功，开辟了性价比更高的国际邮包运输新模式，将</t>
  </si>
  <si>
    <t>AT＆T并购时代华纳引发垄断担忧</t>
  </si>
  <si>
    <t>美国电话电报公司（AT＆T）日前宣布巨资并购时代华纳。随后，美国民主、共和两党对这笔并购交易会否引发垄断提出质疑，该并购案能否获批的不确定性大大增加。AT＆T22日宣布，将以854亿美元现金加股权的方式收购时代华纳公司。如果该并购案最终获批，将成为年内全美最大?</t>
  </si>
  <si>
    <t>英国为什么欢迎华为</t>
  </si>
  <si>
    <t>从伦敦乘火车，20分钟就到了华为英国总部所在地雷丁镇。与伦敦相比，雷丁地价便宜、距牛津大学也不远，附近还有著名旅游景点的温莎城堡，这里成了包括华为在内的一些企业办公大楼的青睐之所。当地出租车司机听我们说要去华为，点头说知道，地址都没看，上车就走。华为的</t>
  </si>
  <si>
    <t>Rethink  Robotics开拓中国机器人市场</t>
  </si>
  <si>
    <t>总部位于美国波士顿的Rethink Robotics公司，与中国湖南瑞森可机器人技术有限公司共同宣布双方合作升级，开拓中国智能协作机器人市场。Rethink Robotics是在北京举行的世界机器人大会上宣布上述消息的。Rethink Robotics总裁兼首席执行官斯高特·艾克特称，该公司机器人</t>
  </si>
  <si>
    <t>德银真的会倒下吗</t>
  </si>
  <si>
    <t>德国媒体日前报道，德国最大商业银行德意志银行（德银）首席财务官马库斯·申克在公司高层会议上表示，为继续削减经营成本，德银可能还需再裁撤1万个工作岗位。报道称，申克并未谈及需要裁员的具体部门。德银监事会也尚未将该裁员计划提上议事日程。由于2008年金融危机前不当</t>
  </si>
  <si>
    <t>希拉里特朗普经济政策“亮底牌”</t>
  </si>
  <si>
    <t>美国总统大选进入白热化阶段，希拉里·克林顿和特朗普两位候选人在当地时间10月19日举行了最后一轮公开辩论。此后，美东时间11月8日晚将举行全民投票选举，产生代表50个州和哥伦比亚特区的538位选举人。美东时间12月19日白天，选举人将进行最后投票。大选冲刺阶段唇枪舌</t>
  </si>
  <si>
    <t>施通普夫：成也富国败也富国</t>
  </si>
  <si>
    <t>深陷账户造假丑闻的美国第二大银行富国银行日前宣布，首席执行官（CEO）约翰·施通普夫将即刻退休，放弃董事长职位。事实上，摆在面前的金融监管难题依旧是，如何进行全球协作、重建金融秩序，以更为缜密的监管、更加灵活的干预，为实体经济砌上一道“防火墙”，将潜在?</t>
  </si>
  <si>
    <t>古巴印象</t>
  </si>
  <si>
    <t>或许你还没有去古巴，但你一定看到过太多文艺青年穿着印有切·格瓦拉的衣服走在自由的大街上。或许你还不了解古巴，但你一定听说过“导弹危机”曾将世界两大强国推向了一触即发的核战争边缘。或许你觉得古巴离你太遥远，但你身边或许正有人抽着古巴的雪茄、喝着古?</t>
  </si>
  <si>
    <t>针灸与注射：东西方两种思维模式</t>
  </si>
  <si>
    <t>针灸起源于中国，是中国传统文化最具特色的内容之一。在日前举办的《道法自然：从疏浚河道到疏通经脉》沙龙上，北京广济中医院专家、北京中医药大学白兴华教授从多个角度阐述了中医针灸技术的产生及特点。谈到大众对于针灸存在的误解，白兴华表示，大家对针刺的拒绝一方面是?</t>
  </si>
  <si>
    <t>上合组织经济论坛力推区域合作</t>
  </si>
  <si>
    <t>上合组织经济论坛20日在北京举行，这次论坛以区域经济合作为主题，主要议题包括上合组织成员国经济一体化及贸易制度安排、上合组织贸易投资便利化及金融自由化、促进上合组织互联互通及产能合作。围绕经济一体化和贸易制度安排，与会代表商讨了扩大多边经贸合作，加强上</t>
  </si>
  <si>
    <t>欧洲央行将维持宽松货币政策不变</t>
  </si>
  <si>
    <t>欧洲央行20日将举行例行货币政策会议。不少分析认为，欧洲央行将会继续维持目前的宽松货币立场以帮助提振经济和刺激通胀回升，但不大可能推出新的宽松措施。市场目前仍然预期欧洲央行可能于12月份再度增加额外的宽松措施。欧洲央行行长德拉吉将在会后举行新闻发布会。不</t>
  </si>
  <si>
    <t>“一带一路”助力全球航空运输业发展</t>
  </si>
  <si>
    <t>阿联酋航空公司总裁蒂姆·克拉克18日在迪拜表示，“一带一路”倡议将对全球航空运输业发展起到助推作用。由国际航空运输协会主办的第六届世界乘客研讨会当天在迪拜开幕，克拉克对记者说，中国提出的“一带一路”倡议鼓励亚洲、非洲和欧洲之间的多边贸易与投资，这对世界</t>
  </si>
  <si>
    <t>美国9月消费价格指数环比上涨0.3%</t>
  </si>
  <si>
    <t>美国劳工部18日公布的数据显示，美国9月消费价格指数增速继续加快，显示通胀上行压力有所回升。数据显示，9月份美国消费价格指数经季节调整后环比上涨0.3%，高于前月0.2%的增速，为5个月以来的最大增幅。其中，食品价格环比没有变化，能源价格环比上涨2.9%。9月份?</t>
  </si>
  <si>
    <t>简化版负面清单出炉是大势所趋</t>
  </si>
  <si>
    <t>从本月起，外商投资企业的设立和变更，凡是不涉及国务院批准的特别准入管理措施的，一律由审批改为备案制。无疑，这是我国投资管理制度的一项重大变革，意味着准入前国民待遇加负面清单这一先进的国际通用投资管理制度，从中美双边投资协定谈判的首次试水，到上海自贸试验区?</t>
  </si>
  <si>
    <t>中国首次在戛纳电视节举办影视推介会</t>
  </si>
  <si>
    <t>法国戛纳秋季电视节17日在法国南部海滨城市戛纳开幕。在当天举办的“感知中国”中国影视内容推介会上，10余家中国公司展示了近20部精彩纷呈的影视作品，寻求国际发行机会，引起业内人士的关注。此次推介会由中国国务院新闻办公室、国家新闻出版广电总局主办，上海五岸传</t>
  </si>
  <si>
    <t>工业4.0把制造变成了物流</t>
  </si>
  <si>
    <t>制造业依旧是国民经济的支柱产业，而占全球制造业GDP60%的美国、中国、日本、德国、韩国和印度六国，更是在制造业上争夺激烈。2008年全球金融危机后，由于产能增加但全球消费市场有限，各国为了保持国家的长期竞争力，纷纷出台各种引领制造业升级的国家战略和产业政策。</t>
  </si>
  <si>
    <t>中美汇率争端走向缓和</t>
  </si>
  <si>
    <t>美国财政部日前发布奥巴马政府八年任期内最后一份半年度《国际经济和汇率政策报告》，重申包括中国在内的贸易伙伴并未操纵汇率以获取不公平贸易优势，同时肯定了人民币汇率市场化改革取得的进展，表明曾多年困扰中美关系的人民币汇率争端已走向缓和，人民币汇率问题不再处于?</t>
  </si>
  <si>
    <t>德银或缩减在美业务以降低成本</t>
  </si>
  <si>
    <t>据外媒报道，在德意志银行遭美国司法部以及美国证券交易委员会（SEC）重罚之后，该行正在考虑改变经营策略，通过放弃在美国的投资银行业务，或是收缩在美国的业务比重，以此来降低成本。分析称，这将进一步影响该行的盈利。德意志银行去年陷入亏损，今年又是雪上加霜。?</t>
  </si>
  <si>
    <t>电力企业加速变身综合能源供应商</t>
  </si>
  <si>
    <t>《经济参考报》记者日前调研采访了解到，电力企业绿色转型的步伐不断加快。一方面，自我加压，将超低排放时间表提前，并变环保为“加法”降本增效；另一方面，加速进军风电、光伏，尤其是弃风限电较少的中东部分布式能源开始受到青睐。而这只是各发电集团发展战略的第一</t>
  </si>
  <si>
    <t>中国核电靠什么叩开英国大门</t>
  </si>
  <si>
    <t>中国能否拿下英国振兴北部的关键铁路工程“高铁2号”尚未可知，不过中国企业确定要帮英国建核电站了。1987年，大亚湾核电站开工建设。它是中国首座使用国外技术和资金建设的核电站，使用的技术来自英国和法国。近30年后，还是中英法三国，还是核电站，这次，中国和法国?</t>
  </si>
  <si>
    <t>减产协议渐近  油价难走出寒冬</t>
  </si>
  <si>
    <t>在本周召开的世界能源大会上，欧佩克和主要产油国就“减产”协议达成初步意见，预计将拟定一份为期6个月的限产协议，沙特、俄罗斯都积极响应，此举令油价涨至年内最高点。但对伊朗的坚决增产态度、协议对产量限制是否有效等因素，市场仍充满怀疑，油价难达60美元一线。另外供</t>
  </si>
  <si>
    <t>东芝因业绩造假遭167亿日元索赔</t>
  </si>
  <si>
    <t>日本东芝公司13日表示，有一批投资者针对虚报利润一事起诉该公司，并提出167亿日元的赔偿要求。这是日本迄今以来因会计丑闻引发的最大规模单宗索赔案。东芝称，12日接到通知，以外国机构为主的45家投资者向东京地方法院提起诉讼。公司表示，此前还有另外15宗诉讼案，共?</t>
  </si>
  <si>
    <t>当转型遭遇换帅</t>
  </si>
  <si>
    <t>彭蕾将蚂蚁金服的CEO接力棒交给了井贤栋；蒙牛总裁孙伊萍任期未满便因“个人原因”辞职，来自雅士利的卢敏放成为继任者；上汽集团在年初副总裁张海亮辞职加入乐视汽车后，又接到了另一副总裁谷峰的请辞信。这个秋季，高管离职又或变更的消息屡见报端，这些企业都不约而?</t>
  </si>
  <si>
    <t>多家跨国公司削减在英业务</t>
  </si>
  <si>
    <t>多家跨国公司日前宣布削减在英国的业务和员工。近期英镑暴跌，有迹象显示，“脱欧”背景下，英国的商业前景和氛围出现恶化征兆。俄罗斯外贸银行（VTB）日前成为第一家公开表示将把欧洲总部撤离英国的大银行，理由是担心英国“脱欧”协商过程将漫长而混乱。VTB副董?</t>
  </si>
  <si>
    <t>信用证项下的交单地点问题</t>
  </si>
  <si>
    <t>一、案例介绍2012年5月10日，广州汽车工业集团有限公司与印度Maadhav汽车紧固件有限公司签订了向其出口10万个规格为GB/T41-2000的六角螺母的合同。5月12日，Indian Overseas Bank应Maadhav汽车紧固件有限公司的申请，开立了一份适用于UCP600的金额为58500美元的MT700格?</t>
  </si>
  <si>
    <t>报告：提升中澳贸易需升级政策框架</t>
  </si>
  <si>
    <t>由中国国际经济交流中心《中澳经济关系联合研究》课题组主办的《中澳经济关系联合研究》圆桌讨论会12日举行，会议讨论了“如何从战略高度发展中澳伙伴关系”。中国国际经济交流中心和澳大利亚国立大学联合撰写的研究报告《中澳与时俱进的伙伴关系》中文版也于当日发布。外交?</t>
  </si>
  <si>
    <t>国际能源会议释放冻产积极信号</t>
  </si>
  <si>
    <t>主要产油国日前在土耳其伊斯坦布尔举行的世界能源会议上纷纷表示，对原油实施联合冻产的协议表示欢迎，并意欲在此次会议上达成临时协议。受此消息提振，国际油价涨至今年最高点。路透社援引石油输出国组织(欧佩克)消息人士表示，伊斯坦布尔会议预计不会有所突破，但这是</t>
  </si>
  <si>
    <t>西方不要总拿中国钢铁产能说事</t>
  </si>
  <si>
    <t>15年前，中国加入了世界贸易组织，但也留下一个“尾巴”，按照《中国加入WTO议定书》的第15条，WTO成员方将中国视为“非市场经济国家”，在针对从中国进口商品进行反倾销调查过程中，允许使用“替代国”的数据进行反倾销税的计算。然而按照规定，“非市场经济国家”相关条款?</t>
  </si>
  <si>
    <t>欧洲央行或延长量化宽松</t>
  </si>
  <si>
    <t>本周，欧元区主要成员国将陆续公布最新通胀数据，预计呈现疲弱态势。鉴于欧元区通胀目标难以如期达成，欧洲央行负责人声称可能会延长执行量化宽松措施，但市场担心，货币政策对通胀的提升恐“独木难支”。德国、法国、意大利及西班牙的9月官方通胀数据将于本周出炉。路?</t>
  </si>
  <si>
    <t>“脱欧”英国会否患上“自闭症”</t>
  </si>
  <si>
    <t>一向以对外开放与包容著称的英国最近正在发生变化。在上周结束的保守党大会上，执政党传递出排外、封闭的信号。多名政府内阁大臣先后表态，要将英国人的利益置于外来者之上。内政大臣拉德要求英国企业公布其雇佣的外籍员工人数，以此施压，促使企业雇佣更多英国工人。“</t>
  </si>
  <si>
    <t>诺贝尔经济学奖花落美国契约理论学者</t>
  </si>
  <si>
    <t>10月10日，瑞典皇家科学院诺贝尔奖评审委员会宣布2016年诺贝尔经济学奖揭晓，美国哈佛大学经济学教授奥利弗·哈特和美国麻省理工学院经济与管理学教授本特·霍尔姆斯特伦以其对契约理论所作出的贡献获得这项荣誉。今年68岁的奥利弗·哈特出生于英国伦敦，是哈佛大学经济</t>
  </si>
  <si>
    <t>三星调整Note7生产计划</t>
  </si>
  <si>
    <t>据外媒报道，韩国三星电子10日表示，正在调整盖乐世Note7手机的生产计划，以便加强质量控制和进行相关调查。盖乐世Note7手机近日在召回更换后再次出现起火问题，导致部分更换工作暂停。三星电子股价10日一度大跌4%，但收盘时跌幅缩小至1.52%。三星电子9月宣布在全球召回</t>
  </si>
  <si>
    <t>缺乏精耕细作  电影票房遭遇“滑铁卢”</t>
  </si>
  <si>
    <t>国家电影资金办数据显示，今年国庆档全国电影票房收入15.67亿元，较2015年创纪录的18.5亿元下降15.3%，出现近年来首次国庆档电影票房负增长。另据统计，今年暑期档总票房124亿元，较之去年同期基本持平，但国产片总票房约47亿元，相比去年同期的79亿元缩水约32亿元，下滑近四</t>
  </si>
  <si>
    <t>科技创新助力经济发展突破桎梏</t>
  </si>
  <si>
    <t>畅游太空的VR设备，能进行陪伴的机器人，3分钟借你30万的贷款App……9月30日至10月1日，来自中美最前沿的上百个“黑科技”在美国硅谷圣克拉拉会议中心集中展示，诠释着科技改变生活的力量。与此同时，第六届硅谷高科技创新创业高峰会成功举办。会议以“创新时代、万物互</t>
  </si>
  <si>
    <t>英商界大佬警告“硬脱欧”风险</t>
  </si>
  <si>
    <t>据英国媒体报道，代表英国大企业利益的英国工商业联合会就英国脱欧问题发表了一封公开信，希望政府能制定清晰的脱欧路线图，以避免脱欧带来的负面影响。这些来自英国大企业的商界领袖对英国首相特雷莎·梅的“硬脱欧”倾向提出警告。高管们表示，无论如何，都应将所有不</t>
  </si>
  <si>
    <t>人民币国际化还有漫长的路要走</t>
  </si>
  <si>
    <t>10月1日，人民币正式加入国际货币基金组织（IMF）特别提款权（SDR）货币篮子，对此事件有些专家认为，这就好比“小学生完成作业”。然而，尽管如此，对于正走向国际化的人民币，这门作业也完成得“意义重大”。SDR全称为Special Drawing Right，中文译为特别提款权。一?</t>
  </si>
  <si>
    <t>美联储加息预期致国际金价暴跌</t>
  </si>
  <si>
    <t>本周，国际黄金市场上金价遭遇“雪崩式”暴跌。10月4日，美国COMEX12月黄金期货收报1269.70美元/盎司，跌43美元，跌幅达3.21%，创2013年12月份以来最大单日跌幅，收盘价格是英国退欧公投以来的收盘新低。美联储9月份货币政策会议后，美联储部分官员的讲话仍然渲染?</t>
  </si>
  <si>
    <t>油价反弹  投机资金借力推波造市</t>
  </si>
  <si>
    <t>9月27日，欧佩克产油国利用在阿尔及利亚参加国际论坛的机会，再次聚首商谈冻产问题，并同意将产量限制在日产3250-3300万桶的水平。从那一刻起，国际油价又一次从处于跌势的状态中解脱了出来。在一周多的时间里，WTI油价从44.6美元拉升至10月7日的49.8美元，推涨幅度达到了5美</t>
  </si>
  <si>
    <t>欧洲银行业提前“入冬”</t>
  </si>
  <si>
    <t>罚款、裁员、市值缩水……内外交困的欧洲银行业“坏消息”不断。今年以来，涵盖47家欧洲银行的欧洲STOXX600银行股指数下跌约26%，可见欧洲银行业整体并不景气，裁员“瘦身”在所难免。10月6日，德银宣布在德国进一步裁员1000人，本土裁员人数升至4000人，全球裁员规模90</t>
  </si>
  <si>
    <t>无人驾驶汽车能否快速驶入现实？</t>
  </si>
  <si>
    <t>美国政府近日颁布首个联邦自动驾驶汽车政策文件，意欲大力推动该行业的发展。上周末七国集团国家交通部门官员在日本开会时对此表示欢迎。无人驾驶汽车正在逐步向现实靠近。今年以来，美国、新加坡、澳大利亚、芬兰和迪拜等众多国家已经开始小规模进行无人驾驶车辆的试运</t>
  </si>
  <si>
    <t>人民币入篮在即  国际化进程疾行</t>
  </si>
  <si>
    <t>2016年10月1日，人民币将正式加入国际货币基金组织(IMF)的特别提款权(SDR)货币篮子，这是人民币国际化进程中的重要一页，同时对于构建公平合理的国际货币体系也有重要意义。10月1日起，在国际货币基金组织关于官方外汇储备货币构成(COFER)的季度调查中，除美元、欧元、?</t>
  </si>
  <si>
    <t>打开一个全新产业空间</t>
  </si>
  <si>
    <t>黎明，曙光女神厄俄斯用玫瑰色的手指拉开天幕，太阳神驾驶着用黄金制成的太阳车出发；夜晚，太阳车回到东方的宫殿，将执掌天空的权利交予冰清玉洁的月神……古希腊神话中美轮美奂的场景，也许有一天不仅存在于我们的想象中，而是成为虚拟现实，让我们穿越时空与奥林匹斯山顶?</t>
  </si>
  <si>
    <t>商业银行加速布局绿色金融领域</t>
  </si>
  <si>
    <t>绿色金融已经成为商业银行转型发展的重要抓手，不少银行在绿色信贷、绿色债券等领域加速布局，争取占领市场先机。记者日前从华夏银行了解到，该行与世界银行联合启动了京津冀大气污染防治融资创新项目，该项目是世界银行在中国资金量单体最大的项目之一，投资规模将超过</t>
  </si>
  <si>
    <t>恩智浦护航中国汽车信息安全</t>
  </si>
  <si>
    <t>荷兰恩智浦半导体公司于正在深圳举行的FTF未来科技峰会上宣布，携手长安汽车、东软集团成立“中国汽车信息安全共同兴趣小组”，共同推动以硬件为基础的汽车安全行业标准的设立和应用。这是恩智浦在全球市场首个联合当地汽车产业、软件企业发起的汽车安全组织。记者28日?</t>
  </si>
  <si>
    <t>工业革命的“意外”</t>
  </si>
  <si>
    <t>如果没有运河，曼彻斯特也许就不会成为英国工业革命的发源地。1761年，城市运河开凿完工，那也被认为是英国工业革命开始的年代。产自英格兰北部的煤炭被大小船舶由水路运进曼城的纺织工厂，投进火炉化为蒸汽，驱动纺织机器不停运转。因为有了蒸汽动力，机器不必再?</t>
  </si>
  <si>
    <t>推进供给侧改革  保持经济平稳运行</t>
  </si>
  <si>
    <t>第三季度全球经济格局判断2016年以来，全球经济运行总体平稳。发达经济体基本与预期相符，其中欧元区强于预期的增长表现抵消了美国弱于预期的表现，但多数发达经济体的生产率增长依然乏力；相比之下，新兴市场和发展中经济体的增长略好于预期，巴西和俄罗斯的经济表现也</t>
  </si>
  <si>
    <t>联大激辩可持续发展</t>
  </si>
  <si>
    <t>26日，第71届联合国大会一般性辩论正式闭幕。此间，南非、巴西、英国等国家领导人和代表发言时呼吁，全球各国应注重合作，加紧推动落实可持续发展议程。第71届联合国大会一般性辩论于20日至26日在纽约联合国总部召开，今年以“可持续发展目标：共同努力改造我们的世界”</t>
  </si>
  <si>
    <t>丝路文化是世界古代最灿烂的物流文化</t>
  </si>
  <si>
    <t>丝绸之路在中国古代历史上写下了光辉的一页，把封建制度下的物流推到了顶峰。丝绸之路分为陆上丝绸之路与海上丝绸之路。陆上丝绸之路从西汉开始，繁荣于汉唐，结束于12世纪。陆上丝绸之路以西安为起点，南路到达印度，北路到达中亚各国，西路到达地中海与北非。海上丝绸之路?</t>
  </si>
  <si>
    <t>英国欲加大基础设施投资促经济</t>
  </si>
  <si>
    <t>据外媒报道，英国公投“脱欧”之后，外界担忧金融等重要支柱行业受到的负面影响将逐步显现，目前英国政府正计划加大基础设施等工业项目的财政支出，以帮助经济增长获得新的增长动力。据英国媒体上周末报道，英国首相特雷莎·梅已经要求财政大臣菲利普·哈蒙德扩大北部发</t>
  </si>
  <si>
    <t>“鸽派”主导美联储政策方向</t>
  </si>
  <si>
    <t>随着美国就业市场复苏逐步靠近美联储预期的充分就业水平，美联储内部关于何时启动下次加息的辩论也愈加激烈。在上周结束的9月货币政策例会上，三位美联储官员对维持利率不变的政策决议投了反对票，凸显美联储内部对加息时机的分歧。但连续六次会议维持利率不变的事实，也进一</t>
  </si>
  <si>
    <t>人退湖进  梁子湖打造绿色湖区“升级版”</t>
  </si>
  <si>
    <t>借汛还湖、应急谋远。截至8月底，梁子湖面积增至350平方公里，超过洪湖308平方公里，成为湖北第一大湖。这个被评为亚洲大城市周边保护最好的湖泊，取代洪湖跻身中国十大淡水湖泊，成为“千湖之省”湖北绿色发展、生态保护的标本。在解开今夏洪水围困的燃眉之急同时，围?</t>
  </si>
  <si>
    <t>高低调中看慈善之道</t>
  </si>
  <si>
    <t>几乎是同时，在中美两国的慈善界，都发生了一件大事。在美国，脸谱创始人扎克伯格和他的华裔妻子承诺，未来10年至少捐赠30亿美元用于医学研究；在中国，有“中国首善”之誉的陈光标陷入各种质疑，包括伪造慈善金额、图章奖状等。这是很有意思的两个名人，涉及很有意思的</t>
  </si>
  <si>
    <t>全球召回：三星的手机与“手雷”</t>
  </si>
  <si>
    <t>自韩国三星电子19日在本土启动置换电池存在问题的盖乐世Note7手机以来，4天内换机数超过10万，选择退货的用户占比不到购机用户的5%。从全球来看，三星电子庞大的召回计划仍在执行当中，如何挽回声誉，如何应对诉讼，又如何巩固市场份额，是三星电子即将面对的挑战。希望</t>
  </si>
  <si>
    <t>经济全球化进程仍将延续</t>
  </si>
  <si>
    <t>摩根士丹利投资管理公司新兴市场和全球宏观经济部主任鲁奇尔·夏尔马在英国《卫报》（2016年7月28日）发表题为《我们熟悉的全球化已经结束——英国脱欧是最大标志》的文章，认为英国脱欧标志着全球化时代终结。自16世纪初以来，经济全球化进程曾被两次世界大战打断。二?</t>
  </si>
  <si>
    <t>欧洲掀抗议潮  可能单方终止TTIP</t>
  </si>
  <si>
    <t>近万名欧洲民众20日在欧盟总部附近游行，抗议《跨大西洋贸易与投资伙伴关系协定》（TTIP）。由于在监管规则、食品安全等核心内容上长期未能达成共识，这份所谓美欧自贸协定近期受到欧盟官员、成员国领导的抨击，欧盟本周可能讨论单方面终止谈判。抗议活动当天下午开始，</t>
  </si>
  <si>
    <t>SUV疯狂热卖的冷思考</t>
  </si>
  <si>
    <t>很多年前，当中国人带着憧憬谈论“家庭轿车”这个概念时，人们很难想到，进入新世纪后，走进中国家庭的竟不是一度让人纠结的两厢或三厢轿车，而是当时国人从未听说过的车型——SUV。SUV，字面意思是“运动型多用途汽车”，20世纪三四十年代起源于美国，九十年代起风靡于北美?</t>
  </si>
  <si>
    <t>神秘骊靬人：古罗马军团的后裔？</t>
  </si>
  <si>
    <t>永昌城骊靬古城遗址，现如今只剩下断壁残垣，但这仍然吸引着许多游客的关注。几名来自意大利的游客不停驻足，试图找出这个小村落和他们远方国度之间的联系。而在古城外不远的旅游景区担任讲解员的罗英，总是游客关注的焦点。不只是因为他讲述的古城历史受欢迎，更因为他</t>
  </si>
  <si>
    <t>美出台文件指导无人驾驶汽车监管</t>
  </si>
  <si>
    <t>美国政府19日晚颁布首个联邦自动驾驶汽车政策文件，旨在指导“负责任地”测试与部署自动驾驶汽车，为今后在联邦层面制定无人驾驶汽车监管规则打下基础。自动驾驶汽车是指能部分或全部自主驾驶的车辆。按上述文件要求，汽车生产开发商在设计、研发、测试与部署自动驾驶汽</t>
  </si>
  <si>
    <t>德经济增长或放缓  政府面临挑战</t>
  </si>
  <si>
    <t>德国中央银行19日在其月度报告中指出，第三季度德国经济的增速将可能放缓，主要原因是制造业和出口需求疲软。不过，央行报告认为，德国基本经济增长趋势仍将保持强劲。造成德国央行调降对德国经济前景看法的诱因显然是一系列表现乏力的经济数据。第三季度一开始各项经济</t>
  </si>
  <si>
    <t>“中国—中亚科技合作中心”轮廓初现</t>
  </si>
  <si>
    <t>一个有别于先前国家自主创新示范区的新的改革试验田轮廓逐渐清晰。记者20日从第五届中国—亚欧博览会科技合作论坛现场获悉，新疆、科技部、深圳、中科院四方合作，通过一揽子解决方案和顶层设计，为新疆量身打造一个新型创新驱动发展试验区。其中以乌鲁木齐、昌吉、石河子等?</t>
  </si>
  <si>
    <t>对英国脱欧冲击不能掉以轻心</t>
  </si>
  <si>
    <t>不久前G20杭州峰会后发布的公报中，有一条很简短，可能很多人不在意，但其实非常关键，那就是有关英国脱欧问题。公报说：“英国脱欧公投结果为世界经济增加了不确定性。二十国集团成员已充分准备好积极应对脱欧公投可能带来的经济和金融后果。我们希望看到英国未来成为欧盟的</t>
  </si>
  <si>
    <t>世贸组织赞赏中国努力促进南南合作</t>
  </si>
  <si>
    <t>世界贸易组织副总干事约诺夫·弗雷德里克·阿加19日出席在法国城市阿讷西举行的首届世贸组织“中国项目南南对话会”并表示，一直以来，中国在南南合作框架下，为促进最不发达国家融入多边贸易体制所做的努力值得赞赏。在这次由中国政府资助、世贸组织秘书处承办的会议上</t>
  </si>
  <si>
    <t>自行车“供给侧改革”有待政府助力</t>
  </si>
  <si>
    <t>《经济参考报》记者了解到，与欧美、日本相比，我国自行车产业在国际品牌、关键技术等方面都没有优势，造成了在国际贸易话语权中处于边缘地位。当前处于传统产业转型发展的“阵痛期”，亟须坚定推进供给侧结构性改革，培育具有核心竞争力的自主品牌，提升在全球产业链分工中?</t>
  </si>
  <si>
    <t>中金国际用绿色发展打造黄金“品位”</t>
  </si>
  <si>
    <t>在加拿大有一家独树一帜的中资矿业公司，多年来在矿山的开发过程中始终坚持绿色环保开发，用绿色矿山打造黄金的“品位”，用绿色发展理念塑造黄金业的社会形象，受到广泛赞誉。这家公司就是总部位于加拿大温哥华的中国黄金国际资源有限公司（简称“中金国际”）。中金国</t>
  </si>
  <si>
    <t>物联网技术成爱尔兰引资热点</t>
  </si>
  <si>
    <t>爱尔兰是一个岛国，面积还没有美国印第安纳州大。但近年来，爱尔兰在推进全球物联网应用中正扮演积极角色，物联网技术的创新发展也开始成为爱尔兰吸引投资的一个重要战略领域。在物联网发展方面，人们目前已逐步从数据收集阶段前进到了实际应用阶段。近几年，爱尔兰正加</t>
  </si>
  <si>
    <t>新经济发展将重塑经济格局</t>
  </si>
  <si>
    <t>据报道，阿里巴巴集团于美国时间16日在纽交所的收盘价为每股104.64美元，市值约合2664.13亿美元，位居亚洲所有上市公司市值首位。这也意味着，长期由传统行业把守、传统行业领跑、传统行业轮流坐庄的亚洲上市公司格局，正在被打破。因为，阿里的此次登顶，意义远不止成?</t>
  </si>
  <si>
    <t>中国电力企业加紧布局东盟市场</t>
  </si>
  <si>
    <t>在日前于广西南宁召开的第十三届中国-东盟博览会分论坛会议上，来自中国和东盟的百余名代表就中国-东盟电力合作展开了讨论。与会代表表示，随着世界能源需求中心“东移”，中国与东盟电力合作迎来东风，以绿色能源、可再生能源为一次能源的电力合作正成为中国电力企业布局东?</t>
  </si>
  <si>
    <t>中国核电出口英国的三大意义</t>
  </si>
  <si>
    <t>9月15日，英国政府正式批准欣克利角C核电项目，中广核将参与项目投资建设。这是近20年来中国核电国际化取得重大突破的一个里程碑。中广核不仅将参与欣克利角C核电项目的建设，还将参与英国另外两个核电项目的建设，这给中国对外投资和核电技术输出到发达国家，敞开了一扇巨大</t>
  </si>
  <si>
    <t>美联储议息会议或继续按兵不动</t>
  </si>
  <si>
    <t>美国联邦储备委员会20至21日将举行货币政策会议。分析认为，目前美联储内部有关近期通胀风险等问题的分歧依然没有消散，本周会议很可能不会采取加息措施。两个月前，美联储内部有关加息问题的分歧就已经开始显现。美国联邦基金利率已经维持在接近于零的低水平将近十年。</t>
  </si>
  <si>
    <t>阿尔斯通关厂背后的法国病</t>
  </si>
  <si>
    <t>法国铁路设备制造商阿尔斯通日前宣布，由于缺乏订单，该企业被迫关停在法国境内的重要生产基地贝尔福，可能造成数百人失业。消息传出后，在法国政界掀起轩然大波。法国总理瓦尔斯直斥这一做法“不可接受”，法国总统奥朗德则在总统府召开紧急会议商讨解决方案。表面看来</t>
  </si>
  <si>
    <t>中国－东盟物流无缝对接有待提升</t>
  </si>
  <si>
    <t>9月13日，2016第五届中国－东盟物流合作论坛在广西南宁召开。记者从论坛上了解到，中国对接东盟的立体交通网络已初步建成，中国－东盟间跨境物流取得较好成效，但要实现彼此间海、陆、空、铁等多种运输方式的无缝对接，支撑东盟自贸区经济转型升级，还需要搭建一个跨区域、开</t>
  </si>
  <si>
    <t>惠普收购三星打印机业务</t>
  </si>
  <si>
    <t>据外媒报道，美国科技公司惠普将以约10.5亿美元的价格收购韩国三星电子的打印机业务。分析指出，这宗交易将有助于加速惠普多功能打印机业务的全面升级，也显示出三星电子在完成家族内部权力交接的同时正在加快进行业务重组。这宗交易将是惠普在打印机领域进行的最大一桩</t>
  </si>
  <si>
    <t>中国与东盟国家共享贸易便利</t>
  </si>
  <si>
    <t>“泰国有人口6810万人，有4100万网民，其中有4000万人用智能手机终端上网，微信正逐渐成为泰国网民受欢迎的应用。”此间在南宁召开的2016中国-东盟电子商务峰会上，泰国旅游电子商务联合会海外业务部总经理布恩·博宗乍隆希望在跨境电子商务方面与中国开展更深入的合作。</t>
  </si>
  <si>
    <t>全球股市患上美国加息恐惧症</t>
  </si>
  <si>
    <t>继美国纽约三大股指上周五（9日）暴跌后，亚太股市遭遇“黑色星期一”，欧洲主要股指早盘跌幅均在2%以上。随着美国联邦储备委员会（美联储）货币政策会议日益临近，全球主要股市再次受制于“加息行情”，投资者避险情绪浓重。上周最后一个交易日，“黑色星期五”成为纽?</t>
  </si>
  <si>
    <t>多国航空“封杀”三星Galaxy  Note7</t>
  </si>
  <si>
    <t>三星Galaxy Note7电池爆炸案继续发酵。三星公司宣布召回手机的行动刚刚使风波有所平息，但是多国警告消费者不要在飞机上使用该手机以及美国呼吁消费者停用该手机，这又使三星面临新的挫折。美国消费产品安全委员会发表的声明说，鉴于近来有一些涉及Note7手机锂离子电池?</t>
  </si>
  <si>
    <t>欧洲央行缘何以静制动</t>
  </si>
  <si>
    <t>欧洲中央银行（欧洲央行）日前议息，市场原本预计货币决策者可能强化货币宽松政策，但会后声明却说，维持欧元区三大关键利率及量化宽松规模不变。从数据上看，欧元区经济并未呈现多少起色，一季度环比增长0.6%，二季度仅增长0.3%，通货膨胀率挣扎在“零度”上下，通缩阴</t>
  </si>
  <si>
    <t>中国提出扩大共识合作六点建议</t>
  </si>
  <si>
    <t>第13届中国－东盟博览会、中国－东盟商务与投资峰会于9月11日至14日在广西南宁举行。作为沟通中国和东盟国家的重要平台，本届系列会议以“共建21世纪海上丝绸之路，共筑更紧密的中国－东盟命运共同体”为主题，突出经贸实效和国际产能合作，致力于培育经贸合作新动能，共筑中</t>
  </si>
  <si>
    <t>万向旗下Karma在美发布首款新车Revero</t>
  </si>
  <si>
    <t>万向集团旗下新能源汽车公司Karma，日前在美国加州发布首款新车——2017款豪华混合动力汽车Revero。据悉，Revero是美国市场上销售的第一款运用电力、汽油和太阳能三种动力来源的汽车，其纯电模式续航最高可达80公里，加上汽油发电机提供的额外里程，续航总里程可达480公</t>
  </si>
  <si>
    <t>秘鲁总统访华  双边经贸合作升级</t>
  </si>
  <si>
    <t>秘鲁共和国总统佩德罗·巴勃罗·库琴斯基·戈达德于9月12日至16日对中国进行国事访问。这是库琴斯基今年7月底宣誓就职秘鲁总统后的首次出访，预计两国将在矿业、农渔业、旅游业等经济领域进一步深化合作。今年恰逢秘鲁和新中国建交45周年，库琴斯基因此将中国作为第一次</t>
  </si>
  <si>
    <t>坚守“小而美”  实现“本土化”弯道超车</t>
  </si>
  <si>
    <t>“这么多年，我们只做一件事，就是为消费者提供靠谱的产品，这个靠谱不是我说了算，是消费者说了算。”这是旅游族(Travelzoo)亚太区总裁洪维在“2016中国酒店营销高峰论坛”上的一段发言。旅游族，一个来自美国的旅游电商企业，在洪维的带领下阔步疾行在本土化的旅途上?</t>
  </si>
  <si>
    <t>把握东亚合作新机遇</t>
  </si>
  <si>
    <t>6日至8日在老挝首都万象举行的东亚合作领导人系列会议聚焦发展与合作主题，寻求为东亚合作注入新的活力。东盟观察人士认为，当前全球经济增长乏力给东亚地区发展带来挑战，同时给东亚一体化合作带来机遇。东盟国家期待以中国和东盟建立对话关系25周年为新的契机，深化双方合?</t>
  </si>
  <si>
    <t>国人赴美喜欢买  美游客来华讲究住</t>
  </si>
  <si>
    <t>9月7日，由新华社《经济参考报》（简称“新华EID”）与Visa公司举办的中国跨境消费高层研讨会暨《中国跨境消费年度指数报告（2016）》（以下简称《报告》）发布仪式在京举行。《报告》显示，2015年，美国游客在中国的消费支出排名前五位的消费项目分别是住宿、餐饮、百货商场</t>
  </si>
  <si>
    <t>“海底沙漠”变身“海洋牧场”</t>
  </si>
  <si>
    <t>随着历时三个月的渤海伏季休渔期结束，各地渔船竞相驶入海湾渔场，开始忙碌的收获季。但是，有着近30年打鱼经历的渔民杨兴武，却静静地坐在海边凉棚下乘凉，不时冲着前来乘船出海的游客憨厚地微笑示意。今年49岁的杨兴武家在河北省唐山市渤海边上的王滩镇曹庄村。“我17</t>
  </si>
  <si>
    <t>G20：为世界经济增长打气鼓劲</t>
  </si>
  <si>
    <t>日前闭幕的二十国集团（G20）领导人杭州峰会给世界留下深刻印象。英国分析人士认为，针对世界经济增长面临的问题，杭州峰会提出了务实的解决方案，中国作为二十国集团主席国进一步展现了负责任大国的形象。英国考文垂大学全球安全学教授伦威克说，杭州峰会的主要亮点在?</t>
  </si>
  <si>
    <t>宜山宜水“土楼＋”</t>
  </si>
  <si>
    <t>造化独钟，岁月眷顾；风物贤美，人文滋养。在小城华安，既有名列联合国教科文组织世界文化遗产名录的福建土楼的厚重，又有全域国家森林公园、国家重点生态功能区的清秀。打造全域旅游，华安得天独厚。天下土楼 华安为王依山就水，圈地而建。大地土楼群景区位于华安</t>
  </si>
  <si>
    <t>俄罗斯沙特口头“托市”  油价先升后跌</t>
  </si>
  <si>
    <t>据外媒报道，世界两大产油国沙特阿拉伯和俄罗斯表示，他们将联手稳定石油市场。两国认为，不排除进行冻产的可能，但尚未决定立即行动。国际原油市场油价随之发生波动。9月5日，俄罗斯能源部长诺瓦克与沙特阿拉伯能源、工业和矿产资源大臣法利赫在G20杭州峰会期间进行了?</t>
  </si>
  <si>
    <t>老挝商界：中国投资助多边互利共赢</t>
  </si>
  <si>
    <t>国务院总理李克强6日赴老挝首都万象，出席包括第19次中国－东盟领导人会议暨中国－东盟建立对话关系25周年纪念峰会在内的东亚合作领导人系列会议，并对老挝进行正式访问。在世界经济复苏乏力、东亚各国经济增长面临较大下行压力的当前，东亚合作需要构建大平台，而中国?</t>
  </si>
  <si>
    <t>拜耳收购孟山都报价攀高至660亿美元</t>
  </si>
  <si>
    <t>据外媒报道，德国医药集团拜耳5日表示，提高收购美国种子和农用化学品公司孟山都的报价至近660亿美元。拜耳5日在一份声明中表示，将对孟山都的报价由每股125美元提高至每股127.5美元，这意味着这笔交易的总价将达到近660亿美元。拜耳表示，磋商已经接近最后阶段，但是仍</t>
  </si>
  <si>
    <t>东盟对话促发展  东亚合作添动力</t>
  </si>
  <si>
    <t>中国国务院总理李克强6日将赴老挝首都万象，出席东亚合作领导人系列会议，并对老挝进行正式访问。分析认为，这次经略周边之旅对于深化中国与东盟关系、推动东亚地区合作具有重要意义。东盟合作提质升级李克强总理将于9月6日至9日赴万象出席第19次中国－东盟（10+1?</t>
  </si>
  <si>
    <t>三星大规模召回手机恐重创业绩</t>
  </si>
  <si>
    <t>据外媒报道，韩国国会5日表示，三星电子公司自上月以来在韩国生产了约49万部盖乐世 Note7，目前在全球范围内发现了35部存在电池缺陷。这些存在缺陷的电池可能在充电过程中着火。一些分析预计，如此大规模的手机召回尚属首次，可能会对三星今年的业绩造成重大冲击。韩国?</t>
  </si>
  <si>
    <t>俄期待远东开发成为俄中合作新增长点</t>
  </si>
  <si>
    <t>俄罗斯第二届东方经济论坛3日在俄远东城市符拉迪沃斯托克落幕。在此次论坛上，俄中与会政商界人士纷纷表达了在经贸领域寻求突破的愿望。今年的论坛吸引了来自中国、日本、韩国等28个国家约2500名政商界人士和专家学者与会。这一论坛目前已成为俄罗斯大力发展远东地区经?</t>
  </si>
  <si>
    <t>俄经济企稳向好复苏有望</t>
  </si>
  <si>
    <t>第二届东方经济论坛日前在俄罗斯符拉迪沃斯托克举行。论坛围绕远东开发举办多场活动，签署超过130份投资协议。国际观察人士认为，近年来，俄逐步调整相关政策，经济对外部环境的适应力逐步加强，宏观经济也呈现出企稳迹象。但由于西方是否取消对俄制裁和国际油价走势还不明朗</t>
  </si>
  <si>
    <t>金砖国家的务实与远见</t>
  </si>
  <si>
    <t>在二十国集团（G20）杭州峰会期间，金砖国家领导人非正式会晤4日在杭州举行，国家主席习近平、印度总理莫迪、南非总统祖马、巴西总统特梅尔、俄罗斯总统普京出席。与会各国领导人认为，金砖国家经济增长的前景和动力依旧，将继续作为全球经济增长的重要引擎。金砖国家应该在?</t>
  </si>
  <si>
    <t>欧央行维持利率不变成大概率事件</t>
  </si>
  <si>
    <t>本周，欧洲央行将举行议息会议。由于欧元区数据尚可，在澳大利亚、英国、日本等国央行近期以不同形式放宽货币政策的情况下，预计欧洲央行本次会议或难以如之前市场所料加大宽松力度，而将继续采取观望态度，等待数据给出更清晰信号。自今年3月份，欧洲央行出人意料地放?</t>
  </si>
  <si>
    <t>法兰克福成英“脱欧”大赢家？</t>
  </si>
  <si>
    <t>英国“脱欧”可能改变国际金融中心格局，尤其在欧洲地区，当伦敦金融城进入欧洲单一市场的通道梗阻，金融机构可能将业务和人员迁至欧洲大陆，法兰克福、巴黎、都柏林、卢森堡等欧元区内的金融中心似乎看到了加速成长的机遇。位于美因河畔的法兰克福是德国第五大城市和最</t>
  </si>
  <si>
    <t>期待中国在G20杭州峰会上发挥领导力</t>
  </si>
  <si>
    <t>正在杭州出席二十国集团（G20）峰会的经济合作与发展组织（经合组织）秘书长安赫尔·古里亚，在接受《经济参考报》记者专访时肯定了中国对世界经济发展的贡献，认为中国现在全力以赴建立可持续的经济发展模式将使多国受益。在古里亚眼中，世界经济持续低增长，现在面临?</t>
  </si>
  <si>
    <t>工业弱外债高  墨西哥经济现萎缩迹象</t>
  </si>
  <si>
    <t>墨西哥国家统计局日前公布的数据显示，今年第二季度墨西哥经济环比下滑0.2%，经济呈现萎缩迹象。由于第二季度经济表现不佳，墨西哥财政部第三次下调今年经济增长预期，从之前预计的2.2%至3.2%下调为2.0%至2.6%。近年来，拉美多国经济陷入衰退泥潭，墨西哥却“一枝?</t>
  </si>
  <si>
    <t>2016年GDP增速6.63%CPI上涨2.01%</t>
  </si>
  <si>
    <t>厦门大学、新华社经济参考报与澳大利亚国立大学2日在澳大利亚堪培拉联合举行了“2016中国宏观经济高层研讨会暨中国季度宏观经济模型（CQMM）秋季预测发布会”。会议发布了CQMM2016年秋季预测报告，以及经济参考报与厦门大学宏观经济研究中心联合进行的“2016年秋季中国宏观经</t>
  </si>
  <si>
    <t>加拿大智库：最紧迫议题是恢复全球增长</t>
  </si>
  <si>
    <t>加拿大著名智库——加拿大国际治理创新中心的两位学者日前在接受《经济参考报》记者专访时表示，二十国集团（G20）杭州峰会“最为紧迫的议题是恢复全球经济增长”。该中心全球经济主任研究员多米尼克·隆巴迪表示，近些年来国际机构对全球经济增长的预测一直向下修正，?</t>
  </si>
  <si>
    <t>黄金上涨收回先前跌幅</t>
  </si>
  <si>
    <t>由于9月2日美国公布的关键数据不尽如人意，导致市场对美联储9月再度加息的预期降温，国际黄金市场上，国际金价在周末重新上涨收高，收回前一周市场的部分跌幅。美联储官员近期纷纷发表偏“鹰”派言论，使得市场对于美联储加息预期升温，美元走强，黄金价格回调。此后，?</t>
  </si>
  <si>
    <t>中国有望弯道超车  宜信加紧布局智能投顾市场</t>
  </si>
  <si>
    <t>2016“硅谷对话北京”人工智能与机器人投顾高峰论坛日前在北京举行，人工智能、智能投顾、机器算法等成为热点话题。科尔尼咨询预计，到2020年，美国智能投顾市场规模将增长到2万亿美元。参与此次论坛的业界人士预测，中国智能投顾市场有望实现“弯道超车”。据记者</t>
  </si>
  <si>
    <t>全球船运业遇寒流  韩日造船厂重组求生</t>
  </si>
  <si>
    <t>去年底以来，全球海运业一直处于赔钱状态。目前，韩国和日本造船厂面临不同程度的困境，正在寻求重组等手段熬过行业“寒冬”。韩国航运业龙头、全球第七大海运公司韩进海运日前传出财务危机。自救计划遭债权银行拒绝，成为压垮韩进的最后一根稻草，迫使韩进向法院申请破</t>
  </si>
  <si>
    <t>印度二季度经济增长7.1%未及预期</t>
  </si>
  <si>
    <t>印度官方9月1日发布的数据显示，该国2016年第二季度GDP增长仅为7.1%，低于早前预期的7.6%增速，并创下自2014年6月增速6.7%以来最低水平。今年一季度印度GDP增长曾达到惊人的7.9%。民企投资增长乏力印度政府第二季度开支同比上涨18.8%，私人支出同比上涨6.7%，这些?</t>
  </si>
  <si>
    <t>假如美国退出北美自贸协定</t>
  </si>
  <si>
    <t>美国总统选举正如火如荼地展开，共和党候选人特朗普和民主党候选人希拉里·克林顿捉对厮杀，打得难分难解。美国近邻加拿大的民众对此多半是抱着看热闹的心态，袖手旁观兼冷嘲热讽，但政界和商界的领袖人物可没有这么气定神闲，他们暗暗担心，万一特朗普上台，加拿大该怎么办?</t>
  </si>
  <si>
    <t>美联储寻求应对危机的政策储备</t>
  </si>
  <si>
    <t>每年8月底，美国堪萨斯城联邦储备银行都会在怀俄明州的杰克逊谷地举办一场年度经济政策研讨会，邀请美联储主席等重要官员发表主旨演讲。这一会议也因此被称为美联储的年度政策“务虚会”。鉴于美联储政策的重要影响力，近年来这场“务虚会”愈发受到全球金融市场的关注?</t>
  </si>
  <si>
    <t>我国破产重整制度亟待完善</t>
  </si>
  <si>
    <t>DIP制度是市场主体自己管理破产重整的制度，美国历经近百年的实践，证明DIP制度对破产重整是有效的。而大陆法系国家引入DIP制度会受到原有体制、观念以及与原体制相关的既得利益群体的抵制，使DIP制度的引入不顺利或难以成功。我国引进DIP制度开局较好，一批陷入困境的?</t>
  </si>
  <si>
    <t>欧盟或重判苹果避税  美国针锋相对</t>
  </si>
  <si>
    <t>据外媒报道，欧盟委员会很快将会对苹果在爱尔兰避税一案进行宣判。如果罪名成立，苹果可能需要向欧盟补交偷税漏税190亿美元。不过，这一可能作出的判决正面临来自美国政府的强烈抵制。上周，外媒报道了美国财政部表示要对欧盟委员会施压，希望欧盟不要对美国公司持</t>
  </si>
  <si>
    <t>中远海运竞标国外港口  加快全球化布局</t>
  </si>
  <si>
    <t>近日，有媒体报道称中远海运旗下港口业务主体公司中远海运港口有限公司有意参与西班牙最大集装箱港口阿尔赫西拉斯港下属集装箱码头的竞标。对此，中远海运港口有限公司副主席兼董事总经理张为在接受记者采访时表示，中远海运港口将突出国际化战略，加快码头业务全球化布局，?</t>
  </si>
  <si>
    <t>英国启动“脱欧”程序尚需时日</t>
  </si>
  <si>
    <t>据外媒报道，英国首相特雷莎·梅31日将召集各部长开会，商讨在“脱欧”时如何实现英国利益的最大化。与此同时，德国经济部长西格玛·加布里尔警告称，如果英国“脱欧”事宜处理不当，欧盟的未来将会遭遇严峻挑战。目前，英国国内和欧盟内部在“脱欧”问题上均尚未达成一致，?</t>
  </si>
  <si>
    <t>重启欣克利角核电项目是明智之举</t>
  </si>
  <si>
    <t>因政治因素停摆的英国欣克利角核电站项目成为各方焦点。英国工会领袖们28日呼吁政府“停止折腾”，尽快启动项目，保证能源供应安全。这个180亿英镑的项目不仅关乎英国经济发展、就业机会，更是去年中英领导人共谋两国黄金时代的合作成果之一。由于规模大且影响深远，这?</t>
  </si>
  <si>
    <t>北上广深人口调控：困局与突围</t>
  </si>
  <si>
    <t>孙先生每天乘坐“8”字头公交车往返于河北燕郊与北京国贸之间，既“漂”在北京也“漂”在燕郊。他说，在北京、河北现行的落户政策下，教育、社保等问题都很难在两地解决。销售工程师卢俊波在上海一家美资企业工作，每周五都要搭乘高铁返回无锡的家中。“无锡的房价比较?</t>
  </si>
  <si>
    <t>美联储12月加息可能性最大</t>
  </si>
  <si>
    <t>美国联邦储备委员会主席耶伦近日表示未来数月加息可能性加大，令外界的加息预期升温。但分析人士认为，虽然耶伦表态加息可能性增大，但考虑到美国经济复苏力度并不强劲，并且受到英国“脱欧”和美国大选等不确定因素的影响，美联储今年至多上调一次基准利率的预期路径仍难改?</t>
  </si>
  <si>
    <t>日元升值令日本央行束手无策</t>
  </si>
  <si>
    <t>进入2016年以来，国际经济大环境发生转变。受国际油价维持低位、全球经济增长不确定性增加等因素影响，日元作为传统避险货币的特点凸显，对美元汇率整体呈升值趋势。尤其是6月下旬英国“脱欧”公投之后，全球兴起一股避险风潮，继续推高日元。日元对美元汇率已经从年初时的12</t>
  </si>
  <si>
    <t>美联储加息“外溢效应”几何</t>
  </si>
  <si>
    <t>8月26日，在全球央行杰克逊霍尔年会上，美联储主席耶伦数月来再次加息理由已经增强一言使美联储今年年内加息成为大概率事件，一旦预期兑现，将对市场产生一定影响。耶伦此次讲话仍是四平八稳，她肯定了近来美国经济表现，同时也肯定了渐进加息的事宜，但并未有明确时间?</t>
  </si>
  <si>
    <t>韩日将重启货币互换协议谈判</t>
  </si>
  <si>
    <t>韩国与日本27日举行财长会谈，随后宣布，同意启动恢复货币互换协议的谈判。这次财长会谈在韩国首都首尔举行，经济背景是两国都面临新兴经济体经济增速放缓和国际金融市场波动等挑战，政治背景则是韩日关系自去年12月以来改善。韩国副总理兼企划财政部长官柳一镐在?</t>
  </si>
  <si>
    <t>中国东盟产能合作升级利于应对贸易挑战</t>
  </si>
  <si>
    <t>中国－东盟建立对话关系25周年纪念峰会将于9月在老挝举行，面对当前中国与东盟贸易额出现下行局面，中国－东盟商务理事会执行理事长许宁宁接受记者采访时表示，下月峰会上将通过的《中国－东盟产能合作联合声明》不仅会进一步促进日趋增长的投资合作，加强产业互补，还有望改</t>
  </si>
  <si>
    <t>黑龙江中医药大学祭出“三板斧”</t>
  </si>
  <si>
    <t>“中医，真的了不起！”在此前结束的第三届中俄博览会上，黑龙江中医药大学参展团携其独到的中医针灸技术义诊，让俄罗斯家庭在一些疑难杂症的治疗上看到了希望。走过62年的发展历程，这所根植于北国边疆的传统中医药学府笃信“打铁还需自身硬”，累计为国家培养出7万余?</t>
  </si>
  <si>
    <t>美国投资者看好滴滴前景</t>
  </si>
  <si>
    <t>滴滴出行本月宣布与优步全球达成战略协议，滴滴出行将收购优步中国的品牌、业务、数据等全部资产，在中国内地运营。这一合并持续受到在美投资者热议。专家认为，滴滴优步合并，“以点带面”地凸显出中国企业在全球化竞争中的硬实力与“底气”，反映出本土企业在中国经济健康?</t>
  </si>
  <si>
    <t>形成“一带一路”东北开放的大格局</t>
  </si>
  <si>
    <t>东北经济增长乏力、民营经济活力不足，市场化水平不仅低于东部省市，而且低于很多中西部省区。这不仅反映东北市场活力和增长动力的缺失，也反映东北对外开放水平的滞后。东北地区应加快融入“一带一路”战略，以中俄蒙经济走廊建设为抓手，以推进基础设施投资合作和互联</t>
  </si>
  <si>
    <t>网络空间治理求同存异  “中国声音”渐获国际认同</t>
  </si>
  <si>
    <t>记者近日获悉，在刚刚结束的第四届中国互联网安全大会闭门论坛“观潮”上，国家创新与发展战略研究会副会长、中国国际战略学会高级顾问、“观潮”2016洲际论坛主席郝叶力提出的“三视角”理论，获得了中、美、俄、欧等多国智库和专家学者的认同，与会各方在全球网络治理、解?</t>
  </si>
  <si>
    <t>美国房地产市场短期荣景显现</t>
  </si>
  <si>
    <t>美国商务部23日公布的数据显示，7月新屋销售意外急增，触及近九年的最高水平，显示美国房地产市场正在强劲持续地复苏。商务部报告称，7月新屋销售连续第五个月增长，较前月急增12.4%，经季节性调整后年率为65.4万户，为2007年10月以来最高水平。7月新屋销售与去年同期相</t>
  </si>
  <si>
    <t>促进加工贸易梯度转移的7C对策</t>
  </si>
  <si>
    <t>近期，我国加工贸易出现了明显的下滑趋势。2016年1-6月，加工贸易进出口下降9.8%，拖累外贸进出口整体下降约3个百分点。加工贸易进口、出口分别连续18个月和16个月下降。大量企业选择外迁至东南亚等地区而非我国中西部地区。2016年1-6月，外商投资企业加工贸易进出口总值同比</t>
  </si>
  <si>
    <t>特斯拉推升级版电池组  续航达500公里</t>
  </si>
  <si>
    <t>美国时间8月23日，特斯拉CEO伊隆·马斯克宣布，公司对Model S和Model X的电池组进行了升级，汽车续航里程和加速度都将会有大幅度提升。这款被马斯克称为“里程碑”式的升级版电池组，化学成分与之前一样，但经过升级之后，能够在相同空间内存储更多的电能。这一升?</t>
  </si>
  <si>
    <t>蒙古国因何难续写“草原奇迹”</t>
  </si>
  <si>
    <t>在刚闭幕的里约奥运会上，蒙古国选手获得了一金一银的好成绩。但让他们沮丧的是，与四年前获奖健儿拿到巨额政府奖励不同，他们的薪水到现在都还被拖欠着，在总统总理都需要大幅减薪的当口，他们的奖金能否兑现，着实是个大问号。蒙古国奥运选手流年不利的背后，其实正是</t>
  </si>
  <si>
    <t>各国负利率政策影响几何</t>
  </si>
  <si>
    <t>自日本央行宣布加入负利率阵营以来，这一非常规货币政策就备受市场各界关注。负利率本质上是量化宽松的一种延续，就欧洲和日本而言，实施负利率的初衷在于刺激银行信贷和提升通胀预期；相比之下，丹麦和瑞典当初实施负利率主要是为了缓解资本流入和本币升值的压力。不过</t>
  </si>
  <si>
    <t>日本政府酝酿追加预算刺激经济</t>
  </si>
  <si>
    <t>日本央行行长黑田东彦23日在该央行举办的“金融科技”论坛上发表讲话，内容未涉及备受关注的再刺激措施，但外界持续关注该央行加码宽松措施的举措。近期，日本政府酝酿追加预算资金刺激经济，种种措施却没有改变市场对经济前景的悲观预期，企业界更是不满当局的政策效力。</t>
  </si>
  <si>
    <t>三大运营商抢滩5G  投资总额或超3000亿</t>
  </si>
  <si>
    <t>《经济参考报》记者日前获悉，三大电信运营商正在根据各自工作部署，有序推进5G网络前期的研发和实验工作，并均已制定2020年启动5G网络商用的计划。据悉，三大运营商将最快于明年展开试验网络的建设和相关测试。业内普遍预计，到2020年，包括中国、美国、日本、欧洲在内</t>
  </si>
  <si>
    <t>新交所将收购波罗的海交易所</t>
  </si>
  <si>
    <t>新加坡交易所和波罗的海贸易海运交易所23日证实，双方已同意由新加坡交易所支付8700万英镑（约合1.14亿美元）现金收购波罗的海贸易海运交易所。根据交易条款，接受交易的波罗的海交易所股东可获得每股160.41英镑现金，其中包含该交易所支付的一笔特别股息19.3英镑。即新</t>
  </si>
  <si>
    <t>美经济复苏表象下的治理困境</t>
  </si>
  <si>
    <t>自2009年6月美国走出本轮经济衰退以来，美国年均经济增速一直保持在约2%的水平，远低于第二次世界大战后到本轮金融危机前年均3.4%的经济增速。截至今年第二季度，美国经济更是连续三个季度增速低于2%，再次证实本轮金融危机后美国经济已无法打破缓慢复苏的状态，凸显美国经济</t>
  </si>
  <si>
    <t>供应链能助推电视购物东山再起吗</t>
  </si>
  <si>
    <t>目前，我国网民和手机网民数量分别是6.88亿和6.20亿人，其中网络购物人群达4.1亿人；而电视覆盖达12.7亿人，直播卫星电视用户数量1.88亿人，但电视购物仅4000万人。据了解，日韩、美国的电视购物交易额分别是社会消费品零售总额的12%和10%。因此，对照日韩和美国电视购物的发</t>
  </si>
  <si>
    <t>英国脱欧负面效应初显</t>
  </si>
  <si>
    <t>自英国公投决定退出欧盟以来，已有50余天。通胀率上升、英镑贬值、经济增长预期下滑、金融机构计划撤离伦敦……“脱欧”对英国经济的负面效应已渐渐显露。英国国家统计局近日公布数据显示，英国7月通胀率升至0.6%。虽然英国国家统计局表示，通胀率并未明显受到“脱欧”?</t>
  </si>
  <si>
    <t>德法意首脑会晤纾解欧盟困局</t>
  </si>
  <si>
    <t>德国总理默尔克、法国总统奥朗德定于当地时间22日前往意大利小岛文托泰内，与东道主意大利总理伦齐举行会谈。三国领导人将就英国“脱欧”后的欧洲政治经济格局交换意见，并为下月举行的欧盟非正式峰会协调立场。这已是德、法、意领导人自英国“脱欧”公投后举行的第二次</t>
  </si>
  <si>
    <t>澳应放下对中企的傲慢与偏见</t>
  </si>
  <si>
    <t>近日，澳大利亚政府以国家安全为由，阻止了中国国家电网收购澳洲电网公司股份99年租赁权。这是继澳政府阻止中资企业收购基德曼养牛场之后，今年第二次做出不支持中国企业赴澳从事商业性投资申请的决定。中国商务部表态说，这种决定存在明显的保护主义倾向，严重影响中国企业?</t>
  </si>
  <si>
    <t>国产奶“放心买”需重树市场信心</t>
  </si>
  <si>
    <t>据报道，中国奶业协会近日发布的首份《中国奶业质量报告》显示，2015年全国乳制品抽检合格率达到99.5%；生鲜乳中乳蛋白、乳脂肪两大营养成分平均值都已高于国家标准；规模养殖场生鲜乳中体细胞平均值低于欧盟限量值，我国乳品质量安全水平大幅提升。国产奶，放心买——?</t>
  </si>
  <si>
    <t>里约奥运：中国元素彰显工匠精神</t>
  </si>
  <si>
    <t>第31届夏季奥林匹克运动会正在巴西里约热内卢举行。中国健儿在里约奋力拼搏，“中国元素”也在里约熠熠生辉。里约奥运会近200亿美元的总预算成了中国制造、中国“智造”、中国服务所追逐的大蛋糕。中国制造本届里约奥运会的赛场内外，随处可见中国制造的身影?</t>
  </si>
  <si>
    <t>从转型再平衡中挖掘增长潜力</t>
  </si>
  <si>
    <t>经济触底的过程不大可能一帆风顺，抑或将经历一个复杂且可能波动较大的过程。受某些短期因素影响，相关指标可能转好，但需要观察其可持续性。底部形成将是一个过程，需要多次验证确认。20世纪80年代后期，日本为了对付日元升值，实行宽松的货币政策，想刺激经济，但是从</t>
  </si>
  <si>
    <t>奥巴马任内TPP获美国会批准前景黯淡</t>
  </si>
  <si>
    <t>美国总统奥巴马目前正动员全体内阁成员积极游说国会，希望在今年11月总统选举结束后批准跨太平洋伙伴关系协定（TPP），以巩固自己的亚太贸易政策遗产。但由于美国内部分歧大，加上民主、共和两党总统候选人均反对，掌控国会参众两院的共和党高层对部分条款不满意，TPP在奥巴?</t>
  </si>
  <si>
    <t>美联储内部加息分歧依旧</t>
  </si>
  <si>
    <t>美国联邦储备委员会17日公布的7月份货币政策会议纪要显示，美联储官员一致认为在启动下一次加息之前需要保持谨慎，但就是否尽快加息存在较大分歧。不少分析认为，美联储很可能将会等到今年12月份经济、通胀和就业市场情况更加清晰时再启动加息。纪要显示，美联储官员同?</t>
  </si>
  <si>
    <t>电子取证技术协助案件侦破  “神探”李昌钰详解破案秘诀</t>
  </si>
  <si>
    <t>近年来，电子证据因其在实际刑侦中占到的比重越来越大，日益受到公安部门的关注。8月16日，第四届中国互联网安全大会（ISC2016）在北京国际会议中心开幕。在17日下午的电子取证技术与发展论坛上，被称为当代福尔摩斯的刑事鉴识专家、美国康涅狄格州科学咨询中心名誉主席李昌?</t>
  </si>
  <si>
    <t>“一带一路”倡议能为全球经济复苏作出重要贡献</t>
  </si>
  <si>
    <t>联合国经济与社会事务部发展政策与分析司司长洪平凡日前在接受记者专访时说，全球金融危机爆发已有8年之久，世界经济至今仍然没有摆脱低增长困境。中国“一带一路”倡议可以为振兴世界经济作出重要贡献。洪平凡说，中国提出的“一带一路”倡议包含了许多可以重振世界经?</t>
  </si>
  <si>
    <t>网络犯罪黑色产业链趋向无国界</t>
  </si>
  <si>
    <t>来自中国的网络犯罪团伙，在欧洲、美国设立钓鱼网站，通过严密的团队协作返回国内进行诈骗。这已经成为网络犯罪常态，由此形成的黑色产业链也开始愈演愈烈。《经济参考报》记者16日从第四届中国互联网安全大会获悉，中国、美国、俄罗斯、英国等国家正在积极推进网络安全</t>
  </si>
  <si>
    <t>产油国下月将再度磋商冻产计划</t>
  </si>
  <si>
    <t>石油输出国组织（欧佩克）方面消息人士15日表示，欧佩克下个月料将与非欧佩克产油国就冻产计划再度展开讨论。冻产计划再次浮上水面，引起各方关注。但是目前看来，达成冻产协议的前景仍十分不确定。国际能源论坛将于9月26至28日在阿尔及利亚举行。卡塔尔石油部长此前曾?</t>
  </si>
  <si>
    <t>失灵的安倍政策再遭质疑</t>
  </si>
  <si>
    <t>日本内阁府日前公布的数据显示，日本第二季度实际国内生产总值（GDP）环比仅增长0.05%，按年率计算增长0.2%，增幅均低于预期。疲弱的经济数据让早已备受诟病的“安倍经济学”再遭质疑。当季日本经济滑向零增长的主要原因是全球经济增长疲软和日元升值对日本出口和企业设</t>
  </si>
  <si>
    <t>巴菲特公司增持苹果减持沃尔玛</t>
  </si>
  <si>
    <t>据外媒报道，“股神”沃伦·巴菲特掌管的伯克希尔-哈撒韦公司今年第二季度再次购入大量美国科技公司苹果的股票，持有量增加约55%；同时减持美国零售巨头沃尔玛的股票，持有量减少的比例为27%。根据伯克希尔-哈撒韦向美国证券交易委员会递交的最新文件，该公司在今年第二</t>
  </si>
  <si>
    <t>重庆东盟国际物流大通道打通</t>
  </si>
  <si>
    <t>近日，重庆到东盟的国际公路物流大通道正式打通。借助这条物流大通道，重庆的机电、建材、汽摩等产品，可快速运送到东南亚，而东南亚的水果、食品、木材等产品，也可便捷运达重庆及中国内陆地区。专家表示，以重庆为代表的我国内陆地区与东盟之间贸易互补性强，合作前景</t>
  </si>
  <si>
    <t>商业海权可助力中国和平崛起</t>
  </si>
  <si>
    <t>海权论是19世纪末美国军事理论家A.T.Mahan（马汉）在其海权三部曲中提出来的，其核心论点是，人类在海上的机动性远超过陆地，海上力量决定国家力量，谁能有效控制海洋，谁就能成为世界强国；海权与国家兴衰休戚与共，要控制海洋，就需要有强大的海军和足够的海军基地，以确保</t>
  </si>
  <si>
    <t>福建电子信息集团多举措推进市场化改革</t>
  </si>
  <si>
    <t>“在同步聚焦产品中，因实现了调焦过程中全清晰，2012年，福光电子将其光学镜头卖到了日本，这是国内产品第一次把光学镜头出口到日本。”福光股份董事长何文波表示，福光股份从原来濒临破产发展到现在总资产6亿元，年收入5亿元，年净利润近亿元，主要得益于福建省电子信息集?</t>
  </si>
  <si>
    <t>高铁快餐何时能比拼日本</t>
  </si>
  <si>
    <t>前几天，与一位刚从日本回来的友人闲聊。他的一大感触，就是在日本新干线上，即使是快餐也做得小巧精致，让人食欲大增；不像中国的高铁，只有三四种味道一般的盒饭，到了饭点，密闭的车厢里还充斥着浓郁的方便面味道。据说，很多人宁可吃方便面而不吃高铁快餐。他肯定不</t>
  </si>
  <si>
    <t>日本二季度GDP增长不及预期</t>
  </si>
  <si>
    <t>日本内阁府15日公布经季节调整的今年第二季度国内生产总值初值显示，剔除物价变动因素后与上季度持平，低于预期的0.2%；换算成年率为增长0.2%，同样低于预期的0.7%。这是日本经济连续两个季度呈现增长，但增幅有所收窄，且表现逊于预期。从实际GDP的构成来看，内需的贡?</t>
  </si>
  <si>
    <t>微信朋友圈并非“想卖就能卖”</t>
  </si>
  <si>
    <t>眼下朋友圈流行微商，卖啥的都有，有不法分子竟胆大包天，利用朋友圈销售虎牙虎骨。报载，日前，延吉市公安局森保大队破获4起非法收购、出售国家重点保护动物及制品案，收缴国家一级保护野生动物牙齿28颗，国家一级保护野生动物原麝2只，国家二级保护动物亚洲黑熊骨头54块，?</t>
  </si>
  <si>
    <t>加拿大人热议“零油价时代”</t>
  </si>
  <si>
    <t>中国东旭光电公司8月8日宣布他们生产的一款名叫“烯王”的石墨烯基锂离子电池开始在全球预售，并在9月8日正式上市。“烯王”不仅可在不到15分钟内充满电池，而且循环寿命高达3500次。另据业内人士介绍，“烯王”产品采用的石墨烯基锂离子电池技术除了可用于消费电子领域外，?</t>
  </si>
  <si>
    <t>IMF肯定中国经济改革  看好发展前景</t>
  </si>
  <si>
    <t>国际货币基金组织（IMF）12日表示，中国经济再平衡将继续推进，未来经济前景有望保持积极态势。IMF当天发布与中国的“第四条款磋商”报告。在这份对中国经济表现和政策判断与评估的年度报告中，IMF预计，中国经济今年有望实现6.6%的高增长。IMF中国研究部主管詹姆斯·丹</t>
  </si>
  <si>
    <t>国际油价上周涨幅达6%</t>
  </si>
  <si>
    <t>受主要产油国可能酝酿未来减产这一消息的影响，上周国际油价累计上涨约6%，创4月以来最大涨幅。沙特能源大臣法利赫日前表示，在9月即将召开的非正式会议上，石油输出国组织（欧佩克）成员国将就当前原油市场形势举行会谈，不排除将采取措施稳定国际油价。上周早些?</t>
  </si>
  <si>
    <t>Libor操纵问责再度发力</t>
  </si>
  <si>
    <t>英国第二大银行巴克莱银行近日同意支付1亿美元和解美国44个州对其涉嫌操纵伦敦银行同业拆借利率（Libor）的指控。自去年4月，英美监管机构对德意志银行开出25亿美元罚单以来，Libor操纵问责不断发力。在日益严厉的问责之下，其形成机制改革也需加速推进。巴克莱再受罚</t>
  </si>
  <si>
    <t>赞比亚：独一无二的南部非洲异域之美</t>
  </si>
  <si>
    <t>赞比亚位于非洲中南部，这个美丽的内陆国家河流众多，水系发达，水力资源非常丰富。南部非洲最大的河流赞比西河发源于此，境内的维多利亚大瀑布更是名动天下，位列世界七大自然奇观之一。而与其他非洲国家相比，七十多个族群部落、三十多种语言分支使赞比亚显出了更为丰富和?</t>
  </si>
  <si>
    <t>意大利当代艺术的洞见：“贫穷艺术”</t>
  </si>
  <si>
    <t>当今全球化的脚步正以不可抵挡之势，席卷人类活动的所有领域和各个层面。此时收藏现代和当代艺术，似乎是在质疑任意一种国家架构和国家边界是否尚存着种种局限和矛盾。然而，我们不能否认，一个人有理由出于对某个国家的激情、热爱与求知，因喜好其生活方式与文化，因其时间?</t>
  </si>
  <si>
    <t>对冲经济下行压力是货币政策重要目标</t>
  </si>
  <si>
    <t>在全球主要经济体仍然高举宽松的武器对抗通缩和衰退的时候，中国的货币政策何去何从却成了两难的选择。北京时间8月4日，英国不出意料地选择了七年以来的第一次降息。英国央行同时宣布了刺激经济的一揽子措施，其中包括收购600亿英镑的政府债券和100亿英镑的公司债券。该</t>
  </si>
  <si>
    <t>美元连续走弱  新西兰元意外上扬</t>
  </si>
  <si>
    <t>上周五强劲的非农报告一度给美元多头很大的鼓舞，但在本周美元指数却接连暴跌。糟糕的美国生产率数据似乎被视为美元暴跌的“元凶”，该数据令美联储加息预期再度明显降温。此外，市场头寸调整以及风险偏好情绪回升也是美元走软的原因。美国劳工部上周五公布的数据显示，</t>
  </si>
  <si>
    <t>英特尔收购人工智能初创企业</t>
  </si>
  <si>
    <t>据外媒报道，美国英特尔公司9日宣布将收购人工智能初创企业Nervana Systems。另一科技巨头美国苹果公司近期也宣布将收购人工智能公司Turi。英特尔尚未宣布这笔交易的金额。据美国媒体报道，金额可能在3.5亿美元左右。Nervana Systems的创始人之一、首席执行官纳温·拉奥</t>
  </si>
  <si>
    <t>旅行车在中国没机会了</t>
  </si>
  <si>
    <t>旅行车肥硕的臀部，在一些人看来，是令人着迷的欧洲范儿。但多数中国人，并不喜欢轿车长个大屁屁，因而在几经挣扎后，旅行车还是没能在中国迎来出头之日。不只在中国，在全球几个主要汽车市场上，貌似也就是欧洲人对旅行车青睐有加，在美国人眼里，旅行车早已“过时”了</t>
  </si>
  <si>
    <t>中德制造业合作逐渐升温</t>
  </si>
  <si>
    <t>美的集团8日宣布对库卡公司的持股比例已升至94.55%，意味着中国家电巨头对德国工业机器巨头的并购再进一步。对此，德国媒体的报道有点“酸”，按他们的说法，眼看德国工业自动化领域的“秘籍”流向中国，怎奈没有一家德国或欧洲企业“挺身而出”。5月18日美的集团向库卡</t>
  </si>
  <si>
    <t>美国互联网平台企业如何反垄断</t>
  </si>
  <si>
    <t>作为拥有丰富反垄断执法经验的互联网大国，美国如何利用反垄断法规来促进新型互联网行业的竞争与创新值得我们借鉴和学习。美国反垄断立法已有上百年的历史，最早可追溯至1890年颁布的《谢尔曼法》和1914年颁布的《联邦贸易委员会法》及《克莱顿法》，这三部法律成为美国</t>
  </si>
  <si>
    <t>机构：英镑跌势未尽</t>
  </si>
  <si>
    <t>自8月4日英国央行七年来首次降息并扩大宽松规模后，英镑汇率持续受压，目前跌至一个月以来低位。英国央行行长卡尼在降息后发表讲话称，已为必要时提供流动性做好准备，如有必要将进一步降息，当日英镑应声跌逾1%。此外，美国就业数据较为强劲，增强了美联储加息预期，也</t>
  </si>
  <si>
    <t>TPP成为美国大选牺牲品</t>
  </si>
  <si>
    <t>在新加坡总理李显龙日前访美期间，美国总统奥巴马再次为《跨太平洋伙伴关系协定》（TPP）摇旗呐喊，表示其在任期间不会放弃推动国会批准这项协议的努力。不过，从美国参众两院以及民主共和两党总统候选人的表态看，奥巴马力主打造的这根“重返亚洲战略”的经济支柱，将成为今</t>
  </si>
  <si>
    <t>国际投资人青睐中国酒店服务业</t>
  </si>
  <si>
    <t>在中国“一带一路”倡议实施、供给侧改革推进的背景下，新加坡投资者期待通过引入国际化的管理服务和金融服务参与中国的项目，荣耀基金旗下Amare投资管理集团的负责人向记者表示，中国经济前景很稳定，通过不断国际化合作推动服务业升级，国际投资人长期信心不会改变。A</t>
  </si>
  <si>
    <t>英国反欺诈机构对空客展开调查</t>
  </si>
  <si>
    <t>英国重大诈骗案检察局7日说，该机构已针对欧洲空中客车公司涉嫌欺诈、贿赂和腐败等指控展开刑事调查。分析人士称，该事件有可能严重影响到空客在英国市场的发展。空中客车是仅次于波音公司的全球第二大飞机制造商。受调查事件影响，空客在欧洲市场的股价盘中跌幅达1.7%?</t>
  </si>
  <si>
    <t>北师大课题组：企业负担过重  主因是税费不是工资</t>
  </si>
  <si>
    <t>近年来，中国东南沿海一些地区的制造业企业因成本上升、负担过重、生产经营困难等原因接连发生停产倒闭，或向越南、柬埔寨等一些东南亚国家转移，对中国制造业企业生存发展、产业转型升级和稳定地区就业等产生一定影响。我国劳动力成本是否过高的话题，已引起劳动者、企业经?</t>
  </si>
  <si>
    <t>除了奥运经济，英国还能靠什么？</t>
  </si>
  <si>
    <t>里约奥运会拉开大幕，英国新任外交大臣鲍里斯·约翰逊日前在名为《从伦敦到里约》的视频短片中向东道主发去祝福，他说奥运精神将在南美大陆继续传承，里约奥运会将获得成功。由约翰逊发出祝福再合适不过，作为前伦敦市市长，4年前的奥运盛宴他就是“行政主厨”。在闭幕?</t>
  </si>
  <si>
    <t>谷歌无人驾驶汽车项目CTO辞职</t>
  </si>
  <si>
    <t>据外媒报道，美国字母表公司旗下谷歌无人驾驶汽车项目首席技术官（CTO）克里斯·厄姆森近日宣布离职。厄姆森是领导谷歌无人驾驶汽车项目由研究向现实转变的关键人物。目前有迹象显示，谷歌正计划加快该项目的进一步发展，其无人驾驶技术项目可能会成为一家独立的公司。?</t>
  </si>
  <si>
    <t>海外并购医药企业成热点  企业违规遭投资机构唾弃</t>
  </si>
  <si>
    <t>上市公司加快“走出去”医药企业成并购热点中国医药企业海外并购的规模越来越大。7月29日，复星医药公布了以高达12.6亿美元的价格并购印度药品生产企业Gland，这是截至目前中国制药企业交易金额最大的海外并购案。据不完全统计，今年以来，医药行业有16家A股上市公司发?</t>
  </si>
  <si>
    <t>东吴证券并购标的去年亏18亿港元</t>
  </si>
  <si>
    <t>对中资券商来说，在香港或新加坡设立全资子公司，再进行海外收购似乎已经成为一种“时尚”。继中信、海通等龙头券商之后，东吴证券近日也加快了在港的收购步伐。不过，由于并购标的业绩并不稳定，去年亏损高达18.7亿港元，且目前市值与收购价相差巨大，消息公布后，交易</t>
  </si>
  <si>
    <t>日改组内阁力推安倍经济学</t>
  </si>
  <si>
    <t>8月3日下午，日本内阁官房长官菅义伟主持召开新闻发布会，宣布日本内阁改组。有分析认为，改组内阁旨在为未来在经济领域能更好地推动安倍经济学。日本原内阁在改组前正式辞职，被日本首相安倍晋三定位为“强大新阵容”的第三届安倍再改组内阁成员名单出炉。新调整后的内</t>
  </si>
  <si>
    <t>美上市公司二季度财报：几家欢乐几家愁</t>
  </si>
  <si>
    <t>美国2016年第二季度财报季已于日前正式开启，银行股大多好于预期，整体表现平稳，但科技股在本轮财报季中略显参差不齐，股价再现冰火两重天。摩根大通在7月中旬开盘前公布了公司今年第二季度财报，正式拉开了此轮财报季的序幕。数据显示，摩根大通今年二季度净收入62亿?</t>
  </si>
  <si>
    <t>美国汽车销量滞涨</t>
  </si>
  <si>
    <t>最新公布的7月份美国汽车市场销售数据显示，销量呈滞涨态势，通用汽车、福特汽车、大众汽车等大厂商销量出现不同程度的下滑，业内人士称行业风险即将到来。根据Autodata Corp2日公布的数据，7月美国汽车销量整体增长0.7%至152万辆；该机构还说，低油价和较强的消费信心?</t>
  </si>
  <si>
    <t>运用DIP制度助力供给侧改革</t>
  </si>
  <si>
    <t>我国当前正处于去杠杆、消化产能过剩和经济结构调整的关键时期，将有很多企业通过兼并重组，淘汰落后产能，整合过剩产业，这些都需要破产重整法律制度的支持。当前，国际上先进的重整制度是美国《破产法》第11章确立的重整制度，即DIP制度。近年来，欧洲一些国家也开始?</t>
  </si>
  <si>
    <t>全球央行正开启新一轮宽松潮</t>
  </si>
  <si>
    <t>澳大利亚央行2日将利率降至1.5%，创下历史新低。近期澳大利亚通胀数据持续疲弱，一些分析认为，澳大利亚央行未来可能还会进一步降息。这显示出，在经济增长不确定性增大的背景下，全球范围内正掀起新一轮宽松潮。澳大利亚央行2日将利率降低25个基点至1.5%，符合市场预期</t>
  </si>
  <si>
    <t>美国两党总统候选人为何都打中国贸易牌</t>
  </si>
  <si>
    <t>美国共和党和民主党全国代表大会日前落幕，2016年美国总统大选将开启民主党政治“精英”希拉里·克林顿与共和党“圈外人”唐纳德·特朗普对决的新阶段。虽然这两位候选人在经济政策主张方面相差甚远，但都在竞选过程中打出了“抨击中国”的贸易牌，指责中国采取“不公平的贸?</t>
  </si>
  <si>
    <t>辉瑞收购基因疗法公司Bamboo</t>
  </si>
  <si>
    <t>美国辉瑞公司1日称，已收购开发基因疗法的私人公司Bamboo Therapeutics，以提高其在罕见疾病治疗领域的地位，该交易的估值至多为6.45亿美元。6.45亿美元的估值中，除了1.5亿美元的收购价格以外，如果Bamboo开发的基因疗法能通过各种检测并达到监管标准，那么辉瑞还将额?</t>
  </si>
  <si>
    <t>物流业或成供给侧改革先行军</t>
  </si>
  <si>
    <t>在7月30日中国物流与采购联合会主办的2016中国物流供给侧改革高峰论坛上，与会专家认为，物流产业的结构性供给侧改革已刻不容缓，这是中国经济转型必须实现的基础要求之一，同时也是解决地方产业结构调整、产业升级和促进就业的“良方”。用制度支持创新、用技术保证进步、用</t>
  </si>
  <si>
    <t>全球矿业已步入回升通道</t>
  </si>
  <si>
    <t>“加拿大是一个矿业大国，矿业历史长、矿物品种多、分布比较广，挑选余地大，有着大量的资源项目和矿山，而且多数归于上市公司旗下，公开与透明性好。目前，矿业处于低谷期已经五六年，不少矿业项目和相关公司苟延残喘，市值普遍打了对折，对有意进行海外扩张的中国企业来说?</t>
  </si>
  <si>
    <t>英国央行本周降息几无悬念</t>
  </si>
  <si>
    <t>如同猜测美联储何时加息一样，全球资本市场对于英国央行什么时候降息的看法也正在趋同。上月中旬，英国央行“爽约”，但本月降息的预期逐渐升温。英国“脱欧公投”结果公布后，英国央行行长卡尼表示，为应对“脱欧公投”带来的经济冲击，避免英国陷入衰退，英国央行可能</t>
  </si>
  <si>
    <t>压力测试揭示欧洲银行业窘境</t>
  </si>
  <si>
    <t>欧洲银行业管理局（EBA）日前公布的一项压力测试结果显示，欧洲银行业抵御极端环境冲击的能力较两年前有所增强，但存在系统性风险的几家大银行成绩靠后，而历史久远的意大利第三大银行西雅那更是垫底，再次为欧洲银行业敲响警钟。这是自华尔街投行雷曼兄弟破产后，欧盟?</t>
  </si>
  <si>
    <t>温哥华税收新政对楼市影响几何</t>
  </si>
  <si>
    <t>7月26日，好几位中国人匆匆登上去加拿大温哥华的飞机，他们来自不同的城市，此次登机却只有一个目的，要争取在7月底把原定一两个月后成交的房子提前办好交易手续，以避免多缴纳15%的地产转让税。一栋700万加元的房子，多缴纳15%的税，就意味着多交105万加元。上述这番话</t>
  </si>
  <si>
    <t>美国就转基因食品标签立法</t>
  </si>
  <si>
    <t>经历了数月的艰难“拉锯”，美国终于要给转基因食品“贴标签”了。美国总统贝拉克·奥巴马29日签署名为《国家生物工程食品披露标准》的法案，授权联邦政府农业部长就生物工程食品确立强制性披露标准及实施方法和规程。“生物工程食品”即人们惯常所称的“转基因食品”。</t>
  </si>
  <si>
    <t>欧洲央行年内降息可期</t>
  </si>
  <si>
    <t>不出外界所料，美国联邦储备委员会27日宣布，维持当前利率水平不变。对大西洋另一端的欧洲央行来说，美联储暂不加息，减少了外部因素对欧元区经济的冲击，有助于欧洲主要经济体将注意力集中在英国“脱欧”和意大利银行危机之上。英国“脱欧”影响持续、意葡银行业警报响</t>
  </si>
  <si>
    <t>注册容易用药难  中医在澳面临新挑战</t>
  </si>
  <si>
    <t>澳大利亚是首个以立法形式承认中医合法地位的发达国家，也是最早为中医医师提供注册的西方国家之一。但是澳大利亚中医从业者近日提醒，中医药在澳发展或因受限于西医医药法典某些规定而面临“后注册时代”挑战。澳大利亚是西方发达国家中对中医药最开放和最包容的国家之</t>
  </si>
  <si>
    <t>英国央行酝酿降息举措</t>
  </si>
  <si>
    <t>有迹象显示，英国“脱欧”决定已经开始对经济活动产生严重负面影响，英国经济可能正面临上次金融危机以来的最大冲击。这或许会迫使英国央行在下周的货币政策会议上决定降息。英国国家统计局27日公布的最新数据显示，二季度英国经济环比增长0.6%，显示出脱欧公投前英国经</t>
  </si>
  <si>
    <t>日本经济刺激计划规模或超28万亿</t>
  </si>
  <si>
    <t>据多家日本媒体27日报道，日本首相安倍晋三的经济刺激计划规模将超过28万亿日元（约合人民币1.76万亿元）。安倍晋三当天下午在福冈市发表演讲时，谈及将于8月2日内阁会议上正式出台的政府经济刺激计划规模时表示，希望能编制综合且大胆的经济政策。时事通讯社报道称，在</t>
  </si>
  <si>
    <t>民主党竞选纲领瞄准中产阶级</t>
  </si>
  <si>
    <t>美国民主党全国代表大会25日通过竞选纲领，全面阐述民主党在经济领域的竞选主张和政策立场，着重突出从提高中产阶级收入、创造高质量就业和促进经济公平三方面重建正在萎缩的中产阶级群体，以寻求中产阶级选民的支持。中产阶级为主的“橄榄型”社会结构曾被认为是二战后</t>
  </si>
  <si>
    <t>曹妃甸：正是扬帆奋进时</t>
  </si>
  <si>
    <t>从渤海边荒无人烟的小岛，到京津冀协同发展的“桥头堡”，曹妃甸，这个距离唐山80多公里、昔日不足4平方公里的小沙岛，已经成为渤海湾开放开发的一片热土。努力打造沿海增长极和京津冀协同发展示范区，曹妃甸正在改写河北乃至环渤海地区的经济版图。从“养在深闺”到举?</t>
  </si>
  <si>
    <t>“日本制造”跌落神坛</t>
  </si>
  <si>
    <t>近日，因安全气囊存在隐患而广受关注的日本高田公司被曝篡改测试数据，成为继三菱等日本车企篡改燃效数据之后的又一日本制造业造假丑闻。无论是作为日本支柱行业的汽车业，还是曾经在全球处于领先地位的家电业，或是建筑、钢铁等助推国家经济发展的动力行业，日本制造业部门?</t>
  </si>
  <si>
    <t>世行上调今年油价预测至43美元</t>
  </si>
  <si>
    <t>世行在7月26日发布的《大宗商品市场前景》报告中表示，受二季度供应中断和需求旺盛的影响，世界银行将2016年原油价格预测从每桶41美元上调至43美元。受供应中断、特别是加拿大山火和尼日利亚石油设施遭袭的影响，2016年二季度油价上涨37%，在考虑了近期需求减弱和部分中</t>
  </si>
  <si>
    <t>中欧班列加强资源整合势在必行</t>
  </si>
  <si>
    <t>作为带动我国内陆地区开放的纽带，中欧班列自运行以来，成为“一带一路”沿线各国共享的重要贸易通道。然而，拼抢货源、竞相压价、线路过于集中等也带来一些隐忧，影响到中欧班列的健康发展。一些业界人士建议，加强对中欧班列统筹引导，更加重视“市场之手”的作用。“</t>
  </si>
  <si>
    <t>加拿大为什么很难买到假酒</t>
  </si>
  <si>
    <t>加拿大人喜欢饮酒。世界卫生组织两年前发布的一份报告显示，加拿大人在酒类的消费上高过美洲其他邻居，仅次于俄罗斯及一些欧洲国家。在全世界15岁以上的人口中，年平均消费的酒精数相当于6.2升，而加拿大人的酒类消费高出全球平均值的50%，每年花在葡萄酒上的钱高达70亿加元?</t>
  </si>
  <si>
    <t>斯洛伐克财长：“一带一路”带来巨大商机</t>
  </si>
  <si>
    <t>7月23日，G20财长和央行行长会议在中国成都召开。会议召开前一天，《经济参考报》记者在上海采访了前来参加会议的欧盟轮值主席国、斯洛伐克财政部长彼特·卡兹米尔。彼特·卡兹米尔表示，这次来中国参加G20会议，会尽可能多地拜访一些中国部长和地方官员，因为中国在经?</t>
  </si>
  <si>
    <t>威瑞信48.3亿美元收购雅虎核心资产</t>
  </si>
  <si>
    <t>据外媒报道，美国电信巨头威瑞信（Verizon）25日最终敲定以48.3亿美元收购雅虎核心资产，收购后雅虎将被整合入威瑞信旗下的美国在线。这意味着威瑞信在打造全球移动媒体企业的道路上又迈进一步。报道称，威瑞信将购得雅虎旗下的核心互联网业务和房地产资产，知识产权资?</t>
  </si>
  <si>
    <t>美联储本周加息几率极低</t>
  </si>
  <si>
    <t>美联储将于26日至27日举行为期两天的货币政策会议。外界普遍预期本次会议美联储再次加息的可能性很小，但是随着近期美国一系列的经济数据均显示增长形势乐观，外界对于美联储今年仍可能在年底加息一次的预期不断增强。经济数据释放利好7月份公布的一系列经济数据表</t>
  </si>
  <si>
    <t>波特兰：环保和经济可以兼得</t>
  </si>
  <si>
    <t>在美国西海岸的各大城市中，波特兰可能是最容易被大众忽略的一座城市。这座位于美国西北部俄勒冈州的第一大城市一直以可持续发展理念闻名。波特兰的可持续发展运动发起于上世纪70年代。当时，城市和工业快速发展带来了严重的环境污染，70年代爆发的两次石油危机也直接推</t>
  </si>
  <si>
    <t>二季度全球智能手表出货量减少32%</t>
  </si>
  <si>
    <t>今年以来，由于苹果公司表现不佳，全球智能手表整体市场首次出现下挫。IDC最新报告显示，今年第二季度，全球智能手表出货量为350万块，相比去年同期的510万块减少32%。数据显示，美国苹果的智能手表“Apple Watch”的4月至6月供货量同比减少55%，仅为160万块。在智能手?</t>
  </si>
  <si>
    <t>中医科学院院长张伯礼：“一带一路”为中医药“走出去”提供契机</t>
  </si>
  <si>
    <t>中国工程院院士、中国中医科学院院长张伯礼日前在德国汉诺威接受记者专访时表示，传统中国医学博大精深，是中国软实力的重要组成部分，而“一带一路”倡议为中医药走出国门、造福人类提供了难得契机。张伯礼是在率领中国中医科学院代表团访问德国汉诺威医科大学期间作出</t>
  </si>
  <si>
    <t>中国药企闯荡美国探索国际化之路</t>
  </si>
  <si>
    <t>“与化学药强调单一成分的药理作用不同，中药更强调‘君臣佐使’，强调方剂配伍‘组分’中各种不同药物的综合作用”，当手举复方丹参滴丸的天士力北美药业有限公司总裁孙鹤口干舌燥地讲完一大篇中药理念后发现，面前的FDA（美国食品和药物管理局）审批官仍是一脸茫然。?</t>
  </si>
  <si>
    <t>奇虎360私有化完成交割</t>
  </si>
  <si>
    <t>近日，奇虎360宣布私有化交易完成，其在纽约证券交易所交易的美国存托凭证（ADS）已于7月15日下午4点（美国东部时间）停止交易。这意味着奇虎360正式从美国市场退市。而实际上，在其启动私有化后，“360借壳回归A股”的消息就一直不绝于耳，A股相关公司也因相关传言而一度遭?</t>
  </si>
  <si>
    <t>机构：脱欧不会降低英国教育吸引力</t>
  </si>
  <si>
    <t>日前在毕高教育集团举行的英国留学分享会活动中，公司和英国使馆方面均表示，英国教育产业受到“脱欧”负面影响有限，教育质量仍位居世界前列，对海外生源吸引力不会减弱，中英的教育、人文交流领域将保持良好发展势头。英国贸易投资署教育及技能行业中国区总监安娜说，</t>
  </si>
  <si>
    <t>欧盟绕开市场经济地位处理中欧贸易</t>
  </si>
  <si>
    <t>20日，欧盟委员会全体会议讨论改变“替代国”方法后果评估。据法新社和德新社报道，欧盟委员会同意，在如何决定中国市场经济地位问题方面，欧盟将回避这一讨论，改为采取新的措施来处理其所认为的来自中国的倾销和不合法的补贴问题。当天，欧盟委员会认为，欧盟必须履行</t>
  </si>
  <si>
    <t>房车产业助推旅游经济进入快车道</t>
  </si>
  <si>
    <t>作为一种新兴的旅游消费方式，房车正逐渐走近大众的视野。尽管和欧美国家相比，房车旅游在我国仍处于起步阶段，但在各种社会资本的积极投入、国家政策的大力支持以及自驾游热潮的不断推动下，我国的房车产业正步入快车道，并成为当地旅游经济的重要推力。在7月19日举行?</t>
  </si>
  <si>
    <t>收购首战告捷  美的已持有库卡85.69%股份</t>
  </si>
  <si>
    <t>7月20日，美的集团宣布通过境外全资子公司MECCA International(BVI)Limited对全球领先智能自动化解决方案供应商德国库卡集团（以下简称库卡）股份进行自愿公开要约收购首阶段结束后的结果。截至2016年7月15日，美的已收购取得72.18%的库卡股份。再加上要约收购前美的间接持有</t>
  </si>
  <si>
    <t>共和党经济牌打下“特朗普印记”</t>
  </si>
  <si>
    <t>美国共和党全国代表大会18日通过了该党的竞选纲领，全面阐述了共和党在经济领域的竞选主张和政策立场，着重突出以税制改革促进经济增长、以美国优先完善贸易协定和以技术创新构筑美国未来的三大理念。虽然这份纲领对于下届共和党总统并不具有实质性约束力，但它反映出共和党?</t>
  </si>
  <si>
    <t>毒品交易正严重威胁生态健康</t>
  </si>
  <si>
    <t>哥伦比亚前总统安德烈斯·帕斯特拉纳日前在接受《经济参考报》记者专访时表示，人类和地球的健康是紧密联系在一起的，应当认识到各种看似无关的因素对全球健康的影响。在保卫全球环境的问题上，任何国家都无法独善其身，必须联合应对，从而实现“为人类和地球共同健康发展”?</t>
  </si>
  <si>
    <t>外资投入将保持稳定增势</t>
  </si>
  <si>
    <t>商务部19日披露的数据显示，6月当月，我国吸收外资152.3亿美元，同比增长了9.7%。1至6月，我国新设立外商投资企业数量和吸收外资的金额分别增长了12.5%和5.1%。此前，联合国贸发会议预计2016年全球吸收外资将会出现10%至15%的下降，从全球吸收外资已经出现明显下滑的背景看，</t>
  </si>
  <si>
    <t>金融危机的伯南克版本</t>
  </si>
  <si>
    <t>2000多年前，70多岁的古希腊哲学家苏格拉底被送上法庭，虽难逃死刑，临终却留下一篇千古流传的辩护词。2000多年后，世界大国的央行行长解甲归田之际，也有著书立说的偏好，为的是，写一本书给自己辩护。给自己写辩护词，伯南克不是第一人，他的前任格林斯潘早在数年前就</t>
  </si>
  <si>
    <t>银河证券首席经济学家潘向东：中国债务风险总体仍处于可控范围内</t>
  </si>
  <si>
    <t>中国居民和政府部门的杠杆率在世界范围内处于较低水平。日本、欧元区国家、英国和美国的政府杠杆率和居民的杠杆率都要高于中国。中国债务风险虽然不能令人高枕无忧，也并非某些国际评级机构和索罗斯所认为的那样处于危机爆发的前夜。当前债务问题的核心是非金融企业部门</t>
  </si>
  <si>
    <t>英首相将频繁外访消减脱欧负效应</t>
  </si>
  <si>
    <t>本周，英国新任首相特蕾莎·梅将开启对德国和法国的出访，就英国脱离欧盟后的双边外交关系、经济合作事项与德法两国领导人进行讨论。为抵消“脱欧”带来的经济负效应，梅还力主英国拓展与主要贸易伙伴的自由贸易谈判，与澳大利亚等十余国的谈判或不日开启。据外媒报道，</t>
  </si>
  <si>
    <t>世行2016财年贷款承诺额超610亿美元</t>
  </si>
  <si>
    <t>截至6月30日的未经审计的初步统计显示，2016财年（2015年7月1日至2016年6月30日），世界银行集团用于支持发展中国家及私营企业的贷款、赠款、股权投资和担保资金承诺额突破610亿美元。统计显示，向各国提供融资、风险管理产品及其他金融服务的国际复兴开发银行（IBRD）?</t>
  </si>
  <si>
    <t>国际航运中心东移趋势明显</t>
  </si>
  <si>
    <t>日前，《新华—波罗的海国际航运中心发展指数报告（2016）》在上海发布。综合评价结果显示，全球十大国际航运中心中，新加坡、伦敦、香港依旧位列前三甲，上海则稳居第六。《新华—波罗的海国际航运中心发展指数报告（2016）》由新华社中国经济信息社和波罗的海交易所共</t>
  </si>
  <si>
    <t>欧洲央行本周议息或“按兵不动”</t>
  </si>
  <si>
    <t>欧洲央行将于本周四公布英国公投通过“脱欧”后的首次议息结果。市场预期，此次会议上，欧洲央行可能没有实质性的行为，按兵不动的可能性最大。上周，英国央行出人意料地没有采取进一步宽松措施，这缓解了欧洲央行采取刺激措施的紧迫性。市场因此预期，欧洲央行也可能会</t>
  </si>
  <si>
    <t>《夏洛特烦恼》通过诉讼消除烦恼</t>
  </si>
  <si>
    <t>因在微信公众号发文称《夏洛特烦恼》全片抄袭美国影片《佩姬苏要出嫁》，影评人杨文被《夏洛特烦恼》出品方、编剧及导演状告名誉侵权，索赔221万余元。近日法院开庭审理了此案。庭审中，该文属于正当的文艺批评还是恶意歪曲事实成为焦点。抄袭，是影视圈一个司空见惯且?</t>
  </si>
  <si>
    <t>亚行：亚洲经济表现坚实</t>
  </si>
  <si>
    <t>18日，亚洲开发银行在对3月发布的《2016年亚洲发展展望》的补充报告中表示，2016年和2017年，亚太地区发展中经济体将继续保持稳健增长，南亚、东亚和东南亚的坚实表现，抵消了美国经济疲软带来的影响以及近期英国“脱欧”公投引发的市场震荡。在报告中，亚行将对2016年?</t>
  </si>
  <si>
    <t>芯片商ARM同意软银320亿美元收购要约</t>
  </si>
  <si>
    <t>18日，英国芯片厂商ARM证实，该公司已经接受日本软银集团股份有限公司提出的逾320亿美元的收购要约。当日，ARM公司股价开盘暴涨45%，该收购交易显示英国在“脱欧”公投后商业吸引力并未完全丧失，汇率优势反而令资产优质的英国企业更容易被收购。该收购交易是日本电信巨</t>
  </si>
  <si>
    <t>人民币贬值对国际消费影响几何</t>
  </si>
  <si>
    <t>人民币汇率在最近英国退出欧盟公投以后出现大幅变化，在前阶段人民币对美元突破6以后，目前的人民币对美元已经超过6.68，也就是说，人民币在国际上客观贬值了10%以上。假如我们从上海去美国旅游，原本2万元人民币的旅游费，因为人民币的贬值，在国外消费的部分必须由美?</t>
  </si>
  <si>
    <t>美国信用记录左右个人生活</t>
  </si>
  <si>
    <t>在美国，小到银行开户、办手机卡，大到买保险、贷款买房买车，甚至找工作与婚恋交友，都与消费者个人信用记录有着千丝万缕的联系。信用良好的消费者可以在买保险时获得较低的保费，在购房购车时获得较高的可贷额度，甚至在不同银行申办信用卡时也会享有诸多方便。信用记</t>
  </si>
  <si>
    <t>尼斯恐袭令法国经济蒙上阴影</t>
  </si>
  <si>
    <t>随着法国国庆日在尼斯发生的卡车碾轧人群事件被定性为“恐怖性质”，这个旅游大国面临继巴黎恐怖袭击后的新一轮产业冲击，相关股票下跌、安保支出增加、商业信心下降等因素叠加，将增加该国经济压力。分析人士称，接连的恐袭带来的经济损失将难以估量。法国总统奥朗德15</t>
  </si>
  <si>
    <t>原油市场距供需平衡仅“一步之遥”</t>
  </si>
  <si>
    <t>2014年以来，国际油价频频上演惊悚剧情。今年上半年，国际油价从2014年每桶超过100美元的高点跌至接近每桶25美元的低点，随后又反弹至每桶50美元上方，目前维持在每桶45至50美元左右。石油输出国组织（欧佩克）和国际能源署近日发布的最新能源市场展望报告显示，随着近两年原</t>
  </si>
  <si>
    <t>对杠杆风险不可掉以轻心</t>
  </si>
  <si>
    <t>当前经济运行中多方面风险逐渐积累，需要引起关注。外部经济环境仍然存在不确定性。全球经济正在经历结构调整，除美国以外的主要发达经济体、新兴市场经济体经济脆弱性在增强，不确定因素依然较多。减债压力、宏观经济失衡等多重因素导致欧洲经济潜在增长率较低。超常规</t>
  </si>
  <si>
    <t>第26轮中美投资协定谈判在京举行</t>
  </si>
  <si>
    <t>记者从商务部网站获悉，7月11日至17日，第二十六轮中美投资协定（BIT）谈判在北京举行。谈判中，双方就协定文本的遗留问题取得了积极进展，并围绕上月中旬交换的负面清单改进出价展开了深入磋商。下一步，双方将继续致力于落实两国领导人就谈判达成的重要共识，加快推进谈判?</t>
  </si>
  <si>
    <t>退市已成定局  亿元买盘豪赌*欣泰</t>
  </si>
  <si>
    <t>*欣泰简称中的*号，让上市仅两年多的欣泰电气（300372）定格在退市的悬崖边。在复牌之后，*欣泰已经连续三个跌停。广发基金更是直接将其估值调至零。尽管如此，在近三个交易日中，“冒死”买入的资金仍然高达亿元。截至14日上午收盘，在10.61元的跌停板上仍然有高打5185万股?</t>
  </si>
  <si>
    <t>收购澳超俱乐部  探索布局足球产业生态系统</t>
  </si>
  <si>
    <t>近日，雷曼集团董事长李漫铁宣布以个人名义收购澳大利亚纽卡斯尔喷气机俱乐部100%股权。在中国资本出海收购国外俱乐部的大潮中，雷曼显得颇为另类。据记者不完全统计，从2015年起，中国资本在海外收购了11家俱乐部的股权，其中10家是欧洲俱乐部，只有雷曼选择收购澳大利亚的?</t>
  </si>
  <si>
    <t>勾画未来国家竞争新图景</t>
  </si>
  <si>
    <t>新加坡国立大学高级研究员、美国国家情报委员会顾问帕拉格·康纳的新作《超级版图》近日在中国出版。这本书表述了作者对未来国家竞争图景的观点：衡量一个国家战略重要性标准，将从它的领土和军事实力转向这个国家和其他国家互联互通的程度。康纳在接受《经济参考报》记</t>
  </si>
  <si>
    <t>英央行出乎意料维持利率不变</t>
  </si>
  <si>
    <t>14日，在英国“脱欧”公投后举行的第一次英国央行议息会议上，英国央行出乎意料地维持利率不变。有分析认为，这使得英国央行8月份调整货币政策的市场预期升温。此次会议中，英国央行维持基准利率在0.5%不变，同时维持购债规模3750亿英镑不变。会议纪要显示，7月利率决议</t>
  </si>
  <si>
    <t>股债基金业绩回暖  三季度把握结构性机会</t>
  </si>
  <si>
    <t>英国脱欧靴子落地后，A股利空出尽，走上3000点后震荡，市场的人气和情绪正在理性复苏。过去一周，股基、债基产品业绩双双上涨。机构人士指出，目前结构性机会值得投资者关注，但在寻找投资机会的同时不应忽略可能出现的风险。7月份的市场，虽然数据预期仍然较弱，脱欧冲击仍?</t>
  </si>
  <si>
    <t>中欧商定加快投资协定谈判进程</t>
  </si>
  <si>
    <t>第十八次中国和欧盟领导人会晤于7月12至13日在北京举行。此次峰会正值英国“脱欧”公投结果公布不久，在双边关系面临新的不确定性之际，本次领导人会晤格外具有意义。在为期两天的会议中，双方就双边投资协议及中国市场经济地位、推动双边贸易协定进展等问题进行了讨论?</t>
  </si>
  <si>
    <t>商务部：对美不锈钢板带材双反初裁强烈不满</t>
  </si>
  <si>
    <t>中国商务部网站13日消息，美国商务部于当地时间11日对原产于中国的不锈钢板带材作出补贴调查初裁，认定中国企业反补贴税率为57.3%-193.92%。商务部贸易救济调查局负责人就此发表谈话表示，中方对美方故意曲解世贸组织规则和相关裁决的不合理做法表示强烈不满，将运用世贸组织</t>
  </si>
  <si>
    <t>建议创立全球性综合水资源管理体系</t>
  </si>
  <si>
    <t>尼日利亚前总统奥卢塞贡·奥巴桑乔日前在接受《经济参考报》记者专访时表示，作为维系食物生产、健康卫生、能源发展、生物多样性的重要连接元素，安全的水资源是实现可持续城市发展、可持续性气候变化发展的基础，因此，全球需要达成一个跨地域的可持续性水资源管理体系。</t>
  </si>
  <si>
    <t>IMF警告意大利经济面临严峻挑战</t>
  </si>
  <si>
    <t>英国“脱欧”事件仍在发酵，意大利风险又开始露头。该国银行业问题重新受到关注，而即将举行的意大利公投又增加了政治不确定因素对该国经济的影响。国际货币基金组织（IMF）12日发布最新报告指出，意大利经济可能面临巨大挑战。IMF指出，英国公投结果加剧金融市场的震荡</t>
  </si>
  <si>
    <t>英新任女首相将领导“脱欧”谈判</t>
  </si>
  <si>
    <t>英国13日将迎来历史上第二位女首相特雷莎·梅，提前解决了保守党的领导人问题。上任后，特雷莎·梅将领导英国与欧盟进行“脱欧”谈判。欧盟方面呼吁，英国应早日启动脱离欧盟的程序，以减少经济面临的不确定性。英国保守党两名党魁竞选人之一、能源与气候变化部负责能源</t>
  </si>
  <si>
    <t>BDI连涨14天  航运业现阶段性行情</t>
  </si>
  <si>
    <t>截至7月11日，BDI（波罗的海干散货指数）报收704点，该指数从6月21日开始连涨14个交易日，累计上涨124点，累计涨幅达21%。业内人士表示，近期指数呈现持续上涨态势，巴拿马型船领涨各船型市场，航运业呈现阶段性行情，企业盈利状况有所好转。BDI指数衡量的是铁矿石、水?</t>
  </si>
  <si>
    <t>谷歌图书数字化为何不算侵权</t>
  </si>
  <si>
    <t>【案例】4月19日，美国联邦最高法院拒绝受理美国作家协会等对谷歌公司的上诉，一场旷日持久的诉讼就此落下了帷幕。本案的起源要追溯到12年前。自2004年起，谷歌与数家大型图书馆达成协议，将后者的馆藏图书数字化，并以此为基础建立了一个庞大的数字图书数据库。此</t>
  </si>
  <si>
    <t>英财政大臣开启全球金融贸易之旅</t>
  </si>
  <si>
    <t>英国财政大臣奥斯本11日赴华尔街寻求投资者支持。这是英国“脱欧”公投之后，奥斯本全球主要金融和政治中心系列访问的第一站。英国开始着手大力寻求投资和贸易等方面的支持，力争降低经济面临的不确定性。奥斯本办公室发表声明说，奥斯本11日将与多位纽约华尔街大型投资</t>
  </si>
  <si>
    <t>中远海运拟追加希腊比港投资5亿欧元</t>
  </si>
  <si>
    <t>记者近日从总部设在上海的中国远洋海运集团了解到，中远海运收购希腊比雷埃夫斯港完成后，将把其作为中远海运在地中海地区的重要枢纽港，在现有协议计划投资3.5亿欧元的基础上，还将增加投资5亿欧元，全面促进集团航运、码头、物流、修造船等业务的协同发展。7月4日，中</t>
  </si>
  <si>
    <t>美国大银行财报预期不佳</t>
  </si>
  <si>
    <t>本周，摩根大通等华尔街投行将开始陆续公布今年第二季度财报，目前多数分析师预计这些大银行的业绩将会十分惨淡。英国《金融时报》调查显示，分析师普遍预计银行业二季度财报将承压，因为交易收入和投行业务的低迷很大程度上抵消了按揭费用的增幅。摩根士丹利分析师对一</t>
  </si>
  <si>
    <t>经济政策成澳大选重要筹码</t>
  </si>
  <si>
    <t>澳大利亚总理马尔科姆·特恩布尔10日宣布赢得联邦议会选举胜利。当天早些时候，反对党工党党首比尔·肖滕承认败选。不过实际上，澳大利亚选举委员会对选票的统计并未结束。根据澳大利亚选举委员会网站10日公布的结果，特恩布尔领导的自由党-国家党联盟在74个选区得票领?</t>
  </si>
  <si>
    <t>法国铁腕推进劳动法改革</t>
  </si>
  <si>
    <t>法国总理瓦尔斯日前宣布，再次动用宪法特别条款以在国民议会强行通过对劳动法修改草案的第二次审议。为通过此次劳动法修改草案第二次审议，瓦尔斯动用了宪法49-3条款。瓦尔斯上一次动用49-3条款是在今年5月10日，当时是为强行在国民议会通过对新劳动法草案的第一次审议?</t>
  </si>
  <si>
    <t>世界首款石墨烯基锂离子电池发布</t>
  </si>
  <si>
    <t>自2004年英国科学家首次从石墨晶体表面“粘”出石墨烯以来，这一拥有导热导电性超强等诸多“绝技”的新材料之王让人们对其产业化前景无限憧憬。7月8日，国内最早进入石墨烯领域的上市公司之一东旭光电推出了世界首款石墨烯基锂离子电池产品——“烯王”。其在满足5C条件</t>
  </si>
  <si>
    <t>警惕公平幌子下的贸易保护主义</t>
  </si>
  <si>
    <t>WTO在最近发布的一份报告中提到，近一段时期以来，贸易保护主义正在抬头，包括一些G20成员在内的发达国家尤为严重，其中有三分之一的贸易救济措施直接针对中国。据了解，自从1995年世贸组织成立以来，共有48个成员对中国发起贸易救济案件1149件，占案件总数的32%，而迄今为止</t>
  </si>
  <si>
    <t>里约奥运能给巴西经济带来什么？</t>
  </si>
  <si>
    <t>巴西新任体育部长莱昂纳多·皮齐亚尼日前预言，里约奥运会将获得成功。通过举办奥运会，巴西可以向全世界展现它美好的一面，而低迷的经济也将迎来复苏机会。里约奥运会究竟能给巴西经济注入多少活力？实际成本超出预算20倍的加拿大蒙特利尔奥运会，是体育赛事运营史上最</t>
  </si>
  <si>
    <t>左手法律  右手商业</t>
  </si>
  <si>
    <t>成为中国互联网金融协会P2P行业唯一常务理事单位的点融网被业界评价为“有着强大的创始团队”。其两位联合创始人中，技术出身的苏海德带来了美国先进的技术、理念；律师出身的郭宇航则为点融网注入了对法律、监管的敏锐把控。点融网总部坐落在上海外滩，坐在点融网CEO郭</t>
  </si>
  <si>
    <t>险资伦敦投资恐有折损</t>
  </si>
  <si>
    <t>英国脱离欧盟的决定给房地产市场前景蒙上了一层阴影。多家机构预测，商业地产将成为英国脱欧初期的牺牲品之一，伦敦商业地产价值可能在未来一年里下跌约10%，租金增长前景走弱。国内险资巨头如中国人寿、中国平安、泰康保险等险企在伦敦的多笔投资或将因此受到影响。英?</t>
  </si>
  <si>
    <t>英镑断崖式跌至31年最低</t>
  </si>
  <si>
    <t>英国央行5日警告，“脱欧”风险已开始变得具体化，目前英国的金融稳定正面临挑战。该消息令投资者对英国“脱欧”风险的担忧重燃，推动英镑大幅走低至1985年以来的最低水平，日元和长期国债等避险资产受到投资者追捧。央行5日发布的半年度金融稳定报告说，“脱欧”公投后</t>
  </si>
  <si>
    <t>爱尔兰聚焦创新助力经济增长</t>
  </si>
  <si>
    <t>爱尔兰2015年经济增长率达到7.8%，最近一个财年，政府赤字占国内生产总值（GDP）的百分比由高达32%降至1.5%，失业率也由15%降至8%以下。创新和财政措施是助力爱尔兰经济增长的重要因素。随着爱尔兰对外国投资者吸引力的增长，该国也正在成为中国科创企业出海欧洲的门户入口。</t>
  </si>
  <si>
    <t>英国“脱欧”或冲击新兴市场流动性</t>
  </si>
  <si>
    <t>尽管研究机构最新数据显示，新兴市场流动性状况处于5年以来最佳，为经济进一步发展提供条件，但受英国脱离欧盟事件影响，市场人士预计新兴市场流动性和发展前景也将承压。总部位于伦敦的金融研究公司CrossBorder Capital的数据显示，新兴市场经济体流动性状况处于5年来?</t>
  </si>
  <si>
    <t>大选年美股堪忧</t>
  </si>
  <si>
    <t>行至年中，美股在经历了如同过山车似的上半年后，下半年会走势如何？华尔街分析人士认为，纽约股市下半年走势仍充满变数。美国经济下半年增长引擎动力不足，美联储加息时点不定，11月美国大选在即，这都将为美股走势带来不确定性。回顾上半年，美股可谓在“艰难中前行”</t>
  </si>
  <si>
    <t>意大利第三大银行危机或引政府救助</t>
  </si>
  <si>
    <t>据外媒报道，欧洲央行已要求意大利第三大银行西雅那银行大幅削减30%的坏账，以降低风险。分析认为，这将为意大利政府和欧盟稳定银行业增添新的压力。西雅那银行4日表示，欧洲央行要求该行2018年将不良债务规模由2016年的469亿欧元削减至326亿欧元。西雅那银行需在7月8日</t>
  </si>
  <si>
    <t>美国经济动力难寻  复苏疲弱缓慢前行</t>
  </si>
  <si>
    <t>2016年走完半场，回顾上半年，美国经济延续了近年第一季度萎靡、第二季度加速的惯常态势；展望下半年，美国经济内外增长引擎阙如，亮点与突破难觅，预计全年经济表现仍是缓慢前行。今年第一季度，美国经济延续了过去几年表现不佳的局面，按年率计算的经济增速最初估值仅</t>
  </si>
  <si>
    <t>去年我国经济总量增加8798亿元</t>
  </si>
  <si>
    <t>国家统计局5日发布公告，国家统计局按照联合国等五大国际组织联合颁布的国民经济核算国际标准《国民账户体系2008》（2008年SNA），改革研发支出核算方法，并据此修订了1952年以来的国内生产总值（GDP）数据，修订后各年经济规模增加，但增速变化不大。公告称，此项改革?</t>
  </si>
  <si>
    <t>“脱欧”公投增加英国经济“阴影面积”</t>
  </si>
  <si>
    <t>在“脱欧”公投疑云笼罩下，今年上半年英国经济增速逐渐放缓。临近年中，“脱欧”靴子落地引发金融市场剧烈震荡、借贷成本上升、财政减赤阻力大增、投资信心动摇，各方因此对英国经济前景担忧加剧。预计下半年英国经济将面临更大下行压力。英国首相卡梅伦今年2月宣布将?</t>
  </si>
  <si>
    <t>黄金美元齐涨能维持多久</t>
  </si>
  <si>
    <t>英国“脱欧”引发全球市场震荡，美元指数大涨2.4%，英镑盘中暴跌超10%，触及1985年以来的最低水平，黄金一举暴涨近8%，纽约黄金期货盘中一度冲到1359.2美元/盎司，创出2008年来最大涨幅。从历史上看，美元和金价多数呈负相关的关系，这次美元与金价齐涨，有避险需求的因素在?</t>
  </si>
  <si>
    <t>美国银行业贷款激增或酝酿风险</t>
  </si>
  <si>
    <t>受经济回暖、地产复苏等影响，美国银行业近期出现贷款激增现象，幅度超过经济增长率。有业内人士警示，增幅显著的放贷潮下，信贷违约的风险也在积累，在消费领域已出现不好苗头。据《华尔街日报》报道，美国银行业的巨额抵押贷款业务正在持续膨胀。根据对联邦住房贷款数</t>
  </si>
  <si>
    <t>印度电影为什么卖得火</t>
  </si>
  <si>
    <t>“不了解印度电影的时候是俯视，了解后就改仰视了。”引进史诗大片《巴霍巴利王》及近期多部印度电影的北京创世星国际影视文化公司的总经理何巍对笔者说：“我和团队都去过印度，虽然看到的制作场所和环境感觉不是很高大上，但制作出来的片子的质量和效果的确不错。感觉上印?</t>
  </si>
  <si>
    <t>菲媒：菲律宾需要亚投行帮助</t>
  </si>
  <si>
    <t>菲律宾发行量最大的纸媒《菲律宾每日询问者报》4日发表社论，认为菲律宾需要亚洲基础设施投资银行（简称亚投行）帮助其发展基础设施建设。社论说：“亚投行是一个现代化、多边的组织……菲律宾可以通过亚投行这个更透明的窗口获得资金。”据亚洲开发银行估算，菲律</t>
  </si>
  <si>
    <t>营口港海铁联运逆市“领跑”</t>
  </si>
  <si>
    <t>在腹地经济持续下行的情况下，辽宁省营口港经营的以其为节点，直达欧洲的海铁联运大通道却持续升温。今年前5个月，营口港海铁联运累计发车19万多标准箱，领跑全国各港口。营口港渐成“一带一路”的桥头堡。记者日前来到营口港集装箱码头看到，近十艘大型货船停在泊位上?</t>
  </si>
  <si>
    <t>日经指数实现六连阳</t>
  </si>
  <si>
    <t>英国“脱欧”公投影响逐渐消退，全球央行强化货币宽松政策的预期升温，推动日本股市4日迎来六连涨。截至收盘，日经股指上涨93.32点，收于15775.80点；东京证券交易所股票价格指数上涨7.53点，收于1261.97点，涨幅为0.60%。据报道，东京股市上周5个交易日连续上涨，之后?</t>
  </si>
  <si>
    <t>全球央行紧盯英国脱欧外溢风险</t>
  </si>
  <si>
    <t>英国“脱欧”公投结果令全球金融市场陷入动荡，目前暂趋平静。近期，美联储、欧洲央行和英国央行等全球主要央行官员均表示将密切关注英国“脱欧”外溢效应对全球经济的影响。分析指出，英国“脱欧”为全球经济前景带来不确定性，美联储的升息步伐可能进一步放缓，英国央行和?</t>
  </si>
  <si>
    <t>英国脱欧使人民币影响力大幅上升</t>
  </si>
  <si>
    <t>由厦门大学经济学院与王亚南经济研究院（简称“经济学科”）与中国科学院预测科学研究中心联合主办的“金融风险量化与管理论坛”日前举行。会上发布了由厦门大学经济学科编制的人民币汇率国际影响力指数。该指数显示，英国脱欧事件使得人民币汇率国际影响力显著上升，特别是?</t>
  </si>
  <si>
    <t>适应大趋势  建立大市场  形成大格局</t>
  </si>
  <si>
    <t>我想谈谈，从现在到2020年的未来5年，对中欧深化合作意味着什么？这里，我用三个“大”字来做简要发言。2020：中国经济转型大趋势我认为，未来5年中国经济转型有三大趋势。1、服务型消费全面快速增长的大趋势（1）服务型消费将成为中国城镇居民消费的大?</t>
  </si>
  <si>
    <t>日本智库再揭“安倍经济学”硬伤</t>
  </si>
  <si>
    <t>民间智库“日本综合研究所”一项估算结果表明，刨去税金和社会保险费，日本家庭经济收入中的实际可支配收入与“安倍经济学”实施前的2012年基本持平。共同社3日报道，安倍晋三政府把企业涨薪作为“安倍经济学”的成果加以强调，但日本综合研究所认为，员工报酬虽然增加?</t>
  </si>
  <si>
    <t>国际金价半年涨幅达25%</t>
  </si>
  <si>
    <t>当周国际金价因英国“脱欧”公投结果继续发酵而持续走高，实现连续五周上涨，当周上涨1.26%。国际金价在上半年猛涨了近25%。7月1日，国际金价再次走高，下半年首个交易日也实现“开门红”。纽约商品交易所黄金期货市场交投最活跃的8月黄金期价1日比前一交易日上涨18.4美</t>
  </si>
  <si>
    <t>应对数字化潮流的法兰西智慧</t>
  </si>
  <si>
    <t>法国议会两院日前经过激烈而长久的讨论，终于就一项名为“建设数字共和国”的法案（以下简称“数字法案”）文本达成一致。按照法定程序，该法案有望今年9月正式升格为法律。这是法国应对数字化时代到来的一次重要建章立制。近年来法国日益察觉，面对浩浩荡荡的数字化潮?</t>
  </si>
  <si>
    <t>良品铺子：用自定义产品打造新零食市场</t>
  </si>
  <si>
    <t>从赞助热播真人秀“爸爸去哪儿”，到2016年春节亮相纽约时代广场，再到牵手千名网红打造欧洲杯看球零食桶；从开建休闲食品产业园，到首家全品类零食专卖店开业，再到斥巨资打通“全渠道”链条……这两年，一家来自湖北武汉的零食企业——良品铺子刮起一阵又一阵旋风，迅</t>
  </si>
  <si>
    <t>新理念  新经济  新动能</t>
  </si>
  <si>
    <t>新一轮科技革命、产业变革正在加速演进，以智能、绿色为特征的群体性技术革命将引发国际产业分工重大调整，创新驱动成为许多国家谋求竞争优势的核心战略。实施创新驱动发展战略，加快建设创新型国家，用好“新理念”、发展“新经济”、培育“新动能”，促进中国经济转型</t>
  </si>
  <si>
    <t>美国上调一季度经济增速至1.1%</t>
  </si>
  <si>
    <t>美国商务部28日将今年第一季度美国经济增速上修至1.1%。尽管英国退出欧盟等因素可能对全球经济增长前景带来影响，但不少分析仍然预计，美国第二季度经济增长有望明显加速。美国商务部28日公布的最终修正数据显示，今年第一季度美国实际国内生产总值（GDP）按年率计算增?</t>
  </si>
  <si>
    <t>德国“工业4.0”的中国机遇</t>
  </si>
  <si>
    <t>近年来，主打智能制造的“工业4.0”不仅在德国生根发芽，也在中国成为备受关注的话题。以物联网、云计算等技术为基础、实现大规模生产与个性化定制相结合的智能制造被认为是未来工业生产发展的方向。业界人士认为，紧跟这一发展趋势、实现智能升级是中国制造由大到强转?</t>
  </si>
  <si>
    <t>经济运行平稳  供给侧改革效果初显</t>
  </si>
  <si>
    <t>由于全球经济下行风险增大，各国货币政策总体仍需放松，以维持经济增长和促进就业。尤其对欧元区和日本而言，面对通缩压力，货币政策必须保持宽松，预计未来仍有可能进一步采取非常规措施。下半年物价涨幅分化，PPI同比降幅继续缩小趋向转正，CPI温和增长，全年CPI上涨2</t>
  </si>
  <si>
    <t>美联储年内加息概率或降低</t>
  </si>
  <si>
    <t>上周英国公投“脱欧”的意外结果令全球市场遭受重挫，同时美元受到投资者避险驱动而大幅升值，给全球和美国经济增长前景增添了新的不确定性。美联储已明确表示将密切关注全球金融市场发展，并可能重新评估美国经济前景和加息计划，美联储年内加息的概率已大幅下降。早在</t>
  </si>
  <si>
    <t>大众为和解“排放门”恐需支付150亿美元</t>
  </si>
  <si>
    <t>据美国彭博社等外媒披露，大众为终结汽车“排放门”带来的民事诉讼最终或将支付高达150亿美元的费用。据报道，最终的赔偿方案将由大众汽车集团、美国司法部、环保署及加州空气资源委员会共同签署，并将于旧金山法院公布。在旧金山法院作出判决前夕，这一赔偿金额较之前?</t>
  </si>
  <si>
    <t>全球市场震荡  避险基金受宠</t>
  </si>
  <si>
    <t>上周市场受英国“脱欧”公投影响，股指震荡，拖累股混基金业绩表现。不过，该事件也刺激银行间债市升势，债券基金业绩有所好转。值得注意的是，海外市场由于“脱欧”海啸冲击，大宗商品、恒生指数等主题QDII较差，而黄金、海外债券类QDII则由于避险属性而收获大涨。</t>
  </si>
  <si>
    <t>人民币中间价下调153基点再创近年新低</t>
  </si>
  <si>
    <t>中国人民银行授权中国外汇交易中心公布的最新数据显示，6月28日银行间外汇市场人民币汇率中间价为1美元对人民币6.6528元，较上一交易日下调153基点，并再次创下2010年12月以来的最低值。对此，央行官方微博28日称，近期受英国“脱欧”公投影响，国际外汇市场出现波动，?</t>
  </si>
  <si>
    <t>中俄合作应落地在东北通道经济上</t>
  </si>
  <si>
    <t>俄总统普京在接受新华社社长蔡名照专访时说出了“盟友”二字，看来中俄关系又跃升到一个新层次，但中俄战略协作伙伴关系要想在全球持续发挥效用，中方应“扬长”，而俄方应“避短”，着力点依然还是在经济。对中国现言，南海问题只是表象，中国只需见招拆招即可，而对中</t>
  </si>
  <si>
    <t>国际清算银行预警全球高债务风险</t>
  </si>
  <si>
    <t>26日，国际清算银行（BIS）第86届年会在瑞士巴塞尔闭幕，与会央行行长们在年会上就全球经济金融形势、金融市场网络抗风险能力、英国脱欧对全球经济和金融市场的冲击及后续影响等热点问题进行了交流和研讨。BIS特别警告全球央行应警惕高债务等风险因素对全球经济的负面影响。$</t>
  </si>
  <si>
    <t>部分金融机构考虑调整英国业务</t>
  </si>
  <si>
    <t>英国脱欧公投结束后，引人关注的英国国际金融中心地位开始受到影响，一些金融企业表示要调整在当地的业务，有些考虑撤出部分职位，或将其业务迁往欧洲其他城市。虽然一些支持英国退出欧盟的人士表示，英国金融行业在没有欧盟束缚的情况下仍会有良好的发展，但据报道，投</t>
  </si>
  <si>
    <t>直击英国民众  呼吁二次“脱欧”公投</t>
  </si>
  <si>
    <t>英国“脱欧”公投结果24日尘埃落定，“脱欧”一方以51.89%的支持率赢得公投。一石激起千层浪，英国首相卡梅伦当日宣布辞职，苏格兰政府首席大臣妮古拉·斯特金宣布苏格兰“非常有可能”举行第二次独立公投，全球金融市场产生“过山车”式震荡。因不满公投结果，当地时间</t>
  </si>
  <si>
    <t>中欧货运班列通过“代码共享”抱团发展</t>
  </si>
  <si>
    <t>日前，在丝绸之路节点城市甘肃武威，“天马号”、“渝新欧”、“义新欧”等全国十余条中欧国际货运班列的运营公司代表，共同签署了一项合作备忘录。此前分散作战的各条国际货运班列，今后将通过“代码共享”方式抱团发展，以共同降低运营成本、提高运营效率。在“一带一</t>
  </si>
  <si>
    <t>欧洲银行业面临大“烤”</t>
  </si>
  <si>
    <t>英国投票决定离开欧盟，引发避险资产价格高涨，全球股市大跌。欧洲银行股也遭遇“血洗”，欧洲斯托克600银行股指数跌14.46%，巴克莱等许多大银行股价下跌30%，整个欧洲银行体系面临大“烤”。但是，欧洲银行业的问题由来已久，英国退欧只是触发风险的导火索。对于整个欧</t>
  </si>
  <si>
    <t>油价双重承压将进入下行周期</t>
  </si>
  <si>
    <t>国际油价在50美元附近徘徊了大约1个月之后，随着英国6.23脱欧公投成真，最终成为拨动油价进入下行周期的关键因素。6月24日，英国脱欧公投以52%的微弱多数获胜，国际油价以47.6美元收盘，比前日下跌近2.5美元。需要关注的是，在多数事件引发的单日波动不超过1.5美元的背?</t>
  </si>
  <si>
    <t>英国“脱欧”惊悚全球</t>
  </si>
  <si>
    <t>英国23日举行是否脱离欧盟的全民公投，近52%的投票者支持“脱欧”。英国首相卡梅伦随即宣布辞职。面对这个事实，全球普遍的情绪是遗憾和尊重。由此引发市场剧烈震荡后，很多人担忧这将对英国和欧盟，甚至全球经济的未来产生重大影响。但仔细探究英国“脱欧”的原因和影响后可</t>
  </si>
  <si>
    <t>英国公投脱欧对中国经济直接影响有限</t>
  </si>
  <si>
    <t>6月24日，英国公投脱离欧盟，全球市场大幅震荡。国内专家和主要外媒对英国脱欧给中国在贸易、投资、人民币、金融市场等方面造成的长短期影响进行了分析。实体经济所受影响整体不大中国人民大学国际货币研究所理事兼副所长向松祚认为，英国脱欧将是一个漫长的法律进</t>
  </si>
  <si>
    <t>万花筒般的英国选民心态</t>
  </si>
  <si>
    <t>英国“脱欧”公投结果24日尘埃落定，“脱欧”一方以51.89%的支持率赢得公投。英国首相卡梅伦随即宣布辞职，苏格兰政府首席大臣妮古拉·斯特金紧接着宣布苏格兰“非常有可能”举行第二次独立公投。表面上，英国“脱欧”戏码悬念迭出、情节跌宕起伏，实则体现了万花筒般的英国?</t>
  </si>
  <si>
    <t>印度外资新政落地后仍待改革</t>
  </si>
  <si>
    <t>依靠内需驱动，印度经济连续2年保持了7%以上的增长，本周该国又推出了外国投资开放新政策，欲为高增长再添动能，在全球陷入增长平庸之际更显瞩目。美国、欧洲、日本等发达地区的企业和资本持续被这个表现出色的金砖国家所吸引。不过近期该国曝出央行行长不续任，引发外汇市场</t>
  </si>
  <si>
    <t>缺失“平台”优势  盛大加速转型</t>
  </si>
  <si>
    <t>盛大网络创始人陈天桥在将旗下盛大文学、盛大游戏等原互联网业务悉数出售后，正在努力将盛大集团转型为一家全球化的投资控股集团。陈天桥最近增持了美国最大的网贷平台Lending Club的股份，盛大集团在金融服务、科技等领域频频出手，引发业界关注。因违规放贷一事，Lend</t>
  </si>
  <si>
    <t>报告称全球跨国投资强劲复苏</t>
  </si>
  <si>
    <t>总部位于日内瓦的联合国贸易和发展会议（贸发会议）日前发布《2016世界投资报告》说，得益于全球跨境并购增长，2015年全球外国直接投资（FDI）总规模达1.76万亿美元，相较前一年增长38%。2015年，中国在吸引外资和对外投资领域实现了“双增长”。其中，中国外资流入量增</t>
  </si>
  <si>
    <t>中国企业布局欧美胰岛素市场</t>
  </si>
  <si>
    <t>随着糖尿病患者的增多，作为在治疗过程中扮演重要角色的胰岛素，市场规模也相应不断扩大。记者近来在“第十六届世界制药原料药中国展”上获悉，上海本土制药企业甘李药业，拟投资2.89亿元用于胰岛素在美国的注册上市。从人类发现胰岛素以来，胰岛素类药物从其发展历程及</t>
  </si>
  <si>
    <t>中科院深圳先进技术研究院副研究员陈荣亮：超算系统应用比计算机本身更重要</t>
  </si>
  <si>
    <t>从建设超级计算机的角度来讲，中国和日本、美国以及欧洲的水平其实不相上下，但在建设思路上，中国却与其他国家截然不同。欧美国家一般是先考察超级计算机在各领域的需求，根据实际应用开始有针对性的研发和制造；而我国则将重点放在提升超级计算机的各项计算能力上，然后再?</t>
  </si>
  <si>
    <t>腾讯86亿美元收购芬兰手游公司84%股权</t>
  </si>
  <si>
    <t>互联网公司腾讯宣布将斥资86亿美元购入芬兰手机游戏开发商Supercell公司84%股份。腾讯日前发布声明称，将分阶段收购这些股份，腾讯目前仍在与联合投资者进行商讨，争取让这些投资者参与收购。《华尔街日报》援引知情人士透露，专注中国市场的基金管理公司高瓴资本集团一</t>
  </si>
  <si>
    <t>“中国买家”超十亿美元并购频现</t>
  </si>
  <si>
    <t>《经济参考报》记者22日从清科研究中心获悉的最新数据显示，今年前五月，中国企业海外并购已完成案例数和规模同比仍处于小幅下降状态，但大量中国企业今年开始宣布进行海外并购，同时出现中国化工拟400多亿美元收购瑞士先正达、海尔55亿美元收购GE家电业务等大额并购。?</t>
  </si>
  <si>
    <t>日元升值成“安倍经济学”的麻烦</t>
  </si>
  <si>
    <t>最近，日本财务大臣麻生太郎对日元近期的升值发出警告，称对“单向、快速和投机性”汇率波动深切关注，并表示必要时将紧急应对。此前在日本央行维持政策不变后，日元兑美元和欧元汇率均触及数年高点。日元的升值趋势，与日本政府所推崇的“安倍经济学”背道而驰。“安倍</t>
  </si>
  <si>
    <t>美无人机商业飞行新规出炉</t>
  </si>
  <si>
    <t>美国政府21日发布无人机商业飞行管理规定。美国政府官员表示，针对无人机商业飞行，联邦政府一直在安全性和创新性上寻找平衡点，未来将逐步而审慎地为无人机开放更广阔的天空。大疆创新等无人机制造商对此表示欢迎。新公布的无人机商业飞行规则，将在60天内生效，取代目</t>
  </si>
  <si>
    <t>如何看中企收购塞尔维亚钢铁厂</t>
  </si>
  <si>
    <t>毋庸讳言，在社交媒体上，一些人对中国企业购买塞尔维亚钢铁厂颇有微词，理由大致是：在国内，我们很多钢厂还要压缩产能，工人不得不下岗再就业；你到海外去花巨款，给当地创造就业，你让中国工人情何以堪！看似颇有道理，也确实挺能撩拨一些人的情绪。但这种看法，其实</t>
  </si>
  <si>
    <t>美国为何持续“加码”先进制造业</t>
  </si>
  <si>
    <t>美国总统奥巴马20日在出席第三届“选择美国投资峰会”时宣布，将在洛杉矶建立一家致力于智能传感器和其他技术研究的先进制造业中心，帮助美国先进制造业降低生产成本、能源消耗，提升生产效率和竞争力。事实上，奥巴马在第二个任期内，不断为美国制造业“加码”，一方面推进?</t>
  </si>
  <si>
    <t>脱欧担忧减退推动英镑强力反弹</t>
  </si>
  <si>
    <t>因英国政治风向逐渐有利于脱欧公投的留欧阵营，且民调显示留欧阵营支持率有所回升，欧美主要股市20日普涨；英镑对美元比价猛涨，单日涨幅为近八年来最大。欧股20日全线上涨，主要指数创去年8月以来最大单日涨幅。在汇市上，20日英镑对美元和欧元汇率均走高。当日纽约汇?</t>
  </si>
  <si>
    <t>“中美绿色基金”首批项目正式签署</t>
  </si>
  <si>
    <t>记者20日获悉，继去年9月在保尔森基金会和中央财经领导小组办公室的倡议和推动下，中美企业宣布共同投资设立中美建筑节能与绿色发展基金（以下简称“中美绿色基金”）之后，该基金首批项目合作意向书日前正式签署。本次共有五个项目签署了合作意向书，三个来自江苏省镇?</t>
  </si>
  <si>
    <t>日本经济下行压力加大</t>
  </si>
  <si>
    <t>日本财务省20日公布的5月贸易统计初值（以通关为准）显示，5月日本贸易收支逆差为407亿日元（约合3.89亿美元或人民币25.5亿元）。这一数字高于此前路透社调查时的400亿日元。这是日本4个月来首次出现贸易逆差。去年同期，日本的贸易逆差为2154亿日元。有分析认为，海外?</t>
  </si>
  <si>
    <t>美联储加息只能“小步慢跑”</t>
  </si>
  <si>
    <t>当前美国经济复苏或许只能适应“小步慢跑”的加息节奏，正是意识到了这一点，美国联邦储备委员会（美联储）对待每次加息必须慎之又慎。日前，美联储再次宣布继续维持联邦基金利率不变，同时大幅调低未来两年的加息幅度预期，恰恰说明美联储尚未打算提速。美联储于去年12</t>
  </si>
  <si>
    <t>中国工程院院士卢秉恒：3D打印将迎来发展井喷期</t>
  </si>
  <si>
    <t>当前全球正在兴起新一轮数字化制造浪潮，发达国家为应对制造业竞争力的下降，大力倡导“再工业化、再制造化”，抓手就是3D打印等先进制造技术。3D打印为代表的先进制造成为各国政府抢占的战略高地。3D打印技术从单纯的技术创新成为颠覆传统生产制造方式的新生力量。然而</t>
  </si>
  <si>
    <t>英国“脱欧”风险遭多方警示</t>
  </si>
  <si>
    <t>英国本周四（23日）将举行脱离欧盟的全民公投。面对起伏不定的民调结果，多个机构和国家政要近期对英国发出了“脱欧”风险警告，称负面影响不限于英国本身，外溢效应辐射范围将超出欧元区。两大民意阵营最后的较量根据民调公司BMG17日公布的一项最新电话民调，支持</t>
  </si>
  <si>
    <t>法国反腐将祭三大新招</t>
  </si>
  <si>
    <t>也许在不久的未来，我们就能看到这样的案例：一家大型法企的高管因为海外行贿在国内受到起诉，最终黯然下台甚至入狱。法国众议院日前高票通过一项由法国财政部长萨潘提交的新法案。从禁止宣传高风险金融网站到加强限制企业高管薪酬，这一法案可谓内容丰富、亮点频出。最</t>
  </si>
  <si>
    <t>德银:中国成亚洲出口重要引擎</t>
  </si>
  <si>
    <t>德意志银行亚太区首席经济学家迈克尔·斯潘塞近日发表研究报告指出，中国已成为推动亚洲国家出口增长的重要引擎，对邻国出口的影响力比肩甚至赶超美国与欧盟之和。人民币对亚洲货币市场的影响力也日益显著。报告从对出口增长的贡献，对外汇市场的影响，以及对固定收益市</t>
  </si>
  <si>
    <t>英国人的选择，全世界的担忧</t>
  </si>
  <si>
    <t>Brexit（英国退欧），是近来英国媒体上几乎天天见的热词。目前，这场越走越怪的英国退欧公投离正式投票仅剩一周，无论是英国民调，或者是全球市场，仿佛全都乱了套路，投票结果难以预测，英国乃至全球经济的命运正悬于一念之间。市场无法淡定 英镑领跌近来，国际市</t>
  </si>
  <si>
    <t>美元反弹梦碎  日元大幅走强</t>
  </si>
  <si>
    <t>尽管市场对于美联储6月加息早已不抱期望，但本周的美联储会议还是给金融市场制造了“大意外”，点阵图、会后声明、经济增长预估报告以及美联储主席耶伦新闻发布会都透露出浓浓的“鸽味”，美元继续反弹的“好梦”也遭到破灭。美国联邦公开市场委员会本周如市场所料将联?</t>
  </si>
  <si>
    <t>美联储按兵不动  加息进程或放缓</t>
  </si>
  <si>
    <t>美国联邦储备委员会15日宣布将联邦基金利率维持在0.25%至0.5%不变。美联储略微下调了对今年经济增速的预估，并表示就业市场改善的步伐放缓。但美联储官员认为，今年仍然可能加息两次，未来加息脚步或将放缓。美联储15日结束了为期两天的货币政策例会，10位投票委员均同?</t>
  </si>
  <si>
    <t>奔驰全新汽车共享项目落户重庆</t>
  </si>
  <si>
    <t>一辆辆印有“即行car2go”的奔驰Smart汽车自4月15日起出现在中国西部重庆的大街小巷，这一全球最大的“自由流动式”汽车共享品牌把重庆作为其在亚洲拓展的第一个城市，将带来交通智能化的变革。亚洲首个汽车共享项目落户重庆德国戴姆勒智行交通服务集团中国区首席?</t>
  </si>
  <si>
    <t>汽车产业成中德深化合作典范</t>
  </si>
  <si>
    <t>日前，德国戴姆勒公司与北京汽车股份有限公司签署了一份关于增加投资40亿元人民币的框架协议，此次投资将用来扩建北京奔驰发动机工厂。汽车工业已成为中德合作过程中一个非常重要的部分。被业内成为BBA的奔驰、宝马、大众这三家德国汽车工业巨头都把中国视为了最重要的?</t>
  </si>
  <si>
    <t>美的或向库卡发出收购要约  持股低于49%</t>
  </si>
  <si>
    <t>据外媒14日报道，中国家电生产商美的集团16日将向德国工业机器人制造商库卡集团发出收购要约，同意将持股比例低于49%。德国执政联盟的消息人士向路透社表示，美的集团希望在库卡集团的持股比例不超过49%，并购后超过这个门槛的股份将再度卖出。美的曾表示，希望在库卡集</t>
  </si>
  <si>
    <t>微软收购领英欲重构业务“生态”</t>
  </si>
  <si>
    <t>美国微软公司13日宣布收购领英，从电脑软件业“跨界”涉足社交网站，旨在拓展业务“边界”、扩展业务“生态”。微软，1975年创建，因电脑而生、因个人电脑（PC）而盛，以DOS和“视窗”（Windows）长期主导操作系统市场，以“办公室”（Office）套件风行应用软件市场，一</t>
  </si>
  <si>
    <t>中新重庆项目释放“哑铃效应”</t>
  </si>
  <si>
    <t>中新（重庆）战略性互联互通示范项目启动仅仅半年，就释放出强烈的“磁吸效应”：200多亿美元重点项目落地，双方资金融通的政策通道打通、我国内陆通向欧洲、东盟等地的多式联运业态初现雏形……专家认为，中新（重庆）项目之所以如此火爆，关键在于金融服务、航空、运?</t>
  </si>
  <si>
    <t>多国央行料按兵不动防英脱欧风险</t>
  </si>
  <si>
    <t>距英国脱离欧盟公投仅剩不到10天，本周，包括美联储、英国央行、瑞士央行和日本央行等大型央行举行议息会议。虽然各国面临不同程度的低通胀问题，分析师预测称，在英国公投——2016年最大的风险事件发生之前，没有哪家央行会采取行动。本周四英国央行将公布利率决议，但</t>
  </si>
  <si>
    <t>美智库对中美经贸共赢新期盼</t>
  </si>
  <si>
    <t>美国智库布鲁金斯学会高级研究员杜大伟日前向笔者表示，刚刚结束的第八轮中美战略与经济对话（S＆ED）存有很多亮点，而保持中美高层对话机制对于管理双边关系和妥善解决分歧非常重要。在拜访美国智库时笔者了解到，和杜大伟一样，美国很多学者都对中美很快将就双边投资?</t>
  </si>
  <si>
    <t>全球国债大涨凸显避险情绪浓厚</t>
  </si>
  <si>
    <t>截至上周末，彭博全球发达市场主权债券指数收益率跌至0.62%，为2010年指数设立以来的最低水平。周五，德国、英国和日本国债收益率均创历史新低，10年期德国国债收益率跌至0.01%，日本10年期国债甚至跌至-0.17%，美国10年期国债收益率本周下跌6个基点，至1.64%，创2013年来新?</t>
  </si>
  <si>
    <t>如何给温哥华房价降温</t>
  </si>
  <si>
    <t>最近一段时间，加拿大西部城市温哥华飞涨的房价再一次引发了社会的广泛关注。据大温哥华地区地产局的最新统计，温哥华市的独立房价格今年与去年相比又上涨了37%，让许多当地人望房兴叹，怨声载道。日前，加拿大央行行长波洛兹在其半年度经济评估报告中也指出，温哥华和多伦多</t>
  </si>
  <si>
    <t>高铁出海应“戒急用缓”</t>
  </si>
  <si>
    <t>6月9日，美国私营铁路公司西部快线（Xpress West）突然单方面宣布终止2015年9月签订的与中国铁路国际（美国）有限公司合作修建连接洛杉矶和拉斯维加斯高速铁路的合同，理由是中方合作迟缓和难以获得项目审批。连接洛杉矶和拉斯维加斯的高铁项目全长370公里，预计总投资?</t>
  </si>
  <si>
    <t>日大型制造业信心走低  新刺激政策待出</t>
  </si>
  <si>
    <t>日本13日公布的调查数据显示，第二季度大型制造业企业信心持续恶化。同时，受经济数据不理想、日元持续走高、英国公投“脱欧”等因素影响，东京股市13日低开低走，日经225种股票平均价格指数大跌3.51%，创4月12日以来约2个月来的最低值。日本财务省和内阁府经济社会综合</t>
  </si>
  <si>
    <t>美高铁爽约  难阻中企走出去脚步</t>
  </si>
  <si>
    <t>近日，美国西部快线公司违反与中国铁路国际公司美国公司签订的有关协议，单方面发布终止项目合作的消息，显示出该公司对合作不负责任的态度。理由是，西部快线公司的雄心“超出了中铁国际及时有效推进该项目的能力”。众所周知，高铁是中国为数不多的能够与发达国家展开</t>
  </si>
  <si>
    <t>美国经济起伏前行趋势未改</t>
  </si>
  <si>
    <t>随着美国夏季议息时点临近，从美联储“缩表”到官员暗示夏季可能加息的讲话，到让人颇费思量的经济数据，美联储加息大棒最近又指挥着市场上下起舞了一番。虽然美联储何时加息已经是一个被市场咀嚼了无数遍的老话题，然而市场仍不吝予其高度关注。从近来美国经济数据看，美国?</t>
  </si>
  <si>
    <t>第四次工业革命来了!</t>
  </si>
  <si>
    <t>从工业4.0到第四次工业革命以计算机软硬件和网络为核心的数字技术早已不是什么新鲜事物，但与第三次工业革命不同的是，数字技术正变得更为精深，一体化程度更高，由此正在引起各国社会和全球经济发生变革。在德国，关于工业4.0的探讨方兴未艾。这一概念最早是在201</t>
  </si>
  <si>
    <t>默克尔访华拓展和深化双边合作</t>
  </si>
  <si>
    <t>应中国国务院总理李克强邀请，德国总理默克尔于12日开始对中国进行为期三天的正式访问，这将是默克尔任内第九次访华。中德双方将进一步加强对两国关系的顶层规划，拓展和深化双边合作的领域和范围。默克尔总理此次访问将同李克强总理共同主持第四轮中德政府磋商。默克尔</t>
  </si>
  <si>
    <t>英国脱欧恐推倒多米诺骨牌</t>
  </si>
  <si>
    <t>英国是否脱离欧盟的公投时间定在本月23日。在不足两周的拉票时刻，相关民调结果突然出现大反转，“脱欧派”成功逆袭“留欧派”，且两者支持率之差最大一次竟达10个百分点，导致英镑重挫。对英国经济乃至全球市场而言，本次公投不再是“茶杯里的风暴”，为英国脱离欧盟做一份?</t>
  </si>
  <si>
    <t>伦敦戏剧业的“生意经”</t>
  </si>
  <si>
    <t>英国伦敦共有约100家剧院，其中40多家位于西区。西区是世界上戏剧演出最为集中的区域之一，也被称为“剧院乐土”。这里是表演艺术的国际舞台，也是英国戏剧界的代名词。自从第一部莎士比亚话剧1599年在伦敦莎士比亚环球剧院上演以来，西区的戏剧从未间断。大部分位于伦?</t>
  </si>
  <si>
    <t>注重金融改革顺序  审慎开放资本账户</t>
  </si>
  <si>
    <t>当前美联储加息预示美国经济将进入稳步增长的新常态，但中国经济下行压力仍然较大，中美经济“脱钩”的现象将加速。全球央行宽松政策分化对中国的影响不仅在于对中国经济金融的直接影响，还在于对中国国际经济金融环境的潜在冲击。在全球央行宽松政策分化的背景下?</t>
  </si>
  <si>
    <t>欧盟企业期待“中欧投资协定”助其赢利增长</t>
  </si>
  <si>
    <t>中国欧盟商会7日发布2016年商业信心调查结果显示，近期欧盟对华投资下降来源于对中国市场前景悲观情绪上升，欧盟多数企业期待“中欧投资协定”尽快谈判成功，为未来提高对华投资和盈利增加新的机遇。调查显示，55%的欧洲企业认为，跨国公司的“黄金时代”终结正成为现实</t>
  </si>
  <si>
    <t>低碳城市建设五年存近6万亿缺口</t>
  </si>
  <si>
    <t>一份名为《绿色金融与低碳城市投融资》的研究报告7日在第二届中美气候智慧型/低碳城市峰会上正式发布。报告预计，未来五年中国低碳城市建设所需投资总额将达到6.6万亿元人民币（约合1万亿美元），用于低碳建筑、绿色交通和清洁能源三大行业。据中国金融学会绿色金融专业委员?</t>
  </si>
  <si>
    <t>澳大利亚看好G20杭州峰会</t>
  </si>
  <si>
    <t>澳大利亚总理特恩布尔4月中旬访华期间曾对习近平主席表示，期待着来华出席二十国集团（G20）杭州峰会。对这位上任不满一年的澳大利亚总理来说，加强中澳两国在各个领域的沟通及合作，无疑是任内优先处理的任务之一。澳大利亚是二十国集团成员之一，与中国经济联系极为紧</t>
  </si>
  <si>
    <t>安倍缓调消费税是“头痛医脚”</t>
  </si>
  <si>
    <t>日本首相安倍晋三近日正式宣布，将消费税率从8%调高至10%的时期延后2年半，从明年4月延至2019年10月。安倍还决定寻求额外的5至10万亿日元预算规模，此次既推迟加税，又增加预算，无疑将对日本政府的财政形成巨大压力。纵观“安倍经济学”施行以来的作用和影响，可以看出</t>
  </si>
  <si>
    <t>市场预测美6月加息几无可能</t>
  </si>
  <si>
    <t>由于美国就业等经济数据疲弱，以及英国脱欧公投将近，市场认为美国联邦储备委员会6月加息几无可能。近期该机构官员们支持加息的声音强烈，本周美联储主席耶伦的讲话成为最新货币决策前的重要指引。近期数据显示劳动力市场出现放缓苗头。美国劳工部3日公布数据显示?</t>
  </si>
  <si>
    <t>脱欧风险上升推动英镑大幅走低</t>
  </si>
  <si>
    <t>英国一项最新民意调查结果显示，支持英国脱离欧盟的民意支持率比支持留在欧盟的高4个百分点。这一消息推动英镑6日大幅走低。彭博社6日报道，英国独立电视台《早安英国》节目联合舆观调查公司（YouGov）所作调查显示，接受调查的3405名英国人中，支持和反对英国脱欧的分?</t>
  </si>
  <si>
    <t>有序贬值无碍人民币汇率稳定</t>
  </si>
  <si>
    <t>虽然受美国非农数据不佳影响，上周五和本周一人民币汇率市场出现较大涨跌行情，但是从最近两个月看，人民币贬值明显。从今年4月中旬至今，人民币兑美元汇率贬值接近1.4%。尽管如此，人民币汇率运行仍然保持了相当程度的稳定性，并未对国内经济与金融市场造成明显冲击。?</t>
  </si>
  <si>
    <t>警惕美国对中企耍“小动作”</t>
  </si>
  <si>
    <t>华为是中国创新型企业的典型，但在美国却一直是一些政客敲打的对象。作为最新的一个例子，据美国《纽约时报》报道，美国商务部已向华为发出行政传唤，要求华为提供过去五年向朝鲜、伊朗、叙利亚、古巴和苏丹出口的全部信息，配合有关美国对通讯技术出口限制的调查。</t>
  </si>
  <si>
    <t>不应以市场经济地位之争行贸易保护之实</t>
  </si>
  <si>
    <t>近日，欧洲议会以压倒性票数通过一项非立法性决议，以中国市场未满足欧盟有关确定市场经济地位的五个标准为由，不支持给予中国市场经济地位，仍建议在对华反倾销调查中使用“非标准”办法。而根据中国加入世贸组织议定书的规定，世贸组织成员应于今年年底前终止对华反倾销的?</t>
  </si>
  <si>
    <t>法国经济期冀畅饮“欧洲杯”</t>
  </si>
  <si>
    <t>2016年欧洲足球锦标赛（简称欧锦赛，俗称“欧洲杯”）本周末将拉开战幕，东道主法国队将在巴黎北郊法兰西球场迎战罗马尼亚队。四年一次的足坛盛世，正是携主场之利的法国队为自己正名的良机；对法国经济来说，本届欧锦赛也被视为一场“及时雨”。据新华社报道，法国足协</t>
  </si>
  <si>
    <t>全球基础设施基金力推新兴市场基建融资</t>
  </si>
  <si>
    <t>全球基础设施基金（简称GIF）第三次咨询委员会会议于6日在湖南省长沙市举行，会议围绕推进基础设施融资、促进新兴市场和发展中经济体相关领域项目实施等议题进行深入讨论。据悉，此次会议将回顾GIF咨询委员会中的机构投资者、商业银行和多边开发机构在2015年取得的成就?</t>
  </si>
  <si>
    <t>“非著名副教授”韩春雨何以斩获一流科研成果</t>
  </si>
  <si>
    <t>韩春雨火了。然而，这位河北科技大学生物科学与工程学院的副教授，能迅速成为“网红”，却大大出乎他本人的意料。近期，韩春雨团队的科研成果，被英国《自然》杂志刊载，在国内外引起巨大轰动，他本人也被国内外科学家的邮件和电话“轰炸”。然而，网友似乎更关注他身上</t>
  </si>
  <si>
    <t>加拿大人怎么看待特朗普？</t>
  </si>
  <si>
    <t>美国共和党总统参选人特朗普日前获得成为该党总统候选人所需的足够代表票数，从而正式锁定了共和党总统候选人提名，并将在11月与民主党候选人对决。支持也好反对也罢，这就是美国的政治现实。早在3月份，面对特朗普气势如虹的竞选架势，几位加拿大人就建立了一个“枫叶?</t>
  </si>
  <si>
    <t>美法院裁定戴尔私有化价格偏低</t>
  </si>
  <si>
    <t>据外媒报道，美国一法院裁定，2013年戴尔公司被收购时的交易价格低于公允价格。美国特拉华州衡平法院5月31日表示，2013年，戴尔创始人迈克尔·戴尔和银湖资本以249亿美元收购戴尔公司，该私有化的价格较公允价值低约22%。该法院副大法官特拉维斯·莱斯特称，戴尔股票当?</t>
  </si>
  <si>
    <t>澳大利亚一季度经济增速超预期</t>
  </si>
  <si>
    <t>由于出口和消费领域的推动，澳大利亚6月1日公布的今年第一季度经济增长数据好于预期。分析认为，这意味着澳大利亚央行未来数月可能会继续保持利率不变。根据澳洲统计局1日公布的数据，澳大利亚今年第一季度国内生产总值(GDP)较前季度增长1.1%，增长年率为3.1%，创下3年?</t>
  </si>
  <si>
    <t>美联储夏季加息并非板上钉钉</t>
  </si>
  <si>
    <t>耶伦领导的美国联邦公开市场委员会将于6月14日至15日在华盛顿召开会议，考虑长达七年的近零利率政策结束后是否要采取第二次加息行动。最近诸多美联储官员发表讲话，加上4月份会议纪要公布，提高了投资者对美联储在6月或7月进一步紧缩货币政策的预期。但是综合分析各方因素，?</t>
  </si>
  <si>
    <t>中日高铁新对决  既是生意也是政治</t>
  </si>
  <si>
    <t>新马高铁（新加坡至马来西亚首都吉隆坡）招投标在即，一场激烈的高铁争夺战正在打响。尽管中国、日本、法国、德国等几个高铁大国企业都表达了强烈的竞标意向，但从天时地利人和等诸多因素看，新马高铁毫无疑问又是中日之间的较量。这是一场整体战，既拼技术，又拼金融，当然?</t>
  </si>
  <si>
    <t>欧佩克或难达成限产协议</t>
  </si>
  <si>
    <t>6月2日，石油输出国组织（欧佩克）将在维也纳举行半年度会议，商讨最新产量决议。分析人士预计各方可能难以达成限产协议，仍会各行其是，近期已涨到50美元的国际油价很可能遭遇阻力。近几周，由于加拿大火灾、尼日利亚袭击事件导致供油中断，油市供应的短期减少足以推动</t>
  </si>
  <si>
    <t>贸易保护并非美国的“加分器”</t>
  </si>
  <si>
    <t>最近，在贸易领域，尤其是中美贸易领域，保护主义倾向又有抬头之势，各类调查、征税等字样不时见诸报章。这其中，有美国、日本、欧盟等老面孔，而其宣称的理由、采取的措施也是些似曾相识的旧台词。美国国际贸易委员会5月26日发布公告，决定对中国钢铁企业及其美国分公?</t>
  </si>
  <si>
    <t>煤炭四巨头联合提价  贸易商囤货待涨</t>
  </si>
  <si>
    <t>《经济参考报》记者5月31日从安迅思等知情人士处了解到，近日中国煤炭工业协会与神华、中煤、同煤、伊泰在北京举行“4+1”会议，会议决定6月四大家下水煤价格较5月普涨10元/吨。价格上涨后，秦皇岛5500大卡动力煤长协价格报402元/吨，时隔9个月之后再次回到400元/吨以上的水?</t>
  </si>
  <si>
    <t>断了的冷链靠什么来接续</t>
  </si>
  <si>
    <t>上周，广西北部湾的120吨海鲜搭乘冷链专列从广西防城港站开到了北京大红门站，实现了海产品冷链专列在广西到北京的常态化开行，铁路冷链专列让北京人吃到便宜的北部湾海鲜。目前，笔者正在参与规划长吉珲铁路与俄罗斯扎鲁比诺港的海铁联运，以及轻型货车的高铁客运化改?</t>
  </si>
  <si>
    <t>谁来“智造”中国的未来</t>
  </si>
  <si>
    <t>互联网“肆虐横行”的日子里，谈论实体经济的衰落与危机，似乎成了一种“时尚”。然而，不论是德国的“工业4.0”，美国的“制造业回归”，还是我国的“中国制造2025”，无不在表明一个事实：明智的当政者，从来都不会低估实体经济的地位与意义。不能否认互联网之于</t>
  </si>
  <si>
    <t>欧洲央行料将讨论希腊融资问题</t>
  </si>
  <si>
    <t>欧洲央行6月2日将在维也纳举行货币政策会议。外界预计，欧洲央行此次将会维持利率水平和量化宽松措施（QE）规模不变，但在希腊债务问题达成协议之后，欧洲央行或将重点讨论同意希腊的融资问题。欧洲央行2日的货币政策会议将宣布利率决议，会后欧洲央行行长德拉吉将召开?</t>
  </si>
  <si>
    <t>亚投行与欧洲投资银行合作升级</t>
  </si>
  <si>
    <t>正在中国进行访问的欧洲投资银行(EIB)行长霍耶尔30日表示，欧洲投资银行(EIB)与亚洲基础设施投资银行（AIIB)签署的合作框架文件，将推动双方机构实现更高效的合作。据亚洲基础设施投资银行（AIIB)网站公布的消息，30日，两家国际性投资机构同意拓宽合作，支持对具有战略</t>
  </si>
  <si>
    <t>为何美联储不大可能6月加息</t>
  </si>
  <si>
    <t>从美联储高层官员最近的表态来看，美联储正在为引导市场预期和启动下一次加息作准备，包括评估最早6月加息的可能性。但考虑到6月货币政策例会召开时美国部分二季度重要经济数据和英国脱欧公投的结果尚未出炉，美联储推迟到7月或9月加息的可能性更大。去年12月美联储启动</t>
  </si>
  <si>
    <t>欧盟将对卡车制造商开出巨额罚单</t>
  </si>
  <si>
    <t>据外国媒体报道，欧盟即将开出其历史上金额最高的反垄断罚单，以涉嫌操纵价格并推迟引入新的排放技术为由，对欧洲6家卡车制造商进行处罚。报道援引了解有关罚金讨论人士的话说，欧盟委员会有可能在几周内开出罚单。罚金数额将明显超过欧盟2012年对电视和电脑显像管垄断?</t>
  </si>
  <si>
    <t>核泄漏之痛：福岛事故5年祭</t>
  </si>
  <si>
    <t>今年是日本福岛核事故5周年，又逢切尔诺贝利核事故30周年，两次事故给人类造成的破坏、创伤以及难以名状的痛苦，并未随着时间的流逝离我们远去。对于两次浩劫的纪念，是缅怀、是警示，也是鞭策——灾区善后引发不满2011年3月11日，日本东部遭遇大地震和海啸，导致?</t>
  </si>
  <si>
    <t>中国商务部：坚决反对美对我钢铁337调查</t>
  </si>
  <si>
    <t>记者从中国商务部网站获悉，美国国际贸易委员会5月26日发布公告，决定对中国输美碳钢与合金钢产品发起337调查。中国商务部贸易救济调查局负责人对此发表谈话称，对于美方基于没有事实依据的申请和指控，决定对中国输美碳钢与合金钢产品发起337调查，中方表示坚决反对和强烈不</t>
  </si>
  <si>
    <t>全球核电安全焦虑症因何难消</t>
  </si>
  <si>
    <t>切尔诺贝利核事故的悲剧已经过去几十年，但人们似乎并未从中吸取足够的教训。一些灾后的悲剧仍然在日本福岛核事故中重演。民众对于核电安全的焦虑情绪一直居高不下。安全问题是招致反核情绪高涨的首要因素。无论切尔诺贝利核电站还是福岛核电站，事故发生前皆号称安全系</t>
  </si>
  <si>
    <t>日本巨债成全球经济风险暗流</t>
  </si>
  <si>
    <t>七国集团（G7）峰会在日本三重县伊势志摩举行，作为东道主的日本在峰会开始前便各方斡旋，试图让每个成员国都接受其提出的协调政策议题。何为协调政策？就是七国统一起来，以扩大财政公共支出为途径，刺激全球经济增长与复苏。对此，财政空间尚有余地的德国不以为然，欧</t>
  </si>
  <si>
    <t>耶伦讲话强化美六七月加息预期</t>
  </si>
  <si>
    <t>因美国经济进入二季度后逐渐向好，美国联邦储备委员会（美联储）多位官员不再讳言加息，就连美联储主席耶伦也于日前在公开场合表示，若经济持续改善，期待未来数月内采取加息行动。从数据上看，美国经济已经摆脱了年初呈现的低开势头，为美联储年内兑现加息预期奠定了基</t>
  </si>
  <si>
    <t>不能忽视对中概股回归的监管</t>
  </si>
  <si>
    <t>据不完全统计，2015年以来，已有超过40家在美上市的中概股宣布私有化退市计划。其中，有10余家公司已经完成私有化。中概股回归潮，究竟是市场倒退？或者是政策套利？在美国挂牌的中概股主要有两类：一类是国有企业，另一类则是中小民营企业。但回归中概股主要是中小民营</t>
  </si>
  <si>
    <t>转型虽痛苦还得转型  市场难开拓必须开拓</t>
  </si>
  <si>
    <t>外延式大扩张遭质疑 企业发展忌太过功利据报道，蓝色光标5名创始人3人辞职套现近10亿元，营收增长39.61%净利却剧降九成。近日，博杰广告创始人李芃的一纸诉状，揭开了与亚洲最大公关公司蓝色光标并购背后鲜为人知的抽屉协议。赵文权曾给予李芃承诺，如果博杰广告业绩未?</t>
  </si>
  <si>
    <t>中国社科院学部委员余永定：当前应加快基础设施投资稳增长</t>
  </si>
  <si>
    <t>中国社科院学部委员余永定近日在第五届CF40-PIIE中美经济学家学术交流会全体大会“中美经济形势与风险”上做主题演讲时表示，在有效需求不足，经济增长速度持续下滑、消费需求增长速度又难以进一步提高的情况下，维持基础设施投资的较高增长速度是完全正确的。余永定认?</t>
  </si>
  <si>
    <t>英国脱欧公投戳中了谁的痛点</t>
  </si>
  <si>
    <t>距英国举行是否脱离欧盟的全民公投已不足一个月，留欧派与脱欧派各自造势，将原属一国的政治事件升级为全球瞩目的焦点，同时为坎坷而行的世界经济增添了一分不安。对英国来说，脱欧公投无异于政治筹码，先被谋求赢得议会选举的英国首相卡梅伦拿来吸引选民，之后又被英国</t>
  </si>
  <si>
    <t>法国检方突袭谷歌巴黎办公室剑指非法避税</t>
  </si>
  <si>
    <t>法国检察机构当地时间24日突袭美国谷歌公司在巴黎的办公室，搜集谷歌在法国涉嫌非法避税的相关证据。据英国广播电台（BBC)网站报道，当天早些时候，大约100名法国税务警察对谷歌巴黎办公室进行了搜查。法国金融检察厅在一份声明中指出，本次联合行动由警方、税务官员以?</t>
  </si>
  <si>
    <t>欧元区将向希腊发放新一批援助贷款</t>
  </si>
  <si>
    <t>在经过长时间谈判后，5月25日，欧元集团发布公告称，债权人就希腊改革方案全面达成协议，欧元区财长们批准了向希腊发放新一批103亿欧元援助贷款的方案，同意向希腊提供债务减免，国际货币基金组织同意重新加入对希腊的纾困计划。这一协议的达成，意味着谈判取得了重大突破。$</t>
  </si>
  <si>
    <t>华为诉三星电子专利侵权</t>
  </si>
  <si>
    <t>5月25日，华为公司在深圳中级人民法院和美国加州北区法院对韩国三星电子公司提起知识产权诉讼，指控后者侵犯了华为的专利。华为在诉讼中表示，此次诉讼涉及的专利包括4G标准和智能手机功能，这些专利对智能终端产品的用户体验和互联互通十分重要，对三星电子的产品有很高的价</t>
  </si>
  <si>
    <t>探秘中企对德投资的北威州样本</t>
  </si>
  <si>
    <t>谈及中德经贸往来，似乎必提北莱茵-威斯特法伦州（北威州）。这个囊括鲁尔区及科隆、波恩等著名城市的西部联邦州是德国经济最发达的地区之一，也是目前德国１６个联邦州中，对华贸易和双向投资的冠军，约９００家中资企业在当地安家落户。去年，中德双边贸易额略有下滑?</t>
  </si>
  <si>
    <t>美元飙升  人民币中间价跌至五年新低</t>
  </si>
  <si>
    <t>来自中国外汇交易中心的最新数据显示，25日人民币对美元汇率中间价报6.5693，较前一交易日中间价6.5468贬值225点。这一点位不仅是2016年年初以来的最低点，也创下了2011年3月来的中间价新低。不过，虽然中间价已经突破前期的年内低点，但是它并没有带动人民币即期汇率走向年?</t>
  </si>
  <si>
    <t>让未来科技为人服务</t>
  </si>
  <si>
    <t>以色列希伯来大学历史系教授尤瓦尔·赫拉利是一位新锐学者，曾从多学科角度探索人类漫长的发展史，其著作《人类简史：从动物到上帝》风靡全球，仅中文版就已发行50万册以上。如今，他将目光转向人类的未来，关注人类将走向何方，并透露下一本书将是关于未来的人类。日前，尤?</t>
  </si>
  <si>
    <t>美国中产阶级因何持续萎缩</t>
  </si>
  <si>
    <t>皮尤研究中心本月发布的一项研究显示，从2000年至2014年，美国229个大都市区中有203个出现中产阶级占总成年人口比例下降的情况，其中纽约、洛杉矶、波士顿、休斯敦等大都市区的中产阶级占总成年人口比例已降至不到一半，说明中产阶级萎缩已成为美国大都市的普遍现象。这?</t>
  </si>
  <si>
    <t>大众汽车尾气造假侵害三重权益</t>
  </si>
  <si>
    <t>从法律角度来看，大众汽车的造假行为侵害了多重权益：既影响了消费者的合法权益，又侵害了社会公共环境利益，同时也对公司股东利益造成了严重损害。大众汽车必须为其侵害行为承担法律责任。大众汽车行为严重违反了美国《清洁空气法》，应当按照法律规定支付巨额的罚金。?</t>
  </si>
  <si>
    <t>短期内稳定汇率预期非常关键</t>
  </si>
  <si>
    <t>由华夏新供给经济学研究院、中国新供给经济学50人论坛主办的“新供给圆桌人民币会议”日前在京举行。瑞穗证券亚洲首席经济学家沈建光在会上表示，短期内稳定汇率预期非常关键。沈建光表示，现在中国最大的问题，汇率的安排是非常核心的，风险也是很大的。中国居民储蓄存?</t>
  </si>
  <si>
    <t>港口城市合作推动中国-东盟直航航线开通</t>
  </si>
  <si>
    <t>自2013年成立以来，中国-东盟港口城市合作网络已成为泛北部湾经济合作的先行收获成果、中国－东盟合作的重要机制和中国－东盟互联互通的新平台。而将于5月26日在广西南宁召开的中国－东盟港口城市合作网络工作会议，将把中国-东盟互联互通建设推向新的阶段。航线网络覆盖</t>
  </si>
  <si>
    <t>各自为战  投资再大也换不来港口群发展</t>
  </si>
  <si>
    <t>由于全球经济持续低迷，中国实体经济也一直在低位徘徊，2015年的进出口额同比下降了7%，其中排名前三的贸易伙伴欧盟、美国和东盟与中国的双边贸易额分别降为3.51万亿元、3.47万亿元和2.93万亿元。进出口额的下降压迫海运运量特别是港口吞吐量开始下降。今年5月份，国际航</t>
  </si>
  <si>
    <t>警惕美钢铁业贸易保护主义升温</t>
  </si>
  <si>
    <t>随着美国钢铁产业陷入经营困境，以及美国政客和选民反对国际贸易的论调升温，美国政府越来越多地诉诸贸易救济措施来试图减轻进口对美国钢铁业的冲击。美国商务部17日宣布结果，认定中国出口到美国的冷轧钢板产品的倾销和补贴幅度分别为265.8%和256.4%。如果美国国际贸易?</t>
  </si>
  <si>
    <t>背离“信息中介”是P2P乱象根源</t>
  </si>
  <si>
    <t>近日，美国P2P网贷平台Lending Club董事长兼首席执行官因一笔大额资金借贷违反公司制度而引咎辞职，公司股价一日暴跌近35%。5月10日，美国财政部发布“网络市场化信贷的机遇与挑战”白皮书，警示网络信贷信用风险未经完整信贷周期检验。据公安部披露，我国公安部门已在全国范</t>
  </si>
  <si>
    <t>拜耳提议620亿美元收购孟山都</t>
  </si>
  <si>
    <t>德国拜耳23日发布声明称，已提议以620亿美元收购其美国竞争对手孟山都，如果这一并购成功，全球最大转基因种子供应商和农用化学品厂商即将诞生。拜耳在声明中称，拜耳的收购价格为每股122美元，较5月20日孟山都股票收盘价溢价20%，公司将会通过发行债务和股权的方式为这?</t>
  </si>
  <si>
    <t>A股若纳入MSCI指数  功在长远</t>
  </si>
  <si>
    <t>继2014年、2015年之后，A股纳入MSCI指数又将迎来第三次“大考”。前两年，由于种种原因，A股被MSCI指数拒之门外。比如去年就A股纳入MSCI指数问题，美国明晟方面提出了三个顾虑：准入额度分配流程、资本流动限制以及受益权属界定的问题。如今，三个方面的问题正逐步解决。</t>
  </si>
  <si>
    <t>澳大利亚未雨绸缪  规划南极战略</t>
  </si>
  <si>
    <t>澳大利亚一词来自拉丁文，意为南方大陆。早在古罗马时代，人们对遥远的南方大陆就开始产生无尽的想象。地理大发现时代，南美洲、澳大利亚大陆先后被“发现”，但这仍不是欧洲人最早想象中的南方大陆，直到19世纪20年代南极大陆被发现。受地理位置决定，澳大利亚在南极探</t>
  </si>
  <si>
    <t>英政要警告“脱欧”民生代价高</t>
  </si>
  <si>
    <t>英国首相卡梅伦22日警告本国民众称，如果脱离欧盟，英国居民将在食品、服饰消费领域承受5%左右的物价上涨。距离6月23日英国举行“脱欧”公投还有一个月，包括财政部高官等政要频频警告民众，“脱欧”还将令居民承受房价下跌的损失。近期民调结果显示，英国赞同留欧的明显领先</t>
  </si>
  <si>
    <t>5年内造船效率和质量接近日韩</t>
  </si>
  <si>
    <t>据了解，工信部日前组织船舶行业相关人士交流讨论了《关于推进船舶智能制造指导意见》的征求意见稿，征求意见稿明确提出，到2020年，我国造船效率和制造质量要接近日本和韩国的水平。工信部副部长辛国斌在研讨会上表示，工信部已基本完成《中国制造2025》“1+X”规划体?</t>
  </si>
  <si>
    <t>国际油价上涨遇阻</t>
  </si>
  <si>
    <t>近期多因素助推国际油价持续上扬，纽约和布伦特油价周中再创年内新高，不过受供需关系影响，冲击50美元一线重要关口失败。油价上涨动力来自多方面。支撑油价整体趋涨的主要因素是冻产会议一度动摇了欧佩克不减产的立场，加之美国产量明显下降和加拿大火灾等因素缓解了供</t>
  </si>
  <si>
    <t>“黑天鹅”频现推高油价  投机基金悄然减仓暗藏风险</t>
  </si>
  <si>
    <t>近期国际石油市场在供应层面屡屡出现黑天鹅事件：科威特工人罢工、加拿大野火、尼日利亚冲突……这些意料之外事件接连出现，重燃了市场热情。5月16日，国际油价再度刷新年内新高，冲向每桶50美元。不过，在油价冲刺的背后，投机基金正在悄然减仓撤退。高盛报告指出，尼?</t>
  </si>
  <si>
    <t>美国个人征信体系如何运作</t>
  </si>
  <si>
    <t>“2011年2月，在我刚刚获得第一份工作的时候申请到了第一张美国银行的信用卡，额度1500美元，但在当时对自己的信用报告还没有概念。”美国一家科技公司软件工程师王胤对笔者说。“直到2014年，我计划申请贷款买房，了解到在美国信用记录的重要性，开始关注自己的个人信?</t>
  </si>
  <si>
    <t>俄罗斯-东盟制定经贸投资路线图</t>
  </si>
  <si>
    <t>俄罗斯-东盟建立对话伙伴关系20周年纪念峰会19日在俄罗斯索契举行，越南、柬埔寨、缅甸、新加坡等东盟各国政要应邀参加。从官方表态和会前密集的双边会见中透露，俄罗斯近期将加强与东盟和亚洲主要国家的经济互动，在自贸区融合、基础设施投资等方面加强合作。俄罗斯总?</t>
  </si>
  <si>
    <t>香港佳士得春拍月底举行  全球最大天然绿钻将亮相</t>
  </si>
  <si>
    <t>适逢佳士得于亚洲举槌30周年之际，香港佳士得2016春季拍卖北京预展近日在京举行，此次预展集中呈现了逾220件品质卓越、来源有绪地艺术珍品，囊括亚洲二十世纪及当代艺术、中国古代及近现代书画、中国瓷器及工艺精品、精致名表、瑰丽珠宝、和典雅手袋六大门类。本次预展的亮点</t>
  </si>
  <si>
    <t>奔驰：从汽车制造向服务型企业转型</t>
  </si>
  <si>
    <t>作为2016亚洲消费电子展的参展汽车企业之一，奔驰汽车在此次展会上不仅带来了最新的空气动力智能概念车，还展示了已在全球推广的“car2go”汽车共享项目。这表明，奔驰汽车正从一家单纯的汽车制造企业开始向提供解决方案的服务企业转型。此次奔驰展出的“IAA空气动力智?</t>
  </si>
  <si>
    <t>美银行业呼吁提高SWIFT系统安全性</t>
  </si>
  <si>
    <t>近期曝出亚洲央行接连遭遇网络黑客攻击、窃取资金事件，作为全球银行转账平台的环球银行间金融通信协会（SWIFT）的安全性受到质疑，部分美国大银行开始限制员工使用该系统的权限，并呼吁该系统提高安全性。《华尔街日报》援引消息人士报道，由于近期两家亚洲银行在网络?</t>
  </si>
  <si>
    <t>美经济向好推升美联储加息预期</t>
  </si>
  <si>
    <t>日前，美国官方发布的一系列经济数据显示，经济重拾增长动能，通胀水平也在加速回升。分析指出，这显示出美国经济形势向好，支持美联储继续加息，美联储今年仍然可能加息两到三次。17日美联储发布的数据显示，受公共事业产出大幅增长带动，4月份包括工厂、矿业和公共事?</t>
  </si>
  <si>
    <t>加国炒房为何总是中国人中枪</t>
  </si>
  <si>
    <t>最近几天，加拿大西部海港城市温哥华又出名了，起因是一个名叫周天宇（音译）的中国留学生以3110万加元（约1.6亿人民币）的价格买下温哥华今年最贵的一幢豪宅，惹来网上一阵爆炒，并将这位学生封为“全加拿大最土豪的学生”!无独有偶。去年3月份，一位在加拿大温哥华市?</t>
  </si>
  <si>
    <t>欧元区及欧盟3月份国际货物贸易额下滑</t>
  </si>
  <si>
    <t>欧盟统计局17日公布的数据显示，受本地需求疲软影响，欧元区及欧盟3月份国际货物贸易额显著下滑。根据欧盟统计局的数据，今年3月份，欧元区向区外国家的货物出口贸易额为1778亿欧元，比去年同期下降3%；欧元区19国从区外国家进口贸易额为1492亿欧元，同比下降8%。?</t>
  </si>
  <si>
    <t>法国中产阶级萎缩了吗？</t>
  </si>
  <si>
    <t>最近，美国皮尤研究中心的一项研究引人注意：自2000年以来美国大都市普遍出现中产阶级萎缩，在多个大城市占成年人口比例甚至已降至一半以下。殊不知，这研究早已引起法国高度关注。今年初，法国官方智库——法国战略和预测总署特地进行比较研究，发现1996－2012年期间与法国?</t>
  </si>
  <si>
    <t>美国创新之县魅力何在</t>
  </si>
  <si>
    <t>谈起高科技初创企业，人们通常会想到美国硅谷。近年来，在市场和政府双重推动下，与美国首都华盛顿毗邻的阿灵顿县逐渐成为美国东海岸的高科技初创企业聚集地。阿灵顿县经济发展局局长霍斯金斯告诉记者，目前阿灵顿县有高科技初创企业几百家，涉及教育科技、医疗科技、清</t>
  </si>
  <si>
    <t>日本政府追查三菱燃效数据造假</t>
  </si>
  <si>
    <t>针对日本三菱汽车公司燃效数据造假的调查取得了进展。日本国土交通省通过对三菱内部员工的问询，发现三菱总部管理人员曾向研发团队下令，要求后者篡改实验数据。一个月前，日本三菱汽车承认，在62.5万辆汽车的燃油经济性测试中造假。包括三菱公司自有品牌及其为日产汽车</t>
  </si>
  <si>
    <t>警惕，欧美国家要开始耍赖了</t>
  </si>
  <si>
    <t>5月12日，欧洲议会通过了一项压倒性多数的决议，对于是否给予中国市场经济地位，反对的共有546票，赞成的只有28票，另有77票弃权。在欧洲不少地方，钢铁业工人又是游行，又是示威，抗议给予中国这个地位。一些欧美经济学家也纷纷支招，认为当初有些条款措辞比较含糊，欧美可?</t>
  </si>
  <si>
    <t>中国游客助日本贸易5年来首顺差</t>
  </si>
  <si>
    <t>日本财务省12日公布的数据显示，日本5年来首次出现年度贸易顺差，经常项目顺差更是实现翻番。除了国际油价下跌等因素，还有一个重要原因是，中国游客大幅增长带动了当地旅游业和服务业。贸易顺差来之不易数据显示，受原油价格下跌和访日游客数量增加影响，在截至今</t>
  </si>
  <si>
    <t>格尔木：城耀柴达木  市连青藏间</t>
  </si>
  <si>
    <t>你或许不知道格尔木，但你一定知道柴达木。柴达木这一巨大的山间断陷盆地位于青海省西北部、青藏高原东北部，由于矿产资源丰富，素来享有“聚宝盆”的美名。在这片苍莽壮阔的“盐泽（‘柴达木’为蒙古语，意为‘盐泽’）”的中南部，有一处河流密集的地方，便是高原新城——?</t>
  </si>
  <si>
    <t>行情分化  灵活操作为上策</t>
  </si>
  <si>
    <t>美国农业部周二公布的5月供需报告吹来了一股强劲的农产品风，CBOT大豆期货暴涨5.24%，成交量较100日均值翻倍，触及18个月新高。大连豆粕期货、郑州菜粕期货周三一开盘就被牢牢地钉在涨停板上。大豆期货午后封涨停，菜油、豆油、淀粉、玉米、棕榈、鸡蛋等集体大涨。周三，受外</t>
  </si>
  <si>
    <t>产油国增产或致油价震荡</t>
  </si>
  <si>
    <t>5月11日，美国能源信息署（EIA）最新月度报告预计，今年WTI原油期货平均价格为每桶40.32美元，较此前预测的每桶34.60美元大幅上调。据预测，今年布伦特原油期货平均价格为每桶40.52美元，大幅高于该机构此前预测的平均价格每桶34.73美元。该机构还预计，2017年的WTI原油期货?</t>
  </si>
  <si>
    <t>负利率大行其道源于“央行崇拜”</t>
  </si>
  <si>
    <t>世界经济仍然处在美国次贷危机后的震荡中，新兴经济体的经济复苏伴随着越来越多的发达经济体国家开始执行“负利率”政策。根据市场估计，目前全球负收益率政府债券规模已超过5万亿美元。不夸张地说，全球货币政策开始进入负利率时代。大规模采用负利率政策，实质反映的是一种</t>
  </si>
  <si>
    <t>俄罗斯如何度过经济寒冬</t>
  </si>
  <si>
    <t>俄罗斯经济发展部10日将俄2017年经济增长预期从增长1%大幅下调至增长0.4%，并预计俄居民实际收入今明两年将持续减少。这显示出，俄罗斯的经济寒冬离结束尚有距离。此次经济增长预期的下调印证了俄罗斯总统普京不久前有关“经济尚未得到完全修正，但趋势向好”的表态。普</t>
  </si>
  <si>
    <t>美最大网贷平台违规或引发监管升级</t>
  </si>
  <si>
    <t>美国最大网贷平台Lending Club因违规操作和高管辞职引发行业关注。美国和英国监管当局就此正酝酿升级监管对策，旨在加强行业透明度，避免恶性风险爆发。美国财政部10日呼吁提高网络贷款行业的透明度，并敦促监管机构针对这个迅速发展的行业方面加强监管协作。在当?</t>
  </si>
  <si>
    <t>法国为何对欧美自贸谈判说“不”</t>
  </si>
  <si>
    <t>国际环保组织“绿色和平”日前曝光了欧盟和美国自贸谈判的部分文件，首次将谈判的真实面目公之于众。这份文件在法国的影响持续发酵，很多政客和社会团体都表达了不满和担心。在“大选政治”影响下，明年迎来总统大选的法国已经对欧美自贸谈判显示出强硬的反对立场。法国</t>
  </si>
  <si>
    <t>中资银行紧抓海外发展时机</t>
  </si>
  <si>
    <t>近期，中国工商银行“拿下”了尼日利亚丹哥特集团219万吨水泥厂3.5亿美元融资的大项目。而这只是中国银行业近期在海外众多项目中的一个。在全球经济疲软的背景下，不少国际化大银行忙着“瘦身”，中资银行则视此为战略机遇期，积极“强身”。中国银行业协会发布的《中国</t>
  </si>
  <si>
    <t>诺基亚一季度净亏5.13亿欧元</t>
  </si>
  <si>
    <t>芬兰电信设备公司诺基亚10日公布今年第一季度财报。作为与阿尔卡特-朗讯合并以来的首份财报，其主营业务不及外界预期。公司称，受中国需求放缓等影响，全年业绩将承压。诺基亚今年早些时候斥资156亿欧元收购阿尔卡特-朗讯，意图在电信网络业务领域与瑞典爱立信和中国华?</t>
  </si>
  <si>
    <t>有一种权利叫“被遗忘权”</t>
  </si>
  <si>
    <t>近日，北京海淀法院审结了原告任某某诉被告某网络服务公司侵犯名誉权、姓名权、一般人格权（“被遗忘权”）一案。2014年5月13日，欧盟法院作出了确认普通公民对个人信息拥有“被遗忘权”终审裁定，进而在欧盟范围确立了“被遗忘权”。在该权利被欧盟法院确认近两年之际?</t>
  </si>
  <si>
    <t>英国利率政策“升降”两难</t>
  </si>
  <si>
    <t>随着6月23日英国脱离欧盟公投日的临近，英国央行在本周12日即将举行的议息会议上预计不会妄然改变利率。有分析预测，此次会议上也会出现降息声音。在“退欧”的阴霾之下，即将进入加息轨道的英国货币政策面临两难。利率料维持不变多数市场人士认为，英国央行的货币</t>
  </si>
  <si>
    <t>汽车之家私有化前景未卜</t>
  </si>
  <si>
    <t>汽车之家的私有化大幕刚刚拉开，就出现了戏剧化局面——之前是大股东澳洲电信突然出售所持股份。之后又曝出公司管理层和其他股东意见不合。一时间，汽车之家私有化前景扑朔迷离。汽车之家通过美国存托凭证（ADR）在纽约上市交易，其股价在过去13个交易日里下跌了10%。汽</t>
  </si>
  <si>
    <t>直通瓜达尔港“临沂号”国际货运班列开行</t>
  </si>
  <si>
    <t>4月30日上午十时许，临沂经喀什至巴基斯坦瓜达尔港“临沂号”国际货运班列从国投临沂华阳物流园区正式开行，标志着临沂积极融入“一带一路”战略又迈出了坚实的一步。该班列也是继临沂至广州、乌鲁木齐、西宁、昆明、成都、重庆7条国内货物班列线路和临沂经满洲至汉堡国际货?</t>
  </si>
  <si>
    <t>日央行官员对负利率评价不一</t>
  </si>
  <si>
    <t>日本央行9日公布了3月14日至15日召开的货币政策会议的纪要。纪要显示，负利率政策的负面影响已经成为委员们的担忧对象。据报道，在日本央行3月货币政策会议纪要中，委员们认为日本经济继续逐步复苏，通胀趋势稳步改善，但通胀预期近期减弱。大部分委员称，将继续放松货?</t>
  </si>
  <si>
    <t>陆源污染入海致近海赤潮频发</t>
  </si>
  <si>
    <t>这几天，广东惠州市惠东县渔民郭建雄发现，他经常出海捕鱼的红海湾有点“怪”。“白天海水是粉红的，一到晚上，那些区域的海水又变成幽蓝色了。很奇怪也很好看，一些外地游客还过来拍照。”郭建雄说。造成海水颜色异常的是惠州海域近年来罕见的赤潮现象。今年1月以来，?</t>
  </si>
  <si>
    <t>一味吃“猛药”  欧日负利率政策引争议</t>
  </si>
  <si>
    <t>为抗击持续的通缩压力和经济疲软，欧洲央行、日本央行等发达经济体央行先后推出负利率这一“猛药”。虽然能否达到预期效果存在不少争议，但执行负利率似乎变成了“药不能停”。分析人士认为，负利率正负效应兼有，不可一味依赖也并非没有“底线”。负利率意味着对商业银</t>
  </si>
  <si>
    <t>能源投资迎“煤退风光进”新变局</t>
  </si>
  <si>
    <t>突破10亿千瓦装机的火电扩张步伐，因国家发改委和国家能源局一月五文的急踩刹车而放缓。在此之下，发电巨头加速进军风电、光伏，尤其是弃风限电较少的中东部分布式能源开始受到青睐，煤退风光进的能源投资变局正式启动。值得注意的是，不断提高清洁能源比重，只是各发电</t>
  </si>
  <si>
    <t>欧元区财长会或敲定希腊改革协议</t>
  </si>
  <si>
    <t>据外媒报道，欧元区财长9日举行紧急会议商讨希腊债务问题，除了讨论希腊改革措施问题外，还正式开始有关希腊债务减免问题的讨论。这意味着，国际债权方与希腊的债务问题磋商将进入一个新的阶段。分歧待弥合欧元区19国财长9日将讨论近期希腊与国际债权方（欧盟、欧?</t>
  </si>
  <si>
    <t>产业转移一揽子鼓励政策将出</t>
  </si>
  <si>
    <t>《经济参考报》记者日前从权威渠道获悉，相关部门正在酝酿中西部承接东部沿海地区产业转移的一揽子鼓励政策，目前政策已经基本成型，近期有望正式出炉。中西部承接产业转移鼓励政策将兼顾产业转出地和转入地两方，从土地、财税、保险、用工等多方面集合发力，引导加工贸易产?</t>
  </si>
  <si>
    <t>4月进出口微降  对欧盟贸易增长</t>
  </si>
  <si>
    <t>海关总署8日数据显示，今年前4个月，我国进出口总值7.17万亿元人民币，比去年同期（下同）下降4.4%。其中，出口4.14万亿元，下降2.1%；进口3.03万亿元，下降7.5%；贸易顺差1.11万亿元，扩大16.5%。据统计，4月份，我国进出口总值1.95万亿元，微降0.3%。其中，出口1.13万</t>
  </si>
  <si>
    <t>人民币汇率还未到自由浮动时</t>
  </si>
  <si>
    <t>我国新的人民币汇率运行机制正在逐步成形。在刚刚发布的《2016年第一季度中国货币政策执行报告》中，人民银行辟了一个专栏专门解释了人民币对美元汇率中间价的形成机制。根据这一机制，每日中间价的设定既参考上一日收盘价，也会考虑人民币对一篮子货币的汇率变动。相比去年?</t>
  </si>
  <si>
    <t>新闻集团单季报亏近1.5亿美元</t>
  </si>
  <si>
    <t>全球传媒巨头新闻集团日前宣布，在截至3月底的财季当中，集团净损失高达1.49亿美元，当季全球营收同样下滑7.3个百分点，至18.9亿美元，这也是新闻集团连续第五个季度营收下降。新闻集团表示，这一财季表现令人失望，相信第四财季会有所改观。英国广播电台（BBC)网站称，</t>
  </si>
  <si>
    <t>“泄露门”揭示欧美分歧  TTIP结局难料</t>
  </si>
  <si>
    <t>本周，“跨大西洋贸易和投资伙伴关系协定”（TTIP）文件在互联网上泄露，揭示出欧美双方在谈判中的主要分歧，同时也引来了欧洲民众和一些政治家的强烈反对。在大西洋另一端的美国，今年是大选年，无论民主、共和两党哪方胜出，由现任总统奥巴马力主推进的TTIP都难以顺利“通?</t>
  </si>
  <si>
    <t>劳森伯格在中国</t>
  </si>
  <si>
    <t>早在1985年，美国艺术大师罗伯特·劳森伯格于现中国美术馆举办的划时代性展览“劳生柏作品国际巡回展”走进了中国大众的视野。而时隔30年，人们又有幸在此欣赏到这位大师的作品。6月12日至8月21日，尤伦斯当代艺术中心（UCCA）将展出罗伯特·劳森伯格的巨作《四分之一英里画?</t>
  </si>
  <si>
    <t>云计算“二次创业”力破传统利益链</t>
  </si>
  <si>
    <t>《经济参考报》记者从多家权威机构获悉，欧美等发达国家占据了云服务市场的主导地位，其中，美国、西欧分别占据全球50%和23.5%的市场份额，中国云计算产业规模不到欧美的10%，但近几年一直呈上升之势。而中国云计算的核心技术也与欧美国家至少相差五年以上。记者最近在?</t>
  </si>
  <si>
    <t>超豪华品牌汽车看好中国市场</t>
  </si>
  <si>
    <t>虽然进入了“新常态”，但中国的汽车市场仍然是全球最具吸引力的市场，在第十四届北京车展上，众多国际超豪华汽车品牌均表示看好未来的中国市场，纷纷携重量级产品参展。在今年的北京车展上，超豪华品牌宾利汽车携慕尚长轴距版、新飞驰V8，以及SUV车型添越参展，其中宾?</t>
  </si>
  <si>
    <t>法国“世纪合同”背后的经济账单</t>
  </si>
  <si>
    <t>日前，法国海军造船局赢得澳大利亚价值500亿澳元（约合340亿欧元）的潜艇建造合同，这一斩获令法国朝野欣喜若狂。法国媒体从不同角度对此事进行了报道，强调这份合同对法国经济的重要意义以及法国胜出背后的玄机。法国各媒体普遍用“世纪合同”来形容这一合同规模之大。</t>
  </si>
  <si>
    <t>加息预期偏淡  美元持续回落</t>
  </si>
  <si>
    <t>今年以来，受美国经济增长放缓、美联储淡化加息预期影响，外汇市场上去年风光无限的美元承受巨大下行压力，衡量美元对六种主要货币的美元指数最近持续走低。截至3日，美元指数已降至92.911，今年以来已下挫5.84%，而美元对日元、欧元的比价更是跌势难止。据新加坡《联合</t>
  </si>
  <si>
    <t>小微金融“台州模式”实现贷款精准营销</t>
  </si>
  <si>
    <t>去年12月，国务院常务会议决定建设浙江台州小微企业金融服务改革创新试验区。《经济参考报》记者在台州采访发现，当地民营银行通过“台台合作”，借鉴台湾一些金融机构在理念和产品创新、风险控制、道义贷款等方面的经验，从坐商等贷上门，变行商入村“扫街”，创新设立以入?</t>
  </si>
  <si>
    <t>澳货币财政政策双宽松提振经济</t>
  </si>
  <si>
    <t>为防止通货紧缩、贸易下降拖累经济增长，澳大利亚加大了货币政策和财政政策宽松力度。3日，在将利率降至历史新低的同时，澳大利亚宣布扩大年度财政赤字，并对商业和个人实施减税。澳大利亚储备银行（澳央行）3日宣布，由于通胀压力低于预期，该行决定将基准利率下调25个</t>
  </si>
  <si>
    <t>东盟与中日韩加强财金合作稳增长</t>
  </si>
  <si>
    <t>第十九届东盟与中日韩（10+3）财长和央行行长会3日在德国法兰克福举行，重点讨论了全球和区域宏观经济形势以及10+3财金合作等议题，并发表了《第19届10+3财长和央行行长会联合声明》。中国财政部长楼继伟率由财政部、人民银行、外交部、香港金管局代表组成的中国代表团?</t>
  </si>
  <si>
    <t>欧委会下调欧元区经济增速及通胀预测</t>
  </si>
  <si>
    <t>欧盟委员会3日小幅下调2016年欧盟经济增长预期，这也显示出欧盟委员会担心外部环境可能给欧盟国家经济造成影响。欧委会预计，拥有19个成员国的欧元区今年GDP仅增长1.6%，2017年将增长1.8%，这一预测比该机构今年2月的预测低了0.1个百分点。欧盟委员会还将今年欧元区的通</t>
  </si>
  <si>
    <t>神秘身份亮相  澳洲企业家自曝“比特币之父”</t>
  </si>
  <si>
    <t>澳大利亚企业家兼技术专家克雷格·史蒂文·赖特2日表示，他就是各方寻找的“比特币创始人”中本聪，并提交了相关的证据。比特币（BitCoin）是当前风靡网络的一种电子货币，不仅可以在网络上购买物品和服务，而且可以兑换成不少国家的货币。5月2日，一比特币价值约为453?</t>
  </si>
  <si>
    <t>俄罗斯拟首建“中国轨距铁路”  或带来东北经济新突破</t>
  </si>
  <si>
    <t>据俄罗斯《独立报》报道，俄罗斯远东发展部建议在俄境内铺设一条不同于俄通用宽轨铁路的国际标准轨距铁路，并由中方负责运营管理。俄罗斯自然垄断问题研究所铁路运输研究室主任弗拉基米尔？萨夫丘克也发表评论说，希望俄罗斯港口能够通过此举承接中国货物的转运，消除因换轨?</t>
  </si>
  <si>
    <t>动能减弱  美经济增长首季明显趋缓</t>
  </si>
  <si>
    <t>最近公布的一系列经济数据显示，因消费、投资和出口“三驾马车”均显疲态，美国经济增长今年一季度明显放缓。不过，有“股神”之称的美国投资巨头巴菲特表示，依旧看好美国经济未来表现，并称今年的美国大选对经济走势影响不大。美国商务部日前公布了一季度美国经济增长</t>
  </si>
  <si>
    <t>法国四机构联合打击网络金融欺诈</t>
  </si>
  <si>
    <t>法国四大机构——金融市场监管局、竞争消费及反欺诈总局、金融审慎监管局以及巴黎检察院近日联合宣布，将共同打击网络金融欺诈行为。这意味着，近年来在法国愈演愈烈的网络金融欺诈终于引起监管部门警觉。据法国金融市场监管局介绍，2015年法国违规开设的外汇交易及二元</t>
  </si>
  <si>
    <t>日元汇率创新高  东京股市现暴跌</t>
  </si>
  <si>
    <t>日元近期连涨令日本企业业绩前景堪忧。2日，美元兑日元汇率下滑至106.14，创下18个月以来的新低，出口业务比重较大的制造商、电器、汽车等企业股价当天随东京股市出现暴跌。日本央行在4月28日货币政策会议后决定维持目前的宽松规模。此举令市场失望。受此影响，日元汇率</t>
  </si>
  <si>
    <t>美联储6月升息可能性略增</t>
  </si>
  <si>
    <t>美国联邦储备委员会27日宣布，继续维持联邦基金利率0.25%至0.5%不变，对何时加息没有释放明确信号。分析指出，美联储会后声明对全球经济形势的表述显得更加乐观，6月中旬再次启动加息的可能性有所增加。但美联储提及经济增长放缓，同时考虑到英国退欧公投将对全球金融市场造?</t>
  </si>
  <si>
    <t>美国宏观政策收紧  中国经济筑底回升</t>
  </si>
  <si>
    <t>美国的宏观经济政策继续在“需求侧”调控的轨道上运行。在财政政策上，表现为赤字控制、适度增税和减少信贷资产支持证券的持有规模；而在货币政策上，则表现为联储资产负债表的收缩、货币供应量的增速下降和加息预期的不断强化。中国政府启动了供给侧结构性改革的进程，</t>
  </si>
  <si>
    <t>中欧车主调研：宝马保时捷负面新闻多</t>
  </si>
  <si>
    <t>近日，胡润研究院第二次发布中国高端车的品牌特性研究白皮书，同时公布中欧车主对比报告。报告选取了最具代表性、市场覆盖较广的九个品牌：奥迪、宝马、保时捷、奔驰、凯迪拉克、雷克萨斯、路虎、沃尔沃和英菲尼迪进行研究。众所周知，欧洲对于汽车有着相对成熟的消费理</t>
  </si>
  <si>
    <t>3万元扶贫贷款让我有了翻身机会</t>
  </si>
  <si>
    <t>罗田河铺镇桥头边村位于大别山腹地，青山绿水环绕。48岁的程胜文是村里的贫困户，与祖辈不一样，他搞起了黑山羊养殖。早上9点他定时来到羊圈，将30多只黑山羊赶上山。他说：“黑山羊效益高，饲养没什么诀窍，不怕麻烦，得把他们当成小孩子一样照顾。”记者到程胜文家里?</t>
  </si>
  <si>
    <t>贸易开放不应成为大选牺牲品</t>
  </si>
  <si>
    <t>今年的美国总统大选格外热闹，民主、共和两党的几位总统竞选人在党内党外吵得不可开交，但他们有一个共同点，就是都对国际贸易抱怀疑态度。共和党总统竞选人特朗普与民主党总统竞选人桑德斯，都主张促使美国企业将制造业迁回国内，同时撕毁美国现有的贸易协定。特朗普还威胁?</t>
  </si>
  <si>
    <t>希腊救助谈判继续“原地踏步”</t>
  </si>
  <si>
    <t>由于希腊与国际债权人之间有关第三轮援助条款的谈判进展有限，欧元区财长决定28日暂不举行有关希腊债务问题的会谈。这意味着，希腊将难以实现在5月1日之前与国际债权人达成协议的目标。去年8月，希腊与国际债权人达成了总额为860亿欧元的第三轮援助协议，但希腊要想进一</t>
  </si>
  <si>
    <t>全球携手应对经济金融风险与挑战</t>
  </si>
  <si>
    <t>4月的美国华盛顿一片早春景象，水天一色的潮汐湖畔樱花盛开，迎来了参加国际货币基金组织（IMF）春季大会的万余名海内外嘉宾。在历时一周，逾700个会议上，各国财政部长和央行行长、国际同行、商界精英、学术专家、议会代表和民间组织等共聚一堂，对全球最新经济金融形势、面</t>
  </si>
  <si>
    <t>德经济部长要求美方增加TTIP谈判透明度</t>
  </si>
  <si>
    <t>德国经济部长加布里尔25日在汉诺威工业博览会的一个论坛上，呼吁美国在跨大西洋贸易和投资伙伴协定（TTIP）谈判中增加透明度。加布里尔说：“到目前为止，激情活力只停留在嘴上。我更希望看到在实际行动中有所进步。”他批评美方数月来没有新的立场和态度。加布里尔预计</t>
  </si>
  <si>
    <t>中国成荷兰第二大投资来源国</t>
  </si>
  <si>
    <t>荷兰外商投资局日前公布，2015年中国成为荷兰第二大投资来源国，为进一步加大对中国企业引资力度，该机构发布了《荷兰投资手册（2016年版）》，协助企业快速寻找到其符合现在和未来需求的最佳投资决策。根据荷兰外商投资局的最新数据，2015年，300余家外国企业投资荷兰?</t>
  </si>
  <si>
    <t>网上每个人都是一道算法</t>
  </si>
  <si>
    <t>1989年，“深蓝”战胜国际象棋大师卡斯帕罗夫，初步展现了人工智能的水平。围棋每回合的可能性远远高于国际象棋，且棋局多变，似乎无法被算法穷尽，然而人机对战的这个“堡垒”最近也被攻破。2016年初，韩国围棋手李世石败于“阿尔法”，让人类更加惊讶于人工智能强大的计算?</t>
  </si>
  <si>
    <t>面对德国抨击  德拉吉捍卫宽松政策</t>
  </si>
  <si>
    <t>德国内部近来对欧洲央行强化货币宽松措施多有微词，一些政客和学者认为，此举损害了德国银行业和普通储户的利益。欧洲央行行长德拉吉捍卫宽松政策的态度颇为坚决，同时表示欧洲央行的职能是追求欧元区价格稳定，而不是为了德国。目前，低利率政策打击了德国储户以及在盈</t>
  </si>
  <si>
    <t>英国退欧公投遭遇美国压力</t>
  </si>
  <si>
    <t>英国退欧公投日益临近，美国总统奥巴马在对英国访问期间，表示英国投票退出欧盟是“愚蠢的行为”，暗示如果英国人脱离了欧洲大陆，美国将不会给予他们庇护。据英国《金融时报》等媒体报道，奥巴马在英国期间再次强调反对英国脱欧，声称如果英国退出欧盟，可能要等上10年</t>
  </si>
  <si>
    <t>印度渐成中国医疗旅游新热点</t>
  </si>
  <si>
    <t>来到印度进行医疗旅游的花女士，开心地在微信朋友圈上晒出了自己骑骆驼、手上绘制图案、在印度婚礼上与印度美女的合影以及看病当中的照片——她因输血而感染上的丙肝病毒被当地医院彻底清除。从去年开始，印度医疗旅游开始进入中国人的视线，越来越多的国人像欧美患者一</t>
  </si>
  <si>
    <t>欣克利角核电站投资决定或于9月敲定</t>
  </si>
  <si>
    <t>据外媒报道，法国经济部长艾玛纽埃尔·马克龙24日表示，法国电力公司（EDF）有关欣克利角核电站项目的最终投资决定可能会在9月作出。该投资决定一再拖延难以定音，令外界对于该项目是否能顺利进行的疑虑再次上升。马克龙当日重申，政府支持法国电力公司推进欣克利角核电</t>
  </si>
  <si>
    <t>日央行或扩大刺激规模  日元小幅走低</t>
  </si>
  <si>
    <t>据外媒报道，日本央行在27至28日的政策会议上有多项重要任务，包括下调物价预估，讨论日元强势难题、全球需求乏力以及疲软的消费对通胀预期的打击，是否采取进一步刺激政策也将列入议题。受此影响，日元暂时止住升势。共同社援引知情人士消息称，日本央行政策委员会或考</t>
  </si>
  <si>
    <t>奥巴马英德之行意在推进自贸协定</t>
  </si>
  <si>
    <t>在结束了三天英国之行后，美国总统奥巴马24日带领商业团开启了对德国的访问。在其任期尾声，奥巴马敦促欧洲主要伙伴推进美欧双边自由贸易协定即跨大西洋贸易和投资伙伴关系协定（TTIP）的谈判，意在于今年年底前达成协议。据悉，奥巴马将在为期两天的对德国访问期间，与</t>
  </si>
  <si>
    <t>国际机构发展融资贷款持续上升</t>
  </si>
  <si>
    <t>在全球经济复苏放缓的情况下，发展融资需求也随之上升，亚行和世行的相关贷款都不降反升。亚洲开发银行最新发布的2015年度报告称，随着亚太地区经济体设法解决经济增长放缓、不平等和重大环境风险等问题，该地区大型基础设施和发展项目的融资需求没有出现减弱迹象。亚行</t>
  </si>
  <si>
    <t>绿叶医疗收购澳大利亚私立医院集团Healthe  Care</t>
  </si>
  <si>
    <t>中国医疗行业迄今为止规模最大的一桩海外并购，终于在绿叶医疗集团的战略版图上落子。4月18日，绿叶医疗集团宣布，与澳大利亚Archer Capital Fund完成交割，澳大利亚第三大私立医院集团 Healthe Care正式成为绿叶医疗旗下一员。通过收购Healthe Care，绿叶医疗一跃进入?</t>
  </si>
  <si>
    <t>化解钢铁产能过剩  中美欧努力大不同</t>
  </si>
  <si>
    <t>当前，全球钢铁产业遭遇“寒冬”，产能过剩呈加剧之势。据世界钢铁协会的统计，2015年，全球粗钢产量为16.2亿吨，平均产能利用率不到70%，低于2014年的73.4%。为共同应对这一严峻挑战，国际“钢铁行业过剩产能和结构调整高级别研讨会”18日至21日在比利时召开。此次研讨</t>
  </si>
  <si>
    <t>低油价沙特还能扛多久</t>
  </si>
  <si>
    <t>石油输出国组织（欧佩克）和非欧佩克产油国日前在卡塔尔多哈举行的冻结石油产量会议无果而终。在会议进行过程中，立场转向“鹰派”的沙特阿拉伯表示，在没有伊朗参与的前提下，沙特将拒绝签署任何协定，这一表态成为左右当天会议成败的关键。对原油日产量超过1000桶的沙特来?</t>
  </si>
  <si>
    <t>委内瑞拉经济危机的警示</t>
  </si>
  <si>
    <t>一个石油储备最丰富的国家，却成为经济危机最严重的地方。这个国家就是委内瑞拉。按照IMF日前的预测，2016年委内瑞拉的通胀率将达到481.5%，2017年将可能达到1642.8%；此外，2015年委内瑞拉经济萎缩了5.7%，2016年将继续萎缩8%。这些让人咋舌的数据，已经不是经济衰退的</t>
  </si>
  <si>
    <t>熊本地震冲击日本多个行业</t>
  </si>
  <si>
    <t>据日本媒体报道，日本九州地区的熊本县等地14日以来连续发生强烈地震，已经开始对日本经济的一些环节产生影响。地震对日本西南部地区经济造成较大损失。九州各工厂年产汽车130万辆，占全国产量的十分之一。丰田、三菱、日产、本田、大发等工厂因交通受阻、零部件断供等?</t>
  </si>
  <si>
    <t>冻产协议告吹重挫国际油价</t>
  </si>
  <si>
    <t>石油输出国组织（欧佩克）和非欧佩克产油国17日在卡塔尔首都多哈举行的冻结石油产量会议以失败告终。受此利空消息影响，18日亚洲早盘时段国际油价重挫逾4%。因各产油国对伊朗等国是否也应加入冻产等问题存在较大分歧，多哈会议未达成任何协议。据知情人士透露，沙特坚持</t>
  </si>
  <si>
    <t>美企财报季开启  触底反弹业绩可期</t>
  </si>
  <si>
    <t>本周美国企业进入业绩发布高峰期，外媒预测将出现自2009年以来最疲弱的美国企业财报季，之后逐渐改善，形成业绩的触底反弹，但金融行业仍将承压。2015年第三季开始，美国企业业绩呈现下滑之势，市场普遍预计此趋势将持续到今年第二季度，企业业绩的下滑幅度为2.2%，优于</t>
  </si>
  <si>
    <t>中石油管道局以科技迎市场挑战</t>
  </si>
  <si>
    <t>4月14日，为期三天的2016中国国际管道大会在有着“国际管道城”之称的河北廊坊市落下帷幕。本届管道大会成为全球业界展示创新能力的盛会，来自中国、美国、德国、法国、澳大利亚等27个国家和地区的350余家管道相关企业，在会展上晒出先进技术装备的同时，还在论坛上畅谈各自?</t>
  </si>
  <si>
    <t>多哈会议产油国博弈冻产协议</t>
  </si>
  <si>
    <t>在推迟六个多小时后，包括大部分欧佩克国家和俄罗斯等在内的重要产油国于北京时间4月17日晚在多哈召开商议冻产协议会议。分析认为，多哈会议不是万灵药，但会议将传递一个信号，即产油国已经意识到，应当采取措施提振油价。路透社此前获得多哈冻产协议草案的复印版，并?</t>
  </si>
  <si>
    <t>周小川：中国将灵活适度实施稳健货币政策</t>
  </si>
  <si>
    <t>中国人民银行行长周小川行长17日在出席国际货币基金组织第33届国际货币与金融委员会（IMFC）会议时表示，今年以来中国经济开局良好，尤其是3月份的经济指标与1-2月相比有明显回升。在经济进入中高速增长“新常态”的同时，中国经济增长的结构和质量不断改善，例如服务业增长?</t>
  </si>
  <si>
    <t>楼继伟回应中国评级展望被下调：评级机构“有偏见”</t>
  </si>
  <si>
    <t>中国财政部网站16日消息，2016年4月14日至15日，二十国集团（G20）财长和央行行长会议在美国华盛顿举行。在此次会议上，财政部部长楼继伟对此前两家评级机构相继把中国主权信用评级展望下调至“负面”一事作出回应，认为此举带有偏见，并未反映中国经济实际情况。楼继伟</t>
  </si>
  <si>
    <t>美元持续反弹  英镑走势凌乱</t>
  </si>
  <si>
    <t>本周美国公布的零售销售、PPI以及企业库存数据均表现不佳，但美元依然持续反弹走高。无惧疲软数据美元意外走强由于家庭减少了汽车购买，美国3月零售销售意外下挫。作为经济占比最大的组成部分，零售销售疲软，可能暗示着全球第一大经济体一季度经济增速数据或</t>
  </si>
  <si>
    <t>产能博弈：主要产油国会战多哈</t>
  </si>
  <si>
    <t>今年以来，国际油价呈过山车走势，年初快速下跌至每桶27美元的近13年低点，之后又经历数波反弹夺回40美元这一重要心理关口。17日，世界主要产油国代表将汇聚多哈，就冻结原油产量确保价格稳定问题举行协商。石油输出国组织（欧佩克）能否与俄罗斯等非欧佩克国家达成一致</t>
  </si>
  <si>
    <t>降低企业社保费率和公积金比例</t>
  </si>
  <si>
    <t>国务院总理李克强4月13日主持召开国务院常务会议，听取山东济南非法经营疫苗系列案件调查处理情况汇报，决定先行对一批责任人实施问责；通过《国务院关于修改〈疫苗流通和预防接种管理条例〉的决定》，强化制度监管；决定阶段性降低企业社保缴费费率和住房公积金缴存比例，为</t>
  </si>
  <si>
    <t>IMF下调全球增长预期</t>
  </si>
  <si>
    <t>国际货币基金组织（IMF）12日公布了最新一期《世界经济展望》报告，下调了全球经济增长预测值，并直指世界经济在太长的时间里增速缓慢，呼吁各国采取行动来刺激经济发展，比如结构性改革，财政政策刺激、宽松的货币政策等等。与之对照，IMF上调了中国经济增长预测值。这</t>
  </si>
  <si>
    <t>法国网络金融欺诈日益猖獗</t>
  </si>
  <si>
    <t>近年来，网络金融欺诈在法国愈演愈烈，忽悠广告充斥网上，骗局设计日臻精巧，很多个人投资者被骗得血本无归，欲哭无泪。问题之严重，已经引起法国监管当局的警觉。网络金融欺诈在法国已泛滥到什么程度呢？据法国金融市场监管局日前介绍，2015年法国违规开设的外汇交易及</t>
  </si>
  <si>
    <t>乐购业绩重回增长  出售资产仍将继续</t>
  </si>
  <si>
    <t>英国超市连锁乐购13日发布最新财报，显示公司上一个财年的利润重回增长，但行业竞争加剧，其增长将持续面临挑战，公司未来仍将继续出售资产。在截至今年2月的上一个财年，乐购税前收入达1.62亿英镑，摆脱之前一个财年创纪录的63亿英镑的亏损，集团首席执行官刘易斯称此?</t>
  </si>
  <si>
    <t>冻产预期推动油价持续反弹</t>
  </si>
  <si>
    <t>两大主要产油国沙特阿拉伯和俄罗斯可能就冻结石油产量达成共识，该消息推动国际油价12日升至今年来最高水平。13日国际油价延续了上周末的大幅上行趋势。截至收盘，纽约商品交易所5月交货的轻质原油期货价格上涨1.81美元，收于每桶42.17美元，涨幅为4.48%。6月交货的伦敦</t>
  </si>
  <si>
    <t>爱尔兰去年海外直接投资创纪录</t>
  </si>
  <si>
    <t>2016年第一季度的《爱尔兰经济发展与竞争力报告》显示，2015年是爱尔兰海外直接投资创纪录的一年，投资增长率达到8%。报告还显示，凭借综合竞争力和海外投资支持，爱尔兰出口量同比强劲增长12.4%。随着海外投资的快速增长，国内需求也同步积极增长；制造业和服务业持续?</t>
  </si>
  <si>
    <t>学习新加坡：对华最大投资国是怎样炼成的</t>
  </si>
  <si>
    <t>新加坡，一个总人口500多万的城市国家，却从2013年以来牢牢占据着对华最大投资国的地位。数据显示，截至2014年，新加坡在华累计投资金额723亿美元。2013年和2014年新加坡都是中国的最大外资来源国，2015年1－9月，新加坡新增对华投资50.7亿美元。新加坡对华投资超过2万?</t>
  </si>
  <si>
    <t>年内人民币对美元将温和贬值</t>
  </si>
  <si>
    <t>国内政策宽松基调明显、且最近经济指标改善，缓解了投资者对中国经济硬着陆的担忧。年初决策层进一步降低房贷首付比例、加大财政支持力度，并公布了高于预期的信贷增长目标，均凸显了决策层防止经济大幅下滑、确保经济增速6.5%以上的决心。随着美国经济活动改善、通胀回</t>
  </si>
  <si>
    <t>德国首富的零售帝国</t>
  </si>
  <si>
    <t>《福布斯》2016年全球富豪排行榜上，坐拥260亿美元财富的小卡尔·阿尔布莱希特和贝阿特·海斯特兄妹排名第21，在德国富豪中拔得头筹。同样出自阿尔布莱希特家族的小特奥·阿尔布莱希特以203亿美元财富排名第34，在德国富豪中稳坐第二把交椅。按照《福布斯》的排名，阿尔</t>
  </si>
  <si>
    <t>机器人产业投资门道</t>
  </si>
  <si>
    <t>机器人时代渐行渐近，“机器换人”在很多行业和领域正变为现实。对此，无论政府部门，还是机器人产业相关企业、行业组织，都应向社会提供机器人的信息和教育，特别要讲述机器人将如何融入人类社会，服务于人们现今看重的价值体系、生活方式和文化。欧洲著名金融市场分析</t>
  </si>
  <si>
    <t>韩国国会大选在即  刺激就业成焦点</t>
  </si>
  <si>
    <t>据韩国媒体报道，韩国政府在本周国会大选结束后，可能加速推动创造就业机会及其他刺激方案，借此为提振经济打下政策基础。韩国总统朴槿惠12日在青瓦台主持召开国务会议，呼吁国民积极参加将于13日举行的第20届韩国国会议员选举投票。据报道，朴槿惠表示，在面临朝核问题</t>
  </si>
  <si>
    <t>跨境电商正面清单与自贸区负面清单</t>
  </si>
  <si>
    <t>国人熟悉的所谓“正面清单”实际上是来自“负面清单”的概念，其完整的说法应该是“正面清单管理模式”或“负面清单管理模式”。最早列明“负面清单”是1994年北美自由贸易区（NAFTA）成立时出现的，后来引申到各个自由贸易区FTA的负面清单和正面清单中。通俗意义上讲，</t>
  </si>
  <si>
    <t>海铁联运是国际物流主要运输方式</t>
  </si>
  <si>
    <t>海铁联运是指进出口货物由铁路运输经由沿海海港与船舶运输相连、只需“一次申报、一次查验、一次放行”就可以完成整个运输过程的一种运输方式，也是铁水联运的一种特殊形式。海铁联运已经有超过50年的历史，成熟国际港口中海铁联运的比例往往占20%至40%，如荷兰鹿特丹港</t>
  </si>
  <si>
    <t>东亚太平洋地区经济增长仍具韧性</t>
  </si>
  <si>
    <t>世界银行4月11日发布《东亚与太平洋地区经济半年报》称，东亚太平洋地区发展中国家的经济增长仍具韧性，预计2016～2018年仅温和放缓。世行这份报告审视了在全球经济面临重大挑战大背景下该地区的增长前景，这些挑战包括高收入国家增速缓慢，新兴市场国家增长全面放缓，?</t>
  </si>
  <si>
    <t>雷军在沃顿商学院都讲了什么</t>
  </si>
  <si>
    <t>中国互联网产业已不是将国外技术和创新模式复制到中国，而是开始将中国的技术和创新模式推广到全球——小米科技创始人、董事长雷军日前在美国宾夕法尼亚大学举行的宾大沃顿中美峰会上如是说。此次宾大沃顿中美峰会共有来自美国、英国、加拿大的中国留学生以及中美两国企</t>
  </si>
  <si>
    <t>航空运输逆势增长折射“新经济”发展曙光</t>
  </si>
  <si>
    <t>耿向禄是成都鸿富锦精密电子（成都）有限公司的一名送货司机。在成都双流国际机场货运部遇见他时，他刚办完报关手续，将寄送9个托盘的IPAD到美国。指着身后的海关监管车，他坦言，前几年，有时一趟要装满大半个车厢。现在，每天就几个托盘。上海天行健国际物流有限</t>
  </si>
  <si>
    <t>数十家公司竞购  难阻雅虎大幅裁员趋势</t>
  </si>
  <si>
    <t>据外媒报道，英国报纸《每日邮报》的母公司正与几家私募股权投资公司商谈竞购雅虎公司的可能性，尽管数十家潜在买家竞购积极，但分析人士称雅虎难以避开大幅裁员、精简支出的命运。据《华尔街日报》报道，《每日邮报》的母公司名为Daily Mail &amp;amp;General Trust，?</t>
  </si>
  <si>
    <t>日元逆势走强施压股市和经济</t>
  </si>
  <si>
    <t>日元11日依然延续了上周的走强趋势。分析指出，在日本经济基本面不佳、实施负利率的情况下，日元汇率逆势大涨给日本股市和整体经济带来压力，未来一段时间日元预计仍将面临走强压力。美元对日元汇率11日早盘跌破1比108，升至17个月以来高点。上周，日元对美元汇率单周涨</t>
  </si>
  <si>
    <t>今年将是我国光热发电启动元年</t>
  </si>
  <si>
    <t>作为一种较为稳定、环保的新能源电力产业，太阳能光热发电是许多国家重点支持和发展的战略性新兴产业。但由于受制于电价政策不清晰等因素，国内太阳能热发电市场还处于起步阶段。不过这一局面即将改变。《经济参考报》记者近日了解到，根据“十三五”规划征求意见稿，到</t>
  </si>
  <si>
    <t>中非合作助力非洲国家应对新挑战</t>
  </si>
  <si>
    <t>应国家主席习近平邀请，尼日利亚联邦共和国总统穆罕默德·布哈里将于11日至15日对中国进行国事访问。分析认为，布哈里总统此访预计将为中尼战略伙伴关系全面深入发展注入新动力，也将凸显出中非合作在国际经济新形势下帮助非洲国家应对新挑战发挥的重要作用。据外交部介</t>
  </si>
  <si>
    <t>沪港通“逆流”港股通  106个交易日持续净流入</t>
  </si>
  <si>
    <t>港股通的净买入金额正在不断地刷新历史记录。Wind统计数据显示，自沪港通开通以来的330个交易日中，沪股通累计净流入资金1873.06亿元，累计买入成交9716.57亿元，卖出成交8714.12亿元，港股通累计净流入资金2120.59亿元，累计买入成交4516.98亿元，卖出成交3086.12亿元。2015</t>
  </si>
  <si>
    <t>“再掘进8000米不成问题”</t>
  </si>
  <si>
    <t>“从目前看，这台再制造盾构机状态很好，再掘进8000米应该不成问题。”北京建工土木工程公司盾构中心经理帅玉兵向记者介绍说，这台盾构机完全出洞后，将运回基地进行例行检查，为下一次地铁隧道掘进做好准备。这台原产于德国海瑞克公司的S－254土压平衡盾构机有一个好听</t>
  </si>
  <si>
    <t>打造低碳城市的“英伦样本”</t>
  </si>
  <si>
    <t>英国《自然·气候变化》月刊最新发表的一份研究报告显示，气候变化可能给全球金融资产造成2.5万亿美元损失。这项研究由伦敦政治经济学院西蒙·迪策教授领衔。“我们给长期投资者的建议是，”迪策说，“在低碳世界，我们会过得更好。”作为国际化大城市的伦敦在打造</t>
  </si>
  <si>
    <t>优步卡兰尼克：边接传票，边扩张</t>
  </si>
  <si>
    <t>不久前，美国媒体报道了国际知名网上叫车平台优步（Uber）的最新动向，称这家颠覆了全球出租车行业的公司正在研发四款新产品，其中包括Uber EATS（Uber外卖）和Uber RUSH（Uber快递），不知此举会令哪些传统行业噤若寒蝉。优步创始人兼CEO特拉维斯·卡兰尼克曾放出豪言?</t>
  </si>
  <si>
    <t>重量级项目进入全球资本视野</t>
  </si>
  <si>
    <t>亚洲基础设施投资银行（以下简称“亚投行”）本季度即将开启备受关注的首轮投融资项目。随着全球经济陷入低增长状态，中国“一带一路”倡议下的沿线基础设施项目引发各方兴趣，欧洲投资银行、欧洲复兴开发银行、亚洲开发银行、世界银行等机构以及俄罗斯、印度、欧盟等主</t>
  </si>
  <si>
    <t>中医让俄罗斯脑瘫患儿家庭看到希望</t>
  </si>
  <si>
    <t>两个多月来，每次看到中国医生拿着一些粗细只有0.25毫米的针灸针，为患有脑瘫的儿子针灸，俄罗斯妈妈奥莎娜都非常心疼，但看到孩子的手臂一点点舒展，她又有了信心。今年1月份，33岁的奥莎娜带着两岁多的儿子，从莫斯科飞越几千公里，经武汉转机，来到位于哈尔滨的黑龙?</t>
  </si>
  <si>
    <t>出清“僵尸企业”应加大供给侧改革</t>
  </si>
  <si>
    <t>3月31日下午，波士顿咨询公司（BCG）发布了最新的供给侧结构性改革专题报告。BCG大中华区董事总经理廖天舒表示，从美国、德国、日本等国的改革经验中，有四点原则至关重要：一是供给侧改革的目标应是通过结构性调整，实现高水平的供需平衡；二是政策需要有延续性和稳定性，对</t>
  </si>
  <si>
    <t>习主席首访捷克：开启中捷经贸合作新时代</t>
  </si>
  <si>
    <t>仲春时节，正值欧洲欢度复活节之际，中国国家主席习近平于3月28日启程对捷克共和国进行为期三天的国事访问。这次访问是中国国家元首自两国建交67年来首次访问捷克，是对捷克总统泽曼于2014年访华和2015年出席中国举办抗战胜利70周年纪念活动的回访，也是中国国家主席首次访问</t>
  </si>
  <si>
    <t>辉瑞艾尔建并购遭遇新政障碍告吹</t>
  </si>
  <si>
    <t>据外媒报道，由于美国财政部发布的打击税收倒置和限制收益剥离两项新政策，辉瑞制药与艾尔建的并购交易遭遇障碍。彭博社报道称，4月6日辉瑞宣布中止两家公司的并购交易，辉瑞将支付1.5亿美元相关开支。引起两家企业合并计划告吹的是美国财政部4日晚间发布的新政。美国财</t>
  </si>
  <si>
    <t>国际组织联合呼吁以改革促增长</t>
  </si>
  <si>
    <t>德国总理默克尔和国际货币基金组织等五大国际组织负责人5日在柏林举行会谈并发表联合声明，呼吁世界各国继续推进改革促进全球经济增长。对于负利率政策、难民处理等热点，国际机构代表对当前主要经济体给予正面评价。默克尔当天与国际货币基金组织总裁克里斯蒂娜·拉加?</t>
  </si>
  <si>
    <t>三厢车好还是两厢车好</t>
  </si>
  <si>
    <t>近几年，SUV在汽车圈儿横行霸道，严重挤压了其他车种的生存空间，其中，最受气的是轿车，而轿车中最受气的，是三厢轿车。三厢轿车最重要的市场，一个是美国，一个是中国（欧洲最流行的是两厢和旅行车，而日本则是微车和小型两厢车的天下）。在美国，中级轿车一向是</t>
  </si>
  <si>
    <t>全球量化宽松空间日益狭窄</t>
  </si>
  <si>
    <t>据日本经济产业省公布，2月日本工业产出下降6.2%，创下自2011年“3·11”日本大地震导致供应链破坏后的最大降幅，引发了市场对日本经济再度衰退的忧虑。2008年国际金融危机以来，主要经济体持续扩张的量化宽松货币政策，不仅没有如期带领全球经济走上复苏的轨道，反而加剧了?</t>
  </si>
  <si>
    <t>大众赢了中国却输了世界</t>
  </si>
  <si>
    <t>2015年大众集团还是以354.9万辆的年销量，再一次无悬念地问鼎中国汽车市场销量榜首。断轴、DSG等事件对大众在华地位丝毫没有动摇。显然，对比高油耗的美系车、钢板薄的日系车，拥有着德国严谨制造血统的大众汽车在华依然有着强大的优势。2015年国内车型销量前20就?</t>
  </si>
  <si>
    <t>德国数字化战略寻求与中国合作</t>
  </si>
  <si>
    <t>德国副总理兼经济部长加布里尔日前在2016年汉诺威消费电子、信息及通信博览会（简称汉诺威IT展）上表示，国民经济成功实现数字化转型是德国获得并强化竞争力的前提。“我们的目标是把德国打造成最现代化的工业基地。”加布里尔说。加布里尔指出，“数字战略2025”明确了</t>
  </si>
  <si>
    <t>多国仍维持宽松货币政策基调</t>
  </si>
  <si>
    <t>印度央行5日下调了该国回购利率，同日澳大利亚央行宣布利率不变，但市场认为降息窗口迫近。近期多国央行的行动和表态，显示为保证经济增长，全球范围内仍将维持宽松的货币政策基调。印度央行5日将回购利率下调0.25个百分点至6.5%，该央行还释放出信号，为抗击通货膨胀所</t>
  </si>
  <si>
    <t>日本众议院审议TPP  朝野各执一词</t>
  </si>
  <si>
    <t>日本众议院5日下午开始审议《跨太平洋伙伴关系协定》（TPP）的批准法案及相关修正案。安倍内阁希望TPP法案本月之内在众议院获得通过，但在野党认为法案中一些内容有牺牲日本经济利益之嫌，呼吁进行彻底审议。今年2月4日，参与TPP谈判的12国部长代表在新西兰奥克兰举行协</t>
  </si>
  <si>
    <t>我国多式联运蓄势待发瓶颈待解</t>
  </si>
  <si>
    <t>在3月22日至24日于上海召开的2016集装箱多式联运亚洲展会上，“中欧班列”、“中亚班列”、“铁水联运班列”等一系列集装箱多式联运产品亮相。据了解，集装箱多式联运是物流运输的高级发展阶段，被各国看作本国货运现代化进程的重要标志。目前，全球多式联运重心向中国?</t>
  </si>
  <si>
    <t>水土污染立法应直面中部环境问题</t>
  </si>
  <si>
    <t>随着工业化向内地快速推进，东部和沿海地区以前遇到的环境问题开始向内地蔓延。如湖北、江西、湖南等中部地区部分农村的环境污染呈现恶化的趋势。中部地区的农村环境污染问题，是农民生活水平提高和农村、农业发展仍然不足导致的问题，是生产和生活交汇产生的问题，是城</t>
  </si>
  <si>
    <t>全球原油“冻产”计划或成纸上谈兵</t>
  </si>
  <si>
    <t>此前多头气氛渐浓的国际原油市场再次面临“空袭”。原油生产大国沙特阿拉伯、伊朗日前有关原油产量的表态，令国际油价承受巨大下行压力，其中4月份首个交易日纽约轻质原油、北海布伦特原油主力期货合约跌幅均逾4%，给即将举行的原油生产国冻结产量大会蒙上了一层厚厚的阴影。</t>
  </si>
  <si>
    <t>中德合作组建新疆国际陆港</t>
  </si>
  <si>
    <t>国家级经济技术开发区——乌鲁木齐经济技术开发区（头屯河区）近日与全球第一大内河港德国杜伊斯堡港正式“联姻”。双方将参与组建注册资本2亿元的新疆国际陆港控股有限责任公司，承担新疆国际陆港企业化运营。而两港的合作也将使新疆国际陆港融入欧洲的物流体系中，带动中欧</t>
  </si>
  <si>
    <t>獐子岛有望借力“复关”受益</t>
  </si>
  <si>
    <t>近日，国家质量监督检验检疫总局发布通知称，欧盟对我国部分双壳贝类产品解禁。通知称：“据欧方通报，从即日起，我国符合如下条件的扇贝产品可输往欧盟：来自野生捕捞的、彻底去除生殖腺和内脏的扇贝闭壳肌。”业内人士认为，这意味着中国产野生捕捞的扇贝柱产品时隔19</t>
  </si>
  <si>
    <t>专家建议G20推动国际投资便利化</t>
  </si>
  <si>
    <t>前世界贸易组织总干事帕斯卡尔·拉米3月31日表示，G20作为一个非正式国际组织，处理解决问题能力有限，不能夸大其作用，但可发挥高层领导力的优势，推动国际投资合作，甚至有必要建议成立一个专门平台。拉米在由浙江大学、不列颠哥伦比亚大学、多伦多大学联合主办的“20</t>
  </si>
  <si>
    <t>全球能源互联网建设迈出实质性步伐</t>
  </si>
  <si>
    <t>记者从2016全球能源互联网大会获悉，全球能源互联网发展合作组织（简称合作组织）一届一次理事会在北京召开，中国国家电网公司董事长刘振亚当选合作组织主席，组织总部落户北京。同时，中国国家电网公司、韩国电力公社、日本软银集团、俄罗斯电网公司在京签署了《东北亚电力?</t>
  </si>
  <si>
    <t>巴西政坛“纸牌屋”恐伤经济</t>
  </si>
  <si>
    <t>三月份的巴西政坛跌宕起伏，自前总统卢拉被强制问讯，到卢拉接受罗塞夫邀请担任内阁部长，再到各联邦法院围绕该任命展开拉锯战，检察官莫罗违规抛出卢拉与罗塞夫密谈的电话录音……政府与立法、司法机构的矛盾公开化，处于不利境地，其斗争之激烈、情节之紧凑，堪比美剧《纸?</t>
  </si>
  <si>
    <t>美元空头占优  英镑走势疲弱</t>
  </si>
  <si>
    <t>尽管美国周中公布的小非农数据表现强劲，但美联储主席耶伦此前对加息保持谨慎态度的评论让市场充分领略了“鸽皇”的威力，美元多头依然心有余悸不敢轻举妄动，美元再显弱势。素有小非农之称的美国ADP就业报告显示，美国3月ADP就业人数增加20.0万人，而预期为增加19.5万?</t>
  </si>
  <si>
    <t>韩国去年砸370亿韩元扶持“创意经济”</t>
  </si>
  <si>
    <t>据韩国媒体报道，韩国政府为打造“创意经济”，去年推出370亿韩元的预算（约合3236万美元），最终一共有1021亿韩元（约合8929万美元）流入了新兴企业。业内人士认为，措施使新兴企业受益，但仍需在制度上多加完善。培育新兴企业和风险企业是韩国政府“创意经济”的核心?</t>
  </si>
  <si>
    <t>新市民将是库存去化主力群体</t>
  </si>
  <si>
    <t>“冰火两重天”式的两极化发展成为目前地产行业不争的事实：一线及部分二线城市热度持续走高，三四线城市楼市总体上看仍然低迷。库存高压之下，去化路径如何选择？在近日的博鳌亚洲论坛2016年年会上，与会专家对中国房地产的未来定位和走向做了判断。楼市“冰火两重天”</t>
  </si>
  <si>
    <t>澳大利亚审慎看待中国投资</t>
  </si>
  <si>
    <t>最近几年，来自中国的投资已经成为澳大利亚人不能无视的经济新动向，中国投资也给澳大利亚经济增添了新动力。澳大利亚国立大学教授彼得·德赖斯代尔最近撰文指出，中国企业“走出去”战略导致全世界出现中国投资高潮。中国民营企业的投资变得越来越重要，其投资领域跨越</t>
  </si>
  <si>
    <t>亚行：亚洲发展中国家经济增长呈放缓趋势</t>
  </si>
  <si>
    <t>亚洲开发银行（亚行）30日发布《2016年亚洲发展展望》报告指出，由于主要工业经济体复苏持续疲弱以及中国增长前景走软，许多亚洲发展中国家经济增长呈放缓趋势。这些因素将导致2015年和2016年亚洲发展中国家的增长低于先前预测。报告预计，今明两年该地区发展中国家的国</t>
  </si>
  <si>
    <t>思考“智能制造”的美国模式</t>
  </si>
  <si>
    <t>拿到《智能制造：全球工业大趋势、管理变革与精益流程再造》的试读稿，发现这不是我最初想象的那本书，其核心内容是作者R.比克·莱瑟《智能制造》数十年企业运作的经历与思考。如今，工业4.0概念讨论日益喧嚣，中德合作如火如荼，但我们不能否认，世界上制造业最强的国?</t>
  </si>
  <si>
    <t>“安倍经济学”已成失败代名词</t>
  </si>
  <si>
    <t>备受日本政府期待的2016年日本春季劳资谈判（也被称为“春斗”）逐渐落下帷幕，大多数日本大型企业加薪幅度仅达到去年一半。在企业加薪意愿不足的当下，日本政府推行的所谓“安倍经济学”显现难以为继之态。自“安倍经济学”登台以来，日本政府费尽口舌呼吁企业界在“春</t>
  </si>
  <si>
    <t>美通胀和贸易数据逊于预期</t>
  </si>
  <si>
    <t>美国商务部28日发布的通胀和贸易数据显示，美国经济增长仍挑战重重，但分析人士认为，尽管全球经济今年年初以来走势不稳，美国在全球表现已属上佳，为经济全面复苏和美联储年内加息打下好的基础。物价指数低于2%目标数据显示，美国2月份个人消费支出(PCE)物价指数?</t>
  </si>
  <si>
    <t>油价暴跌  产油大国沙特艰难转型</t>
  </si>
  <si>
    <t>曾经依靠石油资源挥金如土的沙特阿拉伯，面对油价一年多的暴跌，经济受到冲击，财政压力日增，加上其他政治、经济和对外关系变化等因素的影响，该国不得不再度调整经济发展政策，急欲通过深层次的变革来摆脱经济困境。近年来，沙特开始建立一个更加多元化的工业经济。然</t>
  </si>
  <si>
    <t>安邦竞购喜达屋报价升至140亿美元</t>
  </si>
  <si>
    <t>据外媒报道，中国保险商安邦集团将其对美国酒店运营商喜达屋集团的收购报价提高至140亿美元。这是安邦试图压倒美国酒店运营商万豪集团报价的最新行动，此举令这场数年来最为激烈的竞购战再次升温。喜达屋28日表示，正与安邦磋商将其全现金收购报价调高至每股82.75美元。</t>
  </si>
  <si>
    <t>工匠精神铸就西装“圣地”</t>
  </si>
  <si>
    <t>在伦敦市中心有一条300余米的街，身着这条街出品的定制西装成为世界各国名流的身份象征，如拿破仑三世、英国著名前首相丘吉尔、英国查尔斯王子、英国前首相布莱尔……这条街叫萨维尔街。数百年来，萨维尔街经久不衰，被誉为世界男装的工艺典范。追求极致、精益求精、力?</t>
  </si>
  <si>
    <t>鸿海收购夏普谈判收尾  出资减千亿日元</t>
  </si>
  <si>
    <t>据外媒报道，中国台湾鸿海集团和日本电子厂商夏普将在3月30日分别召开董事会，对鸿海收购夏普的条件进行磋商，最初预定的4890亿日元（43亿美元）出资额将减少1000亿日元左右。一旦这桩收购完成，将标志着日本主要大型电子厂商首次被外国企业收购。据日本共同社报道，鸿?</t>
  </si>
  <si>
    <t>中东欧与中国“16＋1”合作之花绽放</t>
  </si>
  <si>
    <t>随着众多“旗舰”项目渐次展开，中东欧国家与中国经贸往来迎来早期收获期，“16＋1”合作之花开始绽放。去年年末，全长350公里的匈塞铁路开建，承建者为中国铁路总公司牵头组成的中企联合体。在核电领域，中罗达成的合建切尔纳沃德核电站3、4号机组框架协议金额逾70亿欧</t>
  </si>
  <si>
    <t>中国海外兼并行业多元化趋势明显</t>
  </si>
  <si>
    <t>发达经济体经济增长前景有所改善，世行预计2016年美国、欧元区、日本和英国经济增速将分别为2.7%、1.7%、1.3%和2.4%。随着投资者的信心恢复以及发达经济体基本面改善，企业有望增加国际投资。2014年发展中国家FDI流入和流出都创历史新高，其中亚洲发展中国家更是首次成?</t>
  </si>
  <si>
    <t>习近平访捷促两国发展驶入快车道</t>
  </si>
  <si>
    <t>应捷克共和国总统米洛什·泽曼邀请，中国国家主席习近平于3月28日至30日对捷克共和国进行国事访问，就新形势下提高中捷关系发展水平以及重大国际和地区问题深入交换意见。预计此次访问将在两国战略对接、促进经贸领域合作、区域合作和中欧合作等方面起到积极的推动作用。</t>
  </si>
  <si>
    <t>2016年将成中企海外并购年</t>
  </si>
  <si>
    <t>2016年的第一个季度还没结束，中国企业海外并购已是捷报频传，且手笔一个比一个大：万达35亿美元将美国传奇影业纳入囊中；海尔54亿美元全盘接收了美国通用电气的白色家电；海航集团拟60亿美元收购美国信息技术企业英迈公司；中化集团正拟斥资430亿美元并购全球最大的农药生产</t>
  </si>
  <si>
    <t>成本持续降低  行业迎来阳春</t>
  </si>
  <si>
    <t>经历漫漫“寒冬”，中国很多光伏企业经历了一段“大浪淘沙”的时期，活下来的企业正在慢慢复苏。目前，阶段性的产能过剩还有没有“后遗症”？企业如何创新才能永立潮头？光伏产业的未来前景如何？此间举行的博鳌亚洲论坛2016年年会上，与会光伏企业对此进行了争锋。优质</t>
  </si>
  <si>
    <t>美联储加息未兑现  利好大宗商品行情</t>
  </si>
  <si>
    <t>市场预期的美联储3月份加息并未兑现。2016年3月17日，美联储发表声明，决定将联邦基金利率维持在0.25%-0.5%。声明指出，全球经济及金融市场动荡，对美国经济影响存在一定的风险。近几个月通胀回升，但基于市场的通胀补偿指标依旧较低，经济数据仍需持续观测。2015年12月</t>
  </si>
  <si>
    <t>奥巴马破冰之旅  难减美古关系寒意</t>
  </si>
  <si>
    <t>美国总统奥巴马本周开启为期三天的古巴之旅，成为自1928年以来首名访问古巴的美国在任总统。去年美古在“三通”问题上取得进展，两国之间经济往来明显增长，奥巴马此行成为美古关系改善的又一个重要标志。不少分析指出，随着美国逐步松绑一些对古制裁措施，古巴的改革和</t>
  </si>
  <si>
    <t>亚太经贸合作新体制有望破茧</t>
  </si>
  <si>
    <t>中国国务院总理李克强２４日在海南博鳌表示，区域全面经济伙伴关系协定（ＲＣＥＰ）是亚洲参与成员最多、规模最大的区域贸易安排，应当争取在2016年完成谈判。李克强是在博鳌亚洲论坛2016年年会开幕式上发表题为《共绘充满活力的亚洲新愿景》的主旨演讲时作出上述表示的</t>
  </si>
  <si>
    <t>赋予水墨艺术现代生命</t>
  </si>
  <si>
    <t>利用传统的水墨及和纸，运用西方现代抽象绘画的表现手法，继而跳出“山水”“花鸟”等水墨画的窠臼，让传统的东亚水墨艺术融贯东西走向世界，这是日本后物派艺术领军人物、东京艺术大学美术学院院长保科丰巳赋予传统水墨艺术的现代生命。保科称自己是最不愿意被称为水墨</t>
  </si>
  <si>
    <t>抄底加拿大矿产和能源或是好时机</t>
  </si>
  <si>
    <t>国际矿产价格和基本金属价格近几年一跌再跌，加拿大的采矿业面临严重挑战。统计数据显示，2015年底与2014年底相比，世界市场煤炭价格下跌了32%，铁矿石价格下跌了24%，铜价下跌了25%，锌价下跌了30%，钯价下跌了30%。焦煤售价从吨煤300美元左右下降到93美元。对矿产资源丰富?</t>
  </si>
  <si>
    <t>“中国制造”非价格竞争力待考</t>
  </si>
  <si>
    <t>汇率与全球贸易的话题站在了亚洲博鳌论坛2016年年会的聚光灯下，3月23日举行的分论坛“货币贬值：为何不再是‘出口利器’”备受关注。参加博鳌论坛的多位嘉宾认为，目前全球范围内正在掀起新一轮货币宽松潮，未来有可能会有更多央行加入宽松阵营。这种局面无疑会影响全球贸易</t>
  </si>
  <si>
    <t>李克强：携手打造澜湄国家命运共同体</t>
  </si>
  <si>
    <t>国务院总理李克强23日上午在海南三亚国际会议中心主持澜沧江－湄公河合作首次领导人会议，同与会国家领导人围绕“同饮一江水，命运紧相连”的会议主题，共商澜湄合作发展大计。泰国总理巴育、柬埔寨首相洪森、老挝总理通邢、缅甸副总统赛茂康和越南副总理范平明出席。李</t>
  </si>
  <si>
    <t>今年加拿大财政赤字预计达300亿加元</t>
  </si>
  <si>
    <t>加拿大财政部长摩尔诺22日公布了去年上台的加拿大自由党政府2016年联邦预算，财政赤字预计将达到约300亿加元（约合225亿美元）。同时，加拿大政府希望通过加大基础设施建设和为中产阶级提供税务优惠政策来帮助提振经济。根据2016年预算案，加拿大政府从今年7月开始减少?</t>
  </si>
  <si>
    <t>产油国冻产预期升温  油价有望进一步反弹</t>
  </si>
  <si>
    <t>石油输出国组织（欧佩克）秘书长阿卜杜拉·巴德里近日表示，全球一些主要产油国将参加4月17日在多哈举行的会议，进一步商讨冻结石油产量的计划，并表示希望油价已经见底，今后继续温和上涨。分析认为，自部分主要产油国2月达成冻结石油产量的初步协议以来，国际油价已经大幅?</t>
  </si>
  <si>
    <t>今年碧桂园国内销售目标为1680亿元</t>
  </si>
  <si>
    <t>近日，碧桂园2015年度业绩发布会在香港举行。据该发布会披露，碧桂园2016年国内销售目标为1680亿元人民币，比2015年全集团合同销售额增长约20%。而这个目标不包括海外市场，目前碧桂园正在全力推进马来西亚与新加坡交汇处的城市级项目森林城市。碧桂园公布2015年度全年?</t>
  </si>
  <si>
    <t>美国学者看好中国稳增长政策</t>
  </si>
  <si>
    <t>“中国政府将今年经济增长预期目标设定为6.5%至7%的区间是一项战略决策，与去年7%左右的目标非常接近，表明中国政府希望释放出经济增长正在企稳的信号，告诉市场尽管中国经济增速有所放缓但仍然相当稳定。”美国智库布鲁金斯学会高级研究员杜大伟在与记者谈到中国经济时这样?</t>
  </si>
  <si>
    <t>促亚洲经济一体化应对增长乏力</t>
  </si>
  <si>
    <t>主题为“亚洲新未来：新活力与新愿景”的博鳌亚洲论坛2016年年会22日召开，与会专家建议，在亚洲经济明显放缓和贸易低迷的挑战下，更应该借助“一带一路”倡议和建设自由贸易区，加强亚洲经济一体化发展。作为博鳌亚洲论坛重要研究成果的《亚洲经济一体化2016年度报告》</t>
  </si>
  <si>
    <t>次贷危机后  美国如何调整房贷政策</t>
  </si>
  <si>
    <t>租客撤离、房屋待售、银行及实体经济大批人员失业，荣获第88届奥斯卡金像奖最佳改编剧本奖的《大卖空》，把2007年至2008年金融危机和泡沫经济时期发生的故事又带回观众眼前。美国康奈尔大学房地产教授刘鹏与笔者对话时谈到了这段历史。当年，美国利率长期持续下降，住房</t>
  </si>
  <si>
    <t>澜湄六国务实合作增添新动力</t>
  </si>
  <si>
    <t>澜沧江－湄公河合作（澜湄合作）首次领导人会议23日将在海南三亚召开。分析认为，澜湄合作机制将全面提升沿岸国家务实合作，缩小地区发展差距，促进中国－东盟关系发展，为区域合作和地区一体化建设作出积极贡献。中国、缅甸、老挝、泰国、柬埔寨、越南六国领导人23日将</t>
  </si>
  <si>
    <t>须对美国投资潜规则说“不  ”</t>
  </si>
  <si>
    <t>最近，大名鼎鼎的美国外国投资委员会(CFIUS)又搅黄了两笔中国投资。中资财团29亿美元购买飞利浦照明业务，遭到CFIUS的直接否决；清华紫光38亿美元入股美国西部数据公司，因为CFIUS介入主动中止交易。可以说，在中国对美国投资中，CFIUS扮演了“第一杀手”的角色。已经夭</t>
  </si>
  <si>
    <t>铁总扩大路局运价调整自主权</t>
  </si>
  <si>
    <t>记者从一家专业运输公司了解到，近日中国铁路总公司下发文件，进一步扩大铁路局运价调整自主权，直通运输运价自主下浮幅度由现在的15%调整为30%，煤炭运价下浮不超过20%的，由铁路局自主确定。业内人士表示，该文件是贯彻落实国家供给侧改革的要求，适应企业货主降低物流成本</t>
  </si>
  <si>
    <t>我国网络安全技术能力已跻身世界前列</t>
  </si>
  <si>
    <t>近日，北美地区最具影响力之一的信息安全大会 CanSecWest 2016在加拿大温哥华落下帷幕。中国安全技术军团在此次大会中成为最为耀眼的明星，不仅包揽了CanSecWest上的多个重要议题，还在该会议备受瞩目的Pwn2Own破解大赛上取得了最好成绩。来自360公司的Vulcan（伏尔甘）团队?</t>
  </si>
  <si>
    <t>“技术破冰”或推进东北出海口“政策解冻”</t>
  </si>
  <si>
    <t>从中国北方的机场或上海机场飞往欧洲、美洲的旅客都知道，航线并不是按照二维地图上画的直线距离飞越浩瀚的太平洋，而是向北越过俄罗斯甚至北极圈直奔欧洲或美洲的目的地，民航业称之为大圆航线，因为地球是椭圆的，越过北极圈的距离最短。国际海运也有类似的状况，北冰</t>
  </si>
  <si>
    <t>奥巴马“外交秀”推进美古经贸合作</t>
  </si>
  <si>
    <t>美国总统奥巴马当地时间20日下午抵达古巴首都哈瓦那，开启为期三天的国事访问。奥巴马是1928年以来首位访问古巴的美国在任总统。根据行程安排，奥巴马访问古巴行程包括参观哈瓦那老城区、与古巴领导人劳尔·卡斯特罗举行正式会谈、出席两国经济界人士的会议。此外，据新</t>
  </si>
  <si>
    <t>大疆创新拟在中日韩同步发售新型无人机</t>
  </si>
  <si>
    <t>消费级无人机公司大疆创新21日在北京宣布，即将在中日韩同步发售MG-1农业植保机，推进农业市场战略规划。据大疆创新介绍，MG-1农业植保机专为农村作业环境设计，实现了工业级的防尘、防水、防腐蚀，一体化内循环冷却系统将电机寿命延长三倍以上，八轴动力系统令其在单臂</t>
  </si>
  <si>
    <t>万达集团成国际足联顶级赞助商</t>
  </si>
  <si>
    <t>21日，万达集团宣布已与国际足联签订战略合作协议，万达成为中国首个国际足联顶级赞助商，协议有效期达15年。这也是国际足联自2013年与俄罗斯最大石油天然气公司达成协议以来签署的首个赞助协议。据了解，国际足联顶级赞助商级别将拥有使用国际足联及其举办的包括足球世</t>
  </si>
  <si>
    <t>德国出招为数字经济“提速”</t>
  </si>
  <si>
    <t>“德国酒店的网速太慢了……”日前，一些到汉诺威参加2016年消费电子、信息及通信博览会（简称汉诺威IT展）的中国参展商无奈地表示。笔者对此也颇有同感，住地网络传输质量不佳让视频稿件上传变得困难。一年一度的汉诺威IT展是全球IT行业的领军展会，基于云计算、大数据</t>
  </si>
  <si>
    <t>中美核安保示范中心利于推动核能和平利用</t>
  </si>
  <si>
    <t>3月18日，中国国家原子能机构与美国能源部共同建设的核安保示范中心投入运行。它是亚太地区乃至全球规模最大、设备最全、设施最先进的核安保交流与培训中心，可为亚太地区各国提供系统、全面的核安保教育培训。中美核安保示范中心的建成有何意义？“十三五”期间中国核?</t>
  </si>
  <si>
    <t>“十三五”能源规划有望上半年出台</t>
  </si>
  <si>
    <t>“‘十三五’能源规划正在紧锣密鼓制定，已经形成初稿，很快就征求意见，三四月份报到国务院，争取上半年出台。”国家能源局发展规划司何勇健副司长在3月19日中国电力企业联合会召开的“2016年经济形势与电力发展分析预测会”上透露说。根据2020年能源需求预测的基准方?</t>
  </si>
  <si>
    <t>谷歌拟出售机器人公司Boston  Dynamics</t>
  </si>
  <si>
    <t>近日美国谷歌旗下公司开发的“阿尔法围棋”4比1战胜韩国围棋名将李世石引发一轮人工智能热议。与此同时，据外媒报道，谷歌母公司字母表正计划出售旗下的机器人技术公司Boston Dynamics，原因是未来几年这家公司不太可能推出上市产品，从而难以盈利。据外媒报道，去年12?</t>
  </si>
  <si>
    <t>对供给侧改革的多维思考</t>
  </si>
  <si>
    <t>2010 年以来，以苹果产业链为代表的新供给引领美国经济反弹复苏，而中国经济却因太多产业处于供给成熟和供给老化阶段连续五年下行。尽管在各种新产品、新模式、新业态等新供给的引领下，中国经济即将触底回稳，但是供给结构老化依然是当前经济运行的主要矛盾。2015年11月10日</t>
  </si>
  <si>
    <t>“阿尔法狗”之后的科技征途</t>
  </si>
  <si>
    <t>经过五番棋激战，韩国围棋九段李世石败给了人工智能“阿尔法围棋”，由此引发了全球新一轮的思考和争论。人类今后的命运究竟掌握在谁的手中，地球未来的主宰是否易主，人类又如何面对人工智能的崛起？唯一可以肯定的是，无论几十年几百年之后超级人工智能系统对地球干了</t>
  </si>
  <si>
    <t>借道“一带一路”  长虹国际化再起航</t>
  </si>
  <si>
    <t>从1999年在印尼建立第一个海外办事处到今，长虹“出海”实施国际化战略已经走过17个年头。从做简单的出口创汇做贸易和OEM，再到海外投资建厂，长虹用了十多年的时间实现了产品、制造、技术及品牌层面上的“走出去”。2015年，长虹实现海外业务收入超过150亿元，遍布印度</t>
  </si>
  <si>
    <t>中国“落棋布子”人工智能</t>
  </si>
  <si>
    <t>在3月15日结束了最后一场比赛后，被昵称为“阿尔法狗”的谷歌AlphaGo最终以4比1的悬殊比分击败了韩国围棋国手李世石九段。毫无疑问，这是一次惊人的胜利，因为直到落子前的最后一刻，绝大部分人还是不相信人工智能可以在围棋这个“人类最复杂的游戏”上击败人类顶尖高手</t>
  </si>
  <si>
    <t>美联储维持利率不变  经济风险难料</t>
  </si>
  <si>
    <t>美国联邦储备委员会（美联储）16日宣布，维持联邦基金利率0.25%至0.5%不变。由于对经济风险程度判断存分歧，即使在通胀、住房市场持续改善的情况下，美联储加息的节奏也比其原计划放缓。美联储当天在货币政策例会结束后发表声明说，尽管近几个月全球经济增速放缓，金融?</t>
  </si>
  <si>
    <t>东芝发现新的利润虚增问题</t>
  </si>
  <si>
    <t>日本东芝公司16日宣布，经过调查，公司又发现了新的财务造假问题，虚增利润达58亿日元（约5100万美元）。东芝公司表示，本次涉嫌利润造假的时间在2010财年至2014财年，主要涉及通讯事业部及其他业务部门。东芝表示，涉案的40名雇员已经受到处罚，相关部门的高级管理人员</t>
  </si>
  <si>
    <t>SUV终于把轿车打趴了</t>
  </si>
  <si>
    <t>《SUV成了欧洲最畅销车型》，当近来欧洲媒体纷纷用这样的标题说事儿时，我们知道，SUV乱拳打倒了老师傅，最后一个“反SUV”大本营被彻底攻陷了。欧洲最畅销的车型向来是小型轿车和紧凑型轿车，但2015年欧洲新上牌的SUV占据了22.5%的份额（2014年是19.8%），一举超越小型</t>
  </si>
  <si>
    <t>欧佩克称供油过剩将加剧</t>
  </si>
  <si>
    <t>主要产油国间原定在20日举行的商讨减产会议可能推迟，令伊朗方面近期减产希望渺茫，石油输出国组织(欧佩克)14日发布报告预计今年油市供应过剩的局面将加剧。俄罗斯能源部长诺瓦克14日结束在德黑兰的会谈后表示，有关限制石油产量的全球性协议可能在4月签署，但伊朗应该?</t>
  </si>
  <si>
    <t>东芝拟将白色家电业务售予美的</t>
  </si>
  <si>
    <t>据日本媒体报道，深陷“会计门”丑闻的日本东芝公司拟向中国美的集团出售包括冰箱、洗衣机在内的白色家电业务。这是抛售医疗器械业务后，东芝推进大规模战略重组计划的又一重要举措。据《日本经济新闻》报道，东芝计划在今年夏季之前，出售全额出资子公司“东芝LifeStyl</t>
  </si>
  <si>
    <t>从博世看工业4.0日益具像化</t>
  </si>
  <si>
    <t>21世纪的“德国制造”亮点何在？工业4.0是答案之一。这个诞生于2011年汉诺威工业博览会的概念一直吸引着不少外国“取经者”。五年过去了，作为全球第四次工业革命的一个流派，也是德国十大“未来工程”之一，工业4.0在德国已从概念逐步走向现实。基于传感器、软件、服务</t>
  </si>
  <si>
    <t>美联储会议料将维持利率不变</t>
  </si>
  <si>
    <t>美联储16日将开启为期两天的货币政策会议，外界广泛预期美联储将维持指标利率不变。随着年初美国公布一系列回暖经济数据，6月份迎来再次加息的预期升温。市场预期在17日举行的新闻发布会上，美联储将宣布维持基准利率于0.25%至0.50%不变。当前全球经济低迷不振，贸</t>
  </si>
  <si>
    <t>爱尔兰助力中国金融业打开欧洲出口</t>
  </si>
  <si>
    <t>爱尔兰投资发展局中国区总监张哲伟近日在北京表示，爱尔兰在国际金融市场占据独特地位，希望能和中国金融企业加强交流合作，帮助中国金融企业在欧洲乃至国际市场快速拓展。上世纪80年代，爱尔兰凭借国际航空租赁业务的兴起，逐步晋升为欧洲金融服务业的代表之一。据介绍</t>
  </si>
  <si>
    <t>南非能否摆脱评级“紧箍咒”</t>
  </si>
  <si>
    <t>本周，南非将面临一次“大考”：国际评级机构穆迪将派出一个审核小组于3月16日至18日访问南非，以决定是否调降南非的主权信用评级。据南非国库委员会透露，审核小组将听取南非政府、私企、工会组织和民间团体等各方意见，审核南非的财政政策以及南非政府为稳定经济及恢?</t>
  </si>
  <si>
    <t>里约酒店价格为何如此离谱</t>
  </si>
  <si>
    <t>最近一位国内游客通过携程网预订了里约热内卢的某“平价酒店”，抵达后发现是个位于贫民窟的民宿，且各方面条件与预期相去甚远。该“酒店”费用为每晚200雷亚尔（1雷亚尔约1.8元人民币），这个价格在巴西其他城市也许能住得不错，但在里约却只能归入廉价行列。据巴西旅?</t>
  </si>
  <si>
    <t>供给侧改革的理论内涵及最新进展</t>
  </si>
  <si>
    <t>供给侧改革的概念一度受到学者和媒体的热捧，但却缺少统一的社会共识。1月26日中央财经领导小组第十二次会议上，习近平总书记提出五个“搞清楚”，明确了供给侧改革方案基本路径。供给侧改革的社会争议从去年中央财经领导小组第十一次会议首提“供给侧改革”，到中</t>
  </si>
  <si>
    <t>推进互联互通：构建亚洲新格局</t>
  </si>
  <si>
    <t>亚太地区是国际政治经济体系最为复杂和微妙的区域，是一个“嵌套、重叠的多边地区”，存在多重动态国际博弈。作为互联互通的枢纽国，中国已经在亚洲地区的互联互通建设中占据天然的核心地位，但是，整体而言，目前中国与周边地区的互联互通更多是分散化、碎片化以及应付</t>
  </si>
  <si>
    <t>日本央行继续放宽货币政策压力增大</t>
  </si>
  <si>
    <t>日本央行将于14日至15日举行为期两天的货币政策会议。有分析认为，在1月份推出负利率措施之后，日本央行很可能按兵不动。但仍有一些观点认为，近期经济数据不佳加之全球经济增长前景低迷，日本央行仍然有可能进一步下调利率。日本央行1月意外推出负利率政策，因此不少分</t>
  </si>
  <si>
    <t>经济学家：人民币在非洲国际化进程潜力巨大</t>
  </si>
  <si>
    <t>在南非、尼日利亚等非洲大国货币对美元汇率连续走低之际，非洲最大银行南非标准银行东非区首席经济学家吉卜兰·克莱施11日在内罗毕接受专访时表示，人民币“入篮”及其国际化进程将对非洲经济产生积极影响，助其降低贸易成本和汇率风险。克莱施说，非洲是中国商品的主要</t>
  </si>
  <si>
    <t>危机感推动美国车企加大科技投资</t>
  </si>
  <si>
    <t>美国汽车制造业巨头通用汽车、福特汽车日前分别公布新的发展策略，增加科技投入以提升自身在全球汽车市场的影响力。从全球汽车发展趋势上看，消费电子产业与汽车产业的结合日益密切，主要汽车制造商都在设法跟上消费电子快速发展的趋势，以此在激烈的市场竞争中取得领先</t>
  </si>
  <si>
    <t>欧洲央行放手一搏的利与弊</t>
  </si>
  <si>
    <t>从1.0%到0.1%，伴随着欧元区今年通胀预期急剧恶化，欧洲央行日前再度出手，常规与非常规货币政策工具并用，在全面调降欧元区三大关键利率的同时，宣布扩大资产购买计划（QE）规模并启动“第二代”定向长期再融资操作。欧洲央行打出的“三记重拳”超出预期。常规利率政策</t>
  </si>
  <si>
    <t>京东2015年亏损94亿元</t>
  </si>
  <si>
    <t>3月1日，京东公布了截至2015年12月31日的2015财年第四季度和全年业绩。财报显示，按美国通用会计准则计算（GAAP），2015年第四季度京东净收入为546亿元，同比增长57%；2015全年净收入为1813亿元，同比增长58%。但2015年第四季度京东亏损76亿元，全年亏损更是高达94亿元。</t>
  </si>
  <si>
    <t>欧盟要求西班牙修改预算降低赤字</t>
  </si>
  <si>
    <t>欧盟委员会9日要求西班牙采取措施降低财政赤字，以达到欧盟设定的赤字目标，同时还对另外五个国家的财政问题发出预警。欧盟9日对西班牙发出预警，要求其及时采取措施降低财政赤字，否则将可能面临处罚。欧盟还表示，欧元区的比利时、芬兰和意大利也可能达不到欧盟的预算</t>
  </si>
  <si>
    <t>从常用药品短缺现象谈医药价格改革</t>
  </si>
  <si>
    <t>2016年新年伊始，一种名为“优甲乐”的药品在很多城市断货，医院、药店和网上商城都很难买到，几乎是“一盒难求”。有的患者千方百计找到销售渠道，却发现药价已经翻了一倍，且限量供应。“优甲乐”是甲状腺功能减退患者的常用药，由德国默克雪兰诺公司生产。虽然是进口药，?</t>
  </si>
  <si>
    <t>脱欧是金融稳定最大风险</t>
  </si>
  <si>
    <t>英国中央银行行长马克·卡尼3月8日表示，脱离欧盟是英国金融业稳定面临的最大风险，6月23日脱欧公投带来的不确定性将会影响英国经济。不过卡尼强调，英国央行在脱欧问题上将保持中立。卡尼3月8日出席英国议会下院财政委员会举行的听证会时表示，就国内因素来说，脱离欧?</t>
  </si>
  <si>
    <t>“阿尔法围棋”首盘胜李世石  彰显人工智能崛起</t>
  </si>
  <si>
    <t>谷歌人工智能“阿尔法围棋”（AlphaGo）与韩国九段棋手李世石进行的五番棋人机对决3月9日在首尔拉开战幕。在当日进行的首盘比赛中，李世石投子认输。谷歌董事长兼首席执行官埃里克·施密特在比赛的前一天表示，这次对决无论哪方笑到最后，终究都是人类的胜利，人类的智慧又向</t>
  </si>
  <si>
    <t>智库发展需加强基础研究</t>
  </si>
  <si>
    <t>中共中央办公厅、国务院办公厅印发《关于加强中国特色新型智库建设的意见》以来，我国各地掀起了智库建设的热潮。今年1月美国宾夕法尼亚大学发布的《全球智库报告2015》显示，中国智库数量位居世界第二，拥有智库数量达435家。鉴于当前我国智库的迅速发展与积极创新，智库质?</t>
  </si>
  <si>
    <t>华尔街紧盯“两会”点赞中国</t>
  </si>
  <si>
    <t>“中国经济是绝对不会‘硬着陆’的，所谓‘硬着陆’的预言，一定会落空。”中国国家发展改革委主任徐绍史日前在十二届全国人大四次会议上的这一表述，在海外引起广泛关注。远在地球另一端的华尔街也在关注“两会”，很多交易员支持徐绍史的这一判断。美国金瑞基金首席投</t>
  </si>
  <si>
    <t>民资抱团出海融入“一带一路”</t>
  </si>
  <si>
    <t>中国民生投资股份有限公司（以下简称“中民投”）近期宣布斥资1亿元人民币，成立“一带一路”人才培养基金，为中国企业在印尼的发展落地提供本土化人才支持。此前，中民投宣布联合国内多家民营企业在印尼投资建设一个工业园区，投资金额约为50亿美元。作为“海上丝绸之?</t>
  </si>
  <si>
    <t>特朗普为何领跑共和党总统竞选阵营</t>
  </si>
  <si>
    <t>当纽约地产大亨、亿万富翁特朗普去年6月宣布参加2016年美国总统竞选时，几乎没人把这事儿当真。尽管过去几个月特朗普在多项民调中一直领先其他共和党总统竞选人，许多政治观察人士仍不相信特朗普会持续受到选民追捧；但在经历美国总统大选党内预选的“超级星期二”之后，凭借</t>
  </si>
  <si>
    <t>贸易摩擦开年密集发起20多起</t>
  </si>
  <si>
    <t>8日凌晨，中国商务部在网站对美制裁中兴通讯一事作出正面回应，表达强烈不满和坚决反对。当地时间3月7日，美国商务部在其网站发布消息，以违反美国出口管制法规为由将中兴通讯公司等中国企业列入“实体清单”，对中兴公司采取限制出口措施，中方对此表示强烈不满和坚决?</t>
  </si>
  <si>
    <t>美高院判决苹果电子书价格操控案败诉</t>
  </si>
  <si>
    <t>据外媒报道，美国高等法院7日驳回苹果公司对电子书价格操控案的上诉，仍然维持原判，这意味着此案终于了结，苹果需要支付4.5亿美元。美国高等法院维持了2013年纽约联邦法院的判决。根据当时的判决，苹果和五家书籍出版商一起推高了电子书的价格，违反了反垄断法，苹果初</t>
  </si>
  <si>
    <t>日本经济增长修正值跌幅收窄</t>
  </si>
  <si>
    <t>日本8日发布的经济增长修正值跌幅收窄。尽管以货币宽松政策领衔的“安倍经济学”被指效力不足，但市场仍期待日本央行等机构推出更强劲的刺激方案。日本内阁府在8日发布的去年第四季度实际国内生产总值（GDP）第二次修正值中，将当季经济增长率从此前的环比下滑0.4%上调?</t>
  </si>
  <si>
    <t>英国强化金融业高管追责制度</t>
  </si>
  <si>
    <t>英国一项旨在加强对金融业高管监管和问责的规章3月7日正式生效。根据新规，金融监管机构如果发现违规行为，惩戒措施将不止于涉事金融企业，而是要追责到这一企业的高管。业内人士透露，面对金融“严打”，一些金融企业的高管开始“不愿意当高级经理人”，或者尽可能让自己的?</t>
  </si>
  <si>
    <t>站在悬崖边上的巴西</t>
  </si>
  <si>
    <t>3月4日，巴西发生了一件震动全国的大事——前总统卢拉因涉嫌腐败被联邦警察强制带走问询，尽管三个多小时后就被释放，但这件事的意义却不可小视，巴西很可能因此已站在了悬崖边上。之所以这么说，是因为卢拉在巴西的地位极其特殊。他是巴西历史上第一位工人出身的总统，</t>
  </si>
  <si>
    <t>国家安全与个人隐私孰重孰轻</t>
  </si>
  <si>
    <t>苹果公司作为当今全球最大的智能手机生产商之一，其国际影响力毋庸置疑，公司的一举一动都被置于镁光灯之下，近期美国加州中区联邦法院的一纸裁决更是将苹果公司推到了风口浪尖。FBI想获取苹果手机用户个人信息美国加利福尼亚州中区联邦法官谢丽·皮姆于当地时间20</t>
  </si>
  <si>
    <t>历史最高赤字率凸显积极财政加力</t>
  </si>
  <si>
    <t>国务院总理李克强5日在政府工作报告中披露，2016年中国积极的财政政策要加大力度，拟安排财政赤字2.18万亿元，比去年增加5600亿元，赤字率提高到3%。多位接受《经济参考报》记者采访的代表委员和专家学者表示，这一碰触了欧盟所谓“3%的国际警戒线”的赤字率，创下新中国成立</t>
  </si>
  <si>
    <t>“印度制造”不如“印度营销”抢眼？</t>
  </si>
  <si>
    <t>今年2月，印度一家创业公司Ringing Bells因为声称将出售仅为251卢比（1卢比约合0.1元人民币）的“全球最便宜智能手机”而网红了一把。该公司称这款即将生产的3G手机是响应印度政府“印度制造”计划的一部分。但据印度当地媒体报道，这款手机的零配件将由台湾代工，仅在印度组</t>
  </si>
  <si>
    <t>万达11亿美元再购美连锁电影院</t>
  </si>
  <si>
    <t>近日，万达旗下AMC娱乐控股公司宣布将以11亿美元收购卡麦克影业（CarmikeCinemas）。据了解，Carmike拥有约2954块屏幕，AMC每股30美元的收购价较Carmike周四收盘价溢价约19.5%，成为全球最大连锁电影院。仅在2个月前，万达刚以不超过230亿元人民币收购美国传奇影业公司?</t>
  </si>
  <si>
    <t>巴斯夫或插手“陶氏杜邦”合并案</t>
  </si>
  <si>
    <t>据外媒报道，全球化工业巨头巴斯夫正在评估竞购杜邦的可能性。由于之前的2015年12月，杜邦和陶氏化学曾宣布两公司将以全股正式合并，巴斯夫此举可能阻碍该项合并，搅动全球化工业版图。英国《金融时报》报道称，巴斯夫聘用了德意志银行和花旗银行，开展与该交易有关的工</t>
  </si>
  <si>
    <t>全球多地负利率  市场增扭曲风险</t>
  </si>
  <si>
    <t>在日本央行宣布加入负利率大军后，以往在理论和实践上都属冷门的负利率政策近期成为热门政策。然而随着美国正处在加息轨道，发达国家货币政策分化加剧可能增加市场焦虑情绪，加之负利率政策本身带来的市场冲击，发达国家货币政策能否回归正常化面临挑战。负利率大军扩容</t>
  </si>
  <si>
    <t>资本看好中概股回归潮“钱景”</t>
  </si>
  <si>
    <t>近日，《经济参考报》记者统计美国证券交易委员会（SEC）公开信息发现，从2015年至今，已经有36家中概股公司收到私有化要约，除了4家公司完成退市、1家公司放弃私有化外，目前仍有31家公司的私有化正在有条不紊地进行中。值得注意的是，从已退市和已达成私有化协议的公司案例</t>
  </si>
  <si>
    <t>美国就业市场利好不断  美元指数继续上攻</t>
  </si>
  <si>
    <t>本周汇市的“压轴大戏”——美国2月非农就业报告将在周五晚间登场。受美国就业市场预期向好影响，美元指数后市仍有继续发起上攻的动力。美国1月非农就业报告显示新增岗位放缓幅度大于预期，但薪资上升及低失业率显示就业市场仍然坚稳。美国就业数据可能有助于缓和对美国</t>
  </si>
  <si>
    <t>中英经贸关系进入收获季</t>
  </si>
  <si>
    <t>中国商务部部长高虎城日前访问英国，与英国商业、创新和技能大臣贾维德在英国伯明翰市共同主持召开了中英经贸联委会第12次会议。此次联委会的召开是为了落实2015年10月中国国家主席习近平对英国进行国事访问期间两国领导人达成的重要共识和成果。双方就对接中国“?</t>
  </si>
  <si>
    <t>亚信安全被指或存安全隐忧</t>
  </si>
  <si>
    <t>亚信科技收购趋势科技在中国的业务后，新成立的亚信安全开始在国内网络安全领域攻城略地，业务迅速扩展至金融、医疗、电信运营以及交通等领域。近日，《经济参考报》记者采访中了解到，作为亚信安全的技术主要依托趋势科技，除了这家美国公司的主要安全引擎和数据分析服务中?</t>
  </si>
  <si>
    <t>美国“石油小镇”生存之道</t>
  </si>
  <si>
    <t>“油价总是有涨有跌，我们见得多了，”一身牛仔打扮的美国卢灵镇经济发展公司负责人特雷·贝利轻描淡写地说。油价从每桶140多美元一路跌到30美元左右，会对原油行业及依赖原油生存的人们有什么影响？日前记者来到位于休斯敦西部、传统的石油小镇卢灵寻求答案。从休</t>
  </si>
  <si>
    <t>积极应对“痛苦的变化”</t>
  </si>
  <si>
    <t>部分拉美国家落入了中等收入陷阱，其GDP结构变动上都有一个共同的特点，那就是在人均GDP达到1万美元的关键期时，工业占比下降过快，形成了所谓的第二产业空洞，导致了经济发展后继乏力。经济结构转换带来一定痛苦是不可避免的，任何国家和经济体都是如此。但是，怎样降?</t>
  </si>
  <si>
    <t>通胀再现负值  欧央行或进一步宽松</t>
  </si>
  <si>
    <t>最新数据显示，自去年9月以来，欧元区通货膨胀率又出现负值，引发市场对欧洲央行推出更多宽松货币政策的猜想，不过，也有分析认为，欧元区目前通缩风险不是很大。欧盟统计局2月29日发布的初步统计数据显示，欧元区2月份消费者物价调和指数（HICP）比去年同期下降0.2%，?</t>
  </si>
  <si>
    <t>王君：发展普惠金融需要划一条商业可持续边界</t>
  </si>
  <si>
    <t>世界银行东亚太平洋金融发展局前首席经济学家、中欧国际工商学院教授王君日前在参加由中国人民大学小微金融研究中心主办的“中国普惠金融专题讨论会暨《2015中国普惠金融发展报告绿皮书》发布会”时表示，近年来，在发展普惠金融方面，各级政府过多地关注直接提供金融产品，?</t>
  </si>
  <si>
    <t>降准首日  中间价结束“五连跌”</t>
  </si>
  <si>
    <t>来自中国外汇交易中心的最新数据显示，3月1日人民币兑美元汇率中间价报6.5385，较前一交易日中间价6.5452升值67点。这也是人民币中间价连续五个交易日下跌之后再次出现反弹。与此同时，在岸和离岸人民币对美元即期汇率也在短线下跌后全面回升。其中，离岸人民币最高升至6.540</t>
  </si>
  <si>
    <t>威朗制药股价重挫近20%</t>
  </si>
  <si>
    <t>据外媒报道，加拿大制药巨头威朗制药（Valeant）周一确认，正接受包括美国证监会在内的美国监管机构的多项调查，而国际评级机构穆迪也在周一宣布可能调降威朗制药评级，受此影响，该公司周一股价暴跌近20%。威朗制药2月29日发布简短声明称，正面临多起调查，包括来自美?</t>
  </si>
  <si>
    <t>黑田东彦为负利率申辩为何难服众</t>
  </si>
  <si>
    <t>日本央行行长黑田东彦在二十国集团（G20）财长和央行行长会议结束后表示，日本央行为尽快达成通胀目标（2%）而推行的负利率政策，已得到其他货币政策制定者的充分理解。但这只是黑田东彦的一面之词，其他经济体怎能放下心中的疑虑？英国央行行长卡尼在本次会议之前就曾?</t>
  </si>
  <si>
    <t>欧盟取消对我紧固件反倾销措施</t>
  </si>
  <si>
    <t>《经济参考报》记者29日从中国商务部获悉，欧委会已于27日发布公告称，根据WTO争端解决机构的相关裁决，决定自公告发布次日正式取消对原产于中国钢铁紧固件的反倾销措施，同时取消对自马来西亚转口紧固件的反规避措施。商务部条法司负责人29日对此表示欢迎，认为这是欧盟执行</t>
  </si>
  <si>
    <t>理性看待外储下降</t>
  </si>
  <si>
    <t>自去年8月11日中间价改革以来，市场上出现了较强烈的人民币单边贬值预期，为了维护汇率的基本稳定，央行不得不售出外汇，相应地外储也出现一定程度的缩减。实事求是地说，外汇储备规模比较大确实是国力的体现，既反映了一国的比较优势和产业竞争力，又确保了对外支付能力。但</t>
  </si>
  <si>
    <t>英国或面临新一轮预算紧缩</t>
  </si>
  <si>
    <t>G20会议刚刚落幕，会议达成不少书面成果，包括各国尽可能实施扩张性财政政策来刺激经济，但由于各国国情不同，尚有分歧。在英国，财政大臣奥斯本（Osborne）就在上海举行的G20财长和央行行长会议前警告称，英国3月份预算计划面临新一轮紧缩的可能。奥斯本表示，最新数据</t>
  </si>
  <si>
    <t>美企首季盈利预计将大幅下滑</t>
  </si>
  <si>
    <t>受油价暴跌和经济增长放缓等因素影响，华尔街分析师下调美国企业第一季度盈利状况的预期，即由微弱增长调降至大幅下滑。英国《金融时报》称，华尔街分析师今年初预计美国第一季度每股盈利将恢复增长，同比增幅0.6%，但目前已经把盈利预测下调至降低7.4%。对标普500成分?</t>
  </si>
  <si>
    <t>全球能源互联网重塑世界能源格局</t>
  </si>
  <si>
    <t>来自国家电网公司消息，2月25日，美国休斯敦，有“能源达沃斯”之称的剑桥能源周迎来电力日，中国国家电网公司董事长刘振亚所作的一篇题为《构建全球能源互联网 推动世界能源变革转型》的主旨演讲引起强烈反响。国际能源专家、剑桥能源咨询公司主席丹尼尔·耶金认为，全</t>
  </si>
  <si>
    <t>苹果力保数字隐私权与FBI僵持</t>
  </si>
  <si>
    <t>苹果公司在美国联邦调查局（FBI）要求其提供开机密码协助调查一案中，不愿配合，僵局仍未打破。苹果公司25日正式回应一名联邦法官所作的裁决，拒绝协助FBI解除一部智能手机的开机密码。公司向加利福尼亚州中部地区法院递交了一份申请书，要求法官谢丽·皮姆撤销2月16日?</t>
  </si>
  <si>
    <t>力奇先进清洁设备在华销售稳步上升</t>
  </si>
  <si>
    <t>对于很多家庭，吸尘器越来越成为日常生活不可或缺的一部分，一些消费者甚至开始用上了扫地机器人。但在工厂、机场等大型公共场所，这些消费级的产品显然无法满足需求，工业级的保洁工具则成为市场刚需。一家来自丹麦的企业对此钻研了上百年。日前，记者在上海市莘庄工业</t>
  </si>
  <si>
    <t>全球经济增长呈现放缓趋势</t>
  </si>
  <si>
    <t>国际货币基金组织（IMF）24日警告全球经济复苏“脱轨”风险加剧，有可能进一步放缓；呼吁二十国集团（G20）采取全面措施促进增长并降低风险，在维持货币宽松政策基础上，加大积极财政政策的力度。G20财长和央行行长会议将于26日至27日在上海举行，与会者将商讨如何推动?</t>
  </si>
  <si>
    <t>中医药合作成“一带一路”新亮点</t>
  </si>
  <si>
    <t>记者近日从甘肃省卫计委获悉，甘肃省与匈牙利联合创办的岐黄中医学院正式挂牌，这是甘肃在海外创办的第8个岐黄中医学院。记者获悉，中医药服务受到沿线民众认可，中医药合作成“一带一路”新亮点。记者获悉，匈牙利岐黄中医学院由甘肃省卫计委、甘肃中医药大学与匈牙利?</t>
  </si>
  <si>
    <t>探营“中国硅谷”：神州科技加速跑</t>
  </si>
  <si>
    <t>当人们还在热议Apple Pay开启支付新时代，中国领先的“刷脸”支付已被全球科技界认为是产业未来发展的趋势；当多国疾病防控机构还在为寨卡病毒发愁，中国生物医药研发企业早已实现了寨卡病毒的快速检测；当人们还在惊叹谷歌无人车“有自己的想法”，中国的人工智能技术也已经</t>
  </si>
  <si>
    <t>美国小区为何鲜有围墙</t>
  </si>
  <si>
    <t>在美国工作的时候，住所外面是一片小草坪，草坪外面就是马路，只隔着一道矮矮的篱笆，也没安装大门。如果在国内，安装大门是必然的，篱笆也会毫无悬念地被围墙所替代。我们住的是美国普通社区，如果是豪宅呢？其实情况也差不太多。以巴菲特住所为例，“股神”出生?</t>
  </si>
  <si>
    <t>国产手机新品争相斗艳MWC</t>
  </si>
  <si>
    <t>2016年世界移动通信大会（MWC）本周在西班牙巴塞罗那举行。围绕“移动即一切”这一主题，全球超过2000家参会企业在为期四天的展会中竞相展示最新产品、技术和解决方案。其中，中国手机制造商纷纷发布新款手机，成为本次大会的热点之一。乐视移动公司22日在此发布了全球?</t>
  </si>
  <si>
    <t>众智创业：从“人多势众”到“人少智众”</t>
  </si>
  <si>
    <t>在北京中关村，记者近日来到被业内称为“比哈佛还难进”的创业孵化器——微软创投加速器，一家名叫赛福基因的初创公司。想不到这家公司在中关村的团队只有寥寥几个管理人员。其余技术人才大都在美国。该公司负责人余伟师说：“我们这个项目团队整合了来自美国不同高校的</t>
  </si>
  <si>
    <t>伦交所与德交所为“联姻”频频接触</t>
  </si>
  <si>
    <t>经历两次挫败后，伦敦证券交易所与德意志交易所正为“联姻”进行第三次接触。若最终达成合并协议且监管机构放行，二者将缔造欧洲最大的证券交易所。目前伦交所与德交所的合并谈判尚处于初级阶段。根据双方意愿，两家交易所将以全股票方式进行合并，在新的交易所中，德意</t>
  </si>
  <si>
    <t>TTIP第12轮谈判争议声中重启</t>
  </si>
  <si>
    <t>欧盟和美国22日在布鲁塞尔开启“跨大西洋贸易和投资伙伴关系协定”（TTIP）第12轮谈判。和往常一样，谈判仍然在激烈反对声中开启，此轮谈判料将难以弥合主要分歧。这轮谈判长达一周。欧盟消息人士透露，在此轮谈判中，欧美谈判代表将探讨如何在汽车、制药、纺织等领域制</t>
  </si>
  <si>
    <t>专家称美国经济复苏基础并不牢固</t>
  </si>
  <si>
    <t>美国经济在美联储去年底启动加息之后表现出很大的不确定性，外界的看法在近两个多月里从视其为“繁荣的孤岛”转而成为全球投资者担心的“尾部风险”，甚至预期新一轮经济衰退正在临近。分析人士认为，当下美国经济表现在普遍疲弱的发达经济体中仍属抢眼，但是，全球经济</t>
  </si>
  <si>
    <t>股市跌跌不休  经济尚属平稳</t>
  </si>
  <si>
    <t>都说股市是经济的“晴雨表”，年初以来全球市场剧烈震荡，反映全球经济下行压力增大。但具体说到德国，相比经济基本面，股市缩水的程度显得“夸张”了。截至2月19日，德国股市DAX指数今年以来下挫近13%，但经济基本面并未出现明显恶化迹象。相反，根据德国央行2月份发布</t>
  </si>
  <si>
    <t>尼总统出访寻解低油价困局</t>
  </si>
  <si>
    <t>尼日利亚总统布哈里本周访问沙特阿拉伯和卡塔尔两国，商讨如何共同应对低油价困局。据尼日利亚官方报道，布哈里总统将对沙特和卡塔尔进行为期一周的访问，该国石油部长和石油公司负责人随行。尼日利亚官方发出的声明表示，布哈里总统在访问期间，将与其他石油输出国组织</t>
  </si>
  <si>
    <t>承认中国市场经济地位对欧盟影响有限</t>
  </si>
  <si>
    <t>近期，围绕中国“市场经济地位”问题，欧盟内部出现较大争议。所谓中国的“市场经济地位”问题，是指中国加入世界贸易组织议定书第15条规定，在反倾销调查中，倾销幅度的确定可以不以中国商品的实际成本数据为依据，而选择一个市场经济第三国的同类相似商品价格作为依据，即?</t>
  </si>
  <si>
    <t>中韩中澳自贸协定两月受惠货值达12亿元</t>
  </si>
  <si>
    <t>来自上海海关的统计显示，《中华人民共和国政府和大韩民国政府自由贸易协定》和《中华人民共和国政府和澳大利亚政府自由贸易协定》自2015年12月20日正式实施两个月来，共进口货物2063批，受惠货值12.4亿元，税款优惠3992.2万元。据上海海关统计，近两个月来，上海海关关</t>
  </si>
  <si>
    <t>业内预测5G标准将在今年出炉</t>
  </si>
  <si>
    <t>2月22日，2016年世界移动通信大会（MWC）在西班牙巴塞罗那拉开帷幕，包括华为、中兴、中国移动、爱立信在内的多家电信企业在本次大会上展示了全新5G应用技术。美国、欧洲、日韩等多家电信运营商则在会上宣布，将从2016年开始积极筹备5G网络测试，加速推进5G商用进程。会上，?</t>
  </si>
  <si>
    <t>伦敦市长放言脱欧  引发市场英镑急跌</t>
  </si>
  <si>
    <t>英国首相卡梅伦日前与欧盟达成欧盟改革协议，英国获得欧盟中的“特殊地位”，消息使英镑对美元汇率当日一度刷新日内新高。不过，伦敦市长约翰逊表态支持英国脱离欧盟，这对英国首相卡梅伦支持英国留在欧盟的呼吁构成打击。在亚洲交易时段，英镑遭受抛售。英镑对美?</t>
  </si>
  <si>
    <t>欧盟改革达共识  英国脱欧留悬念</t>
  </si>
  <si>
    <t>为期两天的欧盟峰会于当地时间19日落下帷幕。经过马拉松式的会谈，欧盟与英国19日晚就欧盟改革达成协议，同意英国在欧盟中享有“特殊地位”，而英国将于6月进行公投决定是否继续留在欧盟。连日来，英国和欧盟为达成这份协议展开了密集磋商。在长达30小时的谈判后，欧盟?</t>
  </si>
  <si>
    <t>中国企业海外并购热度不减</t>
  </si>
  <si>
    <t>海航集团日前宣布拟以60亿美元收购美国IT产品服务分销商英迈(Ingram Micro)，具体的收购协议由海航旗下天津天海投资发展有限公司达成，这是迄今中国企业收购美国IT公司最高金额纪录。这是中国企业全球“爆买”的又一例证。在海航宣布这单大手笔收购前两天，均胜电子15日</t>
  </si>
  <si>
    <t>沃尔玛最差业绩凸显美零售业寒冬</t>
  </si>
  <si>
    <t>近期数据显示，全球最大零售商美国沃尔玛出现至少自1980年以来的首个年度销售下跌，并预警销售前景依然黯淡。沃尔玛18日公布的财报显示，截止于1月31日，公司年度营收同比下滑0.7%至4821亿美元；净利润同比下降7.2%至147亿美元。沃尔玛上一财年第四财季营收同比下降1.4%</t>
  </si>
  <si>
    <t>钢铁业在需求下滑中改革求变</t>
  </si>
  <si>
    <t>欧洲5000多名钢铁业者15日在比利时布鲁塞尔欧盟总部外举行游行，抗议来自中国的廉价进口钢材，并警告欧盟不要承认中国的市场经济地位。全球经济增长颓靡，导致全球钢铁市场持续供大于求。而受到相对较高币值的影响，欧洲钢铁基本已经无法与其他国家竞争，大规模游行将中国钢?</t>
  </si>
  <si>
    <t>美元走低推动金价持续上涨</t>
  </si>
  <si>
    <t>在过去的一周，国际黄金市场上美元走低推动金价继续上涨。19日当天，美元对多数主要货币汇率指数下行，推动以美元计价的黄金期货连续3个交易日走高，国际油价回落也给金价上涨提供了支持。然而，美国最新公布的通胀数据意外上扬，在一定程度上抑制了金价上扬的幅度。美?</t>
  </si>
  <si>
    <t>青海拉面服务中心：从作坊式到规模化的“拉面经济学”</t>
  </si>
  <si>
    <t>当你走进路边一家“兰州拉面馆”就餐时，其实很可能身处一名青海人开的餐馆。1988年，青海化隆人打着“兰州拉面”的招牌在厦门市开了第一家拉面馆。以此为发端，来自青海省东部的拉面经营者纷纷效仿，闯遍了我国大江南北，相关产业几乎覆盖中东部及沿海地区的所有市、县。目?</t>
  </si>
  <si>
    <t>欧盟峰会在即  英“退欧”阴霾不散</t>
  </si>
  <si>
    <t>在18日举行的欧盟峰会上，英国是否退出欧盟成为主要议题。许多商业团体和机构表示，如果“退欧”接近现实，对英国经济将产生巨大负面影响，外汇市场也将出现动荡。欧盟极力挽留欧盟委员会主席容克16日明确指出，欧盟在处理英国退欧的问题上没有“B计划”，英国将留</t>
  </si>
  <si>
    <t>职工住房公积金存款利率上调为一年1.5%</t>
  </si>
  <si>
    <t>记者17日获悉，经国务院同意，近日中国人民银行、住房城乡建设部、财政部印发《关于完善职工住房公积金账户存款利率形成机制的通知》（银发〔2016〕43号），决定自2月21日起，将职工住房公积金账户存款利率，由现行按照归集时间执行活期和三个月存款基准利率，调整为统一按一</t>
  </si>
  <si>
    <t>苹果拟发行120亿美元公司债</t>
  </si>
  <si>
    <t>据外媒报道，苹果公司拟发行最多十类，额度不超过120亿美元的企业债券。这一消息为沉寂数周的美国债券市场注入活力。据悉，苹果公司拟发行的债券将以定息和浮息计算，年期从2年至30年不等。苹果公司表示，发行债券所得资金将用作回购股份或作为股东的回馈。苹果公司的债</t>
  </si>
  <si>
    <t>英国脱欧的经济账</t>
  </si>
  <si>
    <t>英国首相卡梅伦日前宣布英国脱欧公投可能提前到今年夏天举行。对此，不管是政界还是商业的领袖们都不淡定了，纷纷表示“若英国脱欧，后果很严重”。那么，英国脱离欧盟会付出什么样的经济代价呢？首先，若英国脱离欧盟，英镑将受到挤兑。对于一个需要填补巨额海外?</t>
  </si>
  <si>
    <t>人民币汇率走向有管理的浮动</t>
  </si>
  <si>
    <t>在2016年的第一周，央行放松了对于汇率的干预，人民币汇率波动骤然加剧，兑美元汇率一周的贬值幅度达1.5%。无论从人民币汇率指数的公布，还是央行官员的表态来看，央行有意改变人民币汇率软钉住美元的政策意图已经非常清晰。目前人民币汇率管理方式已经开始转向新加坡货币当?</t>
  </si>
  <si>
    <t>“负利率”恐无助日本复苏</t>
  </si>
  <si>
    <t>2016年年初日本央行推出的“负利率政策”已于16日正式生效。作为日本央行多轮量化宽松货币政策的延续，“负利率”这一极度宽松货币刺激措施的出台，被市场普遍认为是“失败之举”，恐怕也会与此前多轮货币刺激措施一样难以达到预期目的，无法推动形成内生经济增长动力。</t>
  </si>
  <si>
    <t>限制“复原乳”  还乳业生产消费“鲜”核心</t>
  </si>
  <si>
    <t>由于受进口乳制品低价冲击以及新西兰、欧洲等国家和地区廉价进口奶粉诱惑，我国一些乳品企业开始改用进口奶粉作为乳制品原料。有专家认为，这种情况一方面直接冲击我国奶牛养殖业，另一方面也背离了乳制品的营养价值发展方向，不利于我国乳业健康发展。建议适度限制利用进口?</t>
  </si>
  <si>
    <t>壳牌收购BG  成全球最大天然气公司</t>
  </si>
  <si>
    <t>荷兰皇家壳牌集团日前完成了约530亿美元收购英国天然气集团（BG）的交易，成为全球最大液化天然气公司。分析人士表示，当前疲弱的油气价格给这家公司未来数年的交割过程带来不确定性。壳牌首席执行官范伯尔登15日在巴西表示，这是值得纪念的一天，完成收购后，新公司将?</t>
  </si>
  <si>
    <t>亚马逊“一小时配送”与顺丰快递“春节捞金”</t>
  </si>
  <si>
    <t>中国的春节已不单单是回家团聚，消费也成为伴生的最活跃市场活动。一方面是旅游市场爆棚，仅春节七天，北京旅游人数达918.6万人次、大陆居民访台人数达4.5万人次，其他还有日本、泰国、韩国、澳大利亚等十余个国家也均创历史新高。国家旅游局数据显示，今年春节旅游市场总体?</t>
  </si>
  <si>
    <t>经济再下行  “安倍经济学”恐失效</t>
  </si>
  <si>
    <t>日本内阁府15日公布的数字显示，去年第四季度日本国内生产总值（GDP）环比下滑0.4%，按年率计算下降1.4%。低于预期的数据当日虽然没有打压市场，但分析人士指出，日本政府推行的刺激政策面临失效风险。内需疲软拖累经济下行数据显示，去年第四季度日本内需持续疲软</t>
  </si>
  <si>
    <t>法国坚信中国经济不是“纸糊的”</t>
  </si>
  <si>
    <t>法国大报《回声报》日前报道说，中国经济“不会像纸糊的房子一样坍塌”，其对中国经济的信心洋溢于字里行间。梳理今年以来的法国舆论可以推断，《回声报》的声音俨然是法国社会当前评价中国经济的主流基调。法国各界注意到中国经济目前面临多重困难，但普遍认为没必要对</t>
  </si>
  <si>
    <t>自由港麦克默伦出售Morenci13%股权</t>
  </si>
  <si>
    <t>全球最大铜金矿开采商自由港麦克默伦（Freeport-McMoRan）15日宣布，已经就向日本住友金属矿山株式会社出售旗下美国亚利桑那州Morenci铜矿13%股权达成最终协议，交易作价10亿美元，将以现金支付。这笔交易预计于今年年中完成，具体时间仍取决于监管当局的审批进度。交易</t>
  </si>
  <si>
    <t>全球金融动荡凸显复苏维艰</t>
  </si>
  <si>
    <t>自2月6日以来，日本、法国、韩国股指持续下跌超过11%、4.9%、4.3%。韩国创业板触发8%的熔断机制，恒生指数刷新三年低位，美国股指一度跌幅接近3%。新兴市场股市中印度、俄罗斯股市下跌幅度一度超过6%。而英国、美国、加拿大、德国10年期国债收益率大幅度下行，黄金价格突破12</t>
  </si>
  <si>
    <t>消费“肥水回流”亟须创新供给能力</t>
  </si>
  <si>
    <t>据报道，今年春节约有600万中国人选择离开家门，在境外过传统节日。受中国游客欢迎的旅游目的地依次是泰国、日本、韩国。数据还显示，2015年中国游客在境外消费约1.2万亿元，继续保持世界主要旅游消费群体称号。网民认为，春节出境游已成为新时尚，这是旅游消费转型升级</t>
  </si>
  <si>
    <t>中企海外并购投资将持续增长</t>
  </si>
  <si>
    <t>中国化工集团公司3日宣布愿以约430亿美元收购瑞士农业化学和种子公司先正达，有望创下有史以来中国企业最大海外收购。同日，先正达在官网发表公报称，公司董事会成员已就此项收购提议共同签署协议，认定该交易符合公司全体股东利益，并向股东一致推荐这项收购计划。业界机构?</t>
  </si>
  <si>
    <t>未来商业科技的十二个关键词</t>
  </si>
  <si>
    <t>凯文·凯利，绰号KK，美国最著名科技杂志《连线》创始主编、硅谷精神教父。他在1994年出版的《失控》中，提出“人与科技的融合”的洞见；在2011年出版的《科技想要什么》中，进一步延伸出科技是“第七种生命形态”的观点，并创造“技术元素”这个新词，预言了包括创造大脑在?</t>
  </si>
  <si>
    <t>韩国加码刺激措施维稳经济</t>
  </si>
  <si>
    <t>韩国政府3日宣布将加大经济刺激措施规模，包括将第一季度财政支出扩大21.5万亿韩元(约合174亿美元)，希望在油价持续下滑以及主要经济体需求骤降的背景下维持经济复苏势头。据韩联社报道，这些举措包括将第一季度公共支出规模提高6万亿韩元，并使第一季度政策贷款投放增?</t>
  </si>
  <si>
    <t>PPP扎根中国须培育投资人市场</t>
  </si>
  <si>
    <t>从2013年开始准备到现在，政府与社会资本合作（PPP）在中国的发展已走过了第三个年头。三年来“签约率低、落地难”等质疑成为PPP不可言说之痛。笔者认为，在各项需要解决的问题中，一个关键但容易被忽视的问题是培育成熟的投资人市场。毋庸置疑，PPP作为借鉴于英国等发?</t>
  </si>
  <si>
    <t>美国总统候选人的营销策略</t>
  </si>
  <si>
    <t>美国中西部的艾奥瓦州于2月1日举行了2016年总统选举首场党内预选，打响2016年美国总统大选的第一枪。在这场充满悬念、竞争日益白热化的选战中，以竞选集会、拜访选民、广告宣传、竞选筹款为主要内容的政治营销正成为民主、共和两党总统候选人争夺选民和捐款者支持的重头戏。$</t>
  </si>
  <si>
    <t>Whatsapp用户数量超过10亿  盈利模式仍未知</t>
  </si>
  <si>
    <t>据外媒报道，美国脸谱公司旗下的智能手机即时通讯软件Whatsapp1日称，全球用户数量已经超过10亿，比两年前被脸谱收购时增长超过一倍。但分析指出，Whatsapp目前仍在多个市场面临激烈竞争，同时如何获利也尚未找到理想的答案。脸谱创始人马克·扎克伯格1日在其社交网络脸</t>
  </si>
  <si>
    <t>甩挂运输是实现货运现代化前提</t>
  </si>
  <si>
    <t>甩挂运输是指牵引与载重分离，公路货运由牵引车与拖车两部分组成，牵引车可以拖带半挂车、全挂车，可以牵引换挂不同的拖车的一种运输方式。北美、欧洲物流总成本占GDP的比例是7%-9%，中国物流总成本占GDP的比例是的16%-18%。北美、欧洲是如何降低物流成本的？其中一个重</t>
  </si>
  <si>
    <t>英欧协议未果  脱欧谈判将延长</t>
  </si>
  <si>
    <t>英国首相卡梅伦与欧洲理事会主席图斯克1月31日晚在伦敦就欧盟改革、英欧关系举行会谈，双方未达成协议。英国“退欧”虽存在可能性，但许多投资者对英国投资前景持谨慎态度。卡梅伦与图斯克当天在英国首相府出席工作晚餐并商议调整英国与欧盟关系的具体举措。图斯克会后?</t>
  </si>
  <si>
    <t>负利率效应推高日本股市</t>
  </si>
  <si>
    <t>日本上周意外实施负利率，提振了股票市场风险投资情绪。日本股市2月1日收高，且交易量涨至近一个月高位。日本央行采取负利率的决定激发了许多买盘，提振了地产股，股市也因此受益。三井不动产大涨7.5%，住友不动产劲升6.0%。因负利率将损及银行业利息收入，银行类股再度下跌?</t>
  </si>
  <si>
    <t>全球股市会否应验“一月效应”</t>
  </si>
  <si>
    <t>得益于日本央行突然宣布“负利率”，从东京到伦敦再到纽约，终于在一月最后一个交易日普涨，但改变不了今年头一个月全球股市惨跌的大局。假如华尔街流传的“一月效应”仍然有效，等待全球投资者的将是黯淡的收场。所谓“一月效应”，流传于华尔街并辐射到其他金融市场，</t>
  </si>
  <si>
    <t>“再全球化”背景下的中国供给侧改革</t>
  </si>
  <si>
    <t>第四季度美国经济领域最大的事件就是TPP协议达成和美联储启动加息进程，这分别标志着美国经济“再全球化”战略和美国经济政策常态化的开启。从“三去”框架来看，2016年的中国经济将同时面临产出增速放缓和资产价值下降的双重压力，实体经济和金融市场的风险出现叠加，?</t>
  </si>
  <si>
    <t>日本央行“负利率”恐只具象征意义</t>
  </si>
  <si>
    <t>日本央行本月29日召开货币政策会议，首次决定推行民间银行向央行存款时需支付每年0.1%手续费的“负利率”政策。有分析认为，日本央行此举不仅显示该国经济目前面临严重困境，也凸显日本央行在经济难题面前缺乏有效手段，将给金融市场带来一定的波动性。笔者认为，“负利率”?</t>
  </si>
  <si>
    <t>宽松预期笼罩  多国央行本周议息</t>
  </si>
  <si>
    <t>澳大利亚、英国、印度、泰国等国的央行本周将相继举行货币政策会议，因1月29日日本央行（日本银行）突然宣布实施“负利率”，力图继续推升通胀并打压汇率。分析师普遍预计，此举将对其他经济体构成降息压力，而货币宽松预期将主导全球市场。日本央行掷出“负利率”</t>
  </si>
  <si>
    <t>金融风险是全球面临的共同挑战</t>
  </si>
  <si>
    <t>从经济数据看，2016年全球真实GDP增速可能低于3.5%，全球贸易增速可能低于3%，新兴市场经济体普遍放缓，发达国家对全球经济增长的贡献将继续超过新兴市场国家。2016年中国经济增速可能下滑到6.5%—6.7%。发达经济体的亮点仍是美国。预计美国2016年经济增速2.5%左右，失?</t>
  </si>
  <si>
    <t>美国就业回暖难掩经济窘态</t>
  </si>
  <si>
    <t>美国商务部日前公布的初次预估值显示，2015年第四季度美国实际国内生产总值（GDP）按年率计算增长0.7%，较前一季度2%的增速大幅放缓，但同期美国就业增长表现亮眼，成为美联储在去年年底宣布开启加息进程的重要依据。去年全年美国经济增长2.4%，增速与2014年一致。为何?</t>
  </si>
  <si>
    <t>提高新兴市场国家国际经济话语权</t>
  </si>
  <si>
    <t>编者按：国际货币基金组织（IMF）27日宣布，IMF2010年份额和治理改革方案已正式生效，约6%的份额将向有活力的新兴市场和发展中国家转移，中国份额占比将从3.996%升至6.394%，正式成为仅次于美国和日本的IMF第三大股东，而IMF执董会成员也将首次全部由选举产生。这标志着</t>
  </si>
  <si>
    <t>轻资产转型  万达文化帝国浮出水面</t>
  </si>
  <si>
    <t>王健林正带领万达开始第四次转型。万达作为中国地产行业的龙头企业，过往以商业地产为核心业务，如今要转型为轻资产模式。电影或只是个开始。近日，万达集团宣布将以不超过35亿美元现金（约230亿元人民币）收购美国传奇影业公司引起了业内一片哗然。一方面，这是迄今为止中国</t>
  </si>
  <si>
    <t>亚洲市场“空”影浮现</t>
  </si>
  <si>
    <t>进入2016年，在大宗商品市场下跌浪潮仍未平息之时，全球股市及外汇市场又一再经历大幅波动，金融市场动荡不安，引发投资者避险情绪上升。亚洲市场更是遭遇空头骚扰，上演了一幕多空厮杀。今年以来，国际油价跌幅已经接近30%。1月20日更是跌破每桶27美元，创近13年最低价</t>
  </si>
  <si>
    <t>美联储今年或仅加息一至两次</t>
  </si>
  <si>
    <t>美国联邦储备委员会27日宣布维持联邦基金利率不变，同时表示美国经济增长在去年年底有所放缓，并暗示对于全球经济疲弱的形势感到担忧。美联储公开市场委员会的十位委员当天均一致投票赞成暂不加息，将联邦基金利率继续维持在0.25%至0.50%的区间，货币政策立场依然宽松。</t>
  </si>
  <si>
    <t>建设一流金融企业  增加国际话语权</t>
  </si>
  <si>
    <t>在2008年爆发国际金融危机以来，中国银行业金融机构在海外布局的步伐明显加快，但是，与西方发达国家长期国际化经营的金融机构相比，我国金融机构的海外业务总体上起步较晚，境外资产占比仍然较低，在国际金融市场的竞争力与话语权不足，在国外经济社会中的影响力比较有限。?</t>
  </si>
  <si>
    <t>韩机构：韩国今年有望成中国第二大贸易国</t>
  </si>
  <si>
    <t>27日，作为中韩自由贸易协定（FTA）正式签订后的重要后续活动之一，2016年韩国投资环境说明会在上海举行。大韩贸易投资振兴公社（KOTRA）中国本部总代表郑光泳表示，韩国是唯一与中国、美国、欧盟等G3国家均签订FTA的国家，韩国FTA经济领土在全球GDP中的占比为73.5%，韩中FTA</t>
  </si>
  <si>
    <t>置身做空喧嚣  中国缘何淡定</t>
  </si>
  <si>
    <t>这几天，国际资本市场阴霾密布，有人高调唱空中国经济，有人叫嚣做空亚洲市场。投机者就像嗅到了血腥的秃鹫，兴奋异常。作为主要利益攸关方，中国政府却显得不慌不忙，继续专注于供给侧结构性改革。中国何以有如此大的底气和定力？原因很简单：做空者活在过去，中国却在把握?</t>
  </si>
  <si>
    <t>摩根大通与雷曼兄弟达成14.2亿美元和解</t>
  </si>
  <si>
    <t>据外媒报道，美国摩根大通已经同意向雷曼兄弟控股公司的剩余实体支付14.2亿美元的和解金，以便了结与雷曼兄弟破产有关的大多数诉讼。摩根大通是雷曼兄弟主要的债权人之一，是雷曼兄弟获得短期资金的主要来源。26日公布的文件显示，这宗和解包括雷曼兄弟对摩根大通提起的</t>
  </si>
  <si>
    <t>世行调降37种大宗商品价格预测</t>
  </si>
  <si>
    <t>世界银行在最新一期《大宗商品市场前景》报告中，对其观察的46种大宗商品中的37种调降了价格预测。其中，将2016年原油价格预测从去年10月预测的每桶51美元调低至每桶37美元，并预计铁矿石有可能成为今年价格下降幅度最大的金属。世行报告认为几乎所有主要大宗商品价格指</t>
  </si>
  <si>
    <t>海尔并购GE家电何以一帆风顺</t>
  </si>
  <si>
    <t>海尔豪掷54亿美元并购美国通用电气(GE)的家电业务，对海尔的国际化无疑有着深远的意义。这笔迄今为止中国企业在美国最大的并购交易，能顺利通过也实属不易。但这次并购背后的一些细节，值得反复思考，有些更显得意味深长。首先，从交易数据看，海尔这次花了54亿美元，但</t>
  </si>
  <si>
    <t>中国不会发生经济危机和衰退</t>
  </si>
  <si>
    <t>2015年宏观经济数据公布之后，很多人对中国经济下行趋势表示担忧，有人甚至把中国目前的经济状况与1998年亚洲金融危机作对比。认为中国即将爆发金融危机。还有的人担忧经济下行和经济结构改革会导致严重的失业问题。那么，究竟会不会发生失业和经济衰退呢？经济减速与人</t>
  </si>
  <si>
    <t>德拉吉力挺宽松货币坚守通胀目标</t>
  </si>
  <si>
    <t>油价不断下滑，拖低通胀水平，通缩风险成为全球主要央行目前面临的最大难题之一。面对外界不断高涨的质疑声，欧洲央行行长德拉吉25日再次力挺宽松货币政策，助推通胀率向目标水平回升。德拉吉当日在德国的一场演讲中表示：“实现（通胀）目标关乎（欧洲央行）公信力。如</t>
  </si>
  <si>
    <t>油价下跌令韩国贸易条件改善</t>
  </si>
  <si>
    <t>据韩国媒体报道，油价暴跌重挫产油国经济，但是韩国的商品贸易条件却因此大幅改善。韩国银行25日发布数据显示，去年韩国平均商品贸易条件指数为99.97，比2014年的89.94上升了11.2%，这也是自基准年度2010年以来的最高数值。2012年以来，韩国商品贸易条件指数呈上升趋势?</t>
  </si>
  <si>
    <t>不能高估美国加息空间  不能低估中国降息压力</t>
  </si>
  <si>
    <t>日前，中信证券全球首席经济学家彭文生在2016股指与国债期货投资报告会上作了题为《2016宏观经济解读与大类资产配置》的主题报告。他认为，2016年有两大关键问题值得关注，一是美联储加息幅度有多大？二是人民币汇率多快速度与美元脱钩？彭文生在演讲中着重论述了金融周期对?</t>
  </si>
  <si>
    <t>德银预期创纪录亏损  或大幅削减员工奖金</t>
  </si>
  <si>
    <t>德意志银行预计将出现创纪录年亏损额，该行员工奖金可能面临大幅削减。受到大宗商品市场暴跌等影响，欧洲主要金融机构的员工奖金也面临大幅缩水风险。路透社援引三名熟知内情的消息人士表态，德意志银行受到减计、诉讼费用、重整成本及艰难的交易情势影响，预期年度亏损</t>
  </si>
  <si>
    <t>收费繁多推高社会物流成本</t>
  </si>
  <si>
    <t>目前我国社会物流成本仍维持在较高水平，数据显示，企业物流成本占销售额的比例，中国为20%~40%，发达国家在9.5%~10%；社会物流成本占GDP的比重，中国为18%，美国是8.5%。这成了影响国民经济转型升级、提质增效的重要制约因素。其中，各种名目的收费和罚款是阻碍市场公平竞争</t>
  </si>
  <si>
    <t>法国经济进入“紧急状态”？</t>
  </si>
  <si>
    <t>近日，一些媒体报道说法国总统奥朗德宣称法国经济“处于紧急状态”。这些报道缘于奥朗德几天前在一次公开演讲中说：“面对不确定的经济形势和居高不下的失业率，一种紧急的经济和社会状态值得注意。”真相究竟是什么？下面说说法国经济的真实基本面。虽然法国2015?</t>
  </si>
  <si>
    <t>加拿大地方政府发行30亿熊猫债券</t>
  </si>
  <si>
    <t>加拿大不列颠哥伦比亚省近期在中国国内债券市场发行首支熊猫债券。随着人民币国际化和中国资本市场创新进程的不断推进，熊猫债券的发行近期明显呈现升温态势。不列颠哥伦比亚省21日在中国国内债券市场发行首支熊猫债券。这支利率为2.95%的三年期熊猫债券募集资金总额达?</t>
  </si>
  <si>
    <t>市场预期美联储将延后二次加息</t>
  </si>
  <si>
    <t>美国联邦储备委员会将于26日至27日举行货币政策会议，公布最新决议。市场预期鉴于全球金融市场动荡、美国经济数据波动等因素，美联储将软化收紧货币政策的语气，推迟第二次加息时点。自今年年初以来，全球金融市场大幅下跌，多家机构的全球指数显示全球股市自去年高点跌</t>
  </si>
  <si>
    <t>报告称中企国际传播力整体偏弱</t>
  </si>
  <si>
    <t>中国传媒大学广播电视研究中心联合国家语言资源监测与研究有声媒体中心，日前在京发布《中国企业国际传播力（2015）》。报告指出，2015年中国企业国际传播力整体偏弱，表现在近半数（44%）的企业全年英文新闻提及量低于100次，八成以上的相关英文新闻转载量为零，BAT（百度、</t>
  </si>
  <si>
    <t>品友互动：大数据营销中的“滴滴打车”</t>
  </si>
  <si>
    <t>曾是宝洁公司市场部经理，又在麦肯锡咨询公司任品牌行销高级顾问的黄晓南，在2006年赴美国时看到了互联网技术及大数据颠覆广告业的机会后，回国创业成立了品友互动信息技术有限公司，并担任CEO。黄晓南的想法是，改变传统按广告位售卖的方式，让互联网广告从传统“广告?</t>
  </si>
  <si>
    <t>美元延续震荡走势  加元一度大涨百点</t>
  </si>
  <si>
    <t>据本周公布的一份政府报告称，受到大宗商品价格暴跌的影响，美国2015年12月消费者物价指数（CPI）下滑，远不及美联储2%的目标位。美联储下次升息的时间延后恐“板上钉钉”。尽管美国经济数据表现不尽如人意，但美元指数波动不大，依然于99关口附近来回震荡。美国劳工部?</t>
  </si>
  <si>
    <t>中国与海合会致力于年内达成FTA</t>
  </si>
  <si>
    <t>中国商务部网站21日消息，中国商务部和海湾阿拉伯国家合作委员会秘书处19日共同宣布，中国和海合会已于17日恢复自由贸易协定谈判，并将加快谈判节奏，以期在2016年年内达成一份全面的自由贸易协定。双方共同发表的联合新闻稿说，双方于19日原则上实质性结束货物贸易谈判</t>
  </si>
  <si>
    <t>巴西经济今明年还得苦熬</t>
  </si>
  <si>
    <t>国际货币基金组织（IMF）19日发布了《世界经济展望》报告，预计今年巴西经济将出现3.5%的衰退，比前值大幅下调两个百分点。更令人忧虑的是，报告还预测巴西经济明年仍将停滞不前。在过去的2015年，关于巴西我们几乎没听过什么好消息：经济连续两年衰退，为1930年来首次?</t>
  </si>
  <si>
    <t>2015年在美中资企业表现活跃投资多元</t>
  </si>
  <si>
    <t>美国中国总商会（CGCC)19日发布报告显示，中企投资美国愈发务实，在美中企更加注重开发市场、吸收管理经验等，但中企仍然面临劳动成本高、文化差异大、签证和移民政策障碍、管理人才短缺和法律规定不清等主要挑战。美国中国总商会19日在纽约发布了《2015在美中资企业年?</t>
  </si>
  <si>
    <t>欧央行或按兵不动  再宽松预期延宕</t>
  </si>
  <si>
    <t>欧洲央行21日将举行议息会议并宣布最新利率决议，市场普遍预计该行将维持利率不变，由于油价低迷导致通胀率预期在低位徘徊，其承诺加大宽松力度的货币政策可能至少延后到年中。路透社本周调查显示，受访的货币市场交易员中，有超过半数认为欧洲央行未来六个月不大可能进</t>
  </si>
  <si>
    <t>“恐袭”成全球旅游业新痛点</t>
  </si>
  <si>
    <t>根据隶属于联合国的世界旅游组织18日公布的数据，2015年全球出境游客增加4.4%，达到创纪录的11.8亿人。尽管趋势向好，但恐怖袭击正在成为全球旅游业的最大威胁。进入2016年之后，恐怖袭击事件在全球接连发生，多国旅游业已经发出预警信号。世界旅游组织指出，受2008年全</t>
  </si>
  <si>
    <t>海尔54亿美元买到了什么</t>
  </si>
  <si>
    <t>中国海尔集团与美国通用电气（以下简称GE）1月15日在美国签署合作谅解备忘录。其中，最大的看点是由青岛海尔股份有限公司出资并购GE的家电业务。海外并购并不是件新鲜事，前些年比较有影响的并购案例就是海尔对日本三洋和新西兰斐雪派克家电业务的并购。就并购对象而言，这一</t>
  </si>
  <si>
    <t>达沃斯论坛求解全球经济困局</t>
  </si>
  <si>
    <t>国际货币基金组织总裁拉加德是达沃斯论坛上一位语出惊人、掷地有声的常客，她曾阐释过全球经济正面临三个“R”——复苏（Recovery）、风险（Risk）以及重设（Reset），也曾呼吁各国采取积极措施，避免经济增长的“新平庸”最终变成“新现实”。面对当下全球经济增长乏力的现?</t>
  </si>
  <si>
    <t>WTO终裁我胜诉欧盟紧固件执行案</t>
  </si>
  <si>
    <t>我国在WTO的执行之诉首战告捷。《经济参考报》记者从WTO官方网站获悉，日内瓦时间18日下午，WTO就我诉欧盟紧固件执行之诉发布终裁，裁定我国获得胜诉。商务部条法司相关负责人第一时间在网站回应称，紧固件反倾销措施争端案执行之诉上诉机构支持了中方的立场和主张，再?</t>
  </si>
  <si>
    <t>亚投行开业或是物流业机遇</t>
  </si>
  <si>
    <t>2016年元月16日，亚洲基础设施投资银行（亚投行）正式开业，标志着一个股本为1000亿美元并具有57个创始成员国的大型区域性多边开发银行横空出世，将为亚洲区域国家或地区提供贷款、控股、担保和技术援助等广泛金融服务，以促进亚洲地区的基础设施发展。亚投行的构思与成</t>
  </si>
  <si>
    <t>智能化运输消除物流业“痛点”</t>
  </si>
  <si>
    <t>刚刚过去的2015年，“互联网+”被视为中国经济提质增效、产业转型升级的“新引擎”。英国物流学者马丁·克里斯多夫曾指出：“市场上只有供应链而没有企业，21世纪的竞争不是企业和企业之间的竞争，而是供应链和供应链之间的竞争”。在互联网+时代，企业要想赢得未来的竞争，?</t>
  </si>
  <si>
    <t>亚投行的挑战与机遇</t>
  </si>
  <si>
    <t>由全球57个国家共同筹建的亚投行日前在北京正式开业。眼下，世界的目光都在关注：这家由中国倡议发起，由中国出任第一大股东，由中国人出任首任理事会主席和首任行长，服务理念及经营规带有明显中国印记的多边国际金融服务机构，将以怎样的面貌和形象开展业务。世行、IM</t>
  </si>
  <si>
    <t>中企进军海外须重视三大问题</t>
  </si>
  <si>
    <t>随着中国经济的崛起，越来越多中国企业走向海外：劳务输出，并购企业，建设工程……树立了中企的良好形象，也获得不小的收益，最新的案例就有万达以35亿美元现金收购美国传奇影业，海尔54亿美元接收通用电气的白色家电。这些大手笔交易，无疑显现了中国企业的实力和进取</t>
  </si>
  <si>
    <t>达沃斯论坛热议第四次工业革命</t>
  </si>
  <si>
    <t>天气预报显示，20日至23日，位于瑞士东南部的小镇达沃斯将飘起小雪，想来景色依旧美丽，而山路也依旧崎岖。一年一度的世界经济论坛2016年年会将在这里举行。40余位国家元首以及约2500位各界名流将在这个人口不过1.3万、面积仅有300平方公里的小镇，就全球热点经济问题展开多?</t>
  </si>
  <si>
    <t>亚洲金融论坛聚焦增长新典范</t>
  </si>
  <si>
    <t>由香港特别行政区政府及香港贸易发展局香港贸发局合办的第九届亚洲金融论坛，1月18日在香港会议展览中心揭幕。本期论坛以“亚洲：塑造增长新典范”为主题，纵观环球经济格局，剖析投资市场形势。“香港金融投资服务，包括银团贷款、首次募股上市等方面服务方兴未艾，希?</t>
  </si>
  <si>
    <t>民营地炼成原油商业储备新阵地</t>
  </si>
  <si>
    <t>建立完善的石油储备体系是应对突发事件、防范石油供给风险、保障国家能源安全的重要手段。目前，美国、日本、德国等国家储备水平已超过120天。与发达国家相比，我国石油储备起步较晚，实力相差悬殊，目前我国石油储备水平只有30.73天。在过去10余年的时间里，由于高油价的重?</t>
  </si>
  <si>
    <t>“底特律+硅谷”将重塑汽车业</t>
  </si>
  <si>
    <t>每年的1月份，美国都会举办两大世界级的展会，一是拉斯维加斯的消费电子展，二是底特律的车展。但近年来有一个引人瞩目的变化，就是消费电子展上出现了越来越多车商的身影，车展上则更少不了电子巨头的产品。近日有媒体预测：“2016年可能成为底特律和硅谷合作的一年”。这其</t>
  </si>
  <si>
    <t>美股面临艰困的一年</t>
  </si>
  <si>
    <t>“黑色星期五”再次降临美国股市。上周最后一个交易日(15日），纽约股市三大股指跌幅均超过2%，道琼斯工业平均指数跌破16000点重要心理关口，标普500指数十大板块无一幸免，科技、能源与金融板块领跌。实际上，连涨了六年的美国股市已过度透支美国经济增长红利，技术上进行回</t>
  </si>
  <si>
    <t>爱尔兰掀数据中心建设热潮</t>
  </si>
  <si>
    <t>爱尔兰投资发展局中国区总监张哲伟近日在北京表示，由于爱尔兰在高速网络建设、建造维护成本、数据保护政策、优惠税率、人才储备等方面具备独特优势，近年来许多国际大型科技企业纷纷在爱尔兰投资建设数据中心，且这种趋势正出现升温之势。据介绍，信息通讯一向是爱尔兰</t>
  </si>
  <si>
    <t>欧盟推迟决议中国市场经济地位</t>
  </si>
  <si>
    <t>欧盟委员会（欧委会）13日推迟发布是否决定中国市场经济地位的提案，称正就此事进行全面评估，将在今年下半年给出正式意见供成员国讨论通过。分析人士称，就业冲击、与美国自贸协定谈判、涉及暂时性措施等三因素导致欧盟有此番举动。欧委会的提案本来预计在本周提出，但</t>
  </si>
  <si>
    <t>纯电动领航开启绿色物流新变革</t>
  </si>
  <si>
    <t>敢为天下先，刘础瑞早在2000年时便和他的团队创立了陆地方舟集团，开始探索纯电动汽车的可能性，在这片充满未知的路上“摸着石头过河”。这16年里，陆地方舟从默默无名变成如今行业内的知名企业，产品不仅热销于国内，而且远销欧美、东亚、东南亚、澳洲等30多个国家和地区。?</t>
  </si>
  <si>
    <t>美联储“渐进加息”是什么意思？</t>
  </si>
  <si>
    <t>国际货币基金组织（IMF）总裁拉加德12日在法国巴黎说，美国联邦储备委员会（美联储）推进加息进程应该是渐进而有序的。她的口吻与美联储多位官员的表态如出一辙。“美联储官员所说的渐进加息到底是什么意思？”当笔者将这个问题抛给国际金融协会首席经济学家查尔斯·科?</t>
  </si>
  <si>
    <t>新能源汽车在北美市场遭遇寒流</t>
  </si>
  <si>
    <t>尽管去年新能源汽车北美地区销售出现显著下滑，11日在底特律开幕的北美国际汽车展上新能源汽车依然备受关注。业界人士表示，中美两国提高汽车能效标准将推动新能源汽车再上台阶。得益于低油价、低利率以及就业市场明显改善，去年美国汽车行业刷新了沉寂15年的销售纪录。</t>
  </si>
  <si>
    <t>俄去年消费者价格指数增长12.9%</t>
  </si>
  <si>
    <t>俄罗斯联邦统计局12日公布的统计数据显示，俄罗斯2015年消费者价格指数增长12.9%。俄联邦统计局此次公布的统计数据，对象包括全部506种商品及服务。数据显示，俄2015年消费者价格指数增长12.9%，通货膨胀达到2008年以来的最高水平。其中，食品价格去年全年上涨14%，非食</t>
  </si>
  <si>
    <t>日本经常项目连续17月顺差</t>
  </si>
  <si>
    <t>尽管日本经济复苏之路漫长而黯淡，不过，全球大宗商品市场暴跌，原油价格大幅下降和日元贬值令日本外贸出现一丝转机，但未来这种正面效应有可能减弱。日本财务省12日公布的数字显示，全球原油价格暴跌及日元汇率贬值等因素使去年11月份日本经常项目顺差同比增长1.6倍，?</t>
  </si>
  <si>
    <t>“扒粪运动”震惊美国</t>
  </si>
  <si>
    <t>19世纪中后期，美国经历了巨大的经济与社会变迁，几乎所有工业领域都被为数不多的几家大公司所控制。从19世纪90年代开始，不少美国人开始改变他们关于美好社会和政府的传统信念，掀起一场改革政治体制和政府的运动。仅1903年至1912年10年间，美国媒体就发表2000多篇揭露腐败?</t>
  </si>
  <si>
    <t>全日空入股越南航空加速布局亚洲市场</t>
  </si>
  <si>
    <t>旗下拥有全日空公司的ANA控股集团12日宣布向越南航空公司出资130亿日元，获取该公司约8.8%股份，共同协作拓展需求日益旺盛的南亚市场。据日本共同社12日报道，ANA将从越南政府收购股票，交易预计在3至6月份完成，两家航空公司计划最早10月下旬开始共同执飞。此外，双方?</t>
  </si>
  <si>
    <t>仿生学能否打开“墙上的裂缝”</t>
  </si>
  <si>
    <t>美国自然学家杰伊·哈曼所著《创新启示：大自然激发的灵感与创意》一书，很吸引人。首先因为它谈到很多有趣的案例。“为什么大黄蜂拥有比波音747更为强劲的空气动力？如何借鉴蝴蝶翅膀的颜色节约世界上80%的电能？跳蚤的膝关节和蜜蜂的肩膀如何使科学家制造出近乎完美的</t>
  </si>
  <si>
    <t>中资企业首次发行伊斯兰债券</t>
  </si>
  <si>
    <t>中国企业在国际金融市场上发行伊斯兰债券实现破冰。日前，中国内地房地产企业碧桂园在马来西亚发行以马来西亚林吉特计价的伊斯兰债券。根据金融数据提供商Dealogic的数据，该债券发行规模达2700万美元，期限为两年，利率为6%。这是中资企业首次发行伊斯兰债券。从发行规</t>
  </si>
  <si>
    <t>借力俄扎鲁比诺港开放重建东北出海口</t>
  </si>
  <si>
    <t>年初有报道称，养猪可能成为俄罗斯继石化产业外第二大产业，这说明俄罗斯经济真的陷入严重衰退的寒冰期，处于“蜜月期”的中俄关系，在经济上也不应只存在中国对俄罗斯援助的单向关系，而应利用此时的经济优势，以“借港出海”加铁水多式联运模式谋求在日本海的俄罗斯港口重?</t>
  </si>
  <si>
    <t>“封杀”去哪儿网有没有垄断嫌疑</t>
  </si>
  <si>
    <t>报载，航空公司集体“封杀”去哪儿网的阵营在不断扩大，川航、祥鹏航空、天津航空等多家航空公司也加入其中，已经有不少于9家航空公司宣布与去哪儿网断交。而受与航空公司断交及高层换血的影响，在美国上市的去哪儿网股价也大受影响。对集体撤出去哪儿网，南航、海航、?</t>
  </si>
  <si>
    <t>“虚拟现实”将成下一个投资风口</t>
  </si>
  <si>
    <t>2016年的拉斯韦加斯消费电子展成为各家虚拟现实（Virtual Reality，简称VR）产品争奇斗艳的舞台。奥克卢斯（Oculus）、索尼、三星、HTC等老牌国际巨头都推出了自己的“明星产品”，参观者不惜排队数小时体验。中国VR初创企业也不愿缺席这场盛宴。中国VR设备制造商大朋VR</t>
  </si>
  <si>
    <t>近观CES：科技的高度与人类的未来</t>
  </si>
  <si>
    <t>史上规模最大的2016年拉斯韦加斯消费电子展当地时间9日落下帷幕，虚拟现实、自动驾驶、机器人、无人机、智能生活等技术令人难以忘怀。美国拉斯韦加斯国际消费电子展（CES）组委会主席加里·夏皮罗，在写给记者们的一封信中提到：“来到展厅，我就像一个置身于糖果店的孩子，?</t>
  </si>
  <si>
    <t>我国正规划低碳发展长期路线图</t>
  </si>
  <si>
    <t>日前在上海举办的2015中国碳市场高峰论坛上，国家发改委气候司副司长蒋兆理表示，我国正在研究低碳发展长期路线图，完善的碳市场是路线图上不可或缺板块。全球能源互联是低碳发展重要方案去年9月，习近平主席出席联合国发展峰会时提出：“构建全球能源互联网，推动</t>
  </si>
  <si>
    <t>我国应适度放开原油进口渠道</t>
  </si>
  <si>
    <t>美国去年底解除了长达40年的原油出口禁令。在低油价和全球供应过剩的背景下，当下美国原油出口前景并不被看好，但从长远来看，这一禁令的解除将对国际原油市场格局产生深远影响。在专家看来，未来中东和俄罗斯在原油市场上的地位将会受到挑战，而随着强势美元的出现、美</t>
  </si>
  <si>
    <t>国际油价开年大幅下行</t>
  </si>
  <si>
    <t>受美元走强和供过于求等多重利空因素影响，当周国际油价连续五个交易日下跌。纽约油价下跌10.48%，布伦特油价下跌10.01%。但受避险情绪主导，国际金价当周大幅上涨近4%，创下近5个月以来单周最大涨幅。沙特阿拉伯3日宣布与伊朗断绝外交关系，中东局势紧张虽然对油市造成</t>
  </si>
  <si>
    <t>中国企业应从伟大生产者转向伟大品牌</t>
  </si>
  <si>
    <t>曾有美国媒体评价说，虽然许多美国人在使用中国产品，却很少有美国人知道中国品牌。2016年美国拉斯韦加斯消费电子展（CES）6日正式拉开帷幕，其主办方美国消费技术协会主席加里·夏皮罗接受记者专访时表示，中国企业“必须学习从伟大的生产者向伟大的品牌转型”，要建立品牌?</t>
  </si>
  <si>
    <t>中东地缘政治恶化  油价难改跌势</t>
  </si>
  <si>
    <t>2016年新年伊始，沙特阿拉伯宣布与伊朗断交引发中东政局动荡。由于两国均为石油输出国组织（欧佩克）重要成员，双方交恶将对国际油价和中东政局产生冲击。不过，在全球供大于求的背景下，伦敦市场原油价格6日跌至2004年6月以来最低。多个机构预测，受限于全球石油市场供大于?</t>
  </si>
  <si>
    <t>质子治疗成治疗癌症新利器</t>
  </si>
  <si>
    <t>清华大学附属北京清华长庚医院（简称“清华长庚”）与台湾林口长庚纪念医院（简称“林口长庚”）1月4日签订合作交流意向书，双方约定，以林口长庚医院的质子治疗中心为依托，将在癌症患者精准治疗方面展开联合诊疗服务，通过远程会诊、联合制定诊疗计划等形式，进行两岸医师?</t>
  </si>
  <si>
    <t>数学是一种生活态度</t>
  </si>
  <si>
    <t>数学的花样年华，盛开在与日常有关的事物里。世界知名数学家、美国科普作家乔丹·艾伦伯格的《魔鬼数学》，可谓是“深入浅出”的典范创作，原来数学可以这样有趣，原来数学可以这样融入生活，原来数学拥有这样一种非凡的洞察力。0.9999……=1吗？很多人立刻摇头，然后马</t>
  </si>
  <si>
    <t>德国经济如何应对难民潮</t>
  </si>
  <si>
    <t>2015年，“难民”一词被德国语言协会评为年度热词之首。2016年新年贺词中，德国总理默克尔再次表示：难民问题，“我们能搞定”。然而，随着难民危机不断发酵，德国经济还能承受得住吗？新年伊始，科隆跨年夜发生的数十起性侵事件引发社会震动。目击者称，作案者长着西亚</t>
  </si>
  <si>
    <t>世行:大型新兴经济体复苏乏力</t>
  </si>
  <si>
    <t>世界银行最新发布的2016年1月期《全球经济展望》预计，主要新兴市场国家增长乏力将拖累2016年全球增长，但随着发达经济体增长逐渐加快，经济活动增速应能从2015年的2.4%温和回升至2.9%，但仍低于去年6月份的预测。报告称，由于大宗商品跌价、贸易和资本流动疲软以及一系</t>
  </si>
  <si>
    <t>外媒：新兴市场债市隐现危机风险</t>
  </si>
  <si>
    <t>外媒报道称，政府隐形担保债务和美元外债负担持续增加，将令新兴市场今年将承受较大债务风险，可能产生危机。英国《金融时报》援引研究报告显示，有超过8000亿美元的新兴市场主权债务伪装成了这样一些债券的形式——提供隐含的国家担保，却不总是出现在政府的资产负债表</t>
  </si>
  <si>
    <t>威瑞信通讯出售数据中心</t>
  </si>
  <si>
    <t>据外媒援引知情人士消息报道，美国头号无线运营商--威瑞信通讯已启动出售其数据中心资产的程序，希望借此入账25亿美元以上。这家企业正在专注于核心业务。一名消息人士表示，这次待售的主机托管资产包括48个数据中心，每年可创造大约2.75亿美元的未计利息、税项、折旧及</t>
  </si>
  <si>
    <t>通用汽车注资“拼车”  企业推自动驾驶</t>
  </si>
  <si>
    <t>美国通用汽车公司2016年1月4日宣布，决定投入5亿美元，与一家初创“拼车”企业合伙，推进自动驾驶汽车开发和推广。这是美国汽车制造企业迄今为止对技术类企业最大一笔投资。接受这笔资金的初创企业名为Lyft公司，依照英语发音可以理解为“搭车”，以旧金山为发源地</t>
  </si>
  <si>
    <t>德国零售巨头谋求数字化转型</t>
  </si>
  <si>
    <t>拥有和瑞典宜家家居相似的黄蓝招牌和仓储式商场结构，麦德龙却有着纯正的德国血统，还凭借遍布全球30个国家和地区的业务透着“国际范儿”。1996年，麦德龙现购自运商场登陆中国，并一度在华东地区受到中国消费者追捧。这与其带来的新商业理念有关，包括会员制批发、现购</t>
  </si>
  <si>
    <t>制造业萎缩预警美国经济增长放缓</t>
  </si>
  <si>
    <t>与美股大跌相比，美国制造业活动连续萎缩，更令美国政策制定者担忧。根据美国供应管理协会当地时间4日公布的报告，美国制造业活动连续两个月负增长，降至2009年6月以来低点。美国供应管理协会在报告中指出，2015年12月份美国制造业采购经理人指数从前月的48.6降至48.2。</t>
  </si>
  <si>
    <t>短期因素难改国际油价下行趋势</t>
  </si>
  <si>
    <t>沙特阿拉伯于当地时间3日晚宣布与伊朗断交。中东地区两大重要产油国关系紧张的消息传出后，纽约原油期货价格跳涨约3%，升破每桶38美元关口，布伦特原油期货价格也上涨超2%。地缘政治因素促使油价出现短期阶段性反弹，似乎使得国际原油走势变得扑朔迷离，但事实可能并非如此。</t>
  </si>
  <si>
    <t>美司法部起诉大众违法</t>
  </si>
  <si>
    <t>据外媒报道，大众汽车公司利用数据软件操纵排放而惹上的官司日益升级。美国司法部1月4日将该公司告上法庭，指控其违反清洁空气法。如果指控罪名成立，大众可能面临巨额罚款。美国司法部提起的诉讼主要是针对自去年9月起曝出的大众对出售给美国的580000辆柴油车排放进行?</t>
  </si>
  <si>
    <t>2016，TPP闯关美国国会是否有戏</t>
  </si>
  <si>
    <t>2016年是美国总统奥巴马任期的最后一年，巩固自身政治遗产和助力民主党守住白宫是奥巴马这一年的两大主要任务。在政治遗产方面，作为美国亚太再平衡战略的核心经济要素，奥巴马政府已将推动国会批准跨太平洋伙伴关系协定（TPP）列为2016年首要施政重点。但由于美国商界对TPP?</t>
  </si>
  <si>
    <t>并购重组下的新物流业发展时代</t>
  </si>
  <si>
    <t>前几天发生的招商局集团整体并购中外运长航集团一事，引起了业界对物流行业“并购重组”这一话题的关注。目前来看，2015年的并购规模不仅远超2014年，且刷新了2007年4.6万亿美元这一全球交易历史最高水平，达到历史新高。据美国调查公司Dealogic 2015年12月24日发布的统</t>
  </si>
  <si>
    <t>沙特与伊朗断交冲击国际市场</t>
  </si>
  <si>
    <t>沙特阿拉伯当地时间3日晚（北京时间4日凌晨）宣布与伊朗断绝外交关系，引发国际原油市场震动，隔夜亚太、欧洲市场也出现普跌。中东地区两大重要产油国关系紧张的消息传出后，纽约原油期货价格跳涨约3%，升破每桶38美元关口，布伦特原油期货价格也上涨超2%。日经225</t>
  </si>
  <si>
    <t>物流园区建设仍有重要战略地位</t>
  </si>
  <si>
    <t>物流园区的概念是从德国、日本等物流比较发达的国家引入的，近年来在我国发展很快，已成为一个热点投资领域。发达国家的经验表明，物流园区的价值主要体现为两方面：一是形成物流集散的枢纽，可促进资源整合，提高资源利用率，并通过园区的公共服务与公共管理，规范市场；二?</t>
  </si>
  <si>
    <t>英推住房新政  首次置业者获益</t>
  </si>
  <si>
    <t>英国首相卡梅伦4日公布住房新政，将针对普通英国居民建造超过1万间住宅。据英国媒体报道，这是最近30年来英国政府在住房政策上的一次重大转变。英国广播公司援引卡梅伦的话说，本届英国政府在住房领域将推行“激进”策略，为了让英国居民买到负担得起的住宅，英国政府将</t>
  </si>
  <si>
    <t>石油巨头2016年将再减资本开支</t>
  </si>
  <si>
    <t>国际原油市场上油价已经跌至11年低点，这迫使许多全球最大的油气行业生产商不得不面对数十年来最长的投资削减期。这些企业还可能会借更多的钱来满足投资者对红利的要求。目前，原油价格徘徊在每桶37美元左右，这一价格远远低于诸如道达尔、挪威石油公司和英国石油公司达</t>
  </si>
  <si>
    <t>难民危机持续发酵考验欧洲经济</t>
  </si>
  <si>
    <t>自2016年1月1日起，荷兰接替卢森堡担任欧盟轮值主席国，如何应对汹涌而来的难民危机成为当务之急。就在2日凌晨，惨剧再次发生，一名两岁难民溺亡在希腊佐泽卡尼索斯群岛海域，再次为整个欧洲敲响了警钟。最近几年，美国等西方国家推行的新干涉主义使包括西亚、北非在内?</t>
  </si>
  <si>
    <t>2016年人民币汇率稳字当头</t>
  </si>
  <si>
    <t>回眸2015年，可以用“真的不一样”来形容。2005年7月中国启动汇率形成机制改革，人民币汇率走出长达9年的升值行情，其间即使出现阶段性贬值，也只是短期的，而且主要表现为日中交易价相对于中间价的贬值压力，实际的汇率并没有明显贬值。展望2016年，也许可以用“还能怎</t>
  </si>
  <si>
    <t>东芝式微，哀之更须鉴之</t>
  </si>
  <si>
    <t>始创于1875年的东芝，很长时间都是“日本制造”的代表，日本第一个电灯泡、第一台洗衣机、第一台冰箱，都诞生在东芝的车间。相形之下，日立、松下和索尼等日本其他家电巨头，不过是后起之秀。但140年辉煌之后，东芝似乎走到了崩溃的十字路口。根据估算，在2015财年（截?</t>
  </si>
  <si>
    <t>新兴经济体经济回暖挑战仍存</t>
  </si>
  <si>
    <t>2017年，新兴经济体经济增长渐趋回暖。在包括有利的全球金融环境和发达经济体复苏的外部因素改善的支持下，新兴市场和发展中经济体2017年和2018年两年的经济增长预计将比2016年提速，阿根廷、巴西、尼日利亚、俄罗斯等国将走出衰退。IMF在2017年3月表示，在中国和印度经</t>
  </si>
  <si>
    <t>城市大脑：思考城市文明的第四次浪潮</t>
  </si>
  <si>
    <t>英国《新科学家》周刊网站最近称，过去一年来，中国电子商务巨头阿里巴巴的“城市大脑”计划，正在让人工智能处理海量数据，并利用它优化城市生活的方方面面来改善杭州人的生活。这项试验非常成功，阿里巴巴现在正在完善这个系统，以便将它传播到中国其他地区，乃至整个世界?</t>
  </si>
  <si>
    <t>OECD预计今年韩国经济增长率为3.2%</t>
  </si>
  <si>
    <t>经济合作与发展组织（OECD）近日发布报告，预计2017年韩国经济增长率为3.2%，有望时隔三年重回3%以上。分析人士认为，随着全球半导体需求走强，2018年韩国经济将继续稳定向好，具体增幅将取决于国际经济大环境。经合组织在报告中将今年韩国经济增长预期较6月提高0.6个百</t>
  </si>
  <si>
    <t>道指五创里程碑</t>
  </si>
  <si>
    <t>2017年行至年终，美股年内强劲上扬、亮点频现，道琼斯工业平均指数屡创里程碑，年内70次收盘创历史新高。分析人士认为市场对税改的良好预期、公司财报盈利抢眼以及美国经济数据强劲是美股本轮涨势的主要动力。自去年特朗普赢得美国总统选举之后，美股持续上涨，三?</t>
  </si>
  <si>
    <t>2017年国内油价或以小涨收官</t>
  </si>
  <si>
    <t>《经济参考报》记者从多家社会监测机构了解到，近期受英国北海输油管道继续关闭、美国原油库存大幅下降、美元指数回落等因素影响，国际油价涨多跌少，国内测算的原油变化率不断拉升。12月28日，2017年最后一个调价窗口开启，成品油限价将迎来小幅上调。截至目前，今年国</t>
  </si>
  <si>
    <t>多重因素影响欧元区经济持续复苏</t>
  </si>
  <si>
    <t>展望2018年，由于私人消费与企业消费信心持续增强、欧洲央行将继续实施低利率政策和月度债券购买计划，以及区外贸易投资活动保持上扬势头，欧元区和欧盟经济有望沿着目前的周期性增长轨迹前行，全年增幅预计与2017年持平，但相关风险因素也不能完全排除。在宏观层面，欧</t>
  </si>
  <si>
    <t>欧洲复苏态势明显  政局动荡堪忧</t>
  </si>
  <si>
    <t>2017年欧洲经济走出一波超预期的全面复苏，在多国经历大选的背景下，实属不易。欧洲央行预计将调整货币政策，在2018年可能退出“量化宽松”（QE）。但德国组阁、英国“脱欧”谈判等政治不确定性犹在，欧洲经济持续增长预期也并非万无一失。实体经济引领全面复苏受?</t>
  </si>
  <si>
    <t>德国经济增长势头能否持续待考</t>
  </si>
  <si>
    <t>德国经济2017年一路高歌猛进，各项数据都显示出经济发展的强劲势头：经济增速稳定上升，失业率屡创历史新低，制造业、建筑业等支柱产业也增长强劲。同时，尽管德国经济总体向好，但也面临经济发展过热、人口结构老龄化、基础设施发展滞后等问题，进一步增长的势头面临挑战。$</t>
  </si>
  <si>
    <t>马士基收购汉堡南美有助一带一路</t>
  </si>
  <si>
    <t>丹麦马士基航运、德国汉堡南美船务集团分别是全球第一大、第九大集装箱班轮运输公司。马士基航运提出收购汉堡南美100%的股权，汉堡南美将成为马士基航运的业务部门，并以独立品牌方式运营。我国商务部依据《反垄断法》以附加限制性条件的方式批准了马士基对汉堡南美的股份收?</t>
  </si>
  <si>
    <t>日本制造业衰落了吗？</t>
  </si>
  <si>
    <t>知名企业频频被曝造假，联想到最近一两年一些制造业老牌企业的业务被中国企业收购——如美的收购东芝白电业务、鸿海收购夏普、联想收购NEC个人电脑业务——不少国人感慨日本制造业走下“神坛”，甚至认为日本制造业已经衰落，那么日本制造业现状究竟如何呢？专家认为，?</t>
  </si>
  <si>
    <t>中国“热度”在美持续升温</t>
  </si>
  <si>
    <t>美国的龙虾和牛肉漂洋过海出现在普通中国家庭的餐桌上，州长们争先恐后访华寻找商机，一个美国偏僻小镇为前来采访的中国记者升起五星红旗……如果说10年前中国在美国人心目中的形象还只是“廉价商品的世界工厂”或“巨额美国国债的持有者”，今天越来越多美国人从中国看</t>
  </si>
  <si>
    <t>年末假期拉动澳大利亚居民消费</t>
  </si>
  <si>
    <t>在电费、煤气费等价格上涨而储蓄率持续下降影响下，目前澳大利亚家庭财务状况堪忧。尽管如此，在年末假期来临之际，消费者仍会列出购物清单，在线下和线上忙着采购。圣诞购物季是澳大利亚零售旺季，一年中最后两个月的零售额通常占到全年零售总额的20%左右。因此，今年?</t>
  </si>
  <si>
    <t>硅谷人工智能呈三大发展趋势</t>
  </si>
  <si>
    <t>回望2017年，美国硅谷科技企业大力发展人工智能（AI）技术，体现出超越人类智力、带动产业变革以及深入社会生活三大趋势。人工智能迅猛发展的势头，也引发了人们对未来的探讨。首先，人工智能在某些领域已经超越人类智力。去年谷歌旗下的人工智能“阿尔法围棋”在人机大战中?</t>
  </si>
  <si>
    <t>WWF:碳交易为中国能源转型提供新动力</t>
  </si>
  <si>
    <t>对于酝酿多时的全国碳排放交易体系正式启动，世界自然基金会（WWF）表示，期待碳市场不断完善，成为中国低碳发展和能源转型的新动力。碳交易能否有效推动企业减排和控制温室气体排放，配额的分配与管理是关键。世界自然基金会中国总干事卢思骋日前表示，碳市场排放配额?</t>
  </si>
  <si>
    <t>日本超宽松货币政策维持不变</t>
  </si>
  <si>
    <t>日本央行21日结束为期两天的货币政策会议，决定维持现行超宽松货币政策不变。日本央行认为，日本经济正在“温和扩张”。有分析指出，尽管日本央行短期内退出货币宽松政策无望，但已经开始注意到宽松措施的一些负面影响。本次会议是日本央行今年年内最后一次货币政策会议</t>
  </si>
  <si>
    <t>债券期限利差中枢或下移</t>
  </si>
  <si>
    <t>这一次，中国债券市场似乎又走在了美国债券市场的前面。本周特朗普政府税收改革法案在国会快速通过，极大提振了美国金融市场对未来经济增长的乐观预期，美国债券收益率曲线也在此乐观预期的推动下在三天内陡峭化修复，从关键期限债券收益率利差来看：10年期与1年期期限利差从</t>
  </si>
  <si>
    <t>通胀到底到哪里去了</t>
  </si>
  <si>
    <t>又是一年圣诞季。大大小小的商场超市，早早地把销售狂潮的希望寄托在圣诞季上。消费者也不吝啬。谷歌的大数据显示，按照“圣诞”这个关键词在当地搜索量中所占比例衡量，英国最近四年一直是全世界最痴迷圣诞的国家。“如今生活真不容易，感情上也是，所以人人都想着赶快</t>
  </si>
  <si>
    <t>瑞典历史文化遗产的保护与开发</t>
  </si>
  <si>
    <t>瑞典是世界上最注重环境保护的国家之一，其环保理念与执行力度体现在社会各个角落。在文化遗产保护方面也不例外，瑞典将可持续发展与遗产保护相结合，在健康发展旅游业的同时进一步提升了文化遗产的历史价值。瑞典文化部“文化遗产与生活环境”司下设的国家文物局是专门</t>
  </si>
  <si>
    <t>希腊经济即将进入后救助时代</t>
  </si>
  <si>
    <t>希腊议会18日通过了2018年预算案。希腊政府表示，这将是受国际援助方紧缩条款限制下的最后一份预算案，希腊即将进入后救助时代，经济将恢复常态。在18日的希腊议会表决中，预算案以153票支持、144票反对的结果获得通过。预算案中仍然包含了国际债权方所要求的财政紧缩措</t>
  </si>
  <si>
    <t>IMF：中国在普惠金融方面取得重大进展</t>
  </si>
  <si>
    <t>近期，由国际货币基金组织（IMF）和世界银行公布的中国“金融部门评估规划”更新评估核心成果报告肯定了我国普惠金融的发展。IMF报告称，作为经济转型的一部分，政府要求金融机构在提供信贷时更加重视住户、小微企业以及劳动密集型企业。中国在普惠金融方面取得重大进展。账?</t>
  </si>
  <si>
    <t>美国家安全战略囊括多项经济主张</t>
  </si>
  <si>
    <t>美国白宫18日公布总统特朗普任内首份国家安全战略，重申“美国优先”，首次强调经济发展安全攸关国家安全。这份68页的文件将“保护国土安全”“促进美国繁荣”“以实力维持和平”“提升美国影响”列为国家安全战略的“四大支柱”。与其前任奥巴马以及小布什只发布?</t>
  </si>
  <si>
    <t>世行上调中国经济增长预期至6.8%</t>
  </si>
  <si>
    <t>世界银行12月19日发布了最新《中国经济简报》（简称《简报》），《简报》指出，在居民收入增长和外需回暖的支撑下，2017年中国经济增长继续保持强势，预计2017年全年增速为6.8%，高于10月该组织在《东亚与太平洋地区经济半年报》中预期的6.7%。世界银行在《简报》中认为</t>
  </si>
  <si>
    <t>迪士尼收购福克斯“剑指”奈飞</t>
  </si>
  <si>
    <t>美国华特迪士尼公司（下称迪士尼）日前宣布与21世纪福克斯公司达成协议，计划以约524亿美元收购后者重要资产。分析人士认为，这是迪士尼寻求转型、进军流媒体，欲与奈飞（Netflix）展开竞争的一步重要企业战略。英国OC＆C咨询公司中级合伙人托比·查普曼表示，这是迪士?</t>
  </si>
  <si>
    <t>中国双支柱调控框架升级获IMF认可</t>
  </si>
  <si>
    <t>近期，国际货币基金组织（IMF）和世界银行公布了中国“金融部门评估规划”更新评估核心成果报告，认为中国管理部门持续推进金融改革，在升级货币政策和宏观审慎政策框架、建立存款保险体系、落实巴塞尔协议Ⅲ监管框架、加强证券投资者保护及完善资本市场基础性制度、建立保险</t>
  </si>
  <si>
    <t>英银行业呼吁将金融置于“脱欧”核心</t>
  </si>
  <si>
    <t>据外媒报道，英国银行业目前呼吁，英国首相特雷莎·梅和财政大臣菲利普·哈蒙德将金融业条款置于“脱欧”谈判的核心地位，否则，英国经济可能受到重大打击。据英国《卫报》报道，英国银行业已致信梅和哈蒙德，警告称在英国“脱欧”之后，如果仅是建立与欧盟和加拿大之间</t>
  </si>
  <si>
    <t>美联储加息，香港怎么办</t>
  </si>
  <si>
    <t>14日凌晨，美联储一如预期宣布加息25个基点，联邦基金基准利率将上升为1.25至1.5区间，并继续强调循序渐进加息，维持未来两年的利率预估不变。香港金融管理局随即宣布跟随美国加息，将基本利率上调25基点至1.75厘。从市场反应看，一切都像是复制今年6月15日凌晨美联储那</t>
  </si>
  <si>
    <t>多国欲与我拓展医疗旅游合作机遇</t>
  </si>
  <si>
    <t>2017中国（桂林）国际健康旅游高端论坛于17日闭幕。多国政商界人士在论坛上表示，将加强与中国合作，在大健康产业尤其是医疗旅游领域交换资源，挖掘市场潜力。克罗地亚驻华大使馆参赞法布里欧表示，随着中国游客大幅增加，出境细分医疗需求也出现增长，克方将推动两国地</t>
  </si>
  <si>
    <t>美联储加息对我国溢出效应有限</t>
  </si>
  <si>
    <t>美联储近期按下了加息按钮，这是其今年以来第三次加息，总体符合市场预期。美国经济复苏状况良好为加息提供了强有力的支持，美联储官员对美国经济增长、就业和通胀普遍持有较强的信心。而作为对美联储加息的反应，我国央行仅进行了象征性操作，这再次表明央行对坚持宏观去杠?</t>
  </si>
  <si>
    <t>中英经济财金对话达成72项成果</t>
  </si>
  <si>
    <t>国务院副总理马凯与英国财政大臣哈蒙德16日在北京共同主持第九次中英经济财金对话。在本次对话上，双方就宏观经济形势、贸易投资、产业战略、金融改革与发展、“一带一路”合作等进行了深入讨论，与此同时，双方就深化经济财金合作、为中英关系“黄金时代”注入新动力达成一?</t>
  </si>
  <si>
    <t>油价小幅波动  金价探底回升</t>
  </si>
  <si>
    <t>上周（12月11日至15日），国际原油市场上，英国北海油管仍处于中断状态给油价提供了支撑，但美国产量攀升和汽油需求疲弱抑制了油价涨幅，12月15日油价收盘涨跌不一。英国北海福蒂斯输油处于关闭状态，为油价带来了一定支撑。欧佩克月报显示，11月该组织原油产量下降13.3</t>
  </si>
  <si>
    <t>中外合作异种器官移植取得重要进展</t>
  </si>
  <si>
    <t>美国、中国和丹麦研究人员日前宣布，他们培育出世界上首批对器官移植而言无“毒”的活猪，成功解决猪器官用于人体移植最重要的安全性问题，为全世界需要器官移植的上百万病人带来希望。该项研究成果由云南农业大学、美国哈佛大学创生生物团队、丹麦奥胡斯大学联合完成。</t>
  </si>
  <si>
    <t>2018或迎全球加息潮</t>
  </si>
  <si>
    <t>美国联邦储备委员会（美联储）今年以来第三次加息，13日将联邦基金利率目标区间上调25个基点到1.25%至1.5%的水平。14日，欧洲央行、英国央行也宣布了议息结果，前者再次重申执行缩减购债规模的计划，后者则在上月加息后决定按兵不动。从趋势上看，随着世界经济稳健增长?</t>
  </si>
  <si>
    <t>《逆风无畏》：一个东方家庭的美国故事</t>
  </si>
  <si>
    <t>编者按：面对西方文化观念的冲击，感谢赵锡成博士用90年的光阴为我们从太平洋西岸带来了一个关于华人在美国的事业、人生、家庭的精彩故事。相信随着《逆风无畏》新书在中国大陆的出版发行，众多中国家庭将成为赵锡成博士的新粉丝，有关东方文化自信也将由此得到进一步增强。$</t>
  </si>
  <si>
    <t>英国11月通胀升至近六年高点</t>
  </si>
  <si>
    <t>12日，英国最新公布的通胀数据显示，英国11月消费者物价指数(CPI)同比上升3.1%，为近六年来最高。这将市场关注焦点转向通胀数据是否令英国央行做出更为鹰派的利率决议。英国国家统计署(ONS)发布的数据显示，衡量通胀的核心指标11月CPI涨至3.1%，是近六年来首次突破3%的?</t>
  </si>
  <si>
    <t>法国钢铁小镇的美丽转身</t>
  </si>
  <si>
    <t>昂内维尔是一个位于法国东北洛林地区的小镇。上个世纪80年代前，它是一个典型的钢铁小镇，和整个洛林地区一样，以高炉和黑烟为显著标志。然而记者今年走访发现，这个面积十多平方公里、人口仅约万人的小镇早已实现美丽转身。如今这里林木葱茏、风景清秀，更可贵的是，镇</t>
  </si>
  <si>
    <t>日本东芝与西部数据达成和解</t>
  </si>
  <si>
    <t>日本东芝公司13日宣布，此前一天已正式与美国西部数据股份有限公司达成和解协议，双方将自行撤销此前向日美两国法院提交的诉讼申请。此举将为今后东芝出售旗下闪存业务扫清一大障碍。双方在一份联合声明中表示，达成和解会令各方受益。东芝方面认为未来将与西部数据加强</t>
  </si>
  <si>
    <t>脱欧添变数  第二阶段谈判蒙阴影</t>
  </si>
  <si>
    <t>随着英国首相特雷莎·梅对缴纳“脱欧分手费”提出附加要求、其党内争执和分歧不断，本周14日至15日举行的欧盟峰会上，欧盟决定进入的“脱欧”谈判第二阶段仍存悬念。英国产业界目前也担忧“脱欧”背景下的运营前景，呼吁政府出台措施，尽量维持单一市场的效果。英国首相</t>
  </si>
  <si>
    <t>电商为全球消费者贡献中国制造红利</t>
  </si>
  <si>
    <t>“双十一”刚过去没多久，又迎来了“双十二”。面对新一轮电商促销季，俄罗斯姑娘阿纳斯塔西娅正积极寻找新的中国商品，并将其放进电商平台上的购物车里。之前的“双十一”，她通过电商平台购买了衣服、摄像机等93件中国商品。阿纳斯塔西娅说，俄罗斯消费者喜欢购买中国</t>
  </si>
  <si>
    <t>欧财长警告美减税计划违反国际协议</t>
  </si>
  <si>
    <t>据英国《金融时报》报道，欧洲五个最大经济体的财长致信特朗普政府，称美国减税计划将违反国际协议并损害贸易，欧洲方面或采取报复性措施。包括英国财政大臣菲利普·哈蒙德、德国财长彼得·阿尔特迈尔和法国财长布鲁诺·勒梅尔在内的欧洲五国财长在写给美国白宫和美国财</t>
  </si>
  <si>
    <t>苹果将收购音乐识别应用Shazam</t>
  </si>
  <si>
    <t>据外媒报道，美国苹果公司11日宣布，将收购音乐识别应用Shazam，以帮助其深入音乐市场，从而在竞争日趋激烈的流媒体服务市场获取更多优势。苹果公司尚未公布这桩收购的财务细节。但根据科技网站Recode的报道，有消息人士称这桩收购的金额大概在4亿美元左右。苹果公</t>
  </si>
  <si>
    <t>WTO部长级会议聚焦多边贸易体制</t>
  </si>
  <si>
    <t>世界贸易组织（WTO)第11届部长级会议10日在阿根廷首都布宜诺斯艾利斯开幕。本次会议为期4天，将聚焦多边贸易体制及农业、投资便利化、电子商务等议题。这是世贸组织最高级别会议首次在南美国家举行。与会各方表示将支持多边贸易体制，希望会议能取得积极成果。四国总统?</t>
  </si>
  <si>
    <t>外媒：近四成比特币仅被千人持有</t>
  </si>
  <si>
    <t>据美国彭博社报道，全球近40%数量的比特币控制在仅约千人手里，这些人对比特币行情会有较大影响。正值比特币期货在芝加哥开始交易，这种被疯狂追捧的虚拟数字货币的未来行情受到参与者的关注。持有大量比特币的大佬们通常被称为白鲸（whales）。比特币的价格从年初至今?</t>
  </si>
  <si>
    <t>“牛贷”让奶牛住进“豪宅”</t>
  </si>
  <si>
    <t>北方寒冬，昼短夜长。汽车驶出杜尔伯特蒙古族自治县城西行半个多小时到达胡吉吐莫镇时，小镇已笼罩在一片夜幕中。犇康牧业公司奶牛场场长陈兆全换上一件干净的棉服，热情接待前来回访的县邮储银行信贷员张恒达和省邮储银行三农事业部的工作人员朱振华等一行。杜尔伯特蒙</t>
  </si>
  <si>
    <t>扫除三大障碍  “脱欧”谈判步入新阶段</t>
  </si>
  <si>
    <t>英国首相特雷莎·梅8日在比利时布鲁塞尔与欧盟委员会主席容克举行“脱欧”会谈，双方就爱尔兰边界、欧盟在英公民权利、“分手费”等核心议题达成协议，这标志着双方即将开启第二阶段谈判。分析人士指出，能够扫除三大障碍，使“脱欧”谈判取得重大突破，显现了双方的诚?</t>
  </si>
  <si>
    <t>美英欧三大央行将相继议息</t>
  </si>
  <si>
    <t>本周美国、英国、欧洲的央行将相继议息，市场普遍预计美国将进一步降息，而欧英央行按兵不动。因复苏步调不一，三大央行政策路径未来可能进一步分化。美联储将于12至13日召开货币政策会议，并于13日会后宣布最新利率决定。市场普遍预计美联储将再次加息100个基点，而于1</t>
  </si>
  <si>
    <t>俄罗斯能否重振航天大国雄风</t>
  </si>
  <si>
    <t>近日，俄罗斯在位于远东地区的东方发射场发射了一枚携有19颗卫星的运载火箭，但负责人公布发射成功几小时后便发现，火箭未能将卫星送入预定轨道。卫星发射失败，让这个历史辉煌的航天大国感到颜面扫地。俄总理梅德韦杰夫严厉强调了该事件的严重性，称此次发射失败给俄航</t>
  </si>
  <si>
    <t>税改政策发力需仰赖财政健康程度</t>
  </si>
  <si>
    <t>特朗普竞选承诺中的推行税收改革在参议院通过其税改版本后又往前走了一大步，未来美国参众两院如果能就各自版本达成妥协，特朗普的税改计划就能正式加以实施。这实际上是美国意欲利用其财政政策扩张来继续刺激经济。金融风暴以来，全球主要经济体为了走出危机，进行了大</t>
  </si>
  <si>
    <t>“捡垃圾”还是“布棋局”</t>
  </si>
  <si>
    <t>近日，海信电器收购日本东芝电视的消息发布，引发各界再度将关注的焦点投向海信的全球化布局。收购日本电视巨头东芝，反击、起诉夏普专利侵权，在美国黑色星期五大促中一天即销售52万台4K电视……海信集团的国际化“动静”有点大。收购东芝，这步棋对海信来说，是国际化</t>
  </si>
  <si>
    <t>医者的“工匠精神”  党员的信仰风采</t>
  </si>
  <si>
    <t>初冬时节，美国比尔盖茨基金和全球疫苗联盟专家访问我国科技重大专项支持的结核病科研项目基地——河南省中牟县。作为实施现场，中牟县项目人员连续81天昼夜奋战，高质量顺利完成了“结核潜伏感染干预项目”。美国专家对整个项目组人员连续81天，每天早晨5∶00开始不休?</t>
  </si>
  <si>
    <t>特朗普固执己见中国将成赢家</t>
  </si>
  <si>
    <t>曾经在1963年被肯尼迪总统任命为教育部助理部长，还曾任约翰逊总统特别助理，后来成全球预测大师的约翰·奈斯比特在其新书《掌控大趋势》中，对特朗普执政和美国的未来表示了深深的担忧。对美国来说，2008年的危机并不是开始，但那却是最严重危机的开始。今天的美国还缺</t>
  </si>
  <si>
    <t>IMF报告肯定中国加强金融监管</t>
  </si>
  <si>
    <t>国际货币基金组织（IMF）6日发布对中国最新金融体系稳定评估，认为中国金融体系促进了经济快速增长，对中国金融部门加强金融监管的重要举措表示欢迎，同时提醒注意快速增长的金融体系所存在的风险因素。中国人民银行网站表示，报告对我国金融体系的评价是客观中肯的，所</t>
  </si>
  <si>
    <t>美10月贸易逆差升至九个月高位</t>
  </si>
  <si>
    <t>受进口升至记录高位等因素影响，美国10月贸易逆差升至九个月高位。分析指出，这可能会拖累美国经济增长。美国商务部5日发布的数据显示，10月贸易逆差环比增长8.6%，至487亿美元，为1月以来最高水平，超出市场预期。贸易逆差扩大的情况之前已露出一些迹象，美国金融市场?</t>
  </si>
  <si>
    <t>金砖五国老年人口达3.8亿  占全球四成</t>
  </si>
  <si>
    <t>记者6日从在京召开的2017金砖国家老龄会议上获悉，截至2015年，金砖五国60岁及以上人口达3.8亿，占全球老年人口的42%。此次会议由全国老龄工作委员会办公室指导，中国老龄协会、中国人民大学和联合国人口基金驻华代表处共同主办，以“凝聚共识 共同应对”为主题，是金砖</t>
  </si>
  <si>
    <t>欧盟公布“避税天堂”黑名单</t>
  </si>
  <si>
    <t>欧盟5日宣布一份黑名单，认为17个国家和地区在税务问题上不够合作，意欲加大在全球范围内打击国际避税行为的力度，但名单引发争议。这是全球金融危机重创欧洲经济和政府财政之后，欧盟为扩大税基和削减赤字所采取的一系列措施中的最新一个。被列入避税天堂黑名单的17个?</t>
  </si>
  <si>
    <t>全球黄金ETF持仓量增加  金价后市仍承压</t>
  </si>
  <si>
    <t>世界黄金协会（WGC）6日称，11月全球黄金上市交易基金（ETF）的黄金持有量继续小幅增加，但随着美国税改最终方案落地迫近，后市黄金价格承压。数据显示，11月全球黄金ETF增加9.1吨至2357吨，在美元下跌之际，这些净流入全部来自欧洲。WGC称，净流入估值约3.934亿美元。$</t>
  </si>
  <si>
    <t>英国酝酿比特币监管新规</t>
  </si>
  <si>
    <t>据外媒报道，由于利用比特币洗钱的不法行为增多，英国正酝酿出台新的比特币监管措施。比特币近期的飙升行情，也引起更多金融界人士的关注。据英国广播公司4日报道，英国财政部表示，反洗钱监管法规应当包括有关比特币等虚拟货币的内容，比如不再允许交易者进行匿名操作?</t>
  </si>
  <si>
    <t>英脱欧首轮谈判未如期达成协议</t>
  </si>
  <si>
    <t>英国首相特雷莎·梅4日与欧盟委员会主席容克举行“脱欧午餐”，就英国与爱尔兰边界、“分手费”以及欧盟在英公民权利等议题进行谈判。双方未能在最后时刻达成协议，第一阶段谈判将在本周晚些时候继续进行磋商。会谈开始前，不少英国和欧洲主流媒体对特雷莎·梅的“午餐?</t>
  </si>
  <si>
    <t>“巴西肉”掘金中国市场</t>
  </si>
  <si>
    <t>今年3月，巴西曝出多家企业售卖过期变质肉类食品，美国、欧盟等多个国家和地区对巴西肉关闭大门，我国也暂停对巴西肉类的进口。时隔半年，巴西已经逐步走出“问题肉”阴影，93个巴西肉类产品出口市场中，仅剩四个还没有取消进口禁令。重获新生的“巴西肉”与中国市场的关系更</t>
  </si>
  <si>
    <t>美国税改后，世界会怎样？</t>
  </si>
  <si>
    <t>美国总统特朗普一上台，就废除了TPP，退出《巴黎协定》、联合国教科文组织等，处处美国第一，显示出了强烈的孤立主义的倾向，被批评者指责为拱手放弃世界领导权。但美国股市还在上涨，一个内在的逻辑，一方面是美国经济持续向好，另一方面则是多方看好的历史性减税法案。</t>
  </si>
  <si>
    <t>美购物季火爆  零售业变局加速</t>
  </si>
  <si>
    <t>美国感恩节假期开启了年末购物季，在经济向好的背景下，零售额再度攀高，网络和移动互联设备应用成为点燃消费热情主要推手，该领域增幅大幅超过传统零售商。传统零售商也不示弱，沃尔玛和亚马逊的角逐，凸显“线上线下”双轨打法渐成主流。中国商品和中国消费者的参与也成为?</t>
  </si>
  <si>
    <t>世行报告：东亚实现包容性增长需要新思维</t>
  </si>
  <si>
    <t>世界银行4日在题为《乘浪前行：21世纪东亚奇迹》的报告中称，东亚太平洋地区发展中国家在减贫与提高人民生活水平方面成就突出。未来如要实现包容性增长，需采取新思维、新方针。包容性增长，即在减贫的同时提供向上流动的机会和保障全民经济安全，这要求国家超越成功的?</t>
  </si>
  <si>
    <t>网购低价并非通胀疲弱推手</t>
  </si>
  <si>
    <t>美国等西方国家头疼的通胀持续疲弱本应影响消费预期和热情，但因互联网新技术的出现，年末网购高潮却甚于往年，各界对网购低价不应为低通胀负责的认识更为明确。网络的便捷和日趋成熟的虚拟消费场景搭建，激励着消费者尝试应用新的购物体验，并在更具效率的交易过程中，</t>
  </si>
  <si>
    <t>美国税改“回流效应”尚待观察</t>
  </si>
  <si>
    <t>作为特朗普政府执政以来最大的“成绩”，美国30年来最大的税改法案即将出炉。美国公司税率将大幅降低，征税体制也将发生较大变化。作为全球最大经济体和最重要的消费市场和投资目的地，大规模税改是否会在全球范围内引发金融和产业资本大举回流美国，成为外界广泛关注的话题?</t>
  </si>
  <si>
    <t>“16+1合作”机制日趋成熟</t>
  </si>
  <si>
    <t>第六次中国－中东欧国家领导人会晤日前在匈牙利首都布达佩斯举行。此次会晤恰逢中国与中东欧国家“16＋1合作”机制设立五周年。多国专家学者、政界及媒体人士对此次领导人会晤反响热烈，认为“16＋1合作”已成为中国与中东欧国家开展务实合作的重要平台，中方在会晤中提出的?</t>
  </si>
  <si>
    <t>吉尔吉斯斯坦前总统：中亚国家希望加强与中国合作</t>
  </si>
  <si>
    <t>日前，来华参加“2017从都国际论坛”的吉尔吉斯斯坦前总统萝扎·奥通巴耶娃在演讲中表示，中亚国家希望加强与中国合作。萝扎·奥通巴耶娃表示，吉尔吉斯斯坦与中国接壤一千公里，包括其他中亚国家在内，是中国最近的邻国。中亚五国人口超过七千万，幅员辽阔，石油和天然</t>
  </si>
  <si>
    <t>专家建议以“加乘”思维推动煤炭减量消费</t>
  </si>
  <si>
    <t>控制煤炭消费，推动能源结构转型，是我国实现绿色发展的当务之急。专家认为，可借鉴英国经验，以能源供给端“加乘”思维推动煤炭减量消费。这是日前于京召开的“2017中国煤炭消费总量控制和能源转型国际研讨会”上，与会专家给出的建议。2017年，我国经济回暖，一?</t>
  </si>
  <si>
    <t>我国癌症细胞治疗价格有望大幅降低</t>
  </si>
  <si>
    <t>近年来，围绕癌症治疗的研究和创新步伐不断加快，CAR-T（嵌合抗原受体T细胞免疫疗法）在2017年成为当之无愧的关注焦点。有统计显示，CAR-T领域美国开展的研究有143项，而我国的相关研究也达到141项，逐渐迈向全球第一梯队。值得一提的是，我国与CAR-T相关的监管政策日趋明朗?</t>
  </si>
  <si>
    <t>欧盟非盟峰会聚焦青年教育与就业</t>
  </si>
  <si>
    <t>为期两天的第五届欧盟－非盟峰会11月29日在科特迪瓦经济首都阿比让举行。本次峰会以“为可持续未来投资青年”为主题，与会各方在会议期间着重探讨青年发展问题，以及如何在管控非法移民、加强地区安全等领域加强合作。据法新社报道，超过80位来自非洲和欧盟的领导人参加</t>
  </si>
  <si>
    <t>美元反弹回升  日元多头或有机会</t>
  </si>
  <si>
    <t>本周公布的数据显示，受强劲的就业市场带动，美国11月消费者信心升至近17年高位，同时房价大涨，都显示美国经济状况令人鼓舞。同时，下届美联储主席人选鲍威尔在参议院金融委员会作证时表示，随着劳动力市场好转且美国经济并未过热，美联储在12月政策会议上加息的理由正在加?</t>
  </si>
  <si>
    <t>中国机遇：东方哲学指引数字经济</t>
  </si>
  <si>
    <t>两千五百年前，西方的毕达哥拉斯以“万物皆数”为基础，开始了对自然规律的揭示；而东方的孔子以人的“德行”为开始，力图去发现人类社会的规律。于是我们看到，在随后的漫长岁月中，西方社会的发展大多源于对自然认知的不断细化，是一种近似于“分解”的思维模式；而东方社?</t>
  </si>
  <si>
    <t>跨境电商狂扫“黑五”  折射消费升级趋势</t>
  </si>
  <si>
    <t>今年11月24日是欧美国家一年一度的“黑色星期五”购物节，在国内跨境电商行业的集体推动下，“黑色星期五”近年来也逐渐成为继“双十一”后电商行业的又一促销盛事。专家表示，“黑色星期五”网购热潮的背后，传递出当前国内消费升级趋势和“新消费”兴起的信号。“黑色</t>
  </si>
  <si>
    <t>提防“特朗普经济学”外溢效应</t>
  </si>
  <si>
    <t>美国参议院本周将对《减税和就业法案》进行投票，这是继医改法案折戟沉沙后“特朗普经济学”面对的又一次重大考验。按照美国总统特朗普的设想，这项法案应在圣诞节前放到他的办公桌上，由其签署后生效。真能如愿以偿的话，这将是特朗普就任以来通过的第一个重大国会法案，并?</t>
  </si>
  <si>
    <t>美商巨头看好中美合作前景</t>
  </si>
  <si>
    <t>美中关系全国委员会日前在纽约举行年度纪念晚宴，席间诸多美国商界企业家代表纷纷表示，中美两国间健康稳定的合作关系，为美国企业拓展中国市场提供了有利环境，展望新时代，中美合作愿景依旧美好。高通公司执行主席保罗·雅各布斯在会间发言中表示，中国长期以来一直是</t>
  </si>
  <si>
    <t>英国央行：银行业或低估金融科技企业的威胁</t>
  </si>
  <si>
    <t>英国媒体报道称，英国央行28日表示，英国的银行业者可能低估了金融科技企业对银行业的威胁。英国央行公布了2017年对七家大银行——汇丰控股、巴克莱、莱斯银行集团、苏格兰皇家银行、Santander UK、渣打银行和Nationwide的压力测试结果。这次测试首次包含一个“探索性”</t>
  </si>
  <si>
    <t>亏损扩大官司缠身  优步估值可能大减</t>
  </si>
  <si>
    <t>打车软件公司优步的最新财务数据显示，公司亏损额持续扩大，增加了近期股权大幅折价出售的可能性。另外，由于近期负面消息和官司缠身，优步的估值可能进一步缩水。据英国《金融时报》援引优步向投资方公布的财务报表显示，今年第三季度公司亏损额扩大至7.43亿美元，环比</t>
  </si>
  <si>
    <t>中国与中东欧深化经贸务实合作</t>
  </si>
  <si>
    <t>国务院总理李克强当地时间11月27日上午在布达佩斯出席第六次中国－中东欧国家领导人会晤。中东欧16国领导人参加。此次领导人会晤的主题是“深化经贸金融合作，促进互利共赢发展”。欧盟、奥地利、瑞士、希腊、白俄罗斯和欧洲复兴开发银行作为观察员与会。李克强围绕“深</t>
  </si>
  <si>
    <t>假货仍是跨境网购最大痛点</t>
  </si>
  <si>
    <t>跨境电商在为大众带来便利的同时，也遇到了很多棘手的问题。其中，“假货”问题仍是跨境网购的最大痛点。业界呼吁，打击跨境网购售假要牢牢以信用处罚为抓手。中国消费者跨境采购势头凶猛与中国“双11”网络购物节相隔仅半个月，美国市场的年末促销采购季“黑色星?</t>
  </si>
  <si>
    <t>停车产业化雏形渐显</t>
  </si>
  <si>
    <t>国内停车行业迎来业内最大一笔融资。28日，阳光海天停车产业集团宣布，阳光海天于日前完成15亿元融资，此次融资由美国华平投资集团领投，红星美凯龙集团跟投。数据显示，中国的新车销量以及汽车保有量均排世界第一位。2016年，中国新车销量2300万台，大大超过美国的1400</t>
  </si>
  <si>
    <t>东丽公司造假  日本制造频曝丑闻</t>
  </si>
  <si>
    <t>自从日本神户钢铁公司曝出篡改产品质检数据丑闻之后，日本大型制造业企业仿佛集体患上丑闻“大流感”，一个接一个中招……11月28日，日本最大纤维化学生产厂家东丽公司社长日觉昭广在东京召开记者会，公开承认其子公司存在篡改产品强度质检数据问题。日觉昭广表示，东丽</t>
  </si>
  <si>
    <t>新加坡富乐医疗加速拓展中国市场</t>
  </si>
  <si>
    <t>近年来，中国医疗改革持续释放利好，私营医疗领域快速发展，吸引国际医疗服务商加快布局中国市场。新加坡企业健康医疗服务商富乐医疗28日在上海宣布引入中国平安保险（集团）股份有限公司（中国平安）旗下核心股权投资平台平安资本有限责任公司（平安资本）的投资，加快拓展?</t>
  </si>
  <si>
    <t>我国外贸热力迎击“逆全球化”冷流</t>
  </si>
  <si>
    <t>《经济参考报》记者在天津、上海、浙江、广东等地调研了解到，今年以来，随着国内经济企稳、全球经济回暖，我国外贸发展的内外环境明显改善。前三季度，我国出口总值同比增长12.4%，实现回稳向好的预期目标。在全球贸易战暗流涌动的背景下，我国与“一带一路”沿线国家和地区</t>
  </si>
  <si>
    <t>美国假日购物季网购销量或创新高</t>
  </si>
  <si>
    <t>作为美国感恩节购物季重头戏之一的“网络星期一”27日正式开启，预计将连续第六年创造销售额纪录。业内人士称，移动互联设备为网络购物创造了更加便捷、快速的支付条件，这种消费场景的变化将进一步打压实体商户。根据美国奥多比分析公司的最新统计报告显示，今年感恩节</t>
  </si>
  <si>
    <t>四大行与互金巨头战略合作步入实质落地期</t>
  </si>
  <si>
    <t>各大互联网金融巨头在今年纷纷向轻资产转型，输出金融科技，谋求与传统持牌机构合作。自今年6月工农中建四大行与“BATJ”（百度、阿里、腾讯、京东）分别签署战略合作协议以来，近日中国工商银行、中国农业银行与各科技巨头的合作项目分别相继推出，战略合作步入实质落地阶段</t>
  </si>
  <si>
    <t>英国城市的扩张与萎缩</t>
  </si>
  <si>
    <t>几个月前到英国西北部湖区边缘小城镇巴洛的那次旅游令人印象深刻。宏伟的市政厅在小小的半岛上高高耸立，孤独地诉说着这座城市曾经的繁华与荣光，与周围冷清的环境对比鲜明。巴洛曾经有繁荣的造船业，当地一座博物馆陈列着曾经在这里建造的军舰。当地人说，如今巴洛还仍</t>
  </si>
  <si>
    <t>以色列初创企业众筹监管进一步放松</t>
  </si>
  <si>
    <t>以色列议会日前修订了一系列法规，旨在进一步放松对初创企业和小企业进行固定收益债券众筹的管制。目前，以色列法律允许私营企业通过银行或者机构投资者、风险基金、天使投资或者通过由最多35个受信投资者组成的团体进行融资。今年3月，以色列议会财政委员会决定，</t>
  </si>
  <si>
    <t>截至11月中旬印度外储达3995亿美元</t>
  </si>
  <si>
    <t>据印度央行印度储备银行日前发布的公告，截至11月17日，印度外汇储备达到3995.33亿美元，周环比上升2.404亿美元。印度此次外汇储备增加，主要来源于外国货币资产的增加。外国货币资产的增加主要是通过印度储备银行进行外币买卖操作来实现的，也包括外国政府援助和资产重</t>
  </si>
  <si>
    <t>中国“全产业链”对接东盟电力需求</t>
  </si>
  <si>
    <t>近年来，具备全球领先水平的中国电力工业，正在沿着“一带一路”向东盟国家发展，形成强大的“质量效应”和“品牌效应”。打造全产业链合作模式，让中国强大的电力工业沿着“一带一路”对东盟国家形成“辐射效应”，成为中国—东盟自贸区高层人士和电力专业人士的共识。</t>
  </si>
  <si>
    <t>金融科技监管或试水“监管沙盒”</t>
  </si>
  <si>
    <t>科技发展正在重塑金融业的业态，而中国在全球蓬勃发展的金融科技大潮中已占据重要一席。数据显示，去年中国金融科技公司获得的融资额已经超越美国，位居全球首位。在11月26日举行的2017天府金融论坛——科技金融与创新创业分论坛上，与会人士表示，金融科技对现有的金融</t>
  </si>
  <si>
    <t>机构报告显示：三季度全球贸易增速创六年半新高</t>
  </si>
  <si>
    <t>近期，荷兰经济政策分析局发布的一份统计数据显示，今年第三季度全球贸易增长率达到六年半来高点。该机构认为，全球贸易增速缓慢的阶段可能已经接近尾声。在包括全球央行在内的各大机构中，这家政府机构最先披露了最近的贸易数据和经济数据。数据显示，今年第三季度，全</t>
  </si>
  <si>
    <t>美国“黑色星期五”掀起网购风潮</t>
  </si>
  <si>
    <t>11月24日是美国传统节日感恩节的次日，消费者又迎来了一年一度的“黑色星期五”，正式拉开美国年末购物季的序幕。今年，传统实体店在推出各种打折优惠活动的同时，商家还注意发力网购市场，在线购物、手机购物成为今年“黑色星期五”购物的一大亮点。美国数据分析网站奥</t>
  </si>
  <si>
    <t>亚行发布首份成员体PPP监测报告</t>
  </si>
  <si>
    <t>亚洲开发银行（简称亚行）日前发布其首份追踪亚行成员体政府与社会资本合作（PPP）运营环境发展情况的年报《公私合作监测》，称具备发达金融市场、强大本土金融机构和多元化融资资源的亚太地区国家更有可能推动PPP项目。亚行对25个发展中经济体的研究显示，每年4570亿美</t>
  </si>
  <si>
    <t>环保企业借“一带一路”深耕海外市场</t>
  </si>
  <si>
    <t>“这是我们公司最新的环卫车，目前已经远销到巴基斯坦、东南亚以及非洲一些国家。以前我们只出口环卫设备，现在开始发展垃圾焚烧发电项目，出口环保技术了。”在日前举行的2017第三届西安国际环保产业博览会上，五洲环保科技公司业务经理鲍洪杰向前来咨询业务的客商介绍道。$</t>
  </si>
  <si>
    <t>德国组阁危机折射欧洲政坛大气候</t>
  </si>
  <si>
    <t>近年来，德国政局稳定、经济稳步增长，被视为“欧洲的稳定器”。然而，正在发酵的德国组阁危机，不仅让默克尔总理遭遇执政12年来最严重的挫折，更使以“稳定”著称的德国政治文化传统面临前所未有的挑战。德国组阁危机，有其国内政治势力分化组合的复杂原因，但如果从整</t>
  </si>
  <si>
    <t>德式组阁僵局：默克尔遇到“灰犀牛”</t>
  </si>
  <si>
    <t>德国联盟党（由基民盟和基社盟组成）与自民党、绿党的组阁谈判日前以失败告终，德国政坛前景未卜。对德国总理默克尔来说，心怀异志的自民党退出谈判并非出乎意料的“黑天鹅”，但执政多年在财政、环境、难民等方面的政策屡遭质疑，9月下旬联邦议院选举仅仅惨胜，以及盟友社民</t>
  </si>
  <si>
    <t>中医针灸在美国获积极推动</t>
  </si>
  <si>
    <t>莎伦又一次躺在熟悉的床位上，针灸师樊蓥轻、稳、准地在她肩部和颈部的重要穴位扎上了细细的针。莎伦的耳边响起了柔和温馨的轻音乐，她慢慢闭上眼，呼吸均匀，心情平和，享受着45分钟的美好时光。从信赖到依赖樊蓥是美国弗吉尼亚州与华盛顿特区持照针灸师，他的诊?</t>
  </si>
  <si>
    <t>告别颓势香港经济又见丰年</t>
  </si>
  <si>
    <t>11月19日晚上10点，亚洲最著名的掘金之地香港铜锣湾依然熙熙攘攘。SOGO商场五楼，在男装柜台上班多年的陈女士操着不熟练的普通话笑着对记者说：“今年生意比去年好，昨天你没来，人都挤不透。”SOGO七楼家电柜台的年轻售货员对记者说，前几年零售业一直往下走，今年总算止跌?</t>
  </si>
  <si>
    <t>中国金茂多方位践行绿色发展战略</t>
  </si>
  <si>
    <t>11月7日至17日，联合国气候大会在德国波恩举行，各国就应对气候变化以及自主贡献目标等内容展开广泛交流。其中，二氧化碳的减排量是热议重点。一直积极应对气候变化的中国金茂，此次代表中国房地产企业参加联合国气候变化大会中国角边会，分享其参与中国碳市场交易、实现“碳</t>
  </si>
  <si>
    <t>“一带一路”为法企带来物流新机遇</t>
  </si>
  <si>
    <t>20日上午11时许，一列由法国企业迪卡侬定制的从中国武汉发出的货运专列冒着淅沥小雨驶入法国北部物流重镇杜尔日的车站。在火车停下的那一刻，几乎所有人自发开始热烈鼓掌。当天，迪卡侬物流事务负责人克里斯托弗·迪帕在庆祝仪式上郑重道出了掌声背后的时代意义。他说，</t>
  </si>
  <si>
    <t>多氟多布局新能源汽车全产业链</t>
  </si>
  <si>
    <t>日前，红星汽车三款搭载多氟多锂电池动力的新车型在浙江杭州举办的2017全球未来出行展上亮相，这标志着多氟多新能源汽车开始以快捷、方便、时尚、绿色、智慧、个性的姿态，踏上新征程。在新中国的汽车发展史上，红星汽车曾经是一代人的向往和梦想，出口美国后被誉为“东</t>
  </si>
  <si>
    <t>中企宜借比利时平台优势拓展欧洲市场</t>
  </si>
  <si>
    <t>比利时驻华使馆官员日前接受记者专访时表示，中国和比利时在高科技产业合作方面潜力巨大，中国企业可利用比利时作为欧盟总部所在地的独特优势，通过投资拓展欧洲市场。在第九届中国对外投资合作洽谈会间隙，比利时驻华大使馆瓦隆州文化教育及经济商务投资参赞丁爱宇对记</t>
  </si>
  <si>
    <t>世界银行报告：中国“纳税时间”大幅缩短</t>
  </si>
  <si>
    <t>《经济参考报》记者22日获悉，日前，普华永道联合世界银行（World Bank）共同发布《世界纳税指数2018》报告，对《2018年营商环境报告》中的“纳税”指标进行了详细解读和分析。报告显示，2016年度，中国的“纳税时间”指标表现亮眼，相较于前一年大幅缩短了20%。据悉，?</t>
  </si>
  <si>
    <t>欧盟催促英国加快脱欧谈判进程</t>
  </si>
  <si>
    <t>据外媒报道，欧盟20日再次催促英国采取行动加快“脱欧”谈判进程。欧盟负责谈判的首席代表米歇尔·巴尼耶称，目前正由英国决定在关键问题上采取何种解决方案，欧盟将在未来最关键的几周内继续采取强硬立场，并呼吁其他欧盟政策制定者也不要轻易妥协。“脱欧”谈判目前正</t>
  </si>
  <si>
    <t>“营菜”浓缩文化基因</t>
  </si>
  <si>
    <t>“菜以城传世，城以菜扬名。”河海交汇，让营口身处渤海湾，又鲜明地区别于其他城市。营口素以“三水”之乡著称，盛产水果、水稻、水产品。大鲁子鱼、河刀鱼、鲅鱼、大头宝、简扣鱼、鳞鲫鱼、海鲇鱼等等，都是营口这片海域独有的。营口特产的虾、蟹、贝类更是不胜枚举，品类?</t>
  </si>
  <si>
    <t>H＆M的商业密码</t>
  </si>
  <si>
    <t>从1947年瑞典中部韦斯特罗斯市的一家女装店起步，瑞典海恩斯莫里斯集团目前已经成为商业“巨无霸”，拥有八个不同品牌和遍布世界各地68个市场的4500多家门店。集团旗下核心品牌H＆M的定位是“大众时装——提供从最热门的潮流服饰到品质最优的基本款”。笔者常驻瑞典多年，感?</t>
  </si>
  <si>
    <t>美司法部欲阻AT&amp;T收购时代华纳</t>
  </si>
  <si>
    <t>美国司法部11月20日正式以反垄断为由起诉AT&amp;T，意欲阻止其以845亿美元的价格收购时代华纳。前司法部反垄断部门公众知识总裁齐默曼表示，这可能成为现代历史上最重大的反垄断法律诉讼。而AT&amp;T总法律顾问麦克艾特称，AT&amp;T将会与司法部对簿公堂。这起诉讼由司法部反垄断司?</t>
  </si>
  <si>
    <t>中俄经贸关系提质升级</t>
  </si>
  <si>
    <t>中国驻俄罗斯使馆公使衔经济商务参赞李静援日前表示，中俄经贸关系“稳增长、调结构、转方式”取得显著成效，双边经贸关系提质升级，前景光明广阔。李静援对记者表示，中俄经贸合作正处于优势互补、互为主要优先合作伙伴的战略机遇期。2017年年初以来，两国经贸关系持续</t>
  </si>
  <si>
    <t>英国大力扶持无人驾驶汽车产业</t>
  </si>
  <si>
    <t>据外媒报道，英国政府正计划大力扶持无人驾驶汽车产业的发展，无人驾驶汽车将在2021年前上路行驶。据英国广播公司报道，英国财政大臣菲利普·哈蒙德表示，政府的目标是在2021年前实现无人驾驶汽车上路行驶，而且这种汽车是“完全无人驾驶的”，即车上没有保障安全的驾驶</t>
  </si>
  <si>
    <t>物流全球化加速布局  中企“出海”正当时</t>
  </si>
  <si>
    <t>菜鸟网络将加强海外物流体系建设，成立国际物流智能调度中心；京东力争在2018年底物流覆盖印尼所有城市；百世集团将加速布局美国、欧洲、东盟等国家和地区，并开通中俄电商跨境专线产品……我国物流体系全球化发展加速。“物流‘走’到哪里，国货就‘卖’到哪里。”业内</t>
  </si>
  <si>
    <t>英议员再度“逼宫”  “脱欧”谈判迷雾重重</t>
  </si>
  <si>
    <t>英国媒体日前报道，目前已有40名保守党议会下院议员同意将联名致函保守党党魁、英国首相特雷莎·梅，表示对她领导能力的不信任，并要求她下台。根据规定，这离正式提出挑战领导权所需的人数仅差8人。这是梅在今年6月出任首相以来面临的最大党内领导权挑战。此次“逼宫”事件?</t>
  </si>
  <si>
    <t>对上市网贷公司更应“严监管”</t>
  </si>
  <si>
    <t>今年以来，多家P2P网络借贷公司赴美国上市。P2P网贷野蛮生长，影响金融稳定和社会稳定，不少网贷平台还涉足“校园贷”“现金贷”，应继续深入开展互联网金融专项整治，加强对其监管。“严监管”将推动网贷行业步入规范发展之路。4月28日，信而富在纽交所正式挂牌上市，?</t>
  </si>
  <si>
    <t>NAFTA谈判部分领域有望获进展</t>
  </si>
  <si>
    <t>更新北美自贸协定（NAFTA）第五轮谈判正在墨西哥首都墨西哥城召开，美国、加拿大、墨西哥三方在汽车业存在争议，但谈判气氛较之前已有缓和，据消息人士透露，这一谈判有望在电信和电商领域取得进展。为期4天的谈判重点围绕修改汽车原产地规则及增加协定5年自动失效的“?</t>
  </si>
  <si>
    <t>油价结束五周连涨</t>
  </si>
  <si>
    <t>受石油输出国组织（欧佩克）政策不定和美国增产的影响，本周油价出现下跌，结束之前连续5周上涨。当周(11月13日-11月17日)前几个交易日油价持续疲弱，但在最后一个交易日上涨超过2%，令周跌幅收窄。消息层面，俄罗斯是否支持欧佩克延长减产协定备受关注。沙特能源?</t>
  </si>
  <si>
    <t>高层更迭对GE在华发展战略影响甚微</t>
  </si>
  <si>
    <t>新旧董事长和首席执行官交替，公司一定会有变化，但对中国业务的整体战略影响不大，美国通用电气公司（GE）全球高级副总裁、GE中国总裁兼首席执行官段小缨日前对《经济参考报》记者表示，中国是美国之外最大的单一市场，GE在华业务发展战略始终以中国市场为核心。今年8?</t>
  </si>
  <si>
    <t>东亚区域合作进入新征程</t>
  </si>
  <si>
    <t>今年恰逢东盟成立50周年和东盟与中日韩（10+3）合作启动20周年，明年是中国－东盟建立战略伙伴关系15周年。中共十九大胜利闭幕后，中国政府首脑近日首次参加东亚合作领导人系列会议，对于促进中国－东盟关系发展、推进东亚区域合作进程、推动构建亚洲命运共同体具有重要意义?</t>
  </si>
  <si>
    <t>中德生态园:生态立园  动能强劲</t>
  </si>
  <si>
    <t>十九大报告中指出，加快生态文明体制改革，建设美丽中国。在山东青岛，有这样一个工业园区：曾经被毁损的山体被修复成绿色生态走廊；昔日的漫流沟被改造成候鸟栖息的青翠河；利用城市海绵技术铺设的路面将雨水的流出率降低到15%以内；园区内林立的是超低能耗绿色建筑,不需要?</t>
  </si>
  <si>
    <t>《从凯恩斯到皮凯蒂》：重温经济思想史</t>
  </si>
  <si>
    <t>10月28日下午，北京国家图书馆典籍博物馆五层文会堂内座无虚席，“《从凯恩斯到皮凯蒂》新书首译发布会”正在这里举行。该书的英文作者、英国发展经济学家彼得·德·哈恩不远万里，亲临现场。在一个多小时的演讲中，彼得·德·哈恩语速飞快，围绕西方经济思想史侃侃而谈</t>
  </si>
  <si>
    <t>消费疲弱  日本三季度经济增长放缓</t>
  </si>
  <si>
    <t>日本内阁府15日公布的数据显示，日本三季度国内生产总值（GDP）年化季环比初值为1.4%，创下过去4个季度以来最小增幅。有分析认为，日本经济短期增长可期，长期走势有待观察。内阁府称，日本第三季实质国内生产总值（GDP）按季增0.3%，低于第二季0.6%的季度增幅，但符合?</t>
  </si>
  <si>
    <t>中国高端客车集体发力欧洲市场</t>
  </si>
  <si>
    <t>道路拥堵、空气污染、能源枯竭、危机显现……当大众出行面临前所未有的挑战，“清洁化、高效化、智能化”便成了全球公共交通的共同诉求。而在这方面，中国客车企业交上了自己的答卷。被称为全球规模最大的世界客车博览会（Busworld）前不久已在比利时的科特赖克（Kortri</t>
  </si>
  <si>
    <t>美国小镇里的中国企业</t>
  </si>
  <si>
    <t>今年58岁的詹姆斯·威尔克森在美国印第安纳州莫嫩镇的挂车厂工作了30多年。在这里，他经历了挂车行业的起起伏伏，也见证了一家中国企业如何让这个美国中西部小镇重焕生机。莫嫩镇位于印第安纳州西北部，距美国第三大城市芝加哥160公里。提起莫嫩，附近的居民总会想起“?</t>
  </si>
  <si>
    <t>估值过低  博通收购提议被高通拒绝</t>
  </si>
  <si>
    <t>11月13日，美国高通公司发布官方声明，称公司董事会已正式拒绝了博通公司11月6日主动提出的收购提议，认为博通公司低估了高通公司的价值。11月6日，博通公司对高通提出收购意向，表示将以每股70美元现金加股票的方式收购高通公司全部流通股，总价值达1300亿美元。仅就交</t>
  </si>
  <si>
    <t>中国企业借助跨境电商布局全球市场</t>
  </si>
  <si>
    <t>在短短4个月时间里，杭州山臣家居就借助亚马逊平台成功进入了英国、德国、法国等欧洲五国市场。不同于以往为国外线下连锁和高端零售店提供代工产品的模式，借助跨境电商“出海”，该企业打造了自主品牌，实现了突破式发展。像山臣家居一样，越来越多的中国企业敏锐地察?</t>
  </si>
  <si>
    <t>我国应做互联网贸易法治化推动者</t>
  </si>
  <si>
    <t>随着互联网贸易的兴起，传统的国际贸易规则也逐步拓展到新型贸易领域。由于多哈回合谈判陷入僵局，WTO协定至今未能制定出反映时代变化的互联网贸易新规则。由此，以美国、欧盟等为代表的国家和地区实行场所转向的策略，试图从区域或双边经贸规则出发，构建互联网贸易的规则体</t>
  </si>
  <si>
    <t>应从三个维度认识供应链</t>
  </si>
  <si>
    <t>在西方经济学和中国的教科书中，所谓的供应链主要指的是企业供应链，但在全球化的今天，供应链要从单纯的企业供应链概念中突破。国务院办公厅发布的《关于积极推进供应链创新与应用的指导意见》（以下简称《意见》）提出，要“创新发展供应链新理念、新技术、新模式”。</t>
  </si>
  <si>
    <t>欧盟为英“脱欧”谈崩准备预案</t>
  </si>
  <si>
    <t>欧盟负责英国“脱欧”谈判的首席代表米歇尔·巴尼耶12日说，针对正在进行中的“脱欧”谈判，欧盟正在制订谈判失败后的应急计划。分析认为，谈判在多个关键问题上一直难以取得关键进展，“脱欧”后双方关系的建立等议题很可能要等到明年才能开启，而近期英国首相面临的党内危?</t>
  </si>
  <si>
    <t>俄罗斯银行业重组面临考验</t>
  </si>
  <si>
    <t>俄罗斯银行业的整顿工作正在如火如荼地进行中。俄罗斯央行近日表示，目前正接受央行救助的Otkritie银行和B&amp;N银行将在三到四年内重返市场，进行股份公开出售。这是俄央行自今年年中强化银行业整顿机制以来的两个最大救助案例。8月底，资产排名第八的俄罗斯第一大民营银行</t>
  </si>
  <si>
    <t>对接“一带一路”  东盟强化区域合作</t>
  </si>
  <si>
    <t>继越南岘港亚太经合组织(APEC)领导人非正式会议后，东盟迎来了第二个“主场”——菲律宾马尼拉，在10日至16日举行东盟峰会和东亚合作领导人系列会议。相继举行的重量级国际性会议反映出东盟国家的共同愿景，即强化与周边国家的经贸合作，捍卫多边主义共绘发展蓝图，积极参与?</t>
  </si>
  <si>
    <t>智库热议中美经贸关系进展和未来</t>
  </si>
  <si>
    <t>全球化智库（CCG）和宾大沃顿中国中心日前共同主办了中美关系讨论会，探讨中美关系走势。CCG特邀研究员、中国人民大学国际关系学院副教授刁大明认为，中美关系从良好走向良性发展的过程引人瞩目，是非常可喜的进展。四个高级别对话机制促进了过去几个月两国关系的平稳发</t>
  </si>
  <si>
    <t>法国葡萄酒在中国的“亲民路线”</t>
  </si>
  <si>
    <t>爱喝葡萄酒的人，对法国葡萄酒一定不会陌生。法国是世界上最重要的葡萄酒生产国之一，葡萄酒酿造历史十分悠久。法国葡萄酒的出口额约占全球葡萄酒出口贸易总额的三成。其中，法国西南地区的波尔多是著名的葡萄酒产区。波尔多山坡产区在整个波尔多葡萄种植区中具有举足轻</t>
  </si>
  <si>
    <t>自贸协定有助于维护亚太经济活力</t>
  </si>
  <si>
    <t>“过去几十年来，亚太一直是全球经济最具发展活力的地区。亚太各经济体高效的分工协作以及以贸易为导向的生产网络不断地为地区发展注入活力。”美国智库卡内基国际和平基金会高级研究员黄育川日前在接受新华社记者采访时如此表示。黄育川说，由于亚太地区各经济体发展程</t>
  </si>
  <si>
    <t>鲍威尔：美联储的守成与变革</t>
  </si>
  <si>
    <t>美国总统特朗普日前提名64岁的美联储理事鲍威尔为下任美国联邦储备委员会主席。特朗普当日在华盛顿表示，鲍威尔受到了民主、共和两党的共同尊敬，他敦促参议院迅速通过这项提名。“我相信他拥有智慧和领导力，引导我们的经济迎接任何挑战。”获得提名后，鲍威尔在简短发言中?</t>
  </si>
  <si>
    <t>盈亏平衡通胀率持续回升  债券收益率继续承压上行</t>
  </si>
  <si>
    <t>前美联储主席本·伯南克经常使用“盈亏平衡通胀率”的概念来描述金融市场对未来通胀预期的变动，与经济理论化较强的菲利普斯曲线中的“通胀预期”不同，“接地气”的盈亏平衡通胀率是一个较佳的追踪市场通胀预期变动的指标。由于美国债券市场存在“通胀保值债券（TIPS）”这?</t>
  </si>
  <si>
    <t>原油低价时代恐仍持续</t>
  </si>
  <si>
    <t>一如国内商品市场，原油价格的表现也屡屡超预期。在此前持续的页岩油气大量生产、欧佩克不得不推动减产协议来保住价格的市场迅速逆转，到目前，两大基准油价纷纷刷新前期的新高，与国内市场的进口关联度更高的北海布伦特油价站稳60美元的关口，并继续升高。数据显示，到</t>
  </si>
  <si>
    <t>日本上半财年经常项目顺差创新高</t>
  </si>
  <si>
    <t>9日公布的数据显示，日本上半财年经常项目盈余创下近十年新高，同时，日本政府已连续12个月对日本经济基本状况维持“正显示出改善”的最高判断不变。有分析称，良好的经济数据支撑日本央行维持现有的宽松货币政策。日本财务省9日发布的国际收支数据显示，2017年上半财年</t>
  </si>
  <si>
    <t>中美有望达成系列务实经贸成果</t>
  </si>
  <si>
    <t>应国家主席习近平邀请，美国总统特朗普8日下午抵达北京，开始对中国进行国事访问。这是特朗普今年初就任美国总统以来首次访华，也是中共十九大胜利闭幕后中方接待的第一起国事访问。据外交部介绍，此次特朗普访华之际，中美两国领导人将就共同关心的重大问题再次进行战?</t>
  </si>
  <si>
    <t>新时代须培养出适应市场需求的职业教育人才</t>
  </si>
  <si>
    <t>以“绘制新航线：创新和职业教育助推人才培养”为主题的摩根大通-亚洲协会“领先一步”系列研讨会7日在京举行。专家表示，中国经济正经历由持续增长向可持续发展的转型，当前亟须提高中国职业教育发展质量，培养出适应市场需求的人才。国务院发展研究中心副主任张来明表</t>
  </si>
  <si>
    <t>“一带一路”助力中拉经贸合作升级</t>
  </si>
  <si>
    <t>主题为“相知无远近，万里尚为邻”的中国—拉美国际博览会以及中拉经贸合作论坛9日至11日在中国珠海举行。本届中拉国际博览会以经贸合作为核心，以科技和农业合作为支撑，围绕商品贸易、服务贸易、技术合作、投资金融、文化体育、旅游合作等领域开展相关展览和论坛活动。</t>
  </si>
  <si>
    <t>报告：企业“走出去”需关注五大风险</t>
  </si>
  <si>
    <t>11月8日，中国出口信用保险公司（以下简称“中国信保”）在京发布2017年《全球投资风险分析报告》。数据显示，2016年我国对外投资流量为1961.5亿美元，同比增长34.7%，仅次于美国，其中非金融类对外投资流量为1812.3亿美元，同比增长49.3%。2016年我国对外投资存量累计为1.36</t>
  </si>
  <si>
    <t>欧盟欲设立“避税天堂”黑名单</t>
  </si>
  <si>
    <t>路透社援引多位欧盟官员表态称，欧盟成员国在7日的欧盟财长会议上，将重点商议加强打击偷漏税的措施。预计将在今年年底前形成一份“避税天堂”的黑名单。国际调查记者联盟5日曝光了大量“天堂文件”。据悉，近百家媒体通过调查金融服务公司和离岸公司注册机构的1340万份</t>
  </si>
  <si>
    <t>卡特彼勒CEO眼中的中国</t>
  </si>
  <si>
    <t>“从2017年上半年的中国经济增长来看，我们对中国经济前景充满信心。”美国卡特彼勒公司首席执行官吉姆·昂普尔比表示。今年上半年，中国经济增长6.9%。8月份，中国制造业采购经理人指数（PMI）为51.7%，比7月上升0.3个百分点。昂普尔比说：“中国正在实施‘十三五</t>
  </si>
  <si>
    <t>定位高端的机场零售业能否抓住消费升级风口</t>
  </si>
  <si>
    <t>中国的机场数量已经排名全球第一，2016年仅境内民航（颁证）机场就有218个，全年旅客吞吐量突破10亿人次，比上年增长11.1%，而北京首都机场和上海浦东机场旅客吞吐量已进入全球前10名。然而，中国机场的非航空性业务收入（以下简称“非航收入”）占比却相对偏低。英国等</t>
  </si>
  <si>
    <t>APEC会议周探寻区域经济新动力</t>
  </si>
  <si>
    <t>11月6日至11日，2017亚太经合组织(APEC)领导人会议周在越南中部城市岘港举行，其间将举行APEC第二十五次领导人非正式会议，此次会议以“打造全新动力、开创共享未来”为主题，有望在APEC框架下进一步推动亚太区域经济合作。会议包括四个优先议题：促进可持续创新和包容?</t>
  </si>
  <si>
    <t>美国拟商议扩大外资审查范围</t>
  </si>
  <si>
    <t>据外媒报道，美国数名议员本周将向国会呈交议案，拟加强美国外国投资委员会(CFIUS)对小规模投资并购的监管权力。业内人士称，此举可能令外国公司在美投资阻力加大。路透社援引知情人士的话称，美国参众两院的两党议员本周将提出加强审查外资投资的议案。据悉，参议</t>
  </si>
  <si>
    <t>深化供给侧改革  建设现代化经济体系</t>
  </si>
  <si>
    <t>十九大是在我国全面建成小康社会决胜阶段、中国特色社会主义进入新时代的关键时期召开的一次重要会议，对中国和世界将产生影响。国内外高度关注十九大，高度重视十九大后的中国经济转型发展、经济增长前景及对世界经济的影响。10月28-29日，中国（海南）改革发展研究院与德国</t>
  </si>
  <si>
    <t>特朗普访日聚焦经贸合作</t>
  </si>
  <si>
    <t>11月5日，美国总统特朗普开启访问日本的行程。据报道，特朗普将与日本首相安倍晋三就经济增长、经贸合作等问题进行会谈，并发表文件。此次特朗普对日本为期三天的访问，是其当选总统后亚洲五国之行的首站。分析人士认为，虽然特朗普的亚太政策尚未完全成型，但其利益诉?</t>
  </si>
  <si>
    <t>英国版“老人与海”</t>
  </si>
  <si>
    <t>这是一个英国版“老人与海”的故事。64岁的阿兰·普利迪要驾驶他亲手打造的摩托艇，再一次冲向大海，去刷新环球航行的最快纪录。普利迪是英国航海圈里的传奇。他出生在英国军港朴茨茅斯，从小爱船，15岁时辍学当了一名造船工。几年后，为了买一艘自己的船，普利迪开始拼命赚?</t>
  </si>
  <si>
    <t>马兜铃酸：治病良药还是癌症元凶</t>
  </si>
  <si>
    <t>一篇马兜铃酸的重磅论文，近日登上权威医学期刊《科学—转化医学》封面。论文称，在中成药里广泛存在的马兜铃酸成分和亚洲人的肝癌相关。与此同时，一份含马兜铃属药材的药品名单在坊间流传。马兜铃酸真的会导致肝癌？含马兜铃酸的药是否都不能吃了？我们的传统中药又是否安?</t>
  </si>
  <si>
    <t>我国页岩气开发将迎爆发期</t>
  </si>
  <si>
    <t>本世纪初，北美“页岩气革命”的成功给世界能源格局和国际地缘政治带来了不可估量的影响。我国作为页岩气资源储量十分丰富的国家，经过近几年高效的勘探开发，取得了阶段性重大突破：探明储量大幅上升，产能产量稳步增长，适合我国地质环境条件、具备国际领先水平的自主勘探?</t>
  </si>
  <si>
    <t>美元反弹走势不变  日元持续弱势</t>
  </si>
  <si>
    <t>本周，美联储如期宣布维持利率不变，表示美国经济“稳健”增长，劳动力市场继续增强，且对近期遭受飓风的影响轻描淡写，表明美联储仍在12月加息的轨道上。近期公布的一系列美国经济数据都很强劲，支持了美联储今年早些时候有关数据疲弱只是暂时现象的观点。美联储今年已</t>
  </si>
  <si>
    <t>欧洲经济稳步增长  复苏势头超预期</t>
  </si>
  <si>
    <t>最新数据显示，第三季度欧盟和欧元区经济延续了第二季度的增长势头，复苏脚步趋稳，失业率再创数年来新低。分析指出，欧洲经济复苏形势好于预期，为欧洲央行近期收紧货币政策的行动提供了支撑，但在通胀呈现稳步回升趋势之前，欧洲央行还难以完全退出量化宽松政策。欧盟</t>
  </si>
  <si>
    <t>造汽车：日本人自认比欧洲好在哪儿</t>
  </si>
  <si>
    <t>欧洲作为汽车的诞生之地，在汽车方面的造诣似乎无可争议，但日本人也有着自己的优越感，比如丰田汽车公司的一位高层人物就觉得，作为“汽车社会”，欧洲胜过日本；但如果说“汽车文明社会”的话，日本是优于欧洲的。说这番话的，是时任丰田汽车公司常务理事金子达也，早</t>
  </si>
  <si>
    <t>特斯拉中国设厂悬念或年内揭晓</t>
  </si>
  <si>
    <t>“为更好地服务中国市场，我们正与上海市政府探讨在该地区建设工厂的可能性。正如早前所述，到今年底，我们的中国生产计划将更加清晰。”近来，面对媒体询问特斯拉是否将在中国独资建厂时，特斯拉的有关工作人员总是这样回复。这家总部位于美国的知名新能源汽车及设备制</t>
  </si>
  <si>
    <t>马赛缘何热捧“一带一路”</t>
  </si>
  <si>
    <t>“‘一带一路’机不可失!”在法国南部城市马赛采访期间，记者发现这样的观念在马赛和周边地区的许多企业家和政界人士心中落地生根。在马赛举办的一场中法经济论坛上，法国企业家吉孔蒂在发言时表示，抓住“一带一路”机遇是法国企业家理智的选择。主管经济的马赛副</t>
  </si>
  <si>
    <t>彩电企业争抢双十一商机</t>
  </si>
  <si>
    <t>全世界球迷翘首以待的2018俄罗斯世界杯，即将揭晓全部参赛队伍。虽然中国球迷的世界杯梦想不得不再次延后，但中国彩电业的宏图正在本届世界杯上徐徐展开。在前不久结束的第122届广交会上，海信首次展示了俄罗斯世界杯定制版电视。这款搭载世界杯官方应用等主题软件、遥?</t>
  </si>
  <si>
    <t>IMF：全球经济上行力度增强</t>
  </si>
  <si>
    <t>国际货币基金组织10月31日在京发布《世界与中国经济展望报告》认为，全球经济进入上行周期，上行力度不断增强，预计今明两年全球增长率将分别达到3.6%和3.7%，大大高于去年的3.2%，政策制定者应抓住时机推进结构性改革和财政改革，增强抵御风险的能力。国际货币基金组织</t>
  </si>
  <si>
    <t>英国加息后劲不足</t>
  </si>
  <si>
    <t>英国央行即将加息，几乎已是市场共识。有调查显示，大约八成的分析师认为英国央行近期将会加息。但是，从通胀预期、就业状况以及经济增长等因素来看，英国经济的疲弱态势不变，加息周期即便启动，后续步伐也终究快不了。支持加息最重要的理由是通胀的抬头。最新数据显示</t>
  </si>
  <si>
    <t>英央行称脱欧将致大量岗位流失</t>
  </si>
  <si>
    <t>据外媒报道，英国央行认为，英国脱欧可能将导致英国75000个金融岗位流失。分析指出，即便如此，伦敦未来仍然是欧洲最重要的金融中心之一。据英国广播公司报道，英国央行认为，未来3至5年，英国脱欧将带来的金融岗位流失数量将接近于奥玮咨询公司2016年的一项研究报告所?</t>
  </si>
  <si>
    <t>日本央行将维持货币政策不变</t>
  </si>
  <si>
    <t>10月30至31日，日本央行举行货币政策会议。预计将维持利率和QE政策不变，维持短期利率目标在-0.1%、10年期日债收益率目标在0%左右。由于出口和民间消费稳健，日本央行对国内各地区经济给出了10多年以来最乐观的评估，凸显出央行对国内经济稳步复苏且势头向好的信心。</t>
  </si>
  <si>
    <t>简普科技赴美上市面临考验</t>
  </si>
  <si>
    <t>继趣店、和信贷、拍拍贷之后，此前悄无声息的融360突然宣布，旗下简普科技将赴美上市。美国时间10月20日，简普科技向美国证券交易委员会（SEC）提交招股书，拟融资3亿美元，承销商为高盛、摩根史丹利和摩根大通。不过，与上市前利润暴增的拍拍贷和趣店相比，简普科技可谓是个</t>
  </si>
  <si>
    <t>标准化建设是动力电池发展“强心剂”</t>
  </si>
  <si>
    <t>业内人士指出，动力电池作为未来全球汽车工业的核心竞争力，美日韩及欧洲各国均表现出决心。虽然我国与美日韩的差距正不断缩小，但要实现超车不能只靠企业行为，而是要抓住当前关键期，借助国家行为，强力推动产业实现飞跃。首先，我国要尽快缩小与日韩等国在动力电池扶</t>
  </si>
  <si>
    <t>把握机遇  增强世界经济韧性与潜能</t>
  </si>
  <si>
    <t>自2008年金融危机爆发后的十年间，持续的低增长不仅暴露了全球经济在结构上的一些缺陷，也显示出全球经济在适应技术变革和一体化快速发展方面的薄弱之处。全球问题需要全球方案，合作是开创繁荣的最佳途径——国际货币基金组织（IMF）近期调高了今明两年世界经济增长预?</t>
  </si>
  <si>
    <t>美数据强劲  本周或维持利率不变</t>
  </si>
  <si>
    <t>美国商务部最新公布的数据显示，今年第三季度美国实际国内生产总值(GDP)初值按年率计算增长3%，显示飓风灾害对经济影响暂时有限，预计本周美联储的货币政策安排不会做出调整。此次数据略低于美国第二季度的3.1%，但超过市场预期的2.5%。美国商务部表示，私人库存投资提?</t>
  </si>
  <si>
    <t>持续看好中国  世界没有看错</t>
  </si>
  <si>
    <t>国际货币基金组织（IMF）年内四度上调中国经济增长预期、世界银行和亚洲开发银行纷纷调高今明两年中国经济增速预测值、瑞士洛桑国际管理学院《2017年度世界竞争力报告》把中国“国内经济”和“就业”两项分指数“全球置顶”……面对诸多国际机构和权威人士的肯定，中国日前发</t>
  </si>
  <si>
    <t>今年GDP增速6.80%  CPI上涨1.72%</t>
  </si>
  <si>
    <t>10月27日，厦门大学、新华社经济参考报与牛津大学在英国牛津联合举行“2017中国宏观经济高层研讨会暨‘中国季度宏观经济模型（CQMM）秋季预测发布会’”。会议发布了CQMM2017年秋季预测更新报告，以及经济参考报与厦门大学宏观经济研究中心联合进行的“百位经济学家2017年秋?</t>
  </si>
  <si>
    <t>“入篮”一周年  人民币拓展国际“朋友圈”</t>
  </si>
  <si>
    <t>从被更多国家纳入储备资产，到支付与投资功能得到广泛使用，人民币加入国际货币基金组织（IMF）特别提款权（SDR）货币篮子一年后，国际“朋友圈”不断扩大，影响力继续提升。一国货币从主权货币演进为国际货币，其标志通常是成为国际贸易的主要支付货币，国际主要投融资</t>
  </si>
  <si>
    <t>国际油价飙涨逾4.5%</t>
  </si>
  <si>
    <t>上周，国际油价主要品种涨幅均超过4.5%。据媒体报道，沙特阿拉伯和俄罗斯均主张继续延长石油输出国组织(欧佩克)与其他产油国达成的减产协议九个月。受此消息提振，国际油价强劲上涨。当周多数交易日国际油价呈上涨走势，最后一个交易盘中更是触及近阶段高点。美国?</t>
  </si>
  <si>
    <t>“日本制造”神话再遭重创</t>
  </si>
  <si>
    <t>日本第三大制钢企业神户制钢数据造假丑闻最近不断发酵，相继遭到欧盟航空局的“封杀”和美国司法部的调查，同时引发各国对曾经处在神坛上的“日本制造”产生怀疑。神户制钢沦陷继三菱篡改汽车燃效数据、高田篡改安全气囊测试数据后，百年老店日本神户制钢成为第三?</t>
  </si>
  <si>
    <t>红黄蓝赴美上市谋扩张并非坦途</t>
  </si>
  <si>
    <t>近日，学前教育机构红黄蓝教育（NYSE：RYB）在美国纽约证券交易所挂牌上市，成为中国首家独立上市的学前教育品牌。对此，有业内人士表示，得益于经济快速发展带来的消费升级以及全面二孩等政策红利释放，红黄蓝走上了快速发展之路，赴美上市融资将有助于其加快在国内的布局。</t>
  </si>
  <si>
    <t>名企频繁造假  凸显日本制造业窘境</t>
  </si>
  <si>
    <t>神户制钢数据造假对日本制造业来说，并非第一起被曝出的丑闻。实际上，一连串造假事件正在为日本制造业敲响警钟。几年前，丰田、本田、日产、铃木和大发等五大车商接力召回问题汽车，引发了“日本制造”的全球信任危机，而上月末，日本汽车三巨头之一的日产也承认，在成</t>
  </si>
  <si>
    <t>内部分歧凸显  美国税改面临冲击</t>
  </si>
  <si>
    <t>正在艰难推行减税计划的美国总统特朗普，可能又要因其言行误事。24日，他分别与两名共和党议员隔空对骂，凸显党内分歧，这可能令分歧重重且复杂的税改受到冲击。24日，特朗普在到国会山与共和党参议员们共进午餐、商讨税收改革的几个小时前，猛烈抨击了参议院外交事务委</t>
  </si>
  <si>
    <t>汽车产业迎来全球性变革转型</t>
  </si>
  <si>
    <t>德国戴姆勒集团日前发布消息称，梅赛德斯-奔驰乘用车及商务车业务板块以及戴姆勒卡车及客车业务板块，将转型为两家独立的法律实体。戴姆勒方面表示，该转型旨在加强各个业务领域未来的竞争力，更好地释放它们在不同市场的发展潜能及盈利能力。事实上，不只是戴姆勒，当?</t>
  </si>
  <si>
    <t>沙特宣布5000亿美元新建计划</t>
  </si>
  <si>
    <t>据外媒报道，沙特政府24日宣布了一项价值5000亿美元的新建计划，旨在建设一个富有创新性的商业及工业园区，以帮助沙特逐步摆脱对石油出口的依赖。据悉，这片被称为NEOM的园区面积将达2.65万平方公里，位于沙特的西北部地区，临近埃及和约旦，将集中发展新能源和水、生物</t>
  </si>
  <si>
    <t>英国铁路运营的曲折历程</t>
  </si>
  <si>
    <t>从伦敦希思罗机场出来，去往火车枢纽站国王十字站，差不多要一个小时。时间正值下班高峰之前，火车上的人不多。这是英国最老的地铁线路之一，时而走在地下，时而在地上爬行，车内的陈设和窗外的景色，一路上满满当当都是历史。车厢狭窄，铺设的软垫透着英式做派，只不过，收?</t>
  </si>
  <si>
    <t>中国互金企业迎赴美上市潮</t>
  </si>
  <si>
    <t>国内互联网金融公司掀起赴美上市潮。近日，美国证券交易委员会（SEC）正式披露了中国金融科技企业融360的IPO招股书，融360成为继拍拍贷、和信贷、趣店之后，今年下半年第四家赴美上市的中国互金公司。此前，趣店在美上市首日股价大涨，报收于29.18美元，较发行价24美元?</t>
  </si>
  <si>
    <t>欧洲央行将议息  市场期待QE缩减</t>
  </si>
  <si>
    <t>10月26日，欧洲央行将举行货币政策会议，各方预计，届时欧洲央行将维持利率不变，同时很可能将在2018年的购债计划中设定削减QE（量化宽松）的规模。由于欧元区经济持续复苏，因而各界纷纷预期，现在正是欧洲央行出台削减刺激规模的好时机。调查显示，经济学家们预?</t>
  </si>
  <si>
    <t>王国刚：采取六方面措施防范金融风险</t>
  </si>
  <si>
    <t>中国人民大学财政金融学院教授、中国社科院学部委员王国刚近日在参加以“全球视野下的金融学科发展”为主题的中国人民大学第一届金融学科年会（2017）时表示，要守住不发生系统性金融风险，仅依靠一些宏观调控举措是不够的，需要各方面共同努力。王国刚指出，美国2008年</t>
  </si>
  <si>
    <t>涉嫌垄断  欧盟搜查大众等德国车企</t>
  </si>
  <si>
    <t>继日前突击搜查宝马集团之后，欧盟对德国汽车行业的反垄断搜查23日被证实扩大至大众集团和戴姆勒集团。市场人士预计，继尾气排放造假丑闻逐渐平息后，德国车企可能面临新一轮的司法冲击。大众集团当天发表声明说，欧盟反垄断调查人员搜查了其位于沃尔夫斯堡的总部和旗下</t>
  </si>
  <si>
    <t>全球女性游客赴泰人数大幅攀升</t>
  </si>
  <si>
    <t>亚洲旅游电讯网站23日报道，女游客尤其是中国女游客人数的大幅攀升，正使泰国旅游业逐渐摆脱“有色”形象。路透社20日报道称，去年赴泰国旅游的女性人数高达3200万，首次超过了男性，占比为52%。来自中国的女游客数量超过530万，比2012年翻了四倍。上世纪六七十年?</t>
  </si>
  <si>
    <t>地缘政治等因素支撑油价走高</t>
  </si>
  <si>
    <t>受美国原油库存减少和中东地缘政治局势升温等因素影响，近期国际原油价格呈现震荡走高趋势。纽约油价23日微涨。截至23日收盘，纽约商品交易所12月交货的轻质原油期货价格上涨0.06美元，收于每桶51.90美元，涨幅为0.12%。12月交货的伦敦布伦特原油期货价格下跌0.38美元，</t>
  </si>
  <si>
    <t>日执政联盟众议院选举获胜</t>
  </si>
  <si>
    <t>23日的投票结果显示，日本执政的自民党和公明党赢得了第48届众议院选举。分析指出，这意味着首相安倍晋三将得以继续推行“安倍经济学”的一系列政策，但外界对相关政策的改革呼声也在不断增长。截至当地时间23日凌晨3时，日本第48届众议院选举的开票结果显示，在众议院?</t>
  </si>
  <si>
    <t>中企助力肯尼亚建筑工业化进程</t>
  </si>
  <si>
    <t>“像搭积木一样建房子”。在东非国家肯尼亚，一家中国企业正运用装配式建筑技术帮助该国逐步推进建筑行业的工业化进程。中国武夷肯尼亚建筑工业化研发生产基地和配套的仓储式建材超市项目，是响应“一带一路”倡议和中非产能合作要求，由中国武夷投资近1亿美元建设而成?</t>
  </si>
  <si>
    <t>金价跌至两周来最低</t>
  </si>
  <si>
    <t>受美元走强影响，国际金价23日盘中跌至两周以来低点。市场预计，如果地缘政治局势趋稳，同时美国货币政策趋紧，黄金价格走势近期仍将承压。当天，国际黄金期货价格下跌0.4%，至每盎司1275.8美元，这是国际黄金期货自10月6日报出每盎司1273.8美元的价格后出现的又一新低?</t>
  </si>
  <si>
    <t>通用电气大幅下调业绩预期</t>
  </si>
  <si>
    <t>美国通用电气公司日前大幅下调了2017年的业绩预期，新任首席执行官弗兰纳理公布了公司重组计划，预计将剥离逾200亿美元资产。弗兰纳理同时表示，公司高层将会为完不成盈利目标负责。公司油气部门和贝克休斯公司合并使公司第三财季收入增长14%，至335亿美元，高于上年同?</t>
  </si>
  <si>
    <t>美股屡创新高  华尔街对未来“谨慎乐观”</t>
  </si>
  <si>
    <t>1987年10月19日，纽约股市崩盘，道琼斯工业指数重挫508点，暴跌22.6%，标准普尔500种股票指数下跌20.5%，创美股单日跌幅纪录。今年，在美国股灾30周年纪念日当天，道指和标普指数均创收盘新高。美股近期的强劲涨势与1987年股灾前的情形惊人相似，引发投资者担忧。?</t>
  </si>
  <si>
    <t>华龙一号：中国核电“三十而立”  锻造国家名片</t>
  </si>
  <si>
    <t>金秋十月，从华夏大地到万里之遥的西欧、北欧、非洲等国际项目现场，中国广核集团（以下简称中广核）分布在全球各地的员工，同步收看了十九大开幕会直播。“习近平同志说到的五年成就让我特别感同身受和无比自豪，过去几年中有许多国外来宾到防城港来参观‘华龙一号’示范项?</t>
  </si>
  <si>
    <t>旅游体验师：在旅行中体验人生</t>
  </si>
  <si>
    <t>“护照签证页已经被敲满了，在国外能换发新证吗？”这是姚舜8月6日的微信朋友圈内容，被“羡慕嫉妒恨”的小伙伴们纷纷评论为“炫耀贴”。此时，他正在伊朗首都德黑兰，这是他今年“环游世界80天”计划的第24天、经过的第4个国家。1993年出生的姚舜今年7月刚刚毕业于南通</t>
  </si>
  <si>
    <t>量子革命：开启未来科技“新引擎”</t>
  </si>
  <si>
    <t>“你好！”9月29日，从中国发出的一声问好，通过量子保密“京沪干线”，又经过“墨子号”卫星，跨越了半个地球来到奥地利。这是历史上首次洲际量子保密通信，通话内容经过量子加密后，理论上无法破解。一次简短的通话，留下浓墨重彩的一笔。如此长距离、实用化的量子保?</t>
  </si>
  <si>
    <t>徐坚：坚持文化自信  拓展产业空间</t>
  </si>
  <si>
    <t>20日中午，在十九大中央企业系统（在京）代表团驻地，十九大代表、北京保利紫禁城剧院管理有限公司党支部书记、总经理徐坚接受了《经济参考报》记者专访。徐坚表示，作为一名来自中国保利集团公司的基层党员、一名央企文化工作者，对于十九大报告中以人民为中心的表述印</t>
  </si>
  <si>
    <t>德国无现金支付发展势头或将放缓</t>
  </si>
  <si>
    <t>德国媒体18日援引波士顿咨询公司的报告说，预计未来数年，德国无现金支付发展速度将放缓。波士顿咨询发布的《全球支付2017》报告说，2010年至2016年，德国无现金支付业务量以每年人均7%的速度增长；但预计2017年至2026年，每年人均增长率将放缓至3%。波士顿咨询高?</t>
  </si>
  <si>
    <t>美财长：如果税改失利美股将大幅回落</t>
  </si>
  <si>
    <t>美国财政部长姆努钦18日说，如果国会不能通过税制改革，美国股市将出现大幅回落。姆努钦在美国“政治”网站当天发布的谈话节目中表示，自去年11月特朗普赢得美国总统选举以来，美国股市持续上涨很大程度上是基于对特朗普政府将推动国会完成减税和税改的预期。姆努?</t>
  </si>
  <si>
    <t>力拓在美被诉隐瞒在非投资巨额亏损</t>
  </si>
  <si>
    <t>据外媒报道，美国监管机构18日起诉国际矿业巨头力拓集团及其两名前高层夸大力拓在非洲莫桑比克矿业资产的价值，并未能及时披露巨额损失数据。力拓称，此次诉讼是由美国证券交易委员会在曼哈顿的一个法庭提起的，诉讼对象还包括力拓前首席执行官汤姆·阿尔巴内塞和前首席</t>
  </si>
  <si>
    <t>未来十年人工智能将使全球增长12%</t>
  </si>
  <si>
    <t>《经济参考报》记者统计国内外20家权威机构预测数据显示，未来十年（至2030年），人工智能将助推全球生产总值增长12%左右，近10万亿美元。机构的分析称，人工智能将以三种形态和方式对全球经济形成推动和牵引，而美国和中国则可能成为技术和产业的领跑者。发展态势：全?</t>
  </si>
  <si>
    <t>北美自贸协定重谈将延至2018年</t>
  </si>
  <si>
    <t>为期7天的更新北美自由贸易协定第四轮谈判10月17日在华盛顿近郊落幕。美国、加拿大和墨西哥三方在本轮谈判中出现“巨大观念差异”，让这一已生效23年的自贸协定前景堪忧，而巨大的分歧也令该协定的重谈将延续至明年。根据10月17日会后美加墨三方发表的联合声明，三方在?</t>
  </si>
  <si>
    <t>三菱汽车拟增大投入提升全球业绩</t>
  </si>
  <si>
    <t>日本三菱汽车公司10月18日表示，公司将未来3年内的销售目标调高了30%，并计划未来3年内投入约50亿美元，用于研发、升级改造及建设新工厂。分析指出，三菱汽车此举旨在加快摆脱油耗数据造假丑闻的阴影。据美国《华尔街日报》报道，三菱欲投入数十亿美元，力图升级工厂、?</t>
  </si>
  <si>
    <t>空客收购庞巴迪C系列飞机项目</t>
  </si>
  <si>
    <t>据外媒报道，空中客车公司同意收购庞巴迪公司C系列喷气式飞机项目的多数股权，从而为这一滞销的飞机机型注入新生，并在与波音公司全球飞机销售的竞争中开辟新的战线。根据交易文件，空客将收购庞巴迪50.01%的股权。庞巴迪将持有31%的股权，而加拿大魁北克省将持有19%。?</t>
  </si>
  <si>
    <t>“欧洲倡议”能否唤起法德同心协作</t>
  </si>
  <si>
    <t>随着默克尔第四度连任德国总理成为定局，法国总统马克龙上月底在巴黎索邦大学就重塑欧洲发表题为“欧洲倡议”的演讲，第三次就欧洲重建阐述其政策主张。具体来看，马克龙的“欧洲倡议”包含诸多内容，涉及共同防务、边境移民、外交政策、可持续发展、数字经济、共同预算</t>
  </si>
  <si>
    <t>英国和欧盟同意加速推进脱欧谈判</t>
  </si>
  <si>
    <t>英国首相特雷莎·梅和欧盟委员会主席容克16日在布鲁塞尔举行会谈，双方一致认为应当加速推进英国退出欧盟的谈判。英国“脱欧”事务大臣戴维斯和欧盟负责英国“脱欧”事务谈判的首席代表巴尼尔均参加了会议。特雷莎·梅在和容克发表联合声明，双方表示，会议“具有建设性</t>
  </si>
  <si>
    <t>美日举行第二轮经济对话  贸易立场仍存分歧</t>
  </si>
  <si>
    <t>当地时间16日，美国副总统彭斯与日本副首相兼财务大臣麻生太郎在白宫举行了第二轮美日经济对话。这是两国继4月首次经济对话后的第二次。两国共同发表的成果公报显示，此次对话美日两国达成了日方从美方进口汽车规定放宽、交通基础设施建设、智能交通领域、液化天然气出?</t>
  </si>
  <si>
    <t>易捷和汉莎竞购意大利航空部分业务</t>
  </si>
  <si>
    <t>据外媒报道，意大利航空公司深陷破产危机，英国廉价航空公司易捷航空和德国汉莎航空公司均有意竞购其部分业务。意大利航空公司表示，目前共有七个买家有意竞购其业务，意大利航空将对这些意向进行评估。意大利政府目前为意大利航空设定的出售决定期限是今年11月4日至明年</t>
  </si>
  <si>
    <t>中欧班列将深化英中经贸合作</t>
  </si>
  <si>
    <t>英国最大的集装箱港口伦敦口岸运营方迪拜环球港务集团物流主管妮古拉·西尔韦拉近日在接受记者专访时表示，中欧班列将改变英中两国传统贸易格局，两国经贸合作将更加密切和深化。今年4月，首列由英国驶往中国的中欧货运班列从伦敦口岸出发驶往义乌，揭开两国经贸往来的?</t>
  </si>
  <si>
    <t>地缘因素趋紧支撑原油价格</t>
  </si>
  <si>
    <t>15日，地缘政治趋紧因素继续影响国际原油市场，12月交货的伦敦布伦特原油期货价格升破每桶58美元。据伊拉克媒体报道，伊拉克军队已完全控制产油重镇基尔库克城西的K1军事基地，受此消息影响，自15日开市以来，国际油价持续扩大涨幅。美国轻质原油价格也升至每桶52美元上</t>
  </si>
  <si>
    <t>现代起亚在美市场份额跌至八年来新低</t>
  </si>
  <si>
    <t>据韩国媒体报道，现代起亚汽车在美国市场的业绩不佳，销量继续大幅减少，市场份额跌至八年来的新低。15日，现代起亚汽车称，9月现代汽车在美国售出5.7007万辆，比去年同期的6.661万辆减少14.4%，虽然起亚汽车售出5.2468万辆，比去年同期的4.922万辆增加6.6%，但综合来看</t>
  </si>
  <si>
    <t>空客贪腐案持续发酵  监管机构或开大额罚单</t>
  </si>
  <si>
    <t>据外媒报道，空中客车集团首席执行官（CEO）汤姆·安德斯表示，随着空客贪腐案调查的持续推进，他可能在必要时辞去CEO一职。安德斯近期还表示，英法监管机构可能对空客开出大额罚单。自2016年起，英国和法国的监管机构开始就空客聘用第三方咨询机构销售一事展开刑事调查</t>
  </si>
  <si>
    <t>美国银行业财报季开启  多家大银行盈利增长</t>
  </si>
  <si>
    <t>近日，美国银行业财报季拉开大幕，摩根大通、花旗银行和美国银行等银行率先公布第三季度财务报表，财报显示，几家银行盈利有所上升，但交易部门表现相对较弱。受消费者银行业务营业收入增长拉动，摩根大通的三季报营业收入和利润远超市场预期，第三季度净利润同比上涨7%</t>
  </si>
  <si>
    <t>在瑞典亲历诺贝尔奖颁奖庆典</t>
  </si>
  <si>
    <t>本月2日至9日，全球目光再一次聚焦在瑞典这个北欧国家。2017年诺贝尔奖五个奖项（生理或医学奖、物理学奖、化学奖、文学奖和经济学奖）在瑞典首都斯德哥尔摩颁布。全世界都等待着为人类发展做出重大贡献的诺奖得主名单问世。自1901年起，除了第二次世界大战等非常时期有</t>
  </si>
  <si>
    <t>欧洲一体化发展面临考验</t>
  </si>
  <si>
    <t>欧盟几个主要成员国近期刚经历了大选洗礼，政局震荡迹象明显，德国宣布下周开启三个政党组阁谈判，多项经济政策、移民政策可能影响本国和欧盟经济一体化发展。另外，荷兰艰难组阁成功，西班牙加泰罗尼亚地区公投风波也尚未平息，种种迹象都显示出各国的政治环境动荡加剧。同?</t>
  </si>
  <si>
    <t>从神钢造假丑闻看“日本制造”</t>
  </si>
  <si>
    <t>不了解日本产业的话，也许都没听说过神户制钢所（以下简称“神钢”）。正应了“好事不出门，坏事传千里”的老话，这几天神钢因为篡改产品质量检测数据以次充好而臭名远扬。平日看似不起眼的神钢实际上是日本经济隐形支柱，它的产品涉及汽车、飞机、新干线甚至军工等众多</t>
  </si>
  <si>
    <t>针灸有望广泛纳入美国医保体系</t>
  </si>
  <si>
    <t>如果说传统中医作为一个整体在美国还处境艰难，那么针灸的命运要好得多。经过业内人士长达40多年的努力，美国50个州中有46个州以及华盛顿特区已立法让针灸行医合法化。由于美国阿片类止痛药物滥用与成瘾危机日益严重，针灸在美国面临着大发展乃至被主流医学界所接受的良机。$</t>
  </si>
  <si>
    <t>美税改框架遭诟病面临调整</t>
  </si>
  <si>
    <t>10月10日，美国总统特朗普表示，由于上月发布的税改框架受到多方批评，他计划在接下来的几个星期内修改其税改计划。9月27日，白宫发布了税改框架，短短的半个月时间内，这份框架遭到了多方批评，批评者认为，这份税改框架增加了预算赤字，且有利于富人。特朗普自称</t>
  </si>
  <si>
    <t>IMF警告：部分全球大型金融机构盈利或下滑</t>
  </si>
  <si>
    <t>11日，国际货币基金组织（IMF）在华盛顿秋季年会发布最新的《全球金融稳定报告》。报告提醒，全球应警惕目前的资产估值和杠杆率升高带来的压力，并警告德意志银行、花旗银行、瑞信集团等9家全球大型金融机构面临中期盈利下滑风险。上述报告指出，今年全球金融体系继续增</t>
  </si>
  <si>
    <t>新零售时代快闪店为何如此“火”</t>
  </si>
  <si>
    <t>在美国纽约曼哈顿的时报广场区，Line Friends的快闪店颇为吸睛。一进门，超大号的小熊玩偶布朗赫然“站”在小店中央，店员会热情的询问顾客是否需要与“它”拍照。与传统中规中矩的零售店铺不同，这家店内商品摆放更像是小朋友的玩具屋，主打的是新奇与创意。新零售时代</t>
  </si>
  <si>
    <t>十八大以来经济发展三大特征凸显</t>
  </si>
  <si>
    <t>10月10日，国家统计局局长宁吉喆在国新办的新闻发布会上介绍了党的十八大以来经济领域进展成就。宁吉喆表示，过去五年，速度变化、结构优化、动能转化等经济发展新常态特征更加明显，支撑着我国经济。近期，世行、美国彼得森国际经济研究所等多家权威国际机构纷纷表示，看好?</t>
  </si>
  <si>
    <t>英国首相的信任危机</t>
  </si>
  <si>
    <t>英国首相、执政党保守党党魁特雷莎·梅刚刚在党内领导权争夺战中逃过一劫。她度过了自己执政以来最大的信任危机。月初，约30名议会下院议员酝酿对梅的保守党内领导权进行挑战，不过在梅强调英国目前需要“平稳的领导权”后，目前他们已暂时停止“逼宫”。根据英国?</t>
  </si>
  <si>
    <t>中欧班列累计开行超过5000列</t>
  </si>
  <si>
    <t>目前，被誉为“钢铁驼队”的中欧班列已开行超过5000列。记者采访了解到，去回程货运量不均衡等老问题仍是班列进一步发展的掣肘，同时，国内始发城市争夺货源趋于白热化、境外运费居高不下等新问题开始凸显。业内人士建议，应尽快落实班列运行协调机制，规范建设国家级中欧班?</t>
  </si>
  <si>
    <t>中欧班列乌鲁木齐集结中心枢纽优势凸显</t>
  </si>
  <si>
    <t>前段时间，由31组集装箱组成，搭载了服装、建材、家装饰品、生活用品的X9091次货物列车由中欧班列乌鲁木齐集结中心驶出，经霍尔果斯口岸出境后，直达中亚地区的最大城市——哈萨克斯坦阿拉木图市，而这已是中欧班列乌鲁木齐集结中心年内开行的第400列中欧班列。为进一步</t>
  </si>
  <si>
    <t>日本汽车巨头量产电动车有何深意</t>
  </si>
  <si>
    <t>日本丰田汽车公司与马自达汽车公司以及汽车零部件顶级供应商日本电装公司日前宣布将成立新公司，共同开发电动汽车技术。此间分析人士认为，此举标志着丰田终于踩下量产电动车的“油门”，意在迎头赶上在电动汽车领域领先的欧美和日产汽车公司。新公司的出资比例分别是丰</t>
  </si>
  <si>
    <t>“纳特”风暴来袭  美经济或受影响</t>
  </si>
  <si>
    <t>近期接连遭遇飓风灾害的美国，多个地区灾后重建仍在进行之中，7日又迎来名为“纳特”的新一轮风暴侵袭。经济学家警告称，美国经济将面临严重冲击，相关政策也将受到影响。据美国国家飓风研究中心6日称，“纳特”风暴眼距墨西哥科苏梅尔岛东北方向约145公里，以每小时35?</t>
  </si>
  <si>
    <t>英国执政党“脱欧”  意见不合谁受伤</t>
  </si>
  <si>
    <t>在曼彻斯特举行的英国执政党保守党年会上，“脱欧”仍是常被讨论的议题之一。保守党内部围绕“如何脱欧”问题产生分裂，可能继续让史无前例、复杂冗长的“脱欧”进程受挫，影响英国经济社会发展。虽然本届保守党年会力图将议题引导到诸如“如何实现社会公平”“消除种族</t>
  </si>
  <si>
    <t>油价遭重挫  金价仍走低</t>
  </si>
  <si>
    <t>受风暴“纳特”逼近影响，当周国际油价重挫。国际金价则受到避险情绪下降而走低，连续第四周下跌。美国内政部安全和环境执法局6日说，因“纳特”逼近，墨西哥湾大约71%的石油生产已暂停，相当于每日124万桶原油停产。不过，沙特阿拉伯周中没有对延长石油输出国组织</t>
  </si>
  <si>
    <t>禁售燃油车  欧洲要打什么牌</t>
  </si>
  <si>
    <t>禁售燃油车计划相继出台为摆脱对化石能源的依赖，在清洁能源技术上保持领先，欧洲国家纷纷将目光转向新能源汽车，并为淘汰燃油车订下明确时间表。早在2015年12月初，包括荷兰在内的一些欧洲国家就加入了“国际零排放车辆联盟”，承诺在2050年以前，让所售新车全部?</t>
  </si>
  <si>
    <t>上海虹桥商务区的“速度经济”</t>
  </si>
  <si>
    <t>平均每一分钟有1.5架次飞机在上海虹桥机场起飞，全天共计700架左右，在2小时以内，降落在中国及东亚一二线及主要省会城市。从虹桥高铁站出发，45分钟到杭州，67分钟到南京，2小时21分钟到合肥……2小时几乎把长三角都市圈“一网打尽”。地铁2号线、10号线以及建设?</t>
  </si>
  <si>
    <t>宜信“硅谷对话北京2017”首秀美国</t>
  </si>
  <si>
    <t>秋天的美国湾区，阳光充足，天气晴好，充满创新创业企业家的活力和热情。9月25日，“硅谷对话北京2017”峰会在美国旧金山召开，来自中美两国金融科技领域的监管者、投资者、企业家、媒体、智库等，就“创新的力量——金融科技3.0时代的驱动力”的主题，共同探讨金融科技</t>
  </si>
  <si>
    <t>蒂姆·库克：活在乔布斯光环下</t>
  </si>
  <si>
    <t>美国当地时间9月12日，苹果在位于美国加州的库比蒂诺苹果总部史蒂夫·乔布斯剧院举行秋季新品发布会。不出外界预料，苹果正式发布了iPhone8、iPhone8Plus和iPhone X三款智能手机产品。由于此前被各界寄予厚望的iPhone十周年产品iPhone X的各个细节均被曝光，所以此次新品发布</t>
  </si>
  <si>
    <t>广州迎来“安智贸”海空双轨时代</t>
  </si>
  <si>
    <t>金秋9月的一天，3个报关单上标记着“安智贸”货物的集装箱在广州南沙港办结海关手续，启程前往德国汉堡。继今年年初在广州白云国际机场启动空运“安智贸”航线以后，广州海关又在南沙海港率先启动了海运“安智贸”航线。从此，广州正式进入“安智贸”海空双轨时代，为广州及?</t>
  </si>
  <si>
    <t>特朗普公布税改框架  欲简化税制</t>
  </si>
  <si>
    <t>美国国会与特朗普政府27日联合公布了税改框架，提议简化税制、扩大税基、大幅降低企业和个人所得税率，这将为国会起草具体的税改法案奠定基础。但一些政策细节仍存在疑问，目前并不清楚最终的税改法案会否增加美国财政赤字和获得国会批准。美国国会众议院筹款委员会、参</t>
  </si>
  <si>
    <t>中国游客在泰购药须谨慎</t>
  </si>
  <si>
    <t>泰国清迈一家面向中国游客的旅游纪念品商铺因违规销售药品被举报，日前被当地卫生部官员及相关辖区警察查处。据悉，这家名为“time cosmetic”的店仅开了一个星期，销售各种药品、化妆品，这些商品多贴有中文标价牌，吸引了大批中国游客。泰国卫生部官员指出，这家</t>
  </si>
  <si>
    <t>低通胀持续或致加息节奏放缓</t>
  </si>
  <si>
    <t>美国联邦储备委员会主席耶伦26日表示，美联储对美国通胀前景的评估存在很大不确定性，如果通胀低迷的状况持续，美联储可能放缓加息节奏，但渐进加息的大方向暂不会改变。耶伦当天在美国全国商业经济协会发表演讲时说，自2012年美联储将通胀目标设定为2%以来，以个人消费</t>
  </si>
  <si>
    <t>西门子与阿尔斯通将合并铁路业务</t>
  </si>
  <si>
    <t>据外媒报道，全球第二大铁路车辆公司德国西门子和法国阿尔斯通26日宣布将合并铁路业务。分析认为，这桩合并将有助于增强双方在铁路业务方面的竞争力，从而与全球第一大的中国中车相抗衡。西门子和阿尔斯通26日宣布，西门子将剥离旗下铁路业务，使之与阿尔斯通合并，西门</t>
  </si>
  <si>
    <t>郑州破解跨境电商全球性难题</t>
  </si>
  <si>
    <t>在这里，从国外进口的化妆品、奶粉、保健品……滚滚而来。在这里，从国内出口的服装、玩具、首饰、箱包……滔滔而去。买全球、卖全球，关口在郑州。目前，郑州对跨境电商发展的探索，已被一些欧美国家高度认可。专家认为，郑州的探索有效解决了关务申报、税收征管?</t>
  </si>
  <si>
    <t>俄远东赠地开发计划前景如何</t>
  </si>
  <si>
    <t>如果免费送你一公顷土地，你准备做什么？很多人大概会回答，怎么可能有这种天上掉馅饼的好事。别不信，俄罗斯人民还真就碰上这档好事了。为了吸引民众到人烟稀少的远东地区投资和定居，俄罗斯政府在去年正式推出了“远东一公顷”土地项目，规定在2017年2月1日之前，远东</t>
  </si>
  <si>
    <t>上汽大通深耕澳大利亚汽车市场</t>
  </si>
  <si>
    <t>“从性价比角度，除了LDV我找不到更好的选择。它的驾驶体验非常好，维护成本低，在我看来无可挑剔。”澳大利亚一家老牌连锁快递公司的分包商迈克·里奥斯说。LDV原为英国知名商用车品牌，2009年上海汽车集团将其收购后，在英联邦国家和欧洲地区都有意识地保留了LDV的命?</t>
  </si>
  <si>
    <t>中国—东盟推进港口城市合作网络建设</t>
  </si>
  <si>
    <t>近日，在广西南宁举行的中国—东盟港口城市合作网络工作会议上，来自中国与东盟各国的200多位政商学界嘉宾，就港口城市如何深化合作展开了讨论，并把双边互联互通建设推向新的阶段。广西壮族自治区副主席张晓钦说，“合作网络得到了泰国、马来西亚、新加坡、缅甸等东南?</t>
  </si>
  <si>
    <t>北极东北航道迎来商业航运新时代</t>
  </si>
  <si>
    <t>前不久，“天健”轮经北极东北航道顺利抵达第一目的港——丹麦的埃斯比约港。这是今年第三艘经北极航道抵达欧洲港口的中国商船。在“天健”轮之前，今年已有两艘从中国出发，经北极航道抵达欧洲的货船“莲花松”轮和“大安”轮。目前，“莲花松”轮和“大安”轮已顺利完</t>
  </si>
  <si>
    <t>默克尔连任德总理利好欧洲稳定</t>
  </si>
  <si>
    <t>德国联邦议院选举初步计票结果25日凌晨出炉，总理默克尔领导的联盟党获得33.0%的选票，保持联邦议院第一大党地位。分析指出，大选结果意味着已连任12年的默克尔第四次连任总理几无悬念，为欧洲稳定带来利好，但联盟党得票率下滑，议院第二大党社会民主党表示不参与联合政府，</t>
  </si>
  <si>
    <t>当前全球经济能更好应对美联储“缩表”</t>
  </si>
  <si>
    <t>美国知名智库彼得森国际经济研究所所长亚当·波森日前接受新华社记者专访时表示，与2008年国际金融危机前相比，当前全球经济增长更加稳固和可持续，私营部门整体杠杆率更低，能够更好应对美联储缩减资产负债表（“缩表”）和收紧货币政策的影响。美联储上周宣布从今年10</t>
  </si>
  <si>
    <t>华尔街青睐中国电商折射跨境电商市场潜力</t>
  </si>
  <si>
    <t>一度较为沉寂的中企赴美融资，近日连续迎来两家具有跨境电商概念中企的IPO首秀。美国资本市场对中国电商的热捧，折射出投资者普遍看好跨境电商市场潜力与前景。22日刚刚登陆美国纳斯达克证券市场的电商企业寺库控股有限公司，重点瞄准高端消费品跨境交易领域，公司2017?</t>
  </si>
  <si>
    <t>佛罗伦萨讲话对“脱欧”谈判影响几何</t>
  </si>
  <si>
    <t>英国首相特雷莎·梅上周末在意大利佛罗伦萨对欧盟各国领导人的演讲中提出，在“脱欧”后设置约两年的过渡期。媒体同时报道，她打算以200亿欧元的“分手费”和欧盟作为交换。这可以说是英方自“脱欧”谈判启动以来最大胆、最有料的一次提议。舆论认为，英国支付“分手费?</t>
  </si>
  <si>
    <t>美两大移动运营商接近达成初步合并协议</t>
  </si>
  <si>
    <t>据路透社援引两位知情人士的消息称，T-Mobile US和Sprint已接近达成初步合并协议，这意味着两大运营商的合并努力取得突破。T-Mobile US是美国第三大移动运营商，而Sprint是第四大移动运营商。如果成功完成合并，将极大提升美国电信市场的集中度，成为特朗普总统1月上任?</t>
  </si>
  <si>
    <t>日本大选之“安倍经济学”：“毒药”还是“妙药”？</t>
  </si>
  <si>
    <t>据日本媒体报道，日本首相安倍晋三25日将在记者会上正式宣布，本月28日召集临时国会，并在临时国会一开始就宣布解散众议院重新大选。日本众议院选举将于10月10日开始公示，10月22日投票计票出结果。安倍在上次众议院解散之时（2014年11月）打出“安倍经济学”。分析人士</t>
  </si>
  <si>
    <t>条件成熟时宜尽早达成中欧双边投资协定</t>
  </si>
  <si>
    <t>中国国际经济交流中心、欧盟布鲁盖尔研究所、英国皇家国际事务研究所、香港中文大学全球经济及金融研究所等四家全球高端智库22日在京联合发布《中国—欧盟经济关系2025：共建未来》研究报告。报告指出，中欧是重要的全面战略合作伙伴。双方相信，有效开放的、以规则为基</t>
  </si>
  <si>
    <t>世行：技术和贸易变化影响未来制造业</t>
  </si>
  <si>
    <t>世界银行日前发布题为《遭遇麻烦？制造业导向型发展的未来》的报告，认为技术进步和贸易格局变化影响着出口导向型制造业面临的机遇。报告认为，技术变化和全球化格局的改变，注定要重塑制造业导向型发展战略。贸易增速放慢；全球价值链仍然集中在相对少数几个国家；智能</t>
  </si>
  <si>
    <t>针灸在美国被点赞  中药科研亟须提上日程</t>
  </si>
  <si>
    <t>近日，第三届美国中医药大会在美国首都华盛顿举行，来自美中等国的300余名中医药专家参会。中医在美国的发展现状如何？面临着什么样的机遇和挑战？带着这些问题，《经济参考报》记者采访了与会专家。针灸发展形势良好 执照医生约4.5万人本次会议主办方是全美?</t>
  </si>
  <si>
    <t>成功有时需要幸运眷顾</t>
  </si>
  <si>
    <t>在卢浮宫，《蒙娜丽莎》前永远挤满了人，而达·芬奇同一时期的其他作品则几乎无人问津。把《蒙娜丽莎》推到聚光灯下的，其实是发生在1911年的一桩盗窃案。这桩盗窃案件被广泛报道，却直到两年后才得以告破。从那以后，“蒙娜丽莎”这个词成了西方文化的代名词。有时，看</t>
  </si>
  <si>
    <t>美联储维持利率不变  10月起缩表</t>
  </si>
  <si>
    <t>美国联邦储备委员会（美联储）20日宣布，将从今年10月开始缩减总额高达4.5万亿美元的资产负债表（“缩表”），以逐步收紧货币政策。同时，美联储宣布维持目前1%至1.25%的联邦基金利率目标区间不变。自2015年12月启动金融危机后首次加息以来，美联储已累计加息4次共100个</t>
  </si>
  <si>
    <t>传统零售业难敌网购冲击</t>
  </si>
  <si>
    <t>美国知名玩具连锁店“玩具反斗城”18日晚正式申请破产保护，并在弗吉尼亚州的美国破产法院启动了破产清算程序。分析人士认为，除了公司自身债务拖累的原因之外，这一破产保护申请也从一个侧面折射出互联网经济对传统零售业的冲击。根据该公司发布的公告，其加拿大分公司</t>
  </si>
  <si>
    <t>“中国工况”进入倒计时</t>
  </si>
  <si>
    <t>作为汽车产业中的重要一环，车辆工况检测对汽车性能的评估以及为未来汽车技术发展方向提供参考都有着重要作用。但长期以来，由于缺乏汽车工况方面的基础研究和开发，我国的车辆检测一直套用欧洲的NEDC工况法。随着我国汽车产销量和保有量越来越大，NEDC工况和我国的实际</t>
  </si>
  <si>
    <t>虚拟货币的归宿在哪？</t>
  </si>
  <si>
    <t>为防止首次代币发行（ICO）和数字货币的扭曲发展，多国近期相继研究并出台监管法案，导致几周以来主要虚拟货币行情震荡下行。笔者以为，长远来看，金融科技良性发展，确实需要正本清源，驱逐市场上的“劣币”。从监管层面看，各国在虚拟货币市场上强化监管，其初衷并非?</t>
  </si>
  <si>
    <t>“一带一路”带火梧州六堡茶产业链</t>
  </si>
  <si>
    <t>产于广西梧州市苍梧县一带的特色黑茶六堡茶，历史上曾经沿着一条独特的“茶船古道”入江出海，大量外销马来西亚、新加坡等地，并一度引领南洋茶饮风尚。得益于发达的水运，“茶船古道”当时非常兴旺，后来随着交通运输方式的改变而趋于沉寂。近年来借“一带一路”东风，在供?</t>
  </si>
  <si>
    <t>飓风或“吹乱”美联储加息步伐</t>
  </si>
  <si>
    <t>飓风“艾尔玛”过后，又一飓风“玛莉亚”正在逼近加勒比海岛屿，恐再次酿成重大灾害。近期美国已经先后遭遇“哈维”和“艾尔玛”两大飓风的袭击，经济损失或达2000亿美元。有分析认为，这还可能对美联储收紧货币政策的步伐造成干扰。据外媒报道，美国国家飓风中心称，飓</t>
  </si>
  <si>
    <t>在英国考驾照有多难</t>
  </si>
  <si>
    <t>英国可能是世界上最难拿到驾照的地方，不算理论考试，路考的一次通过率只有47%。也许正是因为如此严苛的考试标准，英国也号称是全世界交通事故最少的国家。我的同事说，在英国平均要经过3次路考才能拿到驾照。我有个朋友在英国考了6次驾照，还是没通过。另一个朋友在伦?</t>
  </si>
  <si>
    <t>新国际大通道破解西部地区物流瓶颈</t>
  </si>
  <si>
    <t>从中国的西北内陆一路向南，经甘肃、重庆、贵州到广西北部湾出海，北连丝绸之路经济带，南接21世纪海上丝绸之路——第14届中国—东盟博览会、中国—东盟商务与投资峰会期间，这样一条纵向贯通中国西部的新国际大通道成为与会国家交流探讨的焦点议题之一。受访人士认为，</t>
  </si>
  <si>
    <t>法国缘何青睐“一带一路”</t>
  </si>
  <si>
    <t>“我坚信，一定会有越来越多国家响应‘一带一路’这一历史性倡议。”法国前总理拉法兰说，法中两国在“一带一路”框架下的合作前景十分广阔，“一带一路”不仅会深化两国经贸务实合作，还会推动两国在文化层面的交流，增强两国民众间交流和加深彼此感情。拉法兰是在日前</t>
  </si>
  <si>
    <t>Equifax因数据大规模泄露遭调查</t>
  </si>
  <si>
    <t>据外媒报道，美国知名征信机构Equifax数据泄露事件正在深入调查中，该公司两位高管因此退休。Equifax公司称，在可能影响到1.43亿美国人的数据泄露事件中，黑客利用了美国网站应用程序Apache Struts CVE-2017-5638的漏洞。但该公司未提供关于谁可能是幕后主使的进一步细?</t>
  </si>
  <si>
    <t>超级飓风：美国经济的多棱镜</t>
  </si>
  <si>
    <t>刚刚送走“哈维”，又迎来“艾尔玛”，一场场造成重大经济损失的飓风，成为映射美国社会和经济现状的多棱镜。在大西洋上空，还有两场威力正在增强的飓风直指北美大陆，而世界气象组织表示，全球变暖可能导致强力飓风更趋频繁，像“哈维”、“艾尔玛”这样破坏力极强的四</t>
  </si>
  <si>
    <t>维格娜丝推进品牌国际化</t>
  </si>
  <si>
    <t>国内知名服装上市公司维格娜丝正在加快多元化及国际化品牌发展战略，在完成近50亿元收购韩国衣恋旗下著名品牌“维尼熊”同时，通过内部转型升级加快打造具有中国元素的奢侈品服装品牌。“代表中华民族文化魅力的纺织服装领域，未来中国一定能够孕育出世界级的品牌。” ?</t>
  </si>
  <si>
    <t>“一带一路”深化中国与东盟多产业合作</t>
  </si>
  <si>
    <t>在“一带一路”倡议下，我国与东盟多项产业将迎来深度合作。在正在进行的第十四届中国-东盟博览会(东博会)和中国-东盟商务与投资峰会上，金融、旅游、能源领域深化合作升温迹象明显。中国与东盟在“一带一路”倡议下的金融合作愈发紧密，货币互换额度持续上升，设在对方</t>
  </si>
  <si>
    <t>港口城市合作网络助推中国与东盟互联互通</t>
  </si>
  <si>
    <t>9月13日，中国-东盟港口城市合作网络工作会议在广西南宁举行，来自中国与东盟各国的两百多位政商学界嘉宾就港口城市如何深化合作展开讨论，把双边互联互通建设推向新的阶段。以钦州为核心基地的中国-东盟港口城市合作网络，是加强中国-东盟海上互联互通的重大举措，2013</t>
  </si>
  <si>
    <t>英国脱欧再陷僵局  第四轮谈判推迟</t>
  </si>
  <si>
    <t>据外媒报道，英国和欧盟已将第四轮脱欧谈判时间推迟一周至本月底。外界认为，欧盟和英国在公民权利和分手费等众多问题上分歧难消，短期内恐难有实质性进展。英国政府负责脱欧事宜的部门12日在一份声明中表示，与欧盟之间的下一轮谈判将推迟至9月25日，并表示这是与欧盟?</t>
  </si>
  <si>
    <t>黄益平：互联网金融监管要平衡风险和发展</t>
  </si>
  <si>
    <t>北京大学国家发展研究院教授黄益平在第二届长三角金融科技高层对话暨新华网思客陆家嘴峰会上表示，互联网金融监管既要让行业有发展机会，同时又要牢牢把握住系统风险。黄益平表示，中国的互联网金融高速发展，目前已走在世界前列。归纳起来有两方面原因：首先，在美国，</t>
  </si>
  <si>
    <t>瑞典新型社区展示未来理念</t>
  </si>
  <si>
    <t>北欧国家瑞典的新型智能城市规划一直突出生态、智能、可持续等特征，九月份正在推出的林雪平市的VALLASTADEN新社区项目，更是让人耳目一新。40个开发商历时五年协力推出的近千套各式住宅所集成的新型社区，以博览会的形式向公众展示未来都市的新型居住方式。除了建筑节?</t>
  </si>
  <si>
    <t>中国轴承企业打入美国汽车工业核心区</t>
  </si>
  <si>
    <t>继福耀玻璃之后，又一家中国高端制造企业打入美国汽车工业核心地区。中国慈兴集团旗下的CW公司北美制造中心前不久在底特律正式启动。据悉，这一制造中心将向美国畅销车型福特F150皮卡提供转向系统轴承。在慈兴集团位于底特律大都市区西北角诺斯维尔市崭新的车间里，全自</t>
  </si>
  <si>
    <t>美国政府债务突破20万亿美元</t>
  </si>
  <si>
    <t>美国总统特朗普日前正式签署法案，将提高美国政府债务上限和政府开支法案延长至今年12月8日，同时批准约153亿美元的“哈维”飓风救灾计划。这一法案使得美国政府到今年12月8日拥有足够资金来正常运转，但同时美国联邦政府债务有史以来首次突破20万亿美元大关。分析人士?</t>
  </si>
  <si>
    <t>中国大尺寸面板供给跃居世界第一</t>
  </si>
  <si>
    <t>以往，全球大尺寸面板市场基本被韩国厂商占据，如今，这一局面正在改变。集邦咨询光电研究中心（WitsView）近日发布的最新数据显示，2017年中国大陆将正式超越韩国成为大尺寸面板供给面积最大的地区，预估2020年，中国大陆供给率将朝50%迈进。WitsView资深研究经理</t>
  </si>
  <si>
    <t>中哈携手开拓国际陆海联运</t>
  </si>
  <si>
    <t>“我们不仅要在中国和哈萨克斯坦之间，更要在欧洲与亚洲之间构建起现代化交通体系。”日前，在首届中国－哈萨克斯坦地方合作论坛上，哈萨克斯坦投资发展部副部长哈伊洛夫如此陈述中哈交通物流合作的蓝图。这一论坛是第十四届中国—东盟博览会的重要活动。本届中国—东盟</t>
  </si>
  <si>
    <t>通胀仍处高位  英央行料将按兵不动</t>
  </si>
  <si>
    <t>9月14日，英国央行将公布利率决议。8月份英国央行/TNS调查显示，英国公众预计未来两年通胀将显著高于央行目标的2%水平。目前多数经济学家预计，英国央行本月仍将按兵不动。据英国经济和社会研究所(NIESR)评估，目前英国经济增长动能有所恢复，或于2018年初加息。在8月决</t>
  </si>
  <si>
    <t>本田与东软合作开发纯电动汽车</t>
  </si>
  <si>
    <t>据外媒报道，日本汽车厂商本田11日宣布将与中国IT企业东软集团共同开发预定2018年在中国上市的纯电动汽车（EV）。这是国际大型车企在中国深耕纯电动汽车市场的最新案例。据《日本经济新闻》报道，本田和东软将在电池控制技术、车辆数据管理和车联网领域合作。中国政府正</t>
  </si>
  <si>
    <t>政策乏力掣肘欧洲经济复苏</t>
  </si>
  <si>
    <t>最近走访法国东部洛林地区时，记者感受到触目惊心的萧条：商铺成片关门、餐馆无人问津、偷税漏税成风……经济长期萎靡让人们对未来失去盼头，社会没了“精气神”。这里曾是欧洲煤钢重镇，但如今，很多居民说：“我们被抛弃了”、“这是一片没有希望的土地”。洛林只是欧</t>
  </si>
  <si>
    <t>英国勋爵谈公益徒步</t>
  </si>
  <si>
    <t>44天，1024公里，从伦敦到爱丁堡。57岁的麦克·贝茨拄着他那根磨损的手杖，又完成了一次只身徒步。贝茨是英国议会上院勋爵、英国国际发展部国务大臣，过去几年他曾徒步在25个国家行走。他曾“为奥林匹克休战徒步”300天，从希腊奥林匹亚走到伦敦；曾“为和平徒步”35天?</t>
  </si>
  <si>
    <t>美经济走向要看灾后重建“脸色”</t>
  </si>
  <si>
    <t>飓风“艾尔玛”10日迫近美国南部，已导致逾600万人避难撤离，正常生产生活无法进行。近期接踵而至的特大飓风导致美国经济短期遭到重创，财政和货币政策将受到波及，专家预计长期经济走势取决于灾后重建工作能否顺利进行。飓风“艾尔玛”9日过境古巴后，进入佛罗里达海峡</t>
  </si>
  <si>
    <t>区域经济一体化为中国铁路提供“出海”良机</t>
  </si>
  <si>
    <t>在日前召开的2017中国-阿拉伯国家高铁分会上，多位拥有丰富海外铁路建设经验的中国铁路企业负责人表示，凭借先进技术和雄厚实力，中国铁路正迎来“出海”良机。在中阿高铁分会上，来自苏丹、约旦、埃及、摩洛哥、印度尼西亚等国的交通部门负责人展示了各自国家在轨道交?</t>
  </si>
  <si>
    <t>看马克龙“闯关”劳动法改革</t>
  </si>
  <si>
    <t>法国政府日前公布法国劳动法改革法令。这是法国总统马克龙就任后主导的第一次改革“闯关”，不仅关系法国经济面貌的重塑，更对法国政坛有深远影响。在法国，劳动法改革牵动劳资双方切身利益，一向极度敏感。2016年，法国前总统奥朗德执政时曾发起劳动法改革，但由于操之</t>
  </si>
  <si>
    <t>中阿国际产能合作领域渐趋多元化</t>
  </si>
  <si>
    <t>9月7日，在2017中阿博览会国际产能合作论坛暨境外投资推介洽谈会上，共签约项目22个，投资金额170多亿元，涉及阿曼、阿联酋、埃及、伊拉克、毛里塔尼亚、黎巴嫩、蒙古国等国家，投资领域涵盖基础设施、矿产资源、能源化工、纺织服装、食品加工、农牧渔业、互联网旅游。?</t>
  </si>
  <si>
    <t>美元震荡走低  加元短线狂涨</t>
  </si>
  <si>
    <t>美联储副主席费希尔本周提前递交了辞呈，并将在10月中旬生效。费希尔的离去给了美国总统特朗普影响美联储的机会，让他能比预期更早开始重塑美联储高层。不过，费希尔辞职的同时也令美国长期货币政策前景蒙阴，美元因此震荡走弱。现年73岁的费希尔此前由奥巴马在2014年任</t>
  </si>
  <si>
    <t>中阿“一带一路”建设四路纵深推进</t>
  </si>
  <si>
    <t>9月6日，2017中国-阿拉伯国家博览会拉开帷幕。《经济参考报》记者了解到，中国已成为阿拉伯国家第二大贸易伙伴，2020年双边贸易额或突破5000亿美元。未来中阿“一带一路”建设将从四个方面纵深推进，包括加强政策协调，促进经济融合；推动合作创新，扩大贸易投资；推进大项目</t>
  </si>
  <si>
    <t>日产升级Leaf电动汽车增强竞争力</t>
  </si>
  <si>
    <t>据外媒报道，日本日产汽车6日展示了其升级后的新Leaf电动汽车，新款车型支持更长的续航里程，添加了自动驾驶和单脚踏驾驶技术，还向下调整了其销售价格。但分析人士指出，日产能否凭借这些措施增强其电动汽车的竞争力仍属未知。日产于5日和6日分别在美国和日本东京郊外?</t>
  </si>
  <si>
    <t>金砖国家签署海关合作战略框架</t>
  </si>
  <si>
    <t>在金砖五国领导人的见证下，5日，中国海关总署署长于广洲与金砖国家海关署长和代表共同签署《金砖国家海关合作战略框架》（以下简称《战略框架》），确定以“信息互换、监管互认、执法互助”作为金砖国家海关合作的原则，将贸易便利、安全与执法、新兴事务、能力建设、多边框</t>
  </si>
  <si>
    <t>中国车企加紧布局东盟市场</t>
  </si>
  <si>
    <t>日前，上汽通用五菱印尼汽车有限公司在印尼的芝加朗正式投入运营，挂着“五菱”商标的Confero S汽车也在印尼投产下线；东风柳州汽车有限公司商用车整车销售覆盖越南、老挝等多个东南亚国家……随着“一带一路”的推进，中国车企的“海外版图”进一步扩张。2015年盛夏，?</t>
  </si>
  <si>
    <t>联合技术公司230亿美元购罗克韦尔柯林斯</t>
  </si>
  <si>
    <t>据外媒报道，美国联合技术公司（UTC）已达成230亿美元收购飞机零部件制造商罗克韦尔柯林斯公司的交易，这是航空业史上规模最大的一笔交易。两家公司4日晚间发布公告称，双方董事会已批准这项交易。根据交易条款，联合技术公司将以现金加股票方式支付每股140美元的收购对</t>
  </si>
  <si>
    <t>经济向好能否令默克尔高枕无忧</t>
  </si>
  <si>
    <t>德国定于9月24日举行联邦议院选举。最新民调结果显示，默克尔所属的基督教民主联盟及其姊妹党基督教社会联盟（统称联盟党）获得的支持率约为38%，领先第二位的德国社会民主党约14个百分点。分析人士认为，可喜的经济形势让默克尔所在的联盟党与社民党竞争时占据优势，但也面?</t>
  </si>
  <si>
    <t>比特币疯涨促多国加强数字货币监管</t>
  </si>
  <si>
    <t>在比特币及其他主流数字货币8月“疯涨”的背景下，多国监管趋严。9月4日，中国央行、中央网信办、工业和信息化部、工商总局、银监会、证监会、保监会等七部门联合发布《关于防范代币发行融资风险的公告》，要求立即停止所有代币发行融资活动；3日，韩国政府宣布了对数字货币?</t>
  </si>
  <si>
    <t>厦门海关：搭通关“金桥”  服务金砖贸易</t>
  </si>
  <si>
    <t>对金砖国家的贸易已成为厦门市外贸的一大增长点。数据显示，今年1月至7月，厦门市对金砖国家的进出口额达265.3亿元，同比劲增45.6%。而作为对外贸易重要的管理部门，厦门海关也为金砖国家的贸易搭建起了通关“金桥”。前不久，厦门首条定期双向直达中欧班列——中?</t>
  </si>
  <si>
    <t>中国核电技术树立国际合作里程碑</t>
  </si>
  <si>
    <t>在大型工程设备的运行声中，中国企业参股投资的英国核电项目欣克利角C正加紧建设。以这个项目为契机，英国另一个核电项目也将注入中国自主研发的第三代核电技术，未来成功落地于这个曾率先拉开全球核能民用化序幕的老牌工业国，对中国核电技术出海无疑是一剂“强心剂”。</t>
  </si>
  <si>
    <t>“发财洞”缘何倒贴数千万</t>
  </si>
  <si>
    <t>贵州多山，喀斯特地貌广泛发育。福泉市地处黔中腹地，号称“亚洲磷都”，是我国五大磷矿生产基地之一。马场坪就是一个因资源开采加工而兴旺的乡镇，繁华时有20多个磷化工企业汇聚，“领头羊”是一家名为瓮福的集团。“厂区就在一街之隔，过去发展太粗放，一片乌烟?</t>
  </si>
  <si>
    <t>飓风“哈维”拉响极端天气警报</t>
  </si>
  <si>
    <t>飓风“哈维”本周仍在侵袭美国得州，造成数百亿美元经济损失，对国际市场尤其是油市的影响也在显现。这只是近年来全球遭遇极端气候的缩影。7月份全球再度创下百年来月度高温纪录，印证了温室效应恶化下极端天气频发，加剧对农业生产和贫困人口的威胁。为减少极端气候对?</t>
  </si>
  <si>
    <t>特朗普公布四大税改目标</t>
  </si>
  <si>
    <t>美国总统特朗普8月30日公布其税收改革目标，表示希望通过税改来提振美国实体经济。不少分析认为，特朗普的税改计划仍然缺乏切实可行的具体细节方案，要想变成可以实施的法律更是任重而道远。特朗普30日亲赴美国中部密苏里州斯普林菲尔德市为其税改造势，并公布了税改四?</t>
  </si>
  <si>
    <t>美元走势动荡  新西兰元大幅下跌</t>
  </si>
  <si>
    <t>本周一系列表现强劲的美国数据帮助美元展开凌厉反弹。美国商务部公布，美国第二季度国内生产总值增长年率被上修至3.0%，为逾两年来的最快增速，此前市场预期为增长2.7%。而民间就业服务机构ADP表示，8月份美国私营部门新增就业23.7万人，高于预估的18.5万人。强劲的ADP数据促</t>
  </si>
  <si>
    <t>特朗普税改尚需迈过多道坎</t>
  </si>
  <si>
    <t>美国总统特朗普上台后，其雄心勃勃的税改计划一直是各界关注的重点。种种迹象显示，特朗普政府的施政重点在逐渐转向财政政策，不过，大刀阔斧的税改计划要成功付诸实施还面临不少待解难题。首先，税改将造成巨大财政缺口。特朗普的税改政策或许能很快得到各方认同，但由</t>
  </si>
  <si>
    <t>德国汽车金字招牌为何褪色</t>
  </si>
  <si>
    <t>1955年8月的一天，在德国沃尔夫斯堡的大众汽车公司生产线前，人群欢庆第100万辆甲壳虫车下线。那时的德国汽车制造业，代表的是高效、可靠、精确、力求完美和永不停歇的创新精神，是“德国制造”的金字招牌，更是德国的荣耀。而如今，德国汽车制造业却深陷丑闻，国际声誉</t>
  </si>
  <si>
    <t>“哈维”飓风持续重创美国得州</t>
  </si>
  <si>
    <t>四级飓风“哈维”带来的强降雨仍在美国得克萨斯州休斯敦地区持续。这是56年来得州遭遇的最强风暴，外界预计这将成为美国历史上经济损失最大的自然灾害之一，连续数日的暴雨和洪灾侵袭引起市场对于石油和天然气生产的担忧。“哈维”是56年来得州遭遇的最强风暴，25日晚登</t>
  </si>
  <si>
    <t>巴菲特成美银最大股东</t>
  </si>
  <si>
    <t>据外媒29日报道，美国著名投资人沃伦·巴菲特的投资公司伯克希尔-哈撒韦成为第二大银行美国银行最大股东，投资于这家银行的收益已超过百亿美元。业内人士预计，随着美国金融监管放松，银行业绩将进一步得到提升，但系统性风险随之升高。美国银行29日称，伯克希尔-哈撒韦</t>
  </si>
  <si>
    <t>英欧开启第三轮“脱欧”谈判</t>
  </si>
  <si>
    <t>欧盟与英国第三轮“脱欧”谈判28日在布鲁塞尔开启，双方将围绕“分手费”、欧盟公民权利以及北爱尔兰边界安排继续讨价还价。外界普遍认为，此轮谈判重在技术性磋商，将为后续谈判打下基础。本轮谈判为期四天。在正式谈判开始前举行的联合记者会上，欧盟英国“脱欧”首席</t>
  </si>
  <si>
    <t>亚马逊收购全食意欲何为</t>
  </si>
  <si>
    <t>美国电商零售巨头亚马逊8月28日正式完成对全美最大的天然和有机食品连锁零售商——全食食品超市的收购，同时对全食部分热门商品降价，幅度高达43%。记者走访发现，在位于纽约市哥伦布圈的全食超市，有机富士苹果从此前的3.49美元一磅降价至1.99美元；墨西哥产牛油果从一</t>
  </si>
  <si>
    <t>商务部：金砖国家应携手应对贸易保护挑战</t>
  </si>
  <si>
    <t>29日，商务部贸易救济局局长王贺军在2017金砖国家贸易救济国际研讨会上介绍，根据世贸组织统计，2016年贸易救济调查数量达到2009年以来的最高点。以金砖国家为例，截至2016年年中，金砖国家遭受到反倾销调查1732起，反补贴调查205起，占全球案件总数量的34.8%。贸易救济调查?</t>
  </si>
  <si>
    <t>在线旅游公司CEO或出任优步新掌门</t>
  </si>
  <si>
    <t>据外媒报道，美国网络打车平台优步已确定，选择在线旅游预订网络Expedia现任首席执行官（CEO）达拉·霍斯劳沙希来执掌公司。目前，优步正深陷一系列丑闻之中，新任CEO要领导优步走出困境将面临不小的挑战。一份发给Expedia员工的内部备忘录显示，霍斯劳沙希正准备接受优</t>
  </si>
  <si>
    <t>英国首相将访日商讨经贸合作</t>
  </si>
  <si>
    <t>英国首相特雷莎·梅定于8月30日抵达日本，进行为期3天的访问。根据媒体披露，英国此行可能会在投资优惠和自由贸易问题上与日本商谈合作，旨在减少“脱欧”可能引发的日企撤离行为。日本政府官员28日表示，日本希望英国“脱欧”是可预料且透明的，只有这样，在英国的日本</t>
  </si>
  <si>
    <t>中国拉美期待深化经济合作</t>
  </si>
  <si>
    <t>“2017年度中国-拉美投资商机论坛”28日在北京召开。与会业内人士表示，随着巴西和阿根廷等拉美主要经济体经济逐步复苏，拉美国家政商界普遍期待加强与中国的经贸合作，推升双方合作不断升级以创造更多发展机会。本届投资商机论坛由全球性的欧华律师事务所与美国咨询公?</t>
  </si>
  <si>
    <t>夏末的小龙虾派对盛宴</t>
  </si>
  <si>
    <t>八月，夏末，瑞典小龙虾派对是一幕独特的风景。当地人邀请亲朋好友欢聚在自家院落，在欢乐的歌声中尽情享受淡水鳌虾的鲜美，陶醉于简单、轻松、转瞬即逝的金色夏季。夏末的瑞典依旧阳光灿烂，却已能感受到秋风瑟瑟。即便如此，也挡不住当地人在户外庆祝这一传统派对盛宴</t>
  </si>
  <si>
    <t>新一轮制裁加剧委内瑞拉经济困境</t>
  </si>
  <si>
    <t>美国总统特朗普近日签署行政令，禁止美国金融机构参与委内瑞拉政府和委内瑞拉石油公司新的债务和股权交易，禁止美方机构参与委内瑞拉公共部门现已发行的部分债券交易等。此轮制裁是美国就委内瑞拉举行制宪大会选举施加的第四轮制裁。制裁措施令本就陷入困境的委内瑞拉经济更?</t>
  </si>
  <si>
    <t>我国低值可回收物被大量废弃</t>
  </si>
  <si>
    <t>生活中的废玻璃，在欧洲回收率高达90%，而在我国85%都被混在垃圾中废弃。我国再生资源利用率偏低，尤其废玻璃、废纺织物、废包装纸等低值可回收物被大量废弃，既加剧了垃圾围城趋势，又造成了环境污染。记者调研了解到，我国再生资源领域存在回收体系无序、产品标准缺失、技?</t>
  </si>
  <si>
    <t>科技产业爆发呼唤中国版《拜杜法案》</t>
  </si>
  <si>
    <t>近期，国务院正式印发《新一代人工智能发展规划》，为人工智能产业未来快速发展奠定了政策基础。目前，我国在人工智能技术领域的研究取得了大量成果，不但在专利储备上位居世界前列，在每年专利的申请数量上也超过美国，位列世界第一。但也应清楚地认识到，和我国众多新兴产?</t>
  </si>
  <si>
    <t>我国首个国家公园体制试点获突破</t>
  </si>
  <si>
    <t>记者日前从青海省政府获悉，已实施一周年的三江源国家公园体制试点取得多项进展，在执行最严格生态保护标准的同时，相关部门探索适度特许经营等配套办法，引导牧民在保护中受益。位于青海省南部的三江源地区被称为“中华水塔”，因具有亚洲重要水源涵养地及生态安全屏障</t>
  </si>
  <si>
    <t>我国成为页岩气生产大国</t>
  </si>
  <si>
    <t>影响全球能源格局的页岩气革命，在我国加快迈入产业化商业化生产阶段，中国成为与美国、加拿大鼎足而立的页岩气生产大国。国土资源部地质勘查司司长于海峰日前在此间的新闻发布会上说，经过多年勘探开发实践，我国页岩气勘探开发取得重大突破。四川盆地及周边的海相地层</t>
  </si>
  <si>
    <t>调查显示德国人最担忧移民问题</t>
  </si>
  <si>
    <t>德国市场研究机构捷孚凯近日公布年度调查报告说，德国人对移民潮和移民在德国的融入问题最为担忧，而恐怖主义首次成为德国人眼中亟待解决的十大社会问题之一。这项名为《2017年各国的挑战》的调查于2017年春季进行，共涉及24个国家的2.75万人，其中包括2018名德国民众。</t>
  </si>
  <si>
    <t>人工智能产业化的“红与黑”</t>
  </si>
  <si>
    <t>继不久前美国电动汽车厂商特斯拉首席执行官马斯克和社交媒体网络脸谱创始人扎克伯格就人工智能（AI）技术的危害隔空辩论之后，近期全球一百多位人工智能专家联名致信联合国，呼吁禁止基于该技术的自动化武器的发展。人工智能产业化前景毋庸置疑，但其双面性使得如何在以人类?</t>
  </si>
  <si>
    <t>美元走势动荡  非美货币强弱不一</t>
  </si>
  <si>
    <t>近期美国总统特朗普令金融市场深切感受到其言论的影响，特朗普威胁关闭政府并终止北美自由贸易协定，美元、美股遭受打击。目前市场聚焦在杰克逊霍尔举行的全球央行年会，美联储主席耶伦和欧洲央行行长德拉基都将在年会上发表讲话。鉴于央行年会一直以来的重要影响力，投资者?</t>
  </si>
  <si>
    <t>墨西哥老中医求索“银针里的世界”</t>
  </si>
  <si>
    <t>30多年前，墨西哥小伙子托马斯未曾想过，自己会成为墨西哥中医针灸的一名行家。说起初识针灸的巧合，1980年，大学刚毕业的托马斯在墨西哥坎佩切州从事社会服务，期间偶遇当地赤脚医生用针治病，这引起了他的好奇心。不久，这名充满求知欲的墨西哥青年听说中医“扎?</t>
  </si>
  <si>
    <t>市场预期欧洲明年将启动退出QE</t>
  </si>
  <si>
    <t>第六届德国林道诺贝尔经济学奖得主大会于23日至26日举行。欧洲中央银行行长德拉吉在大会开幕式发言时表示，以量化宽松（QE）为代表的非常规货币政策在大西洋两岸都获得了成功，这项目前仍富有争议的政策“令世界经济保持了更多活力”。德拉吉强调，在极端不利的情况下，中央?</t>
  </si>
  <si>
    <t>基于国家特性的中国国有企业治理</t>
  </si>
  <si>
    <t>无论是理论研究文献还是现实案例都说明一个问题，市场经济不排斥国有企业，国有企业几乎在所有国家都存在，即使自以为是自由市场经济的美国也不例外，只是在世界范围内有些国家国有企业数量比较少，而在有些国家国有企业却分布在各行各业；历史地看，有些国家对国有企业进行?</t>
  </si>
  <si>
    <t>俄罗斯旅游热背后的喜与忧</t>
  </si>
  <si>
    <t>夏天是莫斯科人最爱的季节。蓝天白云，绿树成荫。成群的鸽子飞过红场和克里姆林宫，色彩绚丽的教堂及各式建筑在鲜花和喷泉的映衬下显得愈发生动美丽。行走在人来人往的街头，仿佛置身于流动的油画中，令人心旷神怡。和莫斯科市民一同走在这如画般景色中的还有来自各国的</t>
  </si>
  <si>
    <t>美税改有进展  前景仍不确定</t>
  </si>
  <si>
    <t>据美国媒体报道，美国总统特朗普的高级助手及国会领导人在税改计划上取得巨大进展，市场对特朗普税改获得成功的乐观情绪再度升温，美元和美股随即走强。但也有分析认为，税改前景仍不明朗，今年推出的可能性仍非常低。美国新闻网站Politico援引5位熟知内情的消息人士透?</t>
  </si>
  <si>
    <t>英国陷“硬脱欧”和“软脱欧”两难</t>
  </si>
  <si>
    <t>据外媒报道，英国政府21日再次发布文件，建议英国“脱欧”之前存放于市场上的商品应当以现有规则在欧盟市场出售，而不受“脱欧”时点和额外要求的限制。继上周“临时关税同盟”的提议被欧盟泼冷水后，英国的提议再次遇冷。英国政府21日发布文件表示，希望确保英国“脱欧</t>
  </si>
  <si>
    <t>摩拜单车登陆日本</t>
  </si>
  <si>
    <t>中国摩拜单车公司22日在日本北海道札幌市举行了投放仪式，这标志着摩拜单车正式登陆日本。投放仪式上的单车具备不少技术亮点，吸引不少日本民众前来体验。此次投放，使日本成为摩拜单车“出海”的第四个国家。22日下午，摩拜单车在札幌市北海道道厅前广场举行了试乘活动</t>
  </si>
  <si>
    <t>国际油价暂缓跌势</t>
  </si>
  <si>
    <t>国际油价22日早盘小幅上扬，暂缓上一个交易日2%跌幅的下行走势。市场人士预期，美国的油田钻井数量连续第八周下降，有利于国际石油市场供需平衡。美国当地时间22日下午将公布上周美国运营的油田钻井数量，美国油田技术服务公司贝克休斯最新报告显示，该项数据比前一周减</t>
  </si>
  <si>
    <t>应对特朗普贸易战需要做好三件事</t>
  </si>
  <si>
    <t>特朗普以知识产权为由发动此次贸易战，但其目的绝非如此简单，或许，保护本国产业、重塑美国制造业才是其真实目的。为应对可能发生的中美贸易战，中国政府和企业有必要做好三件事情：一是全面关注和梳理中国企业的知识产权，尤其是涉及与美国企业相关的知识产权，包括版</t>
  </si>
  <si>
    <t>人工智能产业化引科技界人士担忧</t>
  </si>
  <si>
    <t>据外媒报道，包括美国电动汽车厂商特斯拉首席执行官埃隆·马斯克在内的100多位科技界人士近日联名致信联合国，敦促其采取行动应对自主机器人武器的潜在危害。这封信件在21日于澳大利亚墨尔本举行的人工智能技术会议上被公开。据法新社报道，116名机器人与人工智能（AI）</t>
  </si>
  <si>
    <t>“渔光一体”助力水产与光伏业融合共赢</t>
  </si>
  <si>
    <t>随着西部新能源弃光限电日益突出，光伏发电逐步向中东部布局，由于土地资源有限，不少企业因地制宜发展“光伏+屋顶”“光伏+农业”“光伏+养殖”等项目。业内人士表示，“渔光一体”模式在带动农业转型升级的同时能够节约土地资源空间，能够很好的融合现代水产和太阳能光伏两</t>
  </si>
  <si>
    <t>杭州开通至俄罗斯货运航线</t>
  </si>
  <si>
    <t>近日，一架满载货物的图204货机从浙江杭州萧山国际机场出发，飞往俄罗斯新西伯利亚，这标志着杭州至俄罗斯的邮政货运航线正式开通。据了解，该航线是浙江参与“一带一路”建设的首批14个重点项目之一。航线由中国邮政速递物流股份有限公司浙江省分公司运营，俄罗斯航星?</t>
  </si>
  <si>
    <t>英国“脱欧”亮底牌会不会自说自话？</t>
  </si>
  <si>
    <t>本周，英国政府终于亮出“脱欧”谈判的“底牌”。英国“脱欧”事务部陆续公布一系列“脱欧”立场文件，提出英方“脱欧”后在退出欧盟关税同盟、爱尔兰与北爱尔兰边界安排等关键议题上的立场与建议。“脱欧”谈判开始至今，已近半年。英国此次突然亮出“底牌”，意?</t>
  </si>
  <si>
    <t>美国税改博弈：由结构性改革转向常规减税</t>
  </si>
  <si>
    <t>美国税改虽然引发了全球关注，但是在新政府执政的半年多时间里，改革进展缓慢。直到4月26日总统就职百日，特朗普政府才抛出一纸极为简略的税改原则指引。由于国会两党之间、府会之间、甚至执政的共和党内部一直未能就税改方向达成共识，一度令外界感觉美国税改陷入了困境。</t>
  </si>
  <si>
    <t>亚洲最大露天煤矿面临停产</t>
  </si>
  <si>
    <t>剥开沟壑纵横的鸡爪荒山，采出数以亿吨计的高品质“绿色煤炭”，又把采空区复垦成一碧万顷的沃土良田；但受政策制约，万顷良田却很难再“置换”一处可供采矿的鸡爪荒山。这是亚洲最大露天煤炭企业——神华准能集团近年来发展中遇到的新问题。在内蒙古自治区成立70周年之</t>
  </si>
  <si>
    <t>美301调查挑起对华贸易战</t>
  </si>
  <si>
    <t>山雨欲来风满楼。当地时间8月18日，美国正式启动对华301调查。当日美国贸易代表处发布立案公告，决定对中国政府采取的与技术转让、知识产权和创新相关的法律、政策及实践操作进行调查，以判断其是否属于“可采取行动的措施”。业内指出，这是美国首次专门针对中国知识产权保?</t>
  </si>
  <si>
    <t>供需基本面难寻利好  成品油后市或承压</t>
  </si>
  <si>
    <t>虽然美国能源信息署(EIA)公布的数据显示，美国原油库存于11日当周录得近一年来的最大单周降幅，并且利比亚Sharara油田因受到安全威胁影响而损失了部分原油产量，但美国成品油库存不降反增，引发了市场对燃油需求减弱的担忧。加上美国原油产量已回升至2015年7月份以来的最高水</t>
  </si>
  <si>
    <t>瑞典保护企业知识产权力求创新</t>
  </si>
  <si>
    <t>在欧盟统一知识产权制度框架下，北欧国家瑞典进一步细化并设置专门机构协调、保障企业知识产权，并使其高度制度化，从而极大促进了创新，助推经济增长。瑞典专利与注册局是瑞典知识产权保护领域的权威机构，其使命是通过对专利、设计和商标等的保护，来实现对创新性想法</t>
  </si>
  <si>
    <t>德专家：美奉行贸易保护只会陷入孤立</t>
  </si>
  <si>
    <t>针对美国采取单边主义行动对中国发起“301调查”，德国外交关系委员会国际贸易专家约瑟夫·布拉姆尔日前在接受新华社记者书面采访时表示，美国奉行贸易保护主义只会让自己陷入孤立。布拉姆尔指出，作为全球贸易企业的主要出口市场，美国加高贸易壁垒，将迫使外国企业寻?</t>
  </si>
  <si>
    <t>国际金价触及1300美元高点</t>
  </si>
  <si>
    <t>截至8月18日的当周，避险情绪推高国际金价，盘中触及每盎司1300美元大关。而国际油价在美元走弱的背景下，最后一个交易日挽回整周跌势，震荡走平。因美国的政治不确定性拖累美元走软，且西班牙遭受恐怖袭击，提振黄金的避险吸引力。西班牙第二大城市巴塞罗那17日下</t>
  </si>
  <si>
    <t>美国“301调查”的虚实与远近</t>
  </si>
  <si>
    <t>一石激起千层浪，微妙的中美经贸关系再一次走到了十字路口。美国总统特朗普14日签署行政备忘录，授权贸易代表莱特希泽审查“中国贸易行为”，包括中国在技术转让等知识产权领域的做法。获授权后，莱特希泽有可能按照美国《1974年贸易法》第301条，对中国发起“301调查”</t>
  </si>
  <si>
    <t>网文产业“爆燃”后  二次危机来袭</t>
  </si>
  <si>
    <t>3.33亿网络文学用户成就90亿元的网络文学市场；40家主要网络文学网站提供1400余万种作品，并拥有日均逾1.5亿文字量的更新；网络作家最高版税收入高达1.22亿元……近日落幕的首届中国“网络文学＋”大会交出了一张耀眼的成绩单。在业内人士看来，中国网络文学已经可以同美国好</t>
  </si>
  <si>
    <t>扎克伯格：不缺热点的科技狂人</t>
  </si>
  <si>
    <t>美国社交网络脸书公司创始人马克·扎克伯格近期风头又劲。先是与美国电动车企业特斯拉首席执行官埃隆·马斯克就人工智能技术隔空激辩引发关注，而后脸书上交强劲业绩报告令其跻身全球富豪榜第五。作为一个科技狂人，扎克伯格对于未来科技发展趋势和脸书发展蓝图的阐释一直令?</t>
  </si>
  <si>
    <t>什么样的“芯片”能支撑起智能时代？</t>
  </si>
  <si>
    <t>“如果用刀来比喻芯片，通用处理器好比一把瑞士军刀，人工智能时代好比要拿刀来切肉，瑞士军刀可以拿来用，但它并非是为切肉设计的，所以效果并非最好。因此，我们需要专门打造一把切肉的刀，这把刀既要方便切肉，又要方便剁骨头，还需要具有一定的通用性。” 国内人工智能芯</t>
  </si>
  <si>
    <t>我国邮轮经济“肥”了别人“瘦”了自己</t>
  </si>
  <si>
    <t>进入暑期，国内各邮轮码头迎来旅游旺季。今年3月以来，各大邮轮公司大都取消了从国内母港始发前往韩国的航线，至今未恢复，但这无碍国际邮轮公司对中国市场的青睐。诺唯真喜悦号、盛世公主号等新船近期陆续进入中国，进一步做大邮轮旅游市场份额。2006年至今，邮轮产业?</t>
  </si>
  <si>
    <t>英国提议“脱欧”后建立临时关税同盟</t>
  </si>
  <si>
    <t>英国政府15日公布首份“脱欧”立场文件，提出在英国退出欧盟关税同盟后设立“临时关税同盟”，避免“脱欧”给英国经济造成重大打击。不过，这一提议很快就被欧盟泼了冷水。英国“脱欧”事务大臣戴维·戴维斯15日表示，英国是欧盟最大贸易伙伴，“临时关税同盟”的安排符</t>
  </si>
  <si>
    <t>运往北极圈的“中国制造”</t>
  </si>
  <si>
    <t>8月16日上午9点半，中国海油旗下海洋石油工程（青岛）有限公司码头，装有一组万吨重液化天然气压缩机模块的运输船缓缓驶离，目的地是北极圈内的俄罗斯萨贝塔港。在那个最低温度达零下52摄氏度的“天边地角”，有着亚马尔这一全球首例极地天然气勘探开发、液化、运输、销售一?</t>
  </si>
  <si>
    <t>英国的最低工资“实验”</t>
  </si>
  <si>
    <t>代表雇主利益的英国商会最近表示，在当前经济形势下，最低工资调增幅度应以2.7%为上限，基本与通胀水平持平，否则一些企业可能会因缩减成本而选择裁员。最低工资一直是个有争议的话题。定得太高，则伤害资源配置效率，雇主会想方设法甚至裁员以降低成本，结果，伤害最大</t>
  </si>
  <si>
    <t>柏林航空将破产重组</t>
  </si>
  <si>
    <t>德国第二大航空公司柏林航空15日称，该公司已经提交无力偿债的破产申请。目前，柏林航空依靠政府紧急贷款维持运营，它的主要竞争对手汉莎航空正在洽谈收购其一部分业务。处于亏损状态的柏林航空称该公司是被迫采取上述行动的。此前该公司最大的股东之一阿布扎比的阿提哈</t>
  </si>
  <si>
    <t>民企参与“一带一路”如何化解风险</t>
  </si>
  <si>
    <t>由中国社会科学院民营经济研究中心与《经济参考报》联合主办的双月座谈会近日在京举行。全国工商联原副主席庄聪生、中国社会科学院国际法所研究员刘敬东、中国亚洲经济发展协会会长张九桓、中国社会科学院民营经济研究中心主任刘迎秋等专家，围绕民营企业参与“一带一路”建?</t>
  </si>
  <si>
    <t>欧洲用法律保障“被遗忘权”</t>
  </si>
  <si>
    <t>“我们的过去就像文身一样，镌刻在我们的数字皮肤上。”——过去的数据随时可能被挖掘出来，一个人要想“被遗忘”似乎已经没有可能。欧洲正在行动。以立法形式清理个人“数字足迹”、保障信息安全，让网络使用者拥有“被遗忘权”，这已是不少欧洲国家的共识与实践。</t>
  </si>
  <si>
    <t>美国将启动对华贸易调查</t>
  </si>
  <si>
    <t>美国总统签署总统备忘录将对中国发起贸易调查引发各界关注，中国商务部新闻发言人15日称，望美国遵守对世贸规则的承诺，若美方不顾事实采取举动，中方将采取所有适当措施，坚决捍卫中方合法权益。中美专家担心美国在单边主义道路上越走越远，冲击国际贸易体系规则。美国</t>
  </si>
  <si>
    <t>美国单边行动将侵蚀国际贸易规则</t>
  </si>
  <si>
    <t>美国总统特朗普14日签署一份行政备忘录，授权美国贸易代表审查所谓的“中国贸易行为”，包括中国在技术转让等知识产权领域的做法。从政策角度分析，在“通俄门”持续发酵、重大立法受阻、执政能力遭受质疑和国内支持率下跌之际，特朗普选择在贸易政策上快速行动，兑现打击不?</t>
  </si>
  <si>
    <t>债务水平可控  IMF称改革提升中国增长潜力</t>
  </si>
  <si>
    <t>国际货币基金组织（IMF）15日表示，中国各类债务可能在5年内升至占国内生产总值（GDP）300%左右，但在可控范围，随着改革在广泛领域取得进展，IMF对中国经济继续保持强劲增长持乐观预期。IMF当天发布的与中国的“第四条款磋商”报告表示，中国经济在2017-2021年间的平均</t>
  </si>
  <si>
    <t>内需驱动  日本经济二季度增4%</t>
  </si>
  <si>
    <t>日本内阁府14日发布的数据显示，由于个人消费和企业投资增长强劲，今年第二季度日本实际国内生产总值（GDP）按年率计算增长4%，为2015年第一季度以来最快增速。但由于贸易数据偏弱，通胀依旧低迷等因素，日本进一步实施刺激措施的可能性并未消失。数据显示，日本第二季?</t>
  </si>
  <si>
    <t>“渝桂新”推动大西南与东盟合作走向纵深</t>
  </si>
  <si>
    <t>在“渝新欧”大通道的起点重庆团结村，有一张特殊的世界地图：以重庆为起点，“渝新欧”向西横贯亚欧大陆连接德国杜伊斯堡，另一条大通道从重庆向南延伸，贯穿中南半岛连接新加坡。这条从重庆到新加坡的大通道，就是近日贯通的“渝桂新”（重庆－广西－新加坡）国际联运</t>
  </si>
  <si>
    <t>日本央行总资产规模超过美联储</t>
  </si>
  <si>
    <t>据《日本经济新闻》报道，截至6月底，日本央行的总资产突破502万亿日元，按1美元兑换110日元计算，达到4.56万亿美元，超过了美联储的4.46万亿美元。这是自美联储2008年启动量化宽松以来首次出现这种逆转。同时，日本央行的总资产也逼近了欧洲中央银行的543万亿日元（4.20万亿</t>
  </si>
  <si>
    <t>回首十年间  华尔街如何看中国</t>
  </si>
  <si>
    <t>标准普尔公司首席全球经济学家保罗·希尔德日前在接受记者专访时说：“次贷危机以来，中国经济的表现令人叹服。”报告显示，自2008年第四季度以来，中国平均季度国内生产总值（GDP）按年率计算高达8.2%，而该数据在美国和欧元区仅为1.4%和0.4%。“自金融危机以来，</t>
  </si>
  <si>
    <t>澳洲联邦银行称CEO将退休</t>
  </si>
  <si>
    <t>据外媒报道，澳大利亚最大银行澳洲联邦银行14日表示，其首席执行官（CEO）伊恩·内尔弗即将于明年年中退休。近期，澳洲联邦银行正面临涉嫌违反洗钱和恐怖组织融资法规的指控，这可能成为澳大利亚在该领域规模最大的一桩企业民事诉讼。澳洲联邦银行董事长凯瑟林·利文斯?</t>
  </si>
  <si>
    <t>跨越“中等收入陷阱”  带动低收入国家共同发展</t>
  </si>
  <si>
    <t>“实现中华民族伟大复兴，就必须克服‘中等收入陷阱’。”国务院参事、北京大学新结构经济学研究中心主任、北京大学国家发展研究院名誉院长林毅夫日前做客“参事讲堂”，讲述如何以新技术、新产业的发展以及旧产业的新资源配置带动中国经济发展向更高水平迈进，以及助力非洲?</t>
  </si>
  <si>
    <t>北美自贸协定重新谈判即将开启</t>
  </si>
  <si>
    <t>8月16日至20日，美国将与加拿大、墨西哥在美国首都华盛顿就重谈北美自由贸易协定举行首轮谈判。谈判开始前，加拿大和墨西哥的反应不一。美国贸易代表莱特希泽上月19日宣布了这一消息。莱特希泽已于5月18日正式通知美国国会有关启动北美自贸协定重新谈判的意向，开启为期</t>
  </si>
  <si>
    <t>调查称美经济扩张还将持续两年</t>
  </si>
  <si>
    <t>据路透社报道，其在8月7日至10日调查访问的分析师多数认为，美国经济扩张将再持续两年，他们还预计经济不会像特朗普政府预计的那样加速成长。金融危机之后的复苏之路异常漫长，迄今已持续96个月。如果路透调查得出的上述预测能实现，美国经济将创150多年以来最长的扩张?</t>
  </si>
  <si>
    <t>英国“脱欧”为何久拖不决</t>
  </si>
  <si>
    <t>英国“脱欧”久拖不决。自从英国与欧盟启动“脱欧”谈判以来，焦点议题有几个——“分手费”、英国是否彻底退出欧洲共同市场、移民自由。谈判开始快半年，重要议题上缺少实质性进展。7月的英国大选带来的意外结果又让“脱欧”更加复杂：新政府刚刚执政，多位阁员在</t>
  </si>
  <si>
    <t>黄金因避险需求受青睐</t>
  </si>
  <si>
    <t>国际原油市场上，原油受各类消息影响，价格上下波动。尽管美国原油库存降幅超过预期，但挥之不去的供应过剩忧虑仍令油价承压。此外，欧佩克特别会议声明被指内容空泛，减产执行率偏低也难以支撑油价。但是，美元走弱提高了以美元计价的石油的投资吸引力。11日，衡量美元</t>
  </si>
  <si>
    <t>数据时代的隐私之战</t>
  </si>
  <si>
    <t>最近，数据泄露事件再次引起公众关注。瑞典遭遇史上最严重的数据泄露事件，印度电信运营商Jio一亿多用户信息“裸奔”。在英国新数据法案下，掌握大量数据和用户信息的谷歌、脸谱等公司已接到重罚警告。全球保卫数据隐私之战进一步升级。数据泄露无处不在近期发生多</t>
  </si>
  <si>
    <t>日本经济复苏面临多重挑战</t>
  </si>
  <si>
    <t>日本内阁府10日公布的最新数据和调查结果显示，核心机械订单意外连续第三个月下降，且多数分析师对刚刚重新组阁的政府持悲观态度。有分析认为，日本经济复苏根基尚不牢固，随着贸易顺差日趋下滑，未来经济前景面临挑战。数据显示，6月核心机械订单较前月减少1.9%。市场?</t>
  </si>
  <si>
    <t>美元吹响反攻号角  日元走势强劲</t>
  </si>
  <si>
    <t>尽管本周美联储官员连续发表鸽派言论，但强劲的非农数据仍在给美元提供支撑，美元指数守住非农报告出炉后收获的大部分涨幅。眼下投资者对于美国通胀的关注度并不亚于非农报告，若本周五公布的通胀数据也令人满意，美元多头可能会真正吹响反攻的号角，而一旦数据令人失望，则?</t>
  </si>
  <si>
    <t>一款中国APP的欧美“走红记”</t>
  </si>
  <si>
    <t>两亿海外注册用户，月活度达6000万，覆盖4000万美国青少年，还曾跻身苹果美国APP应用商店榜榜首……一家总部在上海的中国公司在几年间成功打入欧美社交文化市场并站稳脚跟。日前，记者探访公司总部，musical.ly创始人兼CEO阳陆育分享了企业出海过程中的挫折与经验。画面</t>
  </si>
  <si>
    <t>全球经济复苏或迎来拐点</t>
  </si>
  <si>
    <t>自2007年美国次贷危机爆发以来，十年已过。虽然仍面临贸易保护主义抬头、政治风险加剧等挑战，但全球经济终于迎来了走出“大萎靡”的曙光，全球经济增长格局更加平衡、动能也更为强劲。“春天到了，全球经济的春天也来了”，这是IMF总裁拉加德在今年IMF与世界银行春季会</t>
  </si>
  <si>
    <t>报告：“脱欧”导致英国企业“招工难”</t>
  </si>
  <si>
    <t>据外媒报道，8月8日公布的一份调查报告显示，英国劳动力市场正在紧缩，雇主们发现难以雇佣到员工，这使得英国受雇人员的薪资水平出现上涨。这份由研究公司Markit受英国招聘和雇佣协会（REC）委托所作的月度调查称，固定和临时员工的薪资都因此迅速上升。这项调查发现，?</t>
  </si>
  <si>
    <t>欧佩克落实减产声明被指空泛</t>
  </si>
  <si>
    <t>石油输出国组织(欧佩克)和非欧佩克产油国代表7日至8日在阿联酋首都阿布扎比召开会议，商讨如何促进减产协议的执行。由于会后声明内容被指过于空泛，国际油价走低。这是监督欧佩克和非欧佩克国家减产协议遵守情况的联合技术委员会(JTC)召开的一个特别会议。减产协议如何?</t>
  </si>
  <si>
    <t>美企业所得税能降到多低</t>
  </si>
  <si>
    <t>随着美国共和党废除奥巴马医改的努力屡遭失败，共和党高层近几周已开始将立法重点从医疗改革转向税制改革。虽然特朗普政府和共和党高层对于降低目前高达35%的联邦企业所得税率早有共识，但对于企业所得税率究竟能够降到多低，白宫和共和党内部仍在进行激烈辩论。美国总?</t>
  </si>
  <si>
    <t>美联储官员：通胀低迷  近期无需加息</t>
  </si>
  <si>
    <t>据外媒报道，美国圣路易斯联邦储备银行主席詹姆士·布拉德7日表示，由于通胀水平低迷，美联储可以维持目前的利率水平，近期无需加息。另一位美联储官员7日则担忧美国总统特朗普的移民政策可能对经济造成负面影响。有分析认为，美联储官员对于通胀和经济走势的担忧仍存，</t>
  </si>
  <si>
    <t>物流地产投资是资本盛宴还是昙花一现</t>
  </si>
  <si>
    <t>今年7月，由万科、厚朴投资、高瓴资本、中银投联合组成的中国财团与普洛斯发布公告称，该财团与普洛斯董事会已就全面私有化新加坡上市公司普洛斯达成一致，交易收购单价为每股3.38新加坡元。如本次私有化能够完成，交易总价将达到116亿美元（约790亿元人民币），有望成为亚洲</t>
  </si>
  <si>
    <t>巨额“分手费”拖累英国脱欧进程</t>
  </si>
  <si>
    <t>欧盟官员日前表示，即使英国在2019年脱离欧盟，其仍需履行承诺，向欧盟缴纳预算款至2020年。该言论正值“脱欧”谈判处于第三轮前期，且欧英双方尚未在重要的经贸领域形成协调方案之际。有分析认为，额外的支出将给英国经济和“脱欧”谈判带来更多不确定性。据外媒报道，</t>
  </si>
  <si>
    <t>对接东盟发展规划  “一带一路”拓展合作空间</t>
  </si>
  <si>
    <t>中国外交部长王毅6日出席在菲律宾马尼拉举行的中国－东盟（10＋1）外长会议时提出，加强“一带一路”倡议同东盟互联互通规划的对接，扎实推进基础设施互联互通建设，进一步拓展双方合作的领域和空间。东盟各国外长6日发表联合声明说，东盟期待与中国未来开展更多的高层?</t>
  </si>
  <si>
    <t>制裁升级对俄经济影响有限</t>
  </si>
  <si>
    <t>编者按：从本周起，本报国际版“看世界”系列专栏再添新丁，由新华社驻莫斯科记者廖冰清主笔“漫笔俄罗斯”，敬请关注。美国总统特朗普日前正式签署对俄罗斯制裁法案，持续数日的喧嚣终于尘埃落定。无论特朗普本人多么无奈、俄罗斯方面多么失望，实施新一轮制裁已是板上</t>
  </si>
  <si>
    <t>全球“引资博弈”凸显制造业之重</t>
  </si>
  <si>
    <t>制造业既决定人们生活的品质与追求，也关乎经济发展的基础与后劲。当前，因综合成本高、短期回报低，一些资金抽离实体部门，“办厂不如炒房”现象并不少见。从国际上看，在经历了金融风暴和债务危机后，全球主要经济体特别是一些西方工业大国均通过减税等方式，启动了重</t>
  </si>
  <si>
    <t>遭遇“中年危机”的吉林油田向“变”而生</t>
  </si>
  <si>
    <t>吉林油田的干部职工每天必查国际油价，这个从美国纽约和英国伦敦交易所发出的数字从未让松辽平原腹地的石油人如此“牵挂”。国际油价在经历七八年高位后于2014年下半年开始“断崖式下降”，让人猝不及防。年过半百的吉林油田显现出多年计划经济体制下形成的管理粗放、冗</t>
  </si>
  <si>
    <t>共享单车“出海”  解决随意停放仍是难点</t>
  </si>
  <si>
    <t>截至目前，中国共享单车已进入英国曼彻斯特、日本福冈、意大利米兰等全球上百个城市和地区。摩拜单车英国总经理史蒂夫·派尔5日接受记者专访时说，若想将共享单车“骑”进一座城市，与当地管理部门的沟通与合作至关重要。派尔介绍，摩拜已经在英国的曼彻斯特、索尔</t>
  </si>
  <si>
    <t>美元下跌带来市场狂欢</t>
  </si>
  <si>
    <t>美元指数近期接连下挫，距年初高点跌幅已达10%，给大宗商品市场和股市带来剧烈震荡，不仅推高了风险偏好产品的价格，也减轻了新兴市场国家的债务和资金流出压力。目前来看，美国经济政策走向的不确定性和全球主要经济体货币政策的紧缩节奏，未来仍将对美元构成压力。在美元宽</t>
  </si>
  <si>
    <t>报告显示：中国手机银行业务持续“井喷”</t>
  </si>
  <si>
    <t>君迪（J.D.Power）7月27日在北京发布的2017中国零售银行满意度研究报告显示，中国手机银行业务持续“井喷”，用户渗透率已攀升至78%，远高于美国（30%）、加拿大（44%）和新加坡（41%），比2016年上升23个百分点，而2011年仅为3%。受访客户目前每年使用手机银行超过25次，相?</t>
  </si>
  <si>
    <t>自主品牌开始与合资品牌正面竞争</t>
  </si>
  <si>
    <t>近年来，自主品牌不仅在规模和营收上取得了长足发展，产品的质量、性能和服务水平也得到了大大提升。业界认为，自主品牌已摆脱低质低价形象，开始与合资品牌展开正面竞争，并越来越受到国内消费者的认可。中国汽车企业发展迅速日前，美国《财富》杂志公布了最新的?</t>
  </si>
  <si>
    <t>加强网络安全人才培养刻不容缓</t>
  </si>
  <si>
    <t>今年以来，全球发生了多起网络攻击导致关键信息基础设施瘫痪的案例。随着2017中国互联网安全大会（ISC）开幕在即，网络安全和关键信息基础设施安全保护再次成为网络热词。多位安全专家指出，网络安全行业的本质就是人与人之间的攻防对抗，网络安全人才培养也被多国纳入?</t>
  </si>
  <si>
    <t>瑞典如何保护企业知识产权</t>
  </si>
  <si>
    <t>在欧盟统一的知识产权制度框架下，北欧国家瑞典进一步细化并设置专门机构协调、保障企业知识产权，并使其高度制度化，促进了创新，并在宏观层面不断助推该国经济的增长。瑞典专利与注册局是瑞典知识产权保护领域的权威机构，其使命是通过对专利、设计和商标等的保护来实</t>
  </si>
  <si>
    <t>如何打好奥运经济这张牌</t>
  </si>
  <si>
    <t>国际奥委会7月31日宣布，作为2024年奥运会申办城市之一的美国洛杉矶，已原则上同意接受举办2028年奥运会。这样一来，“天使之城”唯一的竞争对手法国巴黎基本确定获得了2024年奥运会举办权。根据日程安排，洛杉矶市议会和美国奥委会本月将对上述决定进行表决，通过后将进入国</t>
  </si>
  <si>
    <t>环保问责须动真碰硬</t>
  </si>
  <si>
    <t>据报道，近日中央环保督察组陆续向天津、安徽、山西、辽宁等省市反馈督察情况。环保督察组指出，一些被督察地区存在环境保护推进落实不够有力，一些部门不作为、乱作为问题突出，一些突出环境风险长期得不到解决等问题。不少网民表示，一些地方在环保工作上的不作为慢作</t>
  </si>
  <si>
    <t>日本拟扩大举债和支出  财政前景堪忧</t>
  </si>
  <si>
    <t>据外媒报道，由于日本首相安倍晋三急于扭转当前支持率危机，或将调整近年的财政政策，扩大支出刺激经济。专家警告称，此举可能加剧日本财政失衡状况，给经济稳定埋下隐患。据日经新闻社日前报道，日本执政党自民党为拉抬支持度，可能放弃所谓2020年实现财政盈余的目标。</t>
  </si>
  <si>
    <t>全国海关ATA单证册上半年业务同比增10.8%</t>
  </si>
  <si>
    <t>上半年全国海关共办理ATA单证册业务1.5万票，同比增长10.8%。统计显示，上半年ATA单证册项下暂时进境货物主要来自中国香港以及德国、美国、韩国、日本；暂时进出境口岸主要集中在上海、深圳、北京海关。今年1至6月，上海海关共监管国际展览会场次115场，国际展览面积80.</t>
  </si>
  <si>
    <t>IMF：美元估值与短期经济基本面不符</t>
  </si>
  <si>
    <t>国际货币基金组织上周末发表《2017外部风险报告》，认为自金融危机以来，全球外部经常账户赤字有所减少，但外部经常账户赤字愈发集中出现在美国、英国等发达经济体。报告称，基于美国短期经济基本面表现，美元汇率被高估了10%至20%，被高估的程度排名第二。与此同时，国际货?</t>
  </si>
  <si>
    <t>国企完善公司治理重在健全制衡机制</t>
  </si>
  <si>
    <t>完善公司治理结构是国企改革中的一个重要命题，但多年来我们的公司从机构设置的全面性看，已不差于西方发达国家，但其作用效果却并不理想，原因在于公司治理关键不是靠公司治理结构的健全，而是依赖于公司治理机制的健全。公司治理是依法治国在企业中的体现，公司治理必须靠?</t>
  </si>
  <si>
    <t>把“中国美食节”办到英国</t>
  </si>
  <si>
    <t>两个中国“80后”正在伦敦为他们的创业梦想奋斗——办英国唯一的“中国美食节”。他们要通过集中展示中国饮食文化，改变一些英国人认知里“中餐低档、不健康”的印象，也推动在英国的中餐提升品质、打造国际化品牌。几年前，在英国做设计工作的汤子慕发现，每到夏季，伦</t>
  </si>
  <si>
    <t>美上半年增长1.9%  低于去年同期</t>
  </si>
  <si>
    <t>美国经济二季度增速按年率计算反弹至2.6%，但上半年1.9%的增速仍低于去年同期的2.2%。分析指出，美国经济仍延续金融危机之后的温和复苏态势，这同时也意味着特朗普政府刺激经济更快增长的承诺被证明更多是政治噱头，难以转化为经济现实。经历了疲软的一季度之后，美国经</t>
  </si>
  <si>
    <t>加大减税力度  应对国际挑战</t>
  </si>
  <si>
    <t>特朗普当选总统之后，美国税制改革大有箭在弦上之势。无论最终选择什么方案，美国税改的减税实质不会改变，因为这是特朗普政府旨在恢复美国经济活力的重要举措。对于中国来说，无论是美国的个人所得税改革，还是公司所得税改革，都不能不高度关注，并积极应对。中国个人</t>
  </si>
  <si>
    <t>白宫称特朗普将签制裁议案</t>
  </si>
  <si>
    <t>美国白宫28日说，特朗普将签署美国国会通过的针对俄罗斯、伊朗和朝鲜三国的制裁议案。不愿公开姓名的特朗普政府官员和顾问透露，特朗普“私下”对该议案加入国会拥有限制总统解除对俄制裁权力的条款表示“失望”。但迫于参众两院一致支持议案的态度，他几乎别无选择，只</t>
  </si>
  <si>
    <t>人社部：4100亿养老金已签委托投资合同</t>
  </si>
  <si>
    <t>7月28日，人力资源和社会保障部召开2017年第二季度例行新闻发布会，人力资源和社会保障部政策研究司副司长卢爱红表示，1721.5亿元养老金已经到账并开始投资，目前8个省区委托投资合同总额达到4100亿元。针对养老金投资运营情况，卢爱红表示，基本养老保险基金的投资运营</t>
  </si>
  <si>
    <t>德国汽车五巨头或因垄断面临重罚</t>
  </si>
  <si>
    <t>近日，德国媒体首次披露了大众、宝马和戴姆勒等汽车巨头涉嫌德国经济史上的最大卡特尔案的内幕，令世人震惊。在柴油车尾气处理丑闻中，德国大众汽车已经认罪并付出沉重代价，但这可能只是冰山一角。德国各大汽车制造商如果真的涉嫌垄断，未来可能因来自大量消费者的诉讼潮而?</t>
  </si>
  <si>
    <t>专家：中美经济合作应着眼更高更广阔领域</t>
  </si>
  <si>
    <t>中国与全球化智库日前在京举办“从首次全面经济对话看中美经贸投资前景”研讨会，从智库角度对中美经贸合作建言献策。与会专家认为，虽然首次全面经济对话没有发表共同声明，但是相信对话才能消除分歧，达成共识。中国世贸组织研究会副会长霍建国认为，中美经济对话的目</t>
  </si>
  <si>
    <t>“脱欧”谈判的假意真心</t>
  </si>
  <si>
    <t>英国“脱欧”没有清晰的前景，谈判千头万绪，夹杂着政客的假意真心，让许多英国人五味杂陈。执政的保守党对英国“脱欧”之后的规划细节欠奉，受到批评。不过，英国首相特雷莎·梅说了，“脱欧”是为了取得更多的政策自主权，但“脱欧”之后，仍希望与欧洲有广泛的联系。</t>
  </si>
  <si>
    <t>锈带到智带的华丽转身</t>
  </si>
  <si>
    <t>《智能转型：从锈带到智带的经济奇迹》作者安东尼·范·阿格塔米尔（“新兴市场”一词提出者）调查发现，许多原本从美国迁出的企业正在“回流”，而选择的落脚之地往往是曾被一些媒体视为美国生产日显“暮气”的“锈带”——他们大举进军智能制造，一条条“智带”悄然诞生。?</t>
  </si>
  <si>
    <t>激情燃亮丝路新梦想</t>
  </si>
  <si>
    <t>2017年5月14日至15日，北京，“一带一路”国际合作高峰论坛如约举行。作为烟台企业的受邀嘉宾，玲珑轮胎董事长、总经理王锋参加经贸洽谈活动，并接受了来华出席高峰论坛的捷克总统泽曼的会见，双方就未来投资进行洽谈。泽曼对玲珑轮胎海外投资计划表现出浓厚兴趣，盛邀?</t>
  </si>
  <si>
    <t>澳监管部门敦促高田加快召回安全气囊</t>
  </si>
  <si>
    <t>澳大利亚竞争和消费者委员会24日宣布，正在对装有日本高田安全气囊的车辆的召回行动展开调查，并敦促汽车厂商加快召回修复的速度。澳大利亚竞争和消费者委员会、消费者维权组织“选择”均建议车主尽快联系汽车销售商或制造商，以明确自己的汽车是否在召回之列。为帮助消</t>
  </si>
  <si>
    <t>WTO：新增贸易限制措施创2008年以来新低</t>
  </si>
  <si>
    <t>世界贸易组织（WTO）24日发布的报告显示，去年10月中旬至今年5月中旬，该组织成员共启动74项贸易限制措施，月均近11项，为2008年金融危机以来的最低纪录。贸易限制措施包括新增或提高关税、加强海关监管力度及实施数量限制等。报告还显示，同期世贸组织成员新实施?</t>
  </si>
  <si>
    <t>希腊三年来首发国债试水资本市场</t>
  </si>
  <si>
    <t>希腊计划25日开始发行五年期国债，为三年来首次试水资本市场。希腊此举旨在于明年正式回归资本市场融资之前，试探市场对已经进行了各项经济改革之后的希腊信心如何。希腊财政部长24日在一项声明中表示，希腊准备发行以欧元计价的固定利率债券，2022年到期。投资者从25日</t>
  </si>
  <si>
    <t>美国煤炭业如何化解产能过剩</t>
  </si>
  <si>
    <t>近年来，美国煤炭产业陷入产能过剩的困境，这些产能过剩行业里的企业，自觉地在法律的框架下，通过市场力量进行博弈，重新配置资源，寻找符合债务人和债权人利益最大化的出路。重整的基本特点包括：合并重整；成立信托，保障破产企业雇员的权益；充分利用市场和法律的手段进?</t>
  </si>
  <si>
    <t>“渝桂新”国际联运大通道孕育新机遇</t>
  </si>
  <si>
    <t>近日，满载着22车集装箱成品纸、摩托车等货物的班列从重庆团结村站出发，经广西钦州港完成通关后，再通过海运抵达新加坡以及沿线东南亚各国。这标志着“渝桂新”首次全程贯通开始试运行。在“渝新欧”大通道的起点重庆团结村，有一张特殊的世界地图：以重庆为中心，“渝</t>
  </si>
  <si>
    <t>商务部：高度关注印对华光伏电池反倾销</t>
  </si>
  <si>
    <t>商务部24日消息，印度商工部7月21日发布公告，对自中国大陆、台湾地区和马来西亚进口的光伏电池及组件发起反倾销调查，商务部贸易救济调查局局长王贺军就此发表谈话称，中国政府高度关注近日印度对光伏电池及组件发起的反倾销调查。王贺军表示，光伏产业是关系全球可持?</t>
  </si>
  <si>
    <t>IMF：全球经济稳步复苏  美英增长预期下调</t>
  </si>
  <si>
    <t>国际货币基金组织（IMF）24日发布的报告称，随着中国、欧洲和日本等地区的经济增长持续改善，全球经济目前正稳步复苏。但IMF同时调低了对美国和英国今年的经济增长预测。IMF24日在马来西亚首都吉隆坡发布《世界经济展望报告》更新内容。IMF认为，全球经济正在获得持续稳</t>
  </si>
  <si>
    <t>美英将就贸易协定展开首次磋商</t>
  </si>
  <si>
    <t>据外媒报道，英国和美国即将就英国“脱欧”之后双方可能达成的贸易协定展开首次磋商。尽管目前磋商还处于早期阶段，但英国表示，令美国改变贸易保护主义倾向十分重要。英国广播公司的报道称，英国国际贸易大臣利亚姆·福克斯将在华盛顿与美国贸易代表罗伯特·莱特希泽展</t>
  </si>
  <si>
    <t>重启北美自贸协定谈判谁是赢家</t>
  </si>
  <si>
    <t>美国贸易代表莱特希泽当地时间19日宣布，美国将于8月与加拿大和墨西哥就重谈北美自由贸易协定（NAFTA）举行首轮谈判。首轮谈判将于8月16日至20日在美国首都华盛顿举行，负责西半球事务的助理贸易代表约翰·梅勒将担任美方首席谈判官。过去20多年，加拿大和墨西哥在北美自贸协</t>
  </si>
  <si>
    <t>伊斯坦布尔的“街猫”</t>
  </si>
  <si>
    <t>伊斯坦布尔是世界上唯一一座跨亚欧两洲的城市。这里曾是古代三大帝国——罗马帝国、拜占庭帝国、奥斯曼帝国的首都。也正因如此，它的名字几经变换，直至1923年土耳其迁都安卡拉，伊斯坦布尔才正式成为这座城市的名字。自古以来，伊斯坦布尔就以其绝佳的地理位置、丰富的历史?</t>
  </si>
  <si>
    <t>美国通胀依然疲软  美元继续走弱概率大</t>
  </si>
  <si>
    <t>最新的数据显示，美国的通胀依然疲软，美联储年内加息的预期已经跌至50%以下。自从美联储2012年1月设立通胀目标以来，美国通胀率平均只有1.3%，主要是受到美国经济增长缓慢，以及海外经济疲弱的影响。美联储五年前辩论通胀目标时，鹰派力推1.5%的目标，作为达到央行稳定物价?</t>
  </si>
  <si>
    <t>“网红”减肥药被曝为假药</t>
  </si>
  <si>
    <t>在减肥圈，“舒立轻”是一款知名度极高的减肥药，全英文的说明书，产地标注为德国，一些减肥达人昵称其为“小舒”。谁能想到，这样一款“高大上”的减肥药，竟出自偏远村落脏乱的农家小屋里。近日，在江苏省公安厅食药环总队的全程指导下，苏州市公安局破获一起公安部督</t>
  </si>
  <si>
    <t>瑞典打造绿色国度的“法宝”</t>
  </si>
  <si>
    <t>初来瑞典，人们一定会对洁净的街道和社区印象深刻。良好的环保观念在当地人心中早已根深蒂固，瑞典在垃圾分类回收和处理方面也有着令世人惊叹的高效率。经过近几十年垃圾循环利用的革命，如今超过99%的瑞典家庭垃圾能够以某种方式被循环利用，从而将环境污染降到最低，同时也</t>
  </si>
  <si>
    <t>推进国企混改亟待澄清一些错误认识</t>
  </si>
  <si>
    <t>自党的十八届三中全会提出“积极发展混合所有制经济”以来，我国混合所有制改革一直在稳妥推进。从2014年7月开始，混合所有制改革试点被纳入国资委“四项改革试点”，2015年8月24日中央印发《关于深化国有企业改革的指导意见》对深化混合所有制改革提出了具体部署和推进原则?</t>
  </si>
  <si>
    <t>“一带一路”倡议加速与中东欧国家双边经贸</t>
  </si>
  <si>
    <t>18日，清华大学中国与世界经济研究中心(CCWE)主任李稻葵在中国投资论坛上表示，中国经济正处于最后的筑底阶段，2018年或迎来经济增速提升，在此背景下，未来中欧合作和投资也将继续以较高水平增长。李稻葵表示，中国经济结构正在升级，同时在海外的经济关系也在升级，过</t>
  </si>
  <si>
    <t>普利茅斯缘何选择退欧</t>
  </si>
  <si>
    <t>英国的海滨小城普利茅斯曾两次见证世界历史进程的改变。1588年，英国皇家海军在普利茅斯击败当时如日中天的西班牙无敌舰队，从此成为世界海权第一强国，这才有了后来的“日不落帝国”；1620年，搭载英国“分离教派”清教徒的“五月花号”客船从普利茅斯启程，前往北美，</t>
  </si>
  <si>
    <t>日本股市失守20000点关口</t>
  </si>
  <si>
    <t>受日元汇率走高等因素影响，结束三连休后的东京股市18日低开，日经225股票平均价格指数比前一个交易日下跌0.59%，失守2万点大关。在其他亚太主要市场，韩国股市创下新高，新加坡股市则冲破3300点关口。截至18日收盘时，日经股指下跌118.95点，收于19999.91点；东京证券?</t>
  </si>
  <si>
    <t>Airbnb全球副总裁、中国区负责人葛宏：共享住宿将在中国保持快速增长</t>
  </si>
  <si>
    <t>共享经济作为一种新兴经济形态正在全球蓬勃发展。美国共享住宿平台爱彼迎（Airbnb）全球副总裁、中国区负责人葛宏近期在北京接受《经济参考报》专访时表示，共享住宿作为一种典型的共享经济形式正在全球迅速发展，在中国市场的增长尤为瞩目，近几年爱彼迎在中国均实现了三位?</t>
  </si>
  <si>
    <t>美国新医改法案渐行渐近</t>
  </si>
  <si>
    <t>因现年80岁的美国共和党参议员约翰·麦凯恩需要在手术后进行休养，美国参议院日前宣布推迟举行新医保法案程序性投票。不过，对这部新的医疗法案来说，现在可能只是时间早晚问题，而由前总统奥巴马签署并视为重要“政治遗产”的《平价医疗法案》，将彻底成为历史。“奥巴</t>
  </si>
  <si>
    <t>乌鲁木齐“借道”东部海港“出海”</t>
  </si>
  <si>
    <t>目前，乌鲁木齐－青岛港－孟加拉国首列铁海联运班列正式开行。这是继今年5月乌鲁木齐国际陆港开通首列至连云港的铁海联运班列后，乌鲁木齐国际陆港又与东南沿海第二个国际大港青岛港实现了铁海联运。当日，56节满载PVC材料的车厢驶出乌鲁木齐中欧班列集结中心，经铁路运</t>
  </si>
  <si>
    <t>希腊将发新债试水资本市场融资</t>
  </si>
  <si>
    <t>据外媒报道，希腊可能在数日内发行一支新债券，作为明年正式回归国际融资市场的试水。分析指出，近期希腊已经获得急需的援助资金，当前试探投资者情绪将不会存在较大风险。据希腊媒体报道，希腊政府可能会于几日内发布新债券。希腊激进左翼联盟所属的《黎明报》15日报道</t>
  </si>
  <si>
    <t>品牌授权起纠纷  泰国红牛起诉中企奥瑞金</t>
  </si>
  <si>
    <t>红牛商标持有者泰国天丝医药保健有限公司（以下简称“泰国天丝”）日前起诉中国包装企业奥瑞金，称后者伪造红牛包装，并要求赔偿超3000万元。奥瑞金是中国红牛授权方华彬集团的主要包装提供商，华彬与泰国天丝的品牌授权纠纷使其卷入官司。奥瑞金日前发布公告称，收到北</t>
  </si>
  <si>
    <t>能否加力减产成国际油价反弹关键</t>
  </si>
  <si>
    <t>据报道，7月24日将在俄罗斯举行OPEC与非OPEC产油国家的临时会议，会议期间将谈及有关石油市场的议题。其中，产油国能否在当前每日减产180万桶的额度上，进一步扩大减产成了市场关注的焦点。虽然还不能确定是否能达成进一步减产的新决议，但目前看来，已经有了种种可能性</t>
  </si>
  <si>
    <t>物联网爆发前夜  两大难题待解</t>
  </si>
  <si>
    <t>7月11日中午12点，郑州，室外温度高达38摄氏度。身在单位的范女士打开手机里的智能家居软件，把家里的空调打开，气温调成24度。手机信息显示，家里的智能电饭煲已经进入“煲汤”模式，胡萝卜炖牛腩马上做好。20分钟后，范女士从单位回到家中。不用掏钥匙，只需往门口一?</t>
  </si>
  <si>
    <t>美联储主席暗示加息节奏或受影响</t>
  </si>
  <si>
    <t>由于通胀疲弱的状态未能改变，美国联邦储备委员会主席耶伦12日暗示，加息节奏仍将谨慎，不排除因经济形势变化改变政策的可能，她同时表示，年内可能执行“缩表”方案。耶伦当天在美国国会众议院金融服务委员会就半年度货币政策报告作证时说，今年2月以来，美国就业市场?</t>
  </si>
  <si>
    <t>韩系汽车中国市场销量急速下滑</t>
  </si>
  <si>
    <t>一方面受自主品牌挤压，优势越来越弱，另一方面一直存在品牌短板，产品竞争力下降，今年以来，韩系品牌汽车在中国市场销量急速下滑。“韩国速度”遭遇“急刹车”迈入2017年，韩系品牌中国市场形势急转直下。最新数据显示，东风悦达起亚6月的销量仅有1.7万余辆</t>
  </si>
  <si>
    <t>美国加快推进新医改议案</t>
  </si>
  <si>
    <t>美国国会参议院多数党领袖米奇·麦康奈尔11日宣布，将参议院8月休会的开始时间推迟两周，以便有更多时间审议新医改议案及其他立法议案。分析指出，推迟休会的情况极少出现，这显示出美国国会正急于推进新医改议案，然后将重点转向预算和提高债务上限等迫切需要解决的议题。</t>
  </si>
  <si>
    <t>欧日经济伙伴协定影响几何</t>
  </si>
  <si>
    <t>欧盟和日本日前就谈判4年多之久的经济伙伴协定达成原则性协议。中欧贸易专家认为，在当前全球贸易保护主义抬头、多边贸易体制受到挑战的情况下，欧日联手发出支持自由贸易和市场开放的积极信号，这将对欧日双边贸易投资产生一定促进作用，而中国也将面临新一轮高水平开放的挑</t>
  </si>
  <si>
    <t>英国会否迅速加息？</t>
  </si>
  <si>
    <t>英国金融市场正出现一些变化。一向被外界视为偏鸽派的英格兰银行行长马克·卡尼明确表态考虑加息的可能性，市场预期陡然间升温。多重因素交织之下，加息与否仍是具有争议性的话题。即便加息，其节奏也要谨慎拿捏。这与美国两年前启动加息时的缓慢节奏倒有一些相似之处，</t>
  </si>
  <si>
    <t>箱根会议将调整TPP生效条件</t>
  </si>
  <si>
    <t>跨太平洋伙伴关系协定（TPP）11国首席谈判官会议12日在日本神奈川县箱根开幕，会议的主要任务是修改美国退出后的TPP生效条件，以及探讨是否要修订部分协议条款。日本首席谈判官梅本和义主持本次会议，他表示要尽量推动TPP早日生效，同时希望日本和欧盟日前就经济伙伴协定达成</t>
  </si>
  <si>
    <t>美国总统提名美联储副主席</t>
  </si>
  <si>
    <t>美国总统特朗普10日宣布，提名私募投资经理兰德尔·夸尔斯担任美联储理事和负责金融监管的副主席，此举被广泛解读为特朗普重塑美国货币政策和金融监管的重要一步。白宫当天在一份声明中说，夸尔斯被提名担任美联储理事的任期为14年，出任负责金融监管的美联储副主席的任</t>
  </si>
  <si>
    <t>“东方碳谷”崭露头角</t>
  </si>
  <si>
    <t>7月6日，2017世界石墨烯创新大会在常州召开。中国石墨烯产业技术创新战略联盟秘书长李义春在大会致辞中表示，常州已成为中国和世界石墨烯创新企业聚集地。看似普通，厚度为单个原子的石墨烯，让两位英国科学家赢得了2010年度诺贝尔物理学奖。几年时间里，这个神奇材料，</t>
  </si>
  <si>
    <t>世界石油大会聚焦未来能源发展之路</t>
  </si>
  <si>
    <t>正在伊斯坦布尔举行的第22届世界石油大会10日讨论了未来能源发展之路，重点是如何应对今后几十年人口快速增长的局面。英荷壳牌石油公司首席执行官范伯登在会上表示，到2100年地球人口预计将从目前的大约75亿增至112亿，其中32亿将来自非洲。他说，人们过多关注欧洲和北?</t>
  </si>
  <si>
    <t>Mt.Gox比特币被盗案在东京公审</t>
  </si>
  <si>
    <t>据外媒报道，东京地方法院11日对被控侵占公款等罪名的日本比特币交易所Mt.Gox高层进行了首次公审。比特币丢失事件的当事方是全球曾经的最大比特币交易所Mt.Gox。东京地方法院11日对前Mt.Gox首席执行官马克·卡尔普勒进行了公审。2014年2月，Mt.Gox发觉客户的75万比</t>
  </si>
  <si>
    <t>中葡双边贸易快速增长  发展空间大</t>
  </si>
  <si>
    <t>近年来，葡萄牙和中国政治互信加深，高层往来频繁，为双方经贸合作铺平了道路。当前，中葡双边贸易平稳快速发展，经贸合作成果丰硕，前景可期。在全球贸易下滑的情况下，中葡双边贸易仍保持较快速度增长。2016年中葡货物贸易总额达56.36亿美元，比前一年增长29.24%，再?</t>
  </si>
  <si>
    <t>中欧班列“成都-里加”线路或开行</t>
  </si>
  <si>
    <t>最近，拉脱维亚铁路公司董事会主席埃德温斯·贝尔津什首度造访了中国西部城市成都，并取得了丰硕的合作成果，而这已是他第八次来到中国。在成都出席第十四届中国国际物流节活动期间，贝尔津什与四川成都市口岸与物流办公室负责人进行了会晤，讨论开行成都至拉脱维亚首都</t>
  </si>
  <si>
    <t>百世物流拟赴美上市</t>
  </si>
  <si>
    <t>在顺丰、三通一达先后上市，德邦A股提交上市申请书之后，又一家快递企业准备冲刺IPO。百世物流日前正式向美国证券交易委员会（SEC）提交了IPO招股书，拟融资7.5亿美元。据悉，负责百世物流此次IPO的投行包括花旗集团、瑞信、高盛、摩根大通和德意志银行。对此，有业内人</t>
  </si>
  <si>
    <t>美联储何时按下“缩表”按钮</t>
  </si>
  <si>
    <t>美国联邦储备委员会（美联储）主席耶伦本周将前往参众两院，就当前美国经济形势和美联储货币政策进行证词陈述。因美联储已启动加息周期且加息步调相对稳健，华尔街将更多注意力集中在缩减资产负债表（“缩表”）的时点之上。2008年国际金融危机全面爆发后，美联储先是连</t>
  </si>
  <si>
    <t>拉美社会面临“未富先老”挑战</t>
  </si>
  <si>
    <t>联合国拉丁美洲及加勒比经济委员会（拉加经委会）日前发布报告，警示拉美地区正面临人口老化的挑战。报告说，拉美地区育龄女性的生育水平已经低于人口世代更替水平。如果这种趋势不能逆转，以发展中国家为主的拉美地区将迅速步入老龄化社会，从而面对“未富先老”的严峻现实?</t>
  </si>
  <si>
    <t>日经指数重返20000点</t>
  </si>
  <si>
    <t>得益于中国和美国经济数据向好，再加上日元走弱有利于出口，日本东京股市日经225指数10日重新站上20000点关口。美国劳工部的数据显示，6月份美国非农部门新增就业人口达到22.2万，好于市场预期，失业率为4.4%，处于市场低位，推升美股7日全线走高。这一利好效应10日在东</t>
  </si>
  <si>
    <t>国家电网新能源并网规模全球最大</t>
  </si>
  <si>
    <t>以“创新引领、标准推动、合作共享、互联互通”为主题的新能源发展与技术国际研讨会日前在德国法兰克福举行。本次研讨会由中国国家电网公司与国际电工委员会联合主办。来自19个国家的政府机构、电力企业、研究机构、高等院校、制造厂商等单位的130余名代表参会，交流新能源发</t>
  </si>
  <si>
    <t>从布丁看约克郡旅游生意经</t>
  </si>
  <si>
    <t>约克郡布丁是英国名吃，我一直惦记着去尝尝。英王乔治六世曾说：“约克的历史就是英格兰的历史”。这个有2000多年历史的城市果真名不虚传。罗马人给约克留下一圈城墙，维京人给约克留下城名，诺曼人征服者威廉留下的城堡只剩孤零零的石塔，还立在市中心，被征服的盎格鲁</t>
  </si>
  <si>
    <t>卡塔尔所受制裁将加码  美方斡旋防升级</t>
  </si>
  <si>
    <t>沙特阿拉伯、阿联酋、埃及和巴林7日发表联合声明，称卡塔尔阻扰旨在解决断交危机的努力，四国将“及时”采取“一切必要”措施制裁卡塔尔。美国国务院6日说，美方对沙特等国与卡塔尔断交风波“陷入僵局”“越发担忧”。美国国务卿雷克斯·蒂勒森定于10日访问科威特，为此</t>
  </si>
  <si>
    <t>日本央行再出固定利率操作</t>
  </si>
  <si>
    <t>日本央行7日宣布，将再次实施固定利率操作，同时增加公开市场操作的国债购买额，以应对日本长期利率面临上升压力的局面。这是日本央行自今年2月以来再次启用固定利率操作。7日宣布的固定利率操作提出，以0.110%的收益率无限制购买新增10年期国债，同时增加500亿日元的国</t>
  </si>
  <si>
    <t>美元走强  国际油价金价普跌</t>
  </si>
  <si>
    <t>由于美国就业数据依旧强劲支撑美元走强等因素影响，当周（7月3日-7月7日）国际油价金价双双下跌。纽约油价下跌3.93%，伦敦布伦特油价下跌2.53%，纽约金价下跌2.62%。由于投资者担忧原油市场将继续供过于求，油价当周承压下跌。美国油田技术服务公司贝克休斯7日发布的报?</t>
  </si>
  <si>
    <t>国内汽柴油价格上行阻力显现</t>
  </si>
  <si>
    <t>近期，国际原油市场利好频现，推动油价持续走高。具体来看，热带风暴Cindy的侵袭导致墨西哥湾区域大量原油产能被迫中断，且美国钻井数减少。另外，美国库存下降对市场心态有一定刺激，再考虑到有传言称，伊朗7月份原油出口有下降可能，使得市场看涨心态回暖。虽然OPEC短</t>
  </si>
  <si>
    <t>美国6月份失业率回升至4.4%</t>
  </si>
  <si>
    <t>美国劳工部7日公布的数据显示，6月份美国新增就业人口增长提速，但由于更多人口加入求职大军，失业率从前月的4.3%小幅回升至4.4%，仍处于历史低位。分析人士认为，就业市场数据仍比较健康，有望支持美联储继续加息。数据显示，6月份美国非农部门新增就业人口为22.2万，?</t>
  </si>
  <si>
    <t>美中可以跨越“修昔底德陷阱”</t>
  </si>
  <si>
    <t>从国际关系的角度看，21世纪是极难管控的，特别是全球化造成的挑战与应对能力之间的差距越来越大，美国外交关系委员会主席、《失序时代》作者理查德·哈斯日前在京接受《经济参考报》独家专访时表示，在这样的时代背景下，美国与中国之间的关系至为重要，两国可以跨越修昔底?</t>
  </si>
  <si>
    <t>Netflix与哈斯廷斯的成功之路</t>
  </si>
  <si>
    <t>“所有电视都会在20年内转移到互联网上，传统的电视网络则会和固定电话一样逐渐消亡。”Netflix CEO里德·哈斯廷斯说。2017年第一季度，Netflix的用户数量已经超过美国六大有线电视公司用户数量总和。2017年4月25日，Netflix与爱奇艺公开宣布双方达成在剧集、动漫、纪录</t>
  </si>
  <si>
    <t>美车市疲弱或刺激特朗普贸易政策</t>
  </si>
  <si>
    <t>美国汽车销量已连续半年走低，作为制造业主力的汽车业景气度下降，令美国总统特朗普倡导的“美国优先”、“买美国货”等主张效果打了折扣，有可能加剧其贸易政策更为激进。最新数据显示，美国6月份汽车销量下滑3%，这已是汽车销量连续第六个月下跌，汽车和卡车销量在上?</t>
  </si>
  <si>
    <t>美国金融监管即将“变脸”</t>
  </si>
  <si>
    <t>美国联邦储备委员会（美联储）日前为全美34家大型银行的股票派息及回购计划全部亮起了绿灯。这是美联储从负责监管具有系统性风险的大型银行后，首次没对任何一家银行的资金使用计划说“不”。对已恢复元气的华尔街来说，这无疑又是一个利好消息，而特朗普政府有意放松金融监?</t>
  </si>
  <si>
    <t>微信支付在日本受欢迎</t>
  </si>
  <si>
    <t>随着日本商家对微信支付热情不断高涨，中国腾讯集团旗下微信支付日前在日本东京举办首场微信支付境外开放大会，并发布名为“WE Plan”的跨境支付产品智慧方案。这项方案旨在降低对境外商户及服务商的门槛，并向他们提供技术及营销等多方面支持。日本大丸松坂屋百货店、?</t>
  </si>
  <si>
    <t>特朗普G20首秀会谈些什么</t>
  </si>
  <si>
    <t>美国总统特朗普将于7日至8日在德国汉堡出席二十国集团（G20）领导人峰会，这是特朗普上任后首次参加G20峰会。此次峰会正值特朗普政府宣布退出《巴黎协定》后不久和即将公布有关进口钢铁的国家安全调查报告，贸易与气候变化很可能会成为此次峰会的两大焦点。“最大的问题</t>
  </si>
  <si>
    <t>三星NoteFE本周开售  循环利用Note7零件</t>
  </si>
  <si>
    <t>据外媒报道，韩国三星电子循环利用其召回的盖乐世Note7手机部分零部件生产的新款手机盖乐世NoteFE将于周五在韩国上市。据美联社报道，盖乐世NoteFE(FanEdition)将于周五开始在韩国上市，售价为70万韩元（约合611美元），约为原来Note7售价的四分之三。三星表示，盖乐世N</t>
  </si>
  <si>
    <t>企业“互怼”背后是云计算平台的竞争</t>
  </si>
  <si>
    <t>六月精阳，人们的火气难免旺了些，连全球知名品牌也失去了风度，不再“温良恭俭让”，把过去私下里的暗战摆在台面上“互怼”。6月23日，全球零售霸主美国沃尔玛私下要求合作厂商，包括技术供应商、电商和批发商，停止使用亚马逊云计算服务（Amazon Web System，AWS）；?</t>
  </si>
  <si>
    <t>非洲经济挖掘潜力  中非合作有望深化</t>
  </si>
  <si>
    <t>在经历了多年快速增长之后，非洲经济列车近年来遭遇逆风。当前，这个拥有众多年轻人口的大陆，正通过非洲《2063年议程》的推进以及对青年的投资，不断挖掘发展潜力，同时力图深化中非合作，以推动经济在逆风中前行。在埃塞俄比亚首都亚的斯亚贝巴，正在非盟总部参加第29</t>
  </si>
  <si>
    <t>瑞典老年人如何安度晚年</t>
  </si>
  <si>
    <t>由于长寿和生育率低，瑞典早已成为世界上人口老龄化程度最高的国家之一，超过65岁退休年龄的老人占到全国千万人口的约20%，面对如此庞大的老人群体，瑞典却在联合国发布报告中成为最适合养老的国度。根据瑞典法律，赡养和照料老人完全由国家来承担，子女和亲属没有任何?</t>
  </si>
  <si>
    <t>去年发展中国家私营部门参与基建投资承诺额下降</t>
  </si>
  <si>
    <t>世界银行集团最新发布的《私营部门参与基础设施投资数据库》（PPI数据库）年度报告称，2016年发展中国家私营部门参与基础设施项目投资承诺额急剧下降，与2015年相比骤降37%。2016年投资承诺额710亿美元，也比2011-2015年期间1210亿美元的年平均投资额出现大幅下滑。但基础设?</t>
  </si>
  <si>
    <t>中俄经济合作将迎新动力</t>
  </si>
  <si>
    <t>应俄罗斯联邦总统普京邀请，中国国家主席习近平将于7月3日至4日对俄罗斯进行国事访问。中国驻俄罗斯大使李辉近日在接受中俄媒体联合采访时表示，中俄关系发展得好，对各自发展及世界和平稳定都至关重要。习主席此访将为两国关系注入新动力，为区域经济一体化发展提供新方案。</t>
  </si>
  <si>
    <t>评级收获“开门红”  亚投行前景看好</t>
  </si>
  <si>
    <t>国际信用评级机构穆迪日前首次对亚洲基础设施投资银行（亚投行）“打分”，给予这家新兴多边开发银行与世界银行同级的Aaa最高信用评级。分析人士认为，高评级不仅代表穆迪对亚投行前景的良好预期，也显现该机构对中国推进完善全球治理的充分肯定。穆迪在一份公告中说，?</t>
  </si>
  <si>
    <t>钢铁去产能可借鉴他国经验</t>
  </si>
  <si>
    <t>供给侧改革正如火如荼地进行，钢铁行业率先面临考验，在供给侧改革的影响下，最近两年钢铁行业经营环境明显好转，多数钢厂扭亏为盈。但从目前钢市表现来看，或许我们可以借鉴一下日本钢市去产能的一些有效经验。先来看相似之处，首先，行政手段。第二次世界大战以后，日</t>
  </si>
  <si>
    <t>勒索病毒频发  全球网络安全产业升温</t>
  </si>
  <si>
    <t>时隔一个月，全球再度遭遇大规模网络勒索病毒攻击，目前已有政府机构、能源、广告、金融公司受害，波及60个国家和地区约30万用户，数家企业被迫中断业务或停止生产。全球网络安全显露出的脆弱性，再度给世人敲响警钟。多国政府将网络安全升至国家战略，而全球很多企业将</t>
  </si>
  <si>
    <t>民企探路中欧班列市场化运营</t>
  </si>
  <si>
    <t>5月14日-15日在北京举行的“一带一路”国际合作高峰论坛上，义乌市天盟实业投资有限公司董事长冯旭斌，是义乌唯一受邀出席的嘉宾。作为唯一一条由民营企业经营的中欧班列“义新欧”运营方的掌舵者，他将中国货物西行的路线拓展到了西班牙马德里，并进一步延伸到了波罗的海沿?</t>
  </si>
  <si>
    <t>中国仿制药发展亟待提速</t>
  </si>
  <si>
    <t>记者日前从长春海关了解到，长春海关成功破获了一起案值1300多万元的“电子水客”走私国家禁止进口药品案。案件称，某互联网电商代购平台“印度周先生代购”、“印度行品代购”等5家店铺疑似从印度走私索菲布韦、达卡他韦等十余种国家禁止进口药品入境，并利用网络交易方式在</t>
  </si>
  <si>
    <t>“推进”中国大飞机起飞</t>
  </si>
  <si>
    <t>他说与儿时的飞行员梦想擦肩而过，却从“推进”中国大飞机起飞中圆梦；他说喜欢挑战最难最复杂的事情，于是选择同时面对两个——为中国的大飞机装上发动机和学习中文。这个名叫杜科的法国人说，永远难忘目送中国大飞机C919的顺利起飞继而平安降落，“如同自己在天空飞过”。$</t>
  </si>
  <si>
    <t>卡尼讲话提升英央行加息预期</t>
  </si>
  <si>
    <t>英国央行行长卡尼6月28日在葡萄牙辛特拉举行的欧洲央行年度会议上表示，英国央行货币政策委员会(MPC)可能需要尽快开始提高利率。受此暗示影响，英镑汇率出现上涨。不过，目前各界对英国加息预期虽有所上升，但仍存分歧。卡尼称，本月早期举行货币政策委员会会议时，他持</t>
  </si>
  <si>
    <t>中国债券市场或转向“牛平”</t>
  </si>
  <si>
    <t>正当中国货币市场已经渐渐淡出年中/季末资金利率扰动之时，全球市场正在掀起央行竞相退出货币政策宽松措施的狂潮：6月26日以来，欧洲央行、英国央行、加拿大央行纷纷暗示将撤离宽松货币政策。正当全球资本市场习惯并消化了美联储正在循序渐进加息的政策信息，全球主要经济体?</t>
  </si>
  <si>
    <t>美政策前景不明  钢铁税恐势在必行</t>
  </si>
  <si>
    <t>国际货币基金组织（IMF）27日表示，鉴于特朗普政府的财政刺激政策尚不明朗，下调美国今明两年经济增长预期均至2.1%。同日，美国商务部长罗斯对于保护主义色彩的贸易政策发出继续推行的信号，财政和贸易政策的动向将成为近期牵动美国经济的主导。美国经济增速遭IMF调低</t>
  </si>
  <si>
    <t>吉利收购宝腾面临新挑战</t>
  </si>
  <si>
    <t>前不久，在马来西亚总理纳吉布的见证下，吉利与马来西亚DRB—HICOM集团正式签约，收购其旗下宝腾汽车49.9%的股份以及豪华跑车路特斯（莲花）51%的股份。对于这次收购，国内媒体赞誉有加，认为吉利再一次提升了中国自主品牌汽车的天花板，并将其与华为并列，认为他们已经</t>
  </si>
  <si>
    <t>去年十大国际金融中心揭晓  上海北京入列</t>
  </si>
  <si>
    <t>新华社中国经济信息社28日发布《新华·国际金融中心发展指数报告（2016）》，2016年指数值排名前十位的国际金融中心分别为：纽约、伦敦、东京、香港、上海、新加坡、巴黎、法兰克福、北京和芝加哥。报告显示，排名前十的国际金融中心发展趋势基本确立，空间结构较为稳定</t>
  </si>
  <si>
    <t>吉利正式收购马来西亚宝腾49.9%股权</t>
  </si>
  <si>
    <t>中国浙江吉利控股集团近日与马来西亚DRB－HICOM集团（以下简称“DRB”）签署最终协议，确认收购DRB所持有的宝腾汽车49.9%以及豪华跑车品牌路特斯（也叫莲花汽车）51%的股权，马来西亚总理纳吉布和吉利控股集团董事长李书福出席仪式。纳吉布在致辞中表示，对于曾经辉煌一</t>
  </si>
  <si>
    <t>勒索病毒再次疯狂袭击  国内传播存较高风险</t>
  </si>
  <si>
    <t>“永恒之蓝”（WannaCry）的威胁风波还未完全过去，一种新的勒索蠕虫病毒攻击再次席卷全球。6月27日，多国政府、银行、电力系统、通讯系统受到攻击，其中，俄罗斯、乌克兰两国约有80多家公司被新勒索病毒Petya变种感染，导致大量电脑无法正常工作，用户被要求支付300美元的加</t>
  </si>
  <si>
    <t>欧盟巨额罚款致谷歌市值蒸发170亿美元</t>
  </si>
  <si>
    <t>据外媒报道，欧盟反垄断机构欧盟委员会27日对谷歌（Google）处以24.2亿欧元（约合27亿美元）的巨额罚款，这一消息致谷歌母公司Alphabet市值蒸发了170亿美元。欧盟委员会经过一段时间的调查后得出结论，谷歌利用自己在搜索领域近乎垄断的地位，偏袒自己的购物服务，因此?</t>
  </si>
  <si>
    <t>全球化蜕变中的包容性增长</t>
  </si>
  <si>
    <t>自去年英国公投“脱欧”和特朗普当选美国总统以来，全球化进程正持续面临阻力，贸易保护主义论调抬头，多边贸易体系屡遭挫败。如此便不难理解，为何全球化的未来和其中的包容性增长问题在今年的夏季达沃斯论坛上成为热点。当今世界仍然深受上次金融危机的影响，发达国家</t>
  </si>
  <si>
    <t>“幸福奶爸”想通过天猫“开门”</t>
  </si>
  <si>
    <t>6月28日，在瑞典首相勒文的见证下，由瑞典公司Johan &amp;Johan运营的首家综合卖场旗舰店KaiMen在天猫正式上线，首批将引进Axkid、babybjorn、naty、PAP、北极狐、Klippan、Blueair、Stiga等十家瑞典品牌，其中过半是婴童用品。这是首家从国家品牌维度在天猫开设的综合卖场型旗舰</t>
  </si>
  <si>
    <t>下周表决  美新医改议案前途难料</t>
  </si>
  <si>
    <t>美国参议院26日公布最新的医改草案，美国国会预算办公室（CBO）当天稍晚时候发布了针对参议院医改议案计划的预估。从目前情况看，参议院共和党人修改后准备取代奥巴马医保的医改法案仍无法得到各方认可，这份新医疗法案将在7月4日国会休会前在参议院投票表决，其命运仍未卜。</t>
  </si>
  <si>
    <t>特变电工打造“一带一路”命运共同体</t>
  </si>
  <si>
    <t>从酷暑难耐的南亚巴基斯坦、印度，到滴水成冰的中亚国家塔吉克斯坦、吉尔吉斯斯坦，诞生于新疆昌吉市的重大装备业制造企业——特变电工，充分利用位于“一带一路”核心区新疆的地缘和人文优势，积极响应国家“一带一路”倡议，推动“电力丝绸之路”和世界能源互联网建设，成?</t>
  </si>
  <si>
    <t>高田破产  多家车企将为天价赔偿“买单”</t>
  </si>
  <si>
    <t>因安全气囊召回导致经营状况恶化的日本高田公司26日向东京地方法院申请破产保护。据悉，包括各汽车厂家为其垫付的召回费用，高田公司的负债总额或达约1.7万亿日元（1美元约合111日元），成为日本最大规模制造业破产案例。随着日本高田公司申请破产，美国和日本的众多汽?</t>
  </si>
  <si>
    <t>“中国—中东欧博览会”聚焦交通与物流</t>
  </si>
  <si>
    <t>近日，由商务部、浙江省人民政府共同主办的第三届中国—中东欧国家投资贸易博览会（简称中国—中东欧博览会）在浙江宁波顺利落下帷幕。与以往不同，今年博览会对交流、物流等相关问题的探讨更加深入。在博览会开幕当天举行的“2017中国—中东欧市长论坛”上，与会的中东</t>
  </si>
  <si>
    <t>如果让英国人再选一次</t>
  </si>
  <si>
    <t>历史不允许假设，但历史又总引人遐想。“脱欧”公投已近一年，如果让英国人再投一次，他们是否还会选择“脱欧”？“更强大，更稳定。”——英国首相特雷莎·梅对英国人的许诺还言犹在耳，但英国却进入多事之秋。四个月内，英国遭受四次恐怖袭击。有专家断言，“脱欧”带</t>
  </si>
  <si>
    <t>欧盟经济复苏渐强  但挑战仍存</t>
  </si>
  <si>
    <t>为期两天的欧盟峰会日前在布鲁塞尔闭幕，会议议题包括反恐、防务合作、应对气候变化、英国“脱欧”、难民危机及经济和贸易等。从一季度GDP数据看，欧盟经济复苏保持连贯性和普遍性。欧盟统计局的数据显示，当季欧盟GDP环比增长0.6%，同比增长2.1%。除希腊外，欧盟成员国</t>
  </si>
  <si>
    <t>首脑初会  美印强化战略伙伴关系</t>
  </si>
  <si>
    <t>结束葡萄牙之行后，印度总理莫迪将于美国东部时间26日对美国进行为期三天的访问。在美期间，莫迪将与美国总统特朗普举行会谈，主要内容将涉及经贸、防务、反恐、全球治理、气候变化，以及与印度高科技人才相关的美国签证问题。两国官员之前均表达了提升战略伙伴关系的意愿。$</t>
  </si>
  <si>
    <t>美联储官员称9月可能开始“缩表”</t>
  </si>
  <si>
    <t>据外媒报道，有美联储官员21日表示，美联储最快可能于9月就着手启动“缩表”计划。但在通胀水平温和和美国总统特朗普财政刺激计划预期下滑等因素的影响下，目前市场认为美联储或许不会急于继续收紧货币政策。美国费城联邦储备银行行长帕特里克·哈克21日在英国《金融时?</t>
  </si>
  <si>
    <t>美元缓步反弹  英镑表现疲弱</t>
  </si>
  <si>
    <t>近日，美联储多位官员相继发表偏鹰派的言论，其中包括美联储的“三号人物”杜德利，他表示美国经济扩张之路还很长，而且强劲的就业市场终将带动通胀反弹，这令美联储进一步收紧货币政策的预期升温。数据显示，美国消费者物价指数和零售销售表现疲软，核心CPI年率增长1.7%，创</t>
  </si>
  <si>
    <t>“一带一路”拉动中国汽车整车出口</t>
  </si>
  <si>
    <t>日前，150辆长城哈弗H6汽车在东北亚的地理中心城市长春“装箱”。这些“中国制造”车辆将搭乘“长满欧”中欧班列经由满洲里口岸发往俄罗斯，出发后约10天抵达俄罗斯的沃罗滕斯克。当日一早，在长春国际陆港口岸区域，货值1000余万元的100多辆长城哈弗H6摆放整齐等待装入</t>
  </si>
  <si>
    <t>精准扶贫是促进共享发展的关键</t>
  </si>
  <si>
    <t>无论是“十三五”期间使扶贫标准线以下的农村贫困人口全部脱贫，还是未来更长时期使我国在推进联合国2015年后发展议程、消除绝对贫困和改善底层40%人口收入状况中继续发挥引领作用，都需要加大政府主导的专项扶贫规划的实施力度，特别是要实施精准扶贫战略，使贫困乡村和贫困</t>
  </si>
  <si>
    <t>“美国优先”旗下的钢铁贸易保护</t>
  </si>
  <si>
    <t>“美国优先”是美国总统特朗普的一大执政理念。特朗普认为，以前的国际经济体系和贸易协定对美国制造业和劳工不利，他要通过重新谈判改变国际贸易格局，将美国利益置于首位。然而，将“美国优先”的执政理念转化为具体的贸易政策并不是一件易事。特朗普政府强调“公平贸易”?</t>
  </si>
  <si>
    <t>美国对俄实施新一轮制裁</t>
  </si>
  <si>
    <t>美国财政部20日宣布，对38名个人和实体实施制裁，以回应俄罗斯在乌克兰问题上的行为。俄罗斯表示可能会采取回应措施。美国国会参议院近日还通过了对俄罗斯施加制裁的修正案，其中的经济制裁措施还引发德国等欧洲国家的担忧。美国财政部在一份声明中说，受到制裁的个人和</t>
  </si>
  <si>
    <t>汽车厂商为什么不装后防撞梁</t>
  </si>
  <si>
    <t>很多“中国版”汽车“减配”了后防撞梁后，引发了不少车主不满，指责汽车厂商钻政策空子借机偷工减料，因为中国的法规没有强制要求安装后防撞梁。不过，在法律方面最“认真”的美国，也没有强制安装后防撞梁，原因很简单：根本没必要强制安装。美国乘用车前后保险?</t>
  </si>
  <si>
    <t>返费难兑现  苹果与高通专利纠纷升级</t>
  </si>
  <si>
    <t>苹果公司与芯片技术商高通的专利费诉讼战升级。苹果20日向美国法院提出，其与高通公司专利许可协议无效，此举将撼动高通公司现有的收费模式。苹果认为，它只需要对高通提供的芯片背后的技术支付使用费。而高通认为，使用费覆盖范围更广，超出了单一芯片这一范围。?</t>
  </si>
  <si>
    <t>中美经贸合作加速  马云握手3000美国小企业主</t>
  </si>
  <si>
    <t>阿里巴巴主办的“中小企业论坛”，于美国时间20日在底特律召开，超过3000名美国中小企业主和合作伙伴出席。“中小企业论坛”也是中美宣布“经济合作百日计划”后两国经贸合作正在加速进行的重要表征。“中小企业论坛”的召开，显示两国在展开实质性经贸合作方面正在进行</t>
  </si>
  <si>
    <t>线上电商并购新模式将颠覆实体零售连锁</t>
  </si>
  <si>
    <t>上周五，亚马逊（Amazon）宣布以137亿美元全现金形式收购美国第五大食品零售商——全食超市（WholeFoods Market），成为亚马逊史上数额最大的收购案。消息传出后，标普500必需消费类股的总市值损失390亿美元，同行业股价损失达320亿美元，所有竞争对手均陷入股价暴跌状?</t>
  </si>
  <si>
    <t>英国“脱欧”谈判正式开启</t>
  </si>
  <si>
    <t>英国与欧盟的“脱欧”谈判19日正式启动。在英国执政党势弱、欧洲民粹势力消减的背景下，双方预计在首轮谈判中定下谈判周期框架，难达成实质成果，旨在通过充分交流深化互信。英国“脱欧”事务大臣戴维斯在前往布鲁塞尔开启与欧盟的“脱欧”谈判前就发出了讯息：“我们要</t>
  </si>
  <si>
    <t>IMF上调我国今年GDP增速至6.7%</t>
  </si>
  <si>
    <t>国际货币基金组织（IMF）日前在官网发布声明看好我国经济前景。官网信息显示，IMF第一副总裁大卫·利普顿称，IMF工作人员上调2017年中国GDP预计增速至6.7%，2018至2020年中国GDP平均每年将增长6.4%。就此，《经济参考报》记者采访的多位专家表示，对比穆迪下调中国评级?</t>
  </si>
  <si>
    <t>中俄致力通道建设  打造亚欧贸易“新丝路”</t>
  </si>
  <si>
    <t>“滨海一号、滨海二号国际通道，将成为中俄两国对接‘一带一路’建设和欧亚经济联盟建设的桥梁。”俄罗斯滨海边疆区行政长官米克卢舍夫斯基在此间举行的第四届中俄博览会上如是说。滨海一号和滨海二号国际物流通道，是俄罗斯滨海边疆区政府正推进建设的国际性物流通道，</t>
  </si>
  <si>
    <t>亚马逊收购连锁超市  扩张实体销售</t>
  </si>
  <si>
    <t>美国电商企业亚马逊16日宣布以137亿美元买入高档连锁超市品牌全食(Whole Foods)，震荡了零售业版图。沃尔玛等实体零售企业将受到更大的竞争压力。据悉，在交易中，每股42美元的报价较该连锁超市前一个交易日的收盘价高出27%。截至4月9日全食超市摊薄后尚有3.189亿流通股</t>
  </si>
  <si>
    <t>法国国会选举开始第二轮投票</t>
  </si>
  <si>
    <t>当地时间18日，法国举行国会选举第二轮投票。目前民调数据显示，法国总统马克龙所领导的共和前进党阵营有望在此轮投票中以压倒性多数获胜，这或将有利于未来执政党实施其各项政策。法国国民议会由577名议员组成，通过两轮投票选举产生。根据规则，在第一轮投票中获得所?</t>
  </si>
  <si>
    <t>国投携亚开行设绿色金融平台</t>
  </si>
  <si>
    <t>6月16日，由亚洲开发银行（以下简称“亚行”）、国家开发投资公司（以下简称“国投”）及中国投融资担保股份有限公司（以下简称“中投保”）共同发起的“亚行京津冀区域大气污染防治中投保投融资促进项目”正式启动。此项目由中投保利用亚行主权贷款，通过金融机构转贷?</t>
  </si>
  <si>
    <t>巴西互联网受基础建设掣肘</t>
  </si>
  <si>
    <t>当人们还在享受4G网络带来的便利时，5G网络已经悄然走近。近日，巴西科学、技术、创新和通信部（MCTIC）表示，巴西已经同中国、欧盟、美国、韩国和日本的科技人员签订了技术发展合作协议，希望能够共同发展5G网络。对5G网络动手如此之早，巴西似乎不想再一次输在起跑线?</t>
  </si>
  <si>
    <t>透视“阿尔法狗”背后的机器学习算法</t>
  </si>
  <si>
    <t>世界排名第一的围棋棋手柯洁与谷歌旗下的人工智能机器人AlphaGo（“阿尔法狗”）5月23日至27日在乌镇的对弈，吸引社会广泛关注。这是“阿尔法狗”去年3月大胜韩国棋手李世石后，与围棋大师的再次交战。不出意外的是，柯洁连败三局。引领“阿尔法狗”出奇制胜的系统，是?</t>
  </si>
  <si>
    <t>美联储加息配缩表  全球资产酿变局</t>
  </si>
  <si>
    <t>美国联邦储备委员会（美联储）14日结束为期两天的货币政策会议，宣布进行年内第二次加息，并公布了缩减资产负债表的计划，显示货币正常化进程欲进一步推进。与此同时，随着全球经济进入稳步复苏的轨道，对于低增长和低通胀等问题的恐惧正在消退，欧洲央行、日本央行和英国央?</t>
  </si>
  <si>
    <t>欧盟取消漫游费推进数字单一市场</t>
  </si>
  <si>
    <t>据外媒报道，欧盟境内15日正式取消短期手机漫游费。欧盟委员会主席容克、欧洲议会议长塔亚尼、欧盟轮值主席国马耳他总理穆斯卡特发表联合声明说，取消欧盟境内漫游费，是其数字单一市场的基石，有助于进一步建设统一且可持续的欧洲数字社会。英国广播公司报道称，从今以</t>
  </si>
  <si>
    <t>共享单车在美国能否“火”起来</t>
  </si>
  <si>
    <t>在美国人口密集的纽约，随处可见冠名着“花旗”的“小蓝车”在街头巷尾穿梭，这就是在纽约占据市场主导地位的城市共享单车。2013年5月正式运营的花旗共享单车，目前是美国最大的共享自行车出行平台，在纽约曼哈顿、布鲁克林、皇后等周边地区共有约600个停放点，投放共计一万?</t>
  </si>
  <si>
    <t>美财政部公布放松金融监管计划</t>
  </si>
  <si>
    <t>据《华尔街日报》等美国媒体报道，美国财政部13日公布了一项放松金融监管的框架计划，促请国会及联邦金融监管机构放宽2008年以来实施的严格规管，刺激银行业向商界提供借贷，推动经济发展和创造就业。分析认为，这项影响层面广泛的计划试图颠覆目前美国的金融监管框架，在美?</t>
  </si>
  <si>
    <t>宝沃的“德国故事”漏洞百出</t>
  </si>
  <si>
    <t>自从在中国市场“重生”后，宝沃一直在讲述其德国血统的故事，并对将其从历史里“复活”的福田汽车“讳莫如深”。但福田汽车发布的最新销量公告，却露出了端倪。6月6日，福田汽车公布了5月产销数据快报。根据数据可以算出，福田乘用车中的“运动型多用途乘用车”（即SUV</t>
  </si>
  <si>
    <t>卡兰尼克无限期休假  优步将重组管理层</t>
  </si>
  <si>
    <t>据外媒报道，美国优步公司创始人、首席执行官特拉维斯·卡兰尼克当地时间13日宣布，因处理家庭事务而无限期休假。这是最近几个月因性骚扰丑闻大批高管被迫离职后，优步再一次经历高层人事震荡。有分析称，未来优步将重组管理层，淡化卡兰尼克营造的企业文化，同时确立新的发?</t>
  </si>
  <si>
    <t>美国政商企业热捧阿里巴巴中小企业论坛</t>
  </si>
  <si>
    <t>据阿里巴巴方面14日透露，本月20日在美国底特律开幕的美国中小企业论坛，报名人数已经远超预期，将有超过3000名美国中小企业和合作伙伴出席该论坛。这是阿里巴巴首次在美国举行大规模的论坛，此次论坛主题是“连接世界”（Gateway17），为美国中小企业、农民和企业家创?</t>
  </si>
  <si>
    <t>IMF结束对华第四条磋商访问  呼吁加快改革</t>
  </si>
  <si>
    <t>6月1日至14日，国际货币基金组织（IMF）工作人员小组在华开展了关于中国经济的年度第四条磋商讨论。14日访问结束时，国际货币基金组织第一副总裁大卫·利普顿在京发表声明称，中国继续转向更可持续的增长路径，改革在广泛的领域取得进展，但仍需加快增长模式的深入改革。</t>
  </si>
  <si>
    <t>海洋经济开启数万亿级市场空间</t>
  </si>
  <si>
    <t>发展海洋经济已成为今年东部地区发展的“重头戏”。《经济参考报》记者了解到，广东、上海、海南、福建等东部多个沿海地区近期加快相关布局，纷纷出台规划文件或申报示范区，海洋经济数万亿级的庞大市场空间有望打开。作为海洋生产总值已连续21年领跑全国的海洋经济大省</t>
  </si>
  <si>
    <t>低通胀顽症困扰美联储</t>
  </si>
  <si>
    <t>当美联储官员准备出席于6月13日至14日举行的货币政策例会，考虑启动今年内第二次加息时，摆在他们面前的一道难题是，自本轮美国经济复苏以来，美国通胀水平为何长期低迷？美联储内部的主流观点是，随着美国就业市场接近充分就业水平，闲置劳动力资源日益减少，美国通胀?</t>
  </si>
  <si>
    <t>“靠边吃边”  谱写边贸发展新篇</t>
  </si>
  <si>
    <t>广西崇左市地处中越边境，边境线长533公里，是中国通往东盟的陆路门户之一，拥有“打开门就是越南，走两步就是东盟”的区位优势。这里被誉为中国“糖都”、“锰都”、“红木之都”，更是全国边境贸易第一大市。一直以来，崇左“靠边吃边”，做足“边城”文章，对外贸易快速发</t>
  </si>
  <si>
    <t>德国将调查保时捷是否涉嫌“排放门”</t>
  </si>
  <si>
    <t>德国汽车运输管理局（KBA）当地时间12日宣布，将对保时捷公司旗下卡宴SUV的尾气排放数据进行调查。这是自德国大众卷入尾气“排放门”事件后，又一家德国知名汽车品牌接受相关调查。德新社、英国国家广播电台（BBC）都对此进行了报道。德新社的报道称，保时捷目前还未正?</t>
  </si>
  <si>
    <t>日本大中企业信心二季度全面回落</t>
  </si>
  <si>
    <t>日本内阁府和财务省13日联合发布的法人企业景气预测调查显示，受新型车上市效果消退、船舶订货减少以及原材料价格上涨等因素影响，第二季度日本大中企业信心全面回落，中小企业信心则略有回升。数据显示，今年第二季度，日本大企业全行业的经济动向调查指数从一季度的1.</t>
  </si>
  <si>
    <t>香港成为亚投行新成员</t>
  </si>
  <si>
    <t>香港特区政府13日宣布，香港已成为亚洲基础设施投资银行（亚投行）新成员。财政司司长陈茂波将率领香港代表团首次以成员身份，出席亚投行定于本月16日至18日在韩国济州举行的第二届理事会年会。特区政府新闻处发布消息说，立法会财务委员会早前通过香港认缴亚投行7651股</t>
  </si>
  <si>
    <t>中哈亚欧跨境运输对接助推“一带一路”起飞</t>
  </si>
  <si>
    <t>在阿斯塔纳专项世博会的开幕式上，哈萨克斯坦总统纳扎尔巴耶夫来到中国国家馆的高铁体验仓，亲身体验了一次“从西安到阿斯塔纳世博园”的驾驶感觉。看来，中国高铁在哈萨克斯坦的落地已在时间表上。随后，从中哈（连云港）物流合作基地到中哈边境“霍尔果斯-东门”经济?</t>
  </si>
  <si>
    <t>河南加速推进交通物流枢纽建设</t>
  </si>
  <si>
    <t>日前，参加完2017郑州航展的8架来自英国、法国和意大利的轻型飞机乘坐中欧班列离开郑州国际陆港，驶向万里之外的德国汉堡。法国卡普什特技飞行表演队机械师克莱门特·施奈德（Clement Schneider）说，中欧班列比海运更快更安全。之前，法国卡普什特技飞行表演队的飞机通过中?</t>
  </si>
  <si>
    <t>福利不再“一刀切”  权益更加精细化</t>
  </si>
  <si>
    <t>6月10日，一艘被誉为“海上头等舱”的“淘气喜悦号”，满载着上千名阿里巴巴超级会员和一众入驻天猫的品牌商家驶向日本，开启四天三夜的海上梦幻之旅。它的起航意味着阿里大会员体系正迈入新的征程。阿里巴巴首席市场官董本洪表示，今后除了为消费者提供优质权益外，阿?</t>
  </si>
  <si>
    <t>英连任首相称脱欧谈判将如期进行</t>
  </si>
  <si>
    <t>获得连任的英国首相特雷莎·梅10日在与德国总理默克尔通电话时表示，英方将如期在19日开始与欧盟的“脱欧”谈判。经历大选后，出现“悬浮议会”的英国政局已趋向不稳，市场和经济环境受到的负面影响也将令“脱欧”谈判等问题面临风险。梅在电话中告诉默克尔，在如何对待</t>
  </si>
  <si>
    <t>英国的小城风范</t>
  </si>
  <si>
    <t>英格兰西北部的湖区是旅游胜地，每到周末，来温德米尔和安布尔赛德度等小城游玩放松的人络绎不绝。时值英国大选之前不久，距离这里一个多小时车程的曼彻斯特和两个多小时车程的伦敦相继发生恐怖袭击，当地酒吧的大电视屏幕上循环播放着亲历者讲述骇人经历的画面，让品尝着各?</t>
  </si>
  <si>
    <t>卡塔尔断交风波影响国际航运业</t>
  </si>
  <si>
    <t>近日，阿联酋、巴林、沙特、埃及、也门、利比亚、马尔代夫七个国家宣布与卡塔尔断绝外交关系，同时切断与卡塔尔的海陆空交通联系。据金联创了解，卡塔尔是全球最大的液化天然气出口国，卡塔尔天然气运输公司（Nakilat）是世界上最大的液化天然气运输公司之一，拥有37艘?</t>
  </si>
  <si>
    <t>软银宣布收购谷歌机器人公司</t>
  </si>
  <si>
    <t>据外媒报道，日本软银集团近日宣布，从美国谷歌的母公司字母表手中收购从事机器人开发的两家创业企业。有分析认为，通过这些并购，软银正加速其新型机器人的开发计划。据日本《日本经济新闻》报道，软银9日宣布将从字母表公司手中收购美国波士顿动力公司和源自东京大学?</t>
  </si>
  <si>
    <t>海外IP市场是万亿级的机会窗口</t>
  </si>
  <si>
    <t>网络小说《药窕淑女》的作者、网络文学作家李蕤宾没有想到，自己写的这部中国古代言情小说，会受到异国读者的青睐。2013年起，作品被翻译后推向泰国、越南等东南亚国家，去年还销往欧美市场。出口李蕤宾作品的公司，是总部位于上海的阅文集团。《择天记》、《老九门》、</t>
  </si>
  <si>
    <t>跨国农业技术合作模式雏形初具</t>
  </si>
  <si>
    <t>在甘肃，土豆被称为“洋芋”，更“土”的叫法是“洋芋蛋”。四百多年前，“舶来品”洋芋从欧洲来到中国，在中国西北地区培育出高产耐旱的品种；2012年，“改良版”洋芋蛋苗从甘肃出发，穿越半个亚洲，抵达几千公里外的土耳其，在这片洋土地上“扎根落户”。来自京?</t>
  </si>
  <si>
    <t>内蒙古连续火灾暴露林区防火多重难题</t>
  </si>
  <si>
    <t>进入春季防火期以来，内蒙古林区至少已发生30余起火灾，多数集中在中东部地区，尤以大兴安岭主林脉地区居多。其中，仅内蒙古大兴安岭毕拉河大火和陈巴尔虎旗那吉林场大火过火面积就达2万公顷，投入扑救人员近2万人次。过火面积之大，扑救难度之高，近年罕见。30年前，震</t>
  </si>
  <si>
    <t>大选不会逆转英国脱欧进程</t>
  </si>
  <si>
    <t>英国定于6月8日举行议会选举。分析人士指出，特雷莎·梅本想拿下大选为“脱欧”谈判铺路，但面对反对党的有力挑战以及接连发生的恐袭事件冲击，特雷莎·梅和保守党实现愿望相当困难。今年4月，特雷莎·梅出人意料地突然宣布提前举行大选。而此前她曾多次表示，不会在议?</t>
  </si>
  <si>
    <t>再冲MSCI  A股国际化继续推进</t>
  </si>
  <si>
    <t>随着A股市场再一次向MSCI发起冲击时点的到来，能否纳入正成为市场关注的焦点。业内人士对于此次纳入几率谨慎乐观，但认为更重要的是应当以此为契机，进一步推进A股市场化、法治化和国际化的改革。推迟 四度冲关 国际化日益深入北京时间6月21日，美国明晟公司将宣布</t>
  </si>
  <si>
    <t>日本央行或上调经济评估</t>
  </si>
  <si>
    <t>受个人投资和消费数据疲弱的影响，日本政府8日将一季度经济增长率从原先的初值2.2%大幅下调至1%。不过，此次数据修正并没有妨碍日本实现经济危机后的最长扩张周期。有消息人士称，日本央行可能最早在下周上调经济评估，暗示其越来越确信经济复苏正在累积动能。日本内阁?</t>
  </si>
  <si>
    <t>美元震荡下行  澳元快速上扬</t>
  </si>
  <si>
    <t>近来美国就业市场发出好坏不一的信号，5月失业率下降至16年来的低点，但新增就业人数和工资增长却低于预期。数据公布后，金融市场呈现一片悲观的气氛，一些大的投行甚至推后了美联储年内加息的预期时间表。不过，美联储官员却对这样一份看似糟糕的数据不以为然，并称美国已经</t>
  </si>
  <si>
    <t>“一带一路”：探索全球经济资源配置新路</t>
  </si>
  <si>
    <t>习近平主席提出的“一带一路”战略构想，指出了中国提高全球资源配置能力之路。中国可持续发展受到了人均自然资源匮乏、外贸增长率下滑、对外投资不足等诸多因素的制约，“一带一路”战略的实施，在合作共赢、创造和谐世界等方面形成与霸权主义不同的国际经济新规则新秩序，?</t>
  </si>
  <si>
    <t>断交风波频袭扰  卡塔尔经济遇难题</t>
  </si>
  <si>
    <t>针对沙特阿拉伯等国突然宣布与卡塔尔断绝外交关系，国际社会目前正在进行斡旋和调解，呼吁各方消除分歧，以对话和沟通化解危机。然而，断交危机开始冲击卡塔尔航空、海运以及产品进出口等经济领域，负面效应尽显。沙特、阿联酋、巴林等国5日宣布与卡塔尔断交，指责卡塔?</t>
  </si>
  <si>
    <t>中国车企目标：2025年实现高速自动驾驶</t>
  </si>
  <si>
    <t>近来，围绕新能源和智能化，中德两国再次在汽车领域展开了合作。而正在上海举行的第三届亚洲消费电子展（亚洲CES），也向人们展示了汽车智能化的前景。业界认为，随着汽车智能化步伐大大加快，汽车产业正面临重构。国际合作加快智能化步伐5月31日，德国汽车零部件?</t>
  </si>
  <si>
    <t>美开启基建周为万亿投资计划铺路</t>
  </si>
  <si>
    <t>美国总统特朗普本周将启动一系列“基建周”活动，为推出万亿基建计划铺路造势。有观点认为，目前美国政府的税改和医改两大计划均受到阻碍，基建计划也将在推进中遭遇各种挑战。特朗普5日公布了一项将全国航空管理控制系统私有化的计划，以促进空管系统更新升级、提高效?</t>
  </si>
  <si>
    <t>巴西规划部长迪奥戈·奥利韦拉：中巴扩大产能合作基金将深化双边合作</t>
  </si>
  <si>
    <t>巴西规划、发展及管理部长迪奥戈·奥利韦拉日前在接受新华社记者专访时表示，中国的投资对巴西十分重要，巴西始终欢迎来自中国的投资者，中巴扩大产能合作基金（简称“中巴基金”）的启动将进一步深化两国关系。5月30日，“2017巴西投资论坛”在圣保罗开幕。在此期间，?</t>
  </si>
  <si>
    <t>中美专家：穆迪“误判”无碍中国向好发展趋势</t>
  </si>
  <si>
    <t>编者按：最近，国际评级机构穆迪下调了中国的主权信用评级，自Aa3下调至A1，引起业内人士的关注，对中国经济有深入研究的国内学者和对中国问题颇为关注的美国学者都有各自的看法。为此，中国财富传媒集团与彼得森国际经济研究所召开了视频对话会议，对此进行了深入的讨论。以</t>
  </si>
  <si>
    <t>“美国优先”的逻辑悖论</t>
  </si>
  <si>
    <t>美国总统特朗普日前宣布将退出《巴黎协定》，在国内外引起轩然大波。特朗普政府上台不到半年，所推各种政策无不显示其希望通过改变一些既定的国际经贸、全球治理规则，实现美国利益最大化的强烈动机，对全球舆论的不以为然却毫不在意。然而，他所推行的这些新政与所倡导的“?</t>
  </si>
  <si>
    <t>英国大选执政党选情堪忧</t>
  </si>
  <si>
    <t>英国定于6月8日举行议会选举。最新公布的民意调查结果显示，首相特雷莎·梅选情堪忧，恐怕无法实现此前预想的“压倒性胜利”，最终获得的议席数量甚至可能少于上届议会。果真如此，不仅令近期频遭恐袭的英国政局动荡，还有可能冲击本月启动的“脱欧”谈判进程。特雷莎·</t>
  </si>
  <si>
    <t>中东断交事件施压国际油市</t>
  </si>
  <si>
    <t>由于中东地区数个国家5日均宣布与卡塔尔断绝外交关系，投资者担忧石油输出国组织（欧佩克）减产协议延长或受影响，国际油价5日小幅下跌。巴林、沙特阿拉伯、阿拉伯联合酋长国、埃及、也门5日分别宣布断绝与卡塔尔的外交关系，指责卡塔尔支持恐怖主义活动并破坏地区安全?</t>
  </si>
  <si>
    <t>首相的段子手</t>
  </si>
  <si>
    <t>约翰·欧法莱是英国最出名的讽刺幽默畅销书作家之一，已经出版了十多本书。有时，他淘气的女儿会在书店将父亲的各种著作挑出来，重新在书架上摆成一排。欧法莱还曾开玩笑地在社交媒体上向这家书店致信：“向你们道歉。另外，如需叫保安，请随意。”高产的欧法莱让人惊奇</t>
  </si>
  <si>
    <t>韩国要惩治综艺节目抄袭？节目模式是不是作品？</t>
  </si>
  <si>
    <t>近日，一则韩国政府要治“抄袭”的新闻吸引了大众眼球。报道称，因海外电视台抄袭韩国综艺节目成风，各种山寨节目泛滥，韩国政府将积极应对维权事宜。报道中还将中韩两国知名综艺节目进行了对比。此事再次将综艺节目模式的“抄袭”问题推到了风口浪尖。2015年4月15日，?</t>
  </si>
  <si>
    <t>中欧班列：“乘客”更多  经贸更热</t>
  </si>
  <si>
    <t>满载着41个集装箱货柜的中欧班列“蓉欧快铁”缓缓驶入成都国际铁路港。经过14天时间、跨越8000多公里路程，它将一批产自白俄罗斯的环保板材运至国内。作为我国“一带一路”倡议的早期成果，中欧班列凭借比海运更快捷、比空运更便宜的独特优势，短短几年里从无到有，迅速</t>
  </si>
  <si>
    <t>“退出协定”难让美国再次伟大</t>
  </si>
  <si>
    <t>美国总统特朗普日前在宣布退出《巴黎协定》时，再次提到了竞选中挂在嘴边的那句“让美国再次伟大”。特朗普之前推出的一系列颇具争议的内政外交策略，多多少少与这一口号沾边，但本次退出《巴黎协定》之举，无论从近期还是远期、从硬实力还是软实力来看，都无法让美国实现“?</t>
  </si>
  <si>
    <t>中企在中东欧投资已超80亿美元</t>
  </si>
  <si>
    <t>《经济参考报》记者5日从商务部获悉，据不完全统计，中国企业在中东欧国家投资超过80亿美元，涉及机械、化工、电信、家电、新能源、物流商贸、研发、金融、农业等领域，投资形式更加多样化。未来，基础设施建设和国际产能合作领域有望成为中国和中东欧投资合作的亮点，潜力巨</t>
  </si>
  <si>
    <t>丰田出售特斯拉全部股份  独立研发电动车</t>
  </si>
  <si>
    <t>据日本媒体报道，日前丰田汽车公司已出售所持有的美国电动汽车公司特斯拉全部股份，解除了双方在纯电动汽车领域的合作。这表明，丰田开始独自向纯电动车领域发力。据报道，丰田于2010年出资5000万美元收购了特斯拉约3%的股份，与特斯拉共同研发纯电动汽车。此后，丰田推</t>
  </si>
  <si>
    <t>世行：今年全球经济增速有望达2.7%</t>
  </si>
  <si>
    <t>近日，世界银行在最新的6月期《全球经济展望》中预计，随着制造业和贸易回暖、市场信心增强以及大宗商品价格趋稳，新兴市场和发展中经济体将恢复增长，2017年全球经济增速将加快至2.7%。报告预计，发达经济体2017年增长速度有望加快至1.9%。此外，在全球融资条件依然有?</t>
  </si>
  <si>
    <t>让环境保护与经济发展同行</t>
  </si>
  <si>
    <t>1972年第27届联合国大会将每年6月5日确定为“世界环境日”，我国《环境保护法》也明确规定6月5日为环境日，希望通过设立环境日的方式，引导社会形成保护和改善生存环境的意识。我国将第46个世界环境日的主题设定为“绿水青山就是金山银山”，旨在动员全社会倍加珍惜和爱护生?</t>
  </si>
  <si>
    <t>美国“退约”难阻应对气候变化的全球大势</t>
  </si>
  <si>
    <t>6月1日，美国总统特朗普宣布美国退出《巴黎协定》的决定。从联合国秘书长古特雷斯到美国匹兹堡的普通市民，全世界对特朗普这一决定都表达了遗憾、失望与批评。2015年12月12日，《联合国气候变化框架公约》196个缔约方在巴黎气候变化大会上通过《巴黎协定。全场爆发出雷?</t>
  </si>
  <si>
    <t>英国大选聚焦何处</t>
  </si>
  <si>
    <t>英国大选将于本月初举行。此次选举是英国公决“脱欧”后的首次大选，也将决定英国在退出欧盟进程中持何种立场以及英欧最终将形成何种关系。大选的时间点选择、选战主要议题及各党在议会下院所获议席数量均引人关注。英国大选是指议会下院议员的选举，在下院中获得多数席</t>
  </si>
  <si>
    <t>日本央行大规模购债将难以持续</t>
  </si>
  <si>
    <t>日本央行资产负债规模首度超过500万亿日元（约合4.48万亿美元），与2013年开始实施量化宽松政策时相比增长超过两倍。但是，这一政策效果不明显，距2%通胀目标相距甚远，预计未来日本央行将难以持续大规模购债行为。日本央行公布的数据显示，截至5月底，日本央行总资产负</t>
  </si>
  <si>
    <t>美国学者如何看待“共享单车”</t>
  </si>
  <si>
    <t>集结“绿色出行”，解决“最后一公里”出行难题以及“共享经济”等热门词汇于一身的“共享单车”，为何近两年在中国呈现“几何式”增长？纽约大学瓦格纳公共事务学院终身教授郭湛在接受记者采访时认为，中国共享单车体系之所以能够在短期内飞速发展，一是因为它与人们的</t>
  </si>
  <si>
    <t>美国退出《巴黎协定》可能性增大</t>
  </si>
  <si>
    <t>美国总统特朗普5月31日在社交媒体推特上宣布，将在几天之内宣布有关《巴黎协定》的最后决定。媒体广泛认为，美国退出该协定的可能性大增，全球应对气候变化面临严峻挑战。美联社5月31日援引一名不愿透露姓名的白宫官员的话说，预计特朗普将宣布美国退出《巴黎协定》。不</t>
  </si>
  <si>
    <t>中欧经贸合作全方位升级</t>
  </si>
  <si>
    <t>李克强总理于5月31日至6月2日对德国进行正式访问并举行中德总理年度会晤、赴布鲁塞尔举行第十九次中国－欧盟领导人会晤、对比利时进行正式访问。深化与德国乃至欧盟的经贸关系、搭建更广泛地合作平台，是李克强总理此行的重点之一，在智能制造、投资协定谈判、科技创新领域，</t>
  </si>
  <si>
    <t>用互联网思维做传统零食</t>
  </si>
  <si>
    <t>在宿舍看剧嗑瓜子嫌弄得一地垃圾，去影院看电影嫌爆米花口味单一，在超市想挑选台湾零食嫌来来去去都是那几样，在路上买个台湾手抓饼却发现和你在台湾旅游时吃的相距甚远？你的这些困扰，“疯老板”都能帮你解决。戴着一副黑框眼镜、身材微胖、谦逊有礼的酆尚宽，是一个</t>
  </si>
  <si>
    <t>“健康丝绸之路”的援非“河南版”</t>
  </si>
  <si>
    <t>在长达半个世纪的时间里，从撒哈拉沙漠到维多利亚大瀑布，从乞力马扎罗火山到东非大裂谷，中国医疗队像珍珠般洒落在非洲大地，为受援国人民带来健康福祉，树立了一座座人道主义的丰碑。2017年1月18日，《中华人民共和国政府和世界卫生组织关于“一带一路”卫生领域合作?</t>
  </si>
  <si>
    <t>在路上，我们并不孤独</t>
  </si>
  <si>
    <t>驾驶一辆车龄超过40年的英式老爷车，托尼·惠勒一行人途经泰国、柬埔寨、老挝进入中国，穿越昆明、重庆、上海，一路北上抵达北京。“一带一路”国际合作高峰论坛举办前夕，这位已经71岁的老人，第20次来到中国。在北京短暂停留期间，他接受了记者专访。“这是一段迷人的</t>
  </si>
  <si>
    <t>捕捉金融科技未来  唐宁眼中的大机遇</t>
  </si>
  <si>
    <t>近年来，中国金融科技飞速发展，带动了整个中国普惠金融和财富管理行业的快速发展。事实上，中国金融科技行业的发展已超越美国，已然成为全球金融科技的领导者。作为一个快速增长的跨界产业，金融科技开启了巨大机遇。在金融科技处于不同发展阶段的各个领域，宜信都在扮演着?</t>
  </si>
  <si>
    <t>美元下行概率偏大  欧元持续强势</t>
  </si>
  <si>
    <t>在美联储议息会议迫近之际，美国通货膨胀却进一步下滑并远离央行的目标。美国商务部公布的数据显示，美联储看重的物价指标4月份同比仅增长1.7%，低于3月份时的增长1.9%以及2月份的2.1%。扣除波动较大的石油和食品成本后的核心通胀也创下2015年以来最疲弱的按年增幅。美联储决</t>
  </si>
  <si>
    <t>经济向好  美联储本月或再加息</t>
  </si>
  <si>
    <t>美国4月份个人消费开支加速增长，显示出美国第二季度经济增长可能将明显回升。近期有美联储官员表态称，若美国经济增长前景向好，将可能很快加息。目前市场人士也普遍认为，美联储今年将再加息两次，并预计最早可能于6月加息。美国商务部5月30日公布的数据显示，4月份，</t>
  </si>
  <si>
    <t>德国5月份失业率创新低</t>
  </si>
  <si>
    <t>德国联邦劳工局5月31日公布的数据显示，德国5月份失业率创下新低，经季节调整后环比下降0.1个百分点至5.7%。数据显示，未经季节调整的德国失业人数跌破250万大关，为249.8万；经季节调整后，德国失业人数为253.6万，同比减少16.6万，比4月份减少9000。德国联邦劳工</t>
  </si>
  <si>
    <t>业内人士：中国电竞产业发展前景可期</t>
  </si>
  <si>
    <t>“去年LPL（英雄联盟职业联赛）获胜的战队，奖金达到200万人民币。”此间在广西南宁举办的首届中国—东盟博览会动漫游戏展现场，中国职业电子竞技俱乐部TEAM WE青训队经理“PENCIL”告诉记者，中国电子竞技业呈现出强大的吸引力，线下赛事成为电竞爱好者切磋交流的重要平台。</t>
  </si>
  <si>
    <t>南宁：“南接北引”续写丝路新篇章</t>
  </si>
  <si>
    <t>“红豆生南国，春来发几枝”——有着悠久历史的壮乡首府南宁从来都是充满着生机与希望的地方。本世纪以来，接连不断的国家战略机遇彻底激活了南宁的区位优势与发展潜力，使其成为面向东盟开放合作的前沿。南接21世纪海上丝绸之路，北引丝绸之路经济带，作为“一带一路”重要?</t>
  </si>
  <si>
    <t>欧洲央行将维持宽松货币政策</t>
  </si>
  <si>
    <t>欧洲央行行长德拉吉当地时间29日就欧元区经济和货币政策陈述证词时表示，尽管欧元区经济正在加速恢复，但仍有必要保持宽松货币政策，以此稳定欧元区通胀预期并对抗潜在的下行风险。德拉吉在布鲁塞尔向欧洲议会金融委员会的议员们解释说，欧洲央行确信，实施宽松的货币政</t>
  </si>
  <si>
    <t>青秀：打造“立起来的开发区”</t>
  </si>
  <si>
    <t>按5A甲级写字楼的国际标准建设、68家企业入驻，其中14家为世界500强企业……地处广西南宁市青秀区东盟国际商务区核心区的华润大厦B座，去年交税5.3亿元，创造了当地楼宇经济的“佳话”。华润大厦B座是其所在的南宁市青秀区近年来重点发展楼宇经济的一个缩影。三年来，辖</t>
  </si>
  <si>
    <t>高位对接带来互补空间和共赢成效</t>
  </si>
  <si>
    <t>“过去我们进口以色列设备，现在以色列给我们代工。”——站在捷佳润公司展厅内，80后的公司董事长温标堂指着全球知名灌溉企业提供的零部件自豪地说。运用自主研发的“种田神器”，只需一部手机、轻点鼠标便可实现水肥一体化智能管理。今年一季度，公司订单额是去年全年的两?</t>
  </si>
  <si>
    <t>日本招聘求职比升至新高  失业率稳于20年低点</t>
  </si>
  <si>
    <t>最新统计数据显示，日本4月招聘和求职比升至逾40年以来最高，失业率则持稳于20年低点，就业市场持续紧俏，劳动力需求稳步增加。分析认为，未来消费者支出应会受到支撑。4月招聘和求职比从上月的1.45升至1.48，意味着每个求职者对应着1.48个职位空缺。由于工人短缺，而且</t>
  </si>
  <si>
    <t>深圳与巴林加强产业合作</t>
  </si>
  <si>
    <t>巴林经济发展委员会（EDB）日前在巴林首都麦纳麦举办了中国高新技术成果交易会（高交会）巴林论坛，来自中国深圳的工商代表团与EDB在论坛上签署了三份协议，以促进更紧密的经济合作，主推科技创新领域合作和中企在当地投资落地便利化等。其中，深圳市“一带一路”经济技</t>
  </si>
  <si>
    <t>特朗普政府预算的“硬伤”</t>
  </si>
  <si>
    <t>特朗普政府日前向美国国会提交2018财年（2017年10月1日至2018年9月30日）联邦政府预算报告，提议未来十年内通过提振经济增长和大幅削减可自由裁量的社会福利开支实现政府收支平衡。这是特朗普政府上任后公布的首份完整新财年预算报告，但存在三大明显“硬伤”，一定程度上缺?</t>
  </si>
  <si>
    <t>银行资产负债深度调整  债券收益率显现下行契机</t>
  </si>
  <si>
    <t>金融去杠杆、流动性紧张、同业业务监管、央行和商业银行收缩资产负债表等几乎是贯穿于2017年上半年的主题，在此宏观格局下，经济增长动能、通货膨胀预期、美联储加息和缩表、欧洲和英国等海外市场震荡等风险显得“无足轻重”。临近6月份，二季度季月叠加年中考核因素，导致市</t>
  </si>
  <si>
    <t>欧佩克会议或延长减产协议9个月</t>
  </si>
  <si>
    <t>石油输出国组织（OPEC）和非欧佩克产油国将于25日在奥地利首都维也纳召开会议，届时将决定是否延长去年底达成的原油减产协议。市场目前普遍预期此次会议将决定延长减产协议，延长的时间可能为9个月，规模暂时不变。近期沙特和俄罗斯等重要产油国均表态支持延长减产协议?</t>
  </si>
  <si>
    <t>华尔街对税改热情降温</t>
  </si>
  <si>
    <t>税制改革是特朗普政府经济政策的重点，也是支撑过去几个月美国股市上涨的重要动力。但随着“通俄门”持续发酵、特朗普政治风波不断，华尔街高管、投资者、分析人士对美国税改的热情开始降温，他们认识到特朗普政府的经济政策议程正遭遇诸多阻力，特朗普政府今年完成税改的愿?</t>
  </si>
  <si>
    <t>中资企业频出手投资英国高端商业地产</t>
  </si>
  <si>
    <t>华润集团旗下公司华润置地23日宣布，其参与的企业联合体以3亿多英镑收购伦敦金融城核心地产项目。虽然近期英国地产市场有所下行，但今年以来中资频频出手英国高端商业地产，表现活跃。华润置地企业联合体22日在英国签约收购位于伦敦格雷沙姆街的一幢写字楼项目，该地产?</t>
  </si>
  <si>
    <t>美起诉菲亚特克莱斯勒排放作弊</t>
  </si>
  <si>
    <t>据外媒报道，美国政府已经向菲亚特克莱斯勒汽车提起民事诉讼，指控该公司的柴油车通过安装软件在政府的尾气排放测试中逃避排放控制。这标志着围绕该公司柴油发动机汽车的争端升级。23日，在底特律联邦法院提起的民事诉讼中，美国检察官称，该意大利-美国汽车制造商使用?</t>
  </si>
  <si>
    <t>推进“一带一路”沿线经贸合作区建设</t>
  </si>
  <si>
    <t>境外经贸合作区建设，是指在中国和有关国家政府的指导下，支持有实力、有条件的中国企业在有关国家投资建设或与所在国企业共同投资建设基础设施完善、主导产业明确、公共服务功能健全的产业园区，吸收中国、所在国或其他国家企业入区投资发展，推动双边和多边投资合作，促进?</t>
  </si>
  <si>
    <t>美2018预算寻求十年内收支平衡</t>
  </si>
  <si>
    <t>美国白宫22日公布了2018财年预算计划概要。这份预算概要寻求在未来10年减少支出3.6万亿美元，以改善美国财政赤字状况，整体目标为在十年内实现收支平衡。这份预算案概要的总体目标是实现预算支出的减少，不过在不同项目的分配上，则有增有减。预算概要中列出的需要</t>
  </si>
  <si>
    <t>福特换帅主攻无人驾驶技术</t>
  </si>
  <si>
    <t>据外媒报道，美国福特汽车公司22日更换了一批高层管理人员，其高科技部门高管吉姆·哈克特将接替马克·菲尔茨，出任公司首席执行官（CEO）。有分析指出，福特在一些关键市场中销售业绩出现滑坡，本次换帅将帮助公司加快新技术发展，改善业绩并稳定股价。福特22日宣布任?</t>
  </si>
  <si>
    <t>欧元区PMI数据提振欧元</t>
  </si>
  <si>
    <t>23日，欧元区、德国、法国公布的PMI数据延续了之前的复苏进程，加上德国总理默克尔表示，欧元“过于疲弱”是德国贸易赤字规模庞大的原因所在。这些因素带动欧元汇率上扬。数据显示，欧元区5月制造业PMI初值57，为73个月高点；服务业PMI初值56.2；综合PMI初值56.8，也为7</t>
  </si>
  <si>
    <t>彩电竞争升级：除了看颜值也要拼智商</t>
  </si>
  <si>
    <t>近几年，随着科技的不断进步，彩电产品的更新换代速度越来越快，而颜值也成为彩电厂商参与市场竞争的一大法宝。5月18日，小米电视负责人王川宣布，在2017CES（美国拉斯维加斯消费电子展）上惊艳亮相的小米电视4正式开始预售，首发49英寸、55英寸、65英寸三个尺寸，售价3</t>
  </si>
  <si>
    <t>澳洲葡萄园主的中国攻略</t>
  </si>
  <si>
    <t>本·安德森徜徉在南澳大利亚州阿德莱德山自家的葡萄园里。眼下澳大利亚已时至晚秋，葡萄园里只有一些最晚熟的品种还有果实挂在藤上。安德森边走边揪下一粒葡萄放在嘴里品尝。来自中国贵州的女孩杨梦苨走在安德森身后，也不时揪下葡萄品尝。杨梦苨就读于阿德莱德大学的葡</t>
  </si>
  <si>
    <t>欧元区财长会未能就希腊救助达成一致</t>
  </si>
  <si>
    <t>据外媒报道，欧元区财长未能就为希腊解锁新的救援资金达成一致。目前，欧洲与国际货币基金组织（IMF）有关债务减免问题的分歧持续难消。据悉，经过长达8小时的磋商，欧元区19国财长仍然无法弥合与IMF在债务减免问题上的分歧。欧元集团主席卢姆·戴塞尔布卢姆在新闻发布?</t>
  </si>
  <si>
    <t>世界经济论坛“问诊”中东北非就业难题</t>
  </si>
  <si>
    <t>第16届世界经济论坛中东北非峰会21日在约旦死海之滨舒奈闭幕。本届峰会响应“推动代际转型”的主题，就青年就业与教育问题推出多项举措，以应对中东北非地区青年失业率居高不下等难题。世界银行数据显示，2012年中东北非地区青年失业率高达29%，位居世界各地区之首。在?</t>
  </si>
  <si>
    <t>本周四国内油价上调幅度或破百元</t>
  </si>
  <si>
    <t>《经济参考报》记者从多家社会监测机构了解到，受OPEC延长减产协议的可能性极大以及美国原油库存大幅下滑等因素的提振，国际油价连续两周反弹，本周四（5月25日）国内成品油零售限价将迎来上调，幅度或破100元/吨。5月22日欧市盘中，油价持续走高，因5月21日沙特原油部?</t>
  </si>
  <si>
    <t>中德半导体制造巨擘达成战略合作协议</t>
  </si>
  <si>
    <t>德国英飞凌科技股份公司日前与通富微电子股份有限公司签署了战略合作协议，将通过分享德国工业4.0的经验和知识，帮助提升通富微电的制造能力和生产力。通富微电专业从事集成电路先进封装和测试，是中国前三大IC封测企业，全球前十大半导体制造商中一半以上都是通富微电?</t>
  </si>
  <si>
    <t>东芝芯片业务引多家公司竞购</t>
  </si>
  <si>
    <t>据外媒报道，东芝半导体（存储芯片）业务出现多家公司竞购局面，进一步加剧了全球半导体产业通过并购维持领先地位的趋势。据路透社援引消息人士话称，在19日第二轮竞标截止前，包括私募股权投资公司KKR、贝恩资本和美国芯片生产商博通在内的公司，均参与对东芝半导体业?</t>
  </si>
  <si>
    <t>中英经济热带火翻译市场</t>
  </si>
  <si>
    <t>笔者在大学的时候就听说过林超伦。他是英国外交部首席中文译员，为包括女王、五任首相、议长在内的诸多英国政商要人做过口译。他因此被人称为“御用翻译”。作为外交第一线和最高层的亲历者，林超伦对过去20年中英关系的发展有何观察？他以自己的翻译公司举例说，翻译市</t>
  </si>
  <si>
    <t>陕西融入中医药“一带一路”大格局</t>
  </si>
  <si>
    <t>5岁的达莎来自俄罗斯的克拉斯诺达尔市，她有一双褐色的大眼睛，圆嘟嘟的小脸时常挂着迷人的甜美笑容。手起针落，一根约4厘米的长针瞬间轻轻刺入达莎的腿侧。“这是‘风市穴’，通过用针刺激这个穴位，可以舒筋通络、逐渐降低肌张力。”陕西省西安中医脑病医院中医李建军</t>
  </si>
  <si>
    <t>现当代艺术的深究与突破</t>
  </si>
  <si>
    <t>经过近四年的调整，整个亚洲区现当代艺术的市场于去年秋拍触底反弹。记者了解到，今年匡时就推出“体物/状物：现当代纸上作品”，“踏浪彼岸：中国二十世纪现代艺术”，“当代艺术”三大专场，一面深究，一面突破，为藏家带来多样化的收藏选择。“体物/状物：现当代纸上</t>
  </si>
  <si>
    <t>最大“黑天鹅”或至  美元下行概率偏大</t>
  </si>
  <si>
    <t>美国总统特朗普正面临他就职四个月以来最大的危机，先是深陷“泄密门”事件，如今他又被指干预司法调查，此事让人联想起了导致尼克松下台的水门事件。如今特朗普遭到弹劾的几率正迅速攀升，已经成为一个不容忽视的风险因素，若特朗普果真遭到弹劾，将成为2017年全球金融市场?</t>
  </si>
  <si>
    <t>勒索病毒事件的八大反思</t>
  </si>
  <si>
    <t>近日，名为“永恒之蓝”的勒索病毒席卷全球。据360威胁情报中心监测，我国至少有29372个机构遭到这一源自美国国家安全局网络武器库的蠕虫病毒攻击，保守估计超过30万台终端和服务器受到感染，覆盖了全国几乎所有地区。该事件是“冲击波”病毒发生以来，14年一遇的严重网</t>
  </si>
  <si>
    <t>日本央行：退出宽松政策时机未到</t>
  </si>
  <si>
    <t>日本央行行长黑田东彦16日表示，如果时机适合，日本央行能够很好地退出其大规模政策刺激计划，但是目前该行尚未着手退出宽松政策。有分析认为，随着海外经济逐渐好转，日本央行在等待合适时机。黑田东彦是在《华尔街日报》首席执行官理事会上做出这番表态的。他说，日本</t>
  </si>
  <si>
    <t>中美智库建议将中东重建与“一带一路”对接</t>
  </si>
  <si>
    <t>5月17日，在“一带一路”国际合作高峰论坛顺利举行的乐观气氛中，中华能源基金委员会邀请数位中东国家大使、前中国驻中东部分国家大使、以及中美学者就中东重建建言献策，发出倡议。与会人士认为，中东的繁荣稳定对中国“一带一路”倡议的成功有重大影响。目前，该地区?</t>
  </si>
  <si>
    <t>英国政府欲抛售全部劳埃德银行股份</t>
  </si>
  <si>
    <t>据英国媒体报道，英国政府将出售其持有的劳埃德银行股份，后者将彻底恢复“自由身”。这是英国政府在本轮金融危机中最为成功的一次救助案例。据报道，代表英国政府管理救助资金的英国金融投资公司负责出售事宜，当地时间17日将一锤定音。资料显示，2008年国际金融危机冲</t>
  </si>
  <si>
    <t>丰瑞祥与马来西亚跨国合作将落地</t>
  </si>
  <si>
    <t>伴随着现代通信信息建设及智能手机的普及和移动互联网列车的高速发展，移动支付不仅在国内炙手可热，在东南亚国家也受到极大的青睐。随着人们生活水平的提高及对跨境旅游需求的增加，马来西亚已成为中国游客跨境旅游最受欢迎的国家之一。有数据显示，从2006年至2016年，</t>
  </si>
  <si>
    <t>普光气田成民族工业创新“孵化器”</t>
  </si>
  <si>
    <t>5月8日，由浙江久利特材股份有限公司生产的50余吨镍基复合管材全部运抵伊朗MIS气田。这标志着该公司与中国石化普光气田合作研发的高端涉硫装备再一次打开国际市场。2016年，中国石化和浙江久利特材股份有限公司联合研发的大口径、厚管壁镍合金复合管在普光气田首次实现?</t>
  </si>
  <si>
    <t>广西深度参与“一带一路”建设  推进与东盟全方位合作</t>
  </si>
  <si>
    <t>作为我国与东盟开放合作的前沿和窗口，近年来，广西坚持“引进来”和“走出去”相结合，积极利用国际国内“两种资源”“两个市场”，深度参与“一带一路”建设，推进与东盟的全方位合作。“引进来”：东盟企业进入中国市场的跳板日前，广西北部湾国际港务集团与泰?</t>
  </si>
  <si>
    <t>防城港：走向世界的“西南门户”</t>
  </si>
  <si>
    <t>中国大陆海岸线的最西南端，坐落着北部湾畔唯一的全海景生态城市。防城港市，一座极具特色的海湾城市、边关城市、港口城市，被誉为“西南门户、边陲明珠”。如今，它是中国唯一与东盟海陆相连的门户城市，是多个区域合作的交汇点，在推进“一带一路”建设中，正为我国与东盟?</t>
  </si>
  <si>
    <t>跨境金融创新样板</t>
  </si>
  <si>
    <t>谈及沿边金融改革带来的便利，在中越边境东兴互市贸易区做越南特色食品、工艺品生意的越南商人陈丽尚深有体会。借着滇桂沿边金融综合改革春风，防城港市掀开探索金融创新、驱动边境地区经济发展的新篇章，在金融领域尤其是跨境金融方面勇于尝试，并取得突出成就。个人跨</t>
  </si>
  <si>
    <t>跨境劳务合作力促中越边境发展</t>
  </si>
  <si>
    <t>下午5点，在东兴京港食品有限公司工作的越南人黄树茹准点下班。在食堂吃过晚餐后，她和丈夫回到公司免费提供的夫妻房内休息。而在三年前，来自越南芒街市的女工黄树茹只能在中国“打黑工”——她在东兴市一家理发店做服务员，一个月挣不到1300元。现在，说起在中国边境?</t>
  </si>
  <si>
    <t>搞节庆旅游切忌贪大求洋</t>
  </si>
  <si>
    <t>在德国旅游，人们总不愿错过慕尼黑啤酒节；在西班牙，每年的西红柿节都会如期唤醒人群的狂热；在巴西，里约热内卢狂欢节已成为当地旅游的一张名片……有业内人士指出，在我国，这种旨在利用地方特色文化或自然资源、促进旅游业发展的节庆旅游项目多达上万个，却鲜有享有国际?</t>
  </si>
  <si>
    <t>郑欧班列实现高频次往返均衡对开</t>
  </si>
  <si>
    <t>记者日前获悉，郑欧班列将于近期把开行频次从“去四回四”升级为“去五回五”。今年第一季度的数据显示，郑欧班列共开行63班，去程33班满载率112%，回程30班满载率109%。在中欧班列普遍存在货源短缺、对开失衡的情况下，郑欧班列为何能实现高频次往返均衡对开且车车满载</t>
  </si>
  <si>
    <t>国际热议“一带一路”高峰论坛</t>
  </si>
  <si>
    <t>“一带一路”国际合作高峰论坛14日至15日在北京举行。包括29位外国元首和政要在内的100多国的代表和重要国际组织的负责人共同探讨了当前的热点问题。国际社会普遍对此次论坛的举办表示欢迎，并对“一带一路”倡议助力全球应对多重挑战寄予厚望。相互连通 共同增长1</t>
  </si>
  <si>
    <t>日本丰田公司资助飞行汽车研发</t>
  </si>
  <si>
    <t>据国外媒体报道，在自动驾驶汽车还没有真正投入商业应用之际，研发飞行汽车的热潮又在掀起。日本丰田汽车公司表示，目前正准备加入飞行汽车研发项目，目标是在2020年东京奥运会举办之前实现产品化，在开幕式上进行载人飞行。据报道，丰田将资助Cartivator团队研发全球最</t>
  </si>
  <si>
    <t>无中文标签赔10倍具有多重意义</t>
  </si>
  <si>
    <t>报载，李先生从某公司处购买了25瓶进口的日本清酒后，发现这些清酒外包装上没有贴中文标签。于是，李先生起诉到法院，要求该公司支付价款10倍的赔偿款。日前，北京海淀法院审结了此案，法院一审判处公司支付李先生10倍赔偿金。一款进口食品，仅仅没有符合要求的中文标签，就?</t>
  </si>
  <si>
    <t>皇家港口智能生态城揭秘</t>
  </si>
  <si>
    <t>从“哈马碧”到“皇家港口项目”，瑞典在首都斯德哥尔摩市区正打造又一环保、智能、可持续发展的生态新城项目。这个将在废旧工业用地上改造而成的沿波罗的海生态新城，距离市中心仅10分钟自行车车程。整个项目预计于2030年全部完工，计划建造1.2万个新家园，并创造3.5万</t>
  </si>
  <si>
    <t>专家：“一带一路”推动亚太经贸合作升级</t>
  </si>
  <si>
    <t>在中国新闻社日前举办的“国是论坛——亚太经贸关系的未来”上，中国社科院亚太与全球战略研究院副研究员王金波表示，“一带一路”倡议与亚太经贸关系相互补充，相辅相成。在“一带一路”框架下，亚太地区拥有广阔的合作空间。王金波说，不同于多边贸易协定具有让渡国家</t>
  </si>
  <si>
    <t>四川电力交易“复式竞价撮合”上线运行</t>
  </si>
  <si>
    <t>5月12日，“复式竞价撮合”电力交易在四川正式上线运行。业内人士认为，该交易方式借鉴股票交易模式，圆满实现电力购售双方“自愿申报、自主定价、集中撮合、多边成交”的目标，在全国电力交易中尚属首创。记者了解到，在电力交易中，现有集中撮合交易方式在每次交易中?</t>
  </si>
  <si>
    <t>勒索软件袭击百余国  仍在发酵</t>
  </si>
  <si>
    <t>一个名为“想哭”的勒索软件12日袭击了全球上百个国家和地区使用微软视窗操作系统的电脑。相关危害还在扩散，对公共设施的危害风险暂难估量，上千万美元的损失或在所难免。欧盟刑警组织人士14日说，这次网络病毒袭击“达到史无前例的级别”，涉及超过150个国家和20万用?</t>
  </si>
  <si>
    <t>油价金价双双小幅回暖</t>
  </si>
  <si>
    <t>国际油价当周（5月8日至5月12日）走势回暖，但延长减产协定的预期并未有力支撑油价反弹力度，纽约市场原油期货价格仍在50美元下方。受前一周美国商业原油库存大幅减少提振，国际油价在周中曾连续两个交易日大幅反弹逾4%。本周最后一个交易日，因市场担忧美国原油产量持?</t>
  </si>
  <si>
    <t>美元多头掌控大局  欧元前景趋向乐观</t>
  </si>
  <si>
    <t>本周，强于预期的美国进出口物价数据和波士顿联储主席罗森格伦的鹰派言论令美元上行的趋势依然完好。美国劳工部的数据显示，4月进口物价跳涨0.5%，增幅高于市场预估的0.2%，进口物价已连续第五个月升高。而罗森格伦表示，他担忧美国经济增速可能过快，为了避免经济过热?</t>
  </si>
  <si>
    <t>巴菲特：奥马哈的投资神话</t>
  </si>
  <si>
    <t>一年一度的美国伯克希尔·哈撒韦公司股东大会近日如期举行。公司董事会主席沃伦·巴菲特依旧受到来自全球的约4万名投资者、记者和分析师等人的“膜拜”。在资本市场上，巴菲特一直似“神话”般的存在，令其有关公司业绩、美国经济、国际贸易、中国股市等诸多问题的看法以及其</t>
  </si>
  <si>
    <t>中非产能合作基金首披投资路线图</t>
  </si>
  <si>
    <t>中非合作前景广阔，在这样的背景下，以中非产能合作基金为代表的“国家级”投资基金则通过资本运作和资金支持的方式来助力中非之间的合作和中国企业“走出去”。中非产能合作基金相关人士日前在接受《经济参考报》专访时表示，自2015年成立以来，已经内部决策批准投资项目6个</t>
  </si>
  <si>
    <t>要主动拥抱金融科技创新</t>
  </si>
  <si>
    <t>据报道，经与美国最大商户收单机构First Data半年试点和技术对接，支付宝将向First Data覆盖的全美400万商铺全面提供小额消费支付清算服务。从2005年我国电子商务开始爆发式增长至今，十年间非银支付已经从试水金融服务,成长为金融业“弄潮儿”，金融科技创新势不可挡。</t>
  </si>
  <si>
    <t>欧洲一体化警报解除了吗？</t>
  </si>
  <si>
    <t>走中间路线的马克龙在法国总统选举中胜出，让许多人松了一口气。不过，欧洲人恐怕难以彻底放松。右翼的勒庞虽然败选，但已信誓旦旦表示要在五年之后卷土重来。而另一边，英国脱欧的进程已经不可逆转。这不禁让人担心，欧洲要闹腾多久，欧洲一体化还有未来吗?追根溯</t>
  </si>
  <si>
    <t>发展是最大的逻辑</t>
  </si>
  <si>
    <t>2015年12月25日，亚洲基础设施投资银行正式成立。在亚投行开门迎客一年多来，已通过批准项目9个，投资约17亿美元，涉及7个国家，覆盖了包括基础设施建设在内的主要领域。特别需要指出的是，随着3月份最新一批13个新成员的加入，亚投行成员已突破70大关。另据消息，意欲加入亚</t>
  </si>
  <si>
    <t>中国智能手机品牌迅速占领印度市场</t>
  </si>
  <si>
    <t>中国智能手机品牌虽然进军印度的时间不长，但近几年发展势头迅猛。根据市场调查公司CyberMedia Research（CMR）前不久公布的最新数据显示，VIVO、小米、OPPO、联想占据了印度市场前五的位置，且这四家中国公司的市场份额加起来已达40.3%，大大超过了三星。市场分析</t>
  </si>
  <si>
    <t>美的—地平线：白俄罗斯家电市场的“中国风”</t>
  </si>
  <si>
    <t>在明斯克市中心，不时能够从街头建筑上看到“美的”微波炉的广告。在各家商店，也都能看到“美的”微波炉在销售。可以说，如今“美的”在白俄罗斯已经家喻户晓。据悉，“美的”集团与白俄罗斯“地平线”公司合资成立的“美的—地平线”公司组装的微波炉产销量近三年来呈</t>
  </si>
  <si>
    <t>薄薄选票承载法国民众厚望</t>
  </si>
  <si>
    <t>法国内政部8日公布的统计数据显示，法国前经济部长、“前进”运动候选人埃马纽埃尔·马克龙在7日举行的法国总统选举第二轮投票中获得超过66%的选票，当选总统。记者在投票当天看到，写着法国总统候选人名字的选票只是一张四四方方的薄纸，纸质一般，但它却承载着法国选民对未</t>
  </si>
  <si>
    <t>马克龙胜选  欧洲一体化免受更大冲击</t>
  </si>
  <si>
    <t>5月8日，法国内政部公布的数据显示，年仅39岁的埃马纽埃尔·马克龙在法国总统竞选中以66.06%：33.94%的支持率击败勒庞，当选新一任法国总统。马克龙将于5月14日宣誓就职。本次法国大选之所以引人关注，有一个突出的特点就是候选人之争同时反映了全球化与反全球化、支持?</t>
  </si>
  <si>
    <t>新疆构建“一带一路”交通大通道</t>
  </si>
  <si>
    <t>随着“一带一路”倡议不断推进，位于“丝绸之路经济带”核心区的新疆战略地位日益凸显，通道建设也迎来发展机遇期。今年以来，新疆加快了公路、铁路和机场建设，搭建起东联内地、西出中亚的交通运输主骨架；同时，突出提升路网整体服务功能，将新疆由国家交通网络末端建成中?</t>
  </si>
  <si>
    <t>国内港口一季度生产回暖升温</t>
  </si>
  <si>
    <t>世界最大的集装箱轮巴拿马籍“商船三井成就号”近日在上海洋山深水港首航，这是世界上第一艘超两万个标准箱的超级集装箱船投入使用，刷新了上海港靠泊世界超大型集装箱船运载箱量的纪录。港口被称为经济运行的“晴雨表”，港口运行状况直接反映了国民经济运行情况。当前</t>
  </si>
  <si>
    <t>吉林架起新亚欧大陆桥</t>
  </si>
  <si>
    <t>今年以来，越来越多来自我国东北、环渤海、华北地区以及日本、韩国的货物在长春集聚，在这里通过货运列车发往俄罗斯、波兰、德国。经由这一沿西伯利亚铁路架设的新亚欧大陆桥，东北亚多式联运中心在一度经济“内向”的东北老工业基地雏形初具。4月末的一天，在福耀集团?</t>
  </si>
  <si>
    <t>以合作的良性发展应对不确定性</t>
  </si>
  <si>
    <t>5月6日，美国智库彼得森国际经济研究所参加了由中国财富传媒集团主办的“中美经济合作新格局——中国经济新常态与美国经济不确定性的政策应对”圆桌讨论会，与中方专家同场研讨。美方嘉宾在会上公布了对美国经济的最新研究成果，警示特朗普政府的财政、货币、贸易政策风险，?</t>
  </si>
  <si>
    <t>“主供模式”获验证  航空产业打开国际市场大门</t>
  </si>
  <si>
    <t>5月5日，国产商用大飞机C919在上海浦东首飞成功。据中国商飞介绍，C919的成功首飞意味着“主制造商—供应商”的飞机研制模式获得验证，通过广泛的国际合作，C919有望在日后获得更多国际订单，并促成我国航空产业进一步打开国际市场大门。中国商飞上海飞机设计研究院副院</t>
  </si>
  <si>
    <t>“高负债VS低增长”预示新危机</t>
  </si>
  <si>
    <t>特朗普政府日前公布庞大的税改方案，降低企业和个人所得税，并推动“属地制”征税原则。此举可视为今后数年维持美国经济增长的一剂“补药”，但其副作用也不容小觑，不仅将美国向不可持续的高财赤和高负债方向猛推一把，还可能变成全球债务危机爆发的潜在推手。根据美国</t>
  </si>
  <si>
    <t>东盟50周年的愿景与选择</t>
  </si>
  <si>
    <t>今年是东盟成立50周年。刚刚闭幕的东盟峰会和正在进行的东盟财长会均聚焦区域一体化合作、建立自贸区等事项，不仅显示出东盟已经发展成当今推动全球化的中坚力量，也为该区域未来发展定下新的基调。其中，东盟大力推进的区域全面经济伙伴关系协定（RCEP）备受关注，有分</t>
  </si>
  <si>
    <t>“一带一路”医疗合作结出硕果</t>
  </si>
  <si>
    <t>由新疆医科大学第二附属医院主导并与吉尔吉斯斯坦奥什州国立医院联合开设的“中吉友好医院”日前正式挂牌成立，成为“一带一路”倡议提出以来我国与周边国家不断加强医疗合作、增进人文交流结出的又一重要成果。新疆丝绸之路经济带国际医疗服务中心建设启动三年来，通过</t>
  </si>
  <si>
    <t>传统中医“扎根”古巴  成当地医疗旅游支点</t>
  </si>
  <si>
    <t>古巴老太太玛尔塔·冈萨雷斯最近的心情像坐了回过山车。被诊断患上全身性骨关节炎后，77岁的她痛苦不已。一个偶然的机会，冈萨雷斯从病友口中了解到中医疗法，便抱着试一试的心态，在一家诊所接受康复治疗。没想到，几个疗程的拔罐和艾灸治疗过后，疼痛几乎消失了。用她</t>
  </si>
  <si>
    <t>中国东盟经贸合作持续升温</t>
  </si>
  <si>
    <t>东盟成立50周年之际，一体化发展态势喜人，在求同存异的差异化发展中保持着较好的经济增长势头。近年来中国元素增多，为其经济持续增长提供了更强动能。50年前发展落后的东盟，如今经济总量已接近3万亿美元，成为全球第七大经济体。在东盟取得经济成就的过程中，中国作?</t>
  </si>
  <si>
    <t>扩张策略不变</t>
  </si>
  <si>
    <t>“希尔顿并没有改变在中国的扩张策略。我们不仅签约了更多酒店，还将旗下更多酒店品牌引入中国。”近日，希尔顿在大中华区及蒙古的第100家酒店泉商希尔顿酒店在福建泉州正式开业，希尔顿大中华区及蒙古高级营运副总裁麦金信（Bruce McKenzie）在接受《经济参考报》专访时做出</t>
  </si>
  <si>
    <t>什么样的风险管理才可靠</t>
  </si>
  <si>
    <t>19世纪苏格兰著名学者、诗人查尔斯·麦基撰写的《大癫狂：非同寻常的大众幻想与群众性癫狂》，被列为史上最有影响力的十大经管、投资类图书之一。这本书详细描述了发生在17世纪荷兰的郁金香泡沫事件，生动刻画了该国甚至整个欧洲大陆投资者在郁金香球和远期郁金香期货合同上?</t>
  </si>
  <si>
    <t>立乐教育：让孩子掌握“编程”的力量</t>
  </si>
  <si>
    <t>“我们希望把立乐教育建成一个自由开放的平台，让孩子们学习、掌握编程的力量，以此开创并实现他们的梦想。”立乐教育联合创始人田会军说。近年来，随着越来越多的中国私募股权基金对以色列创业生态系统进行投资，以色列科技企业为日益增长的中国资本量身打造了解决方案，中?</t>
  </si>
  <si>
    <t>多数德国经济学家主张为中产者减税</t>
  </si>
  <si>
    <t>德国媒体2日公布的一项调查结果表明，多数德国经济学家主张德国应当推出普惠式减税政策，尤其应减轻中产阶层过重的税负。这项对大约110名德国经济学家的调查是在由德国慕尼黑伊福经济研究所和《法兰克福汇报》联合举办的一次经济学研讨会期间进行的，问题主要涉及如何评</t>
  </si>
  <si>
    <t>中缅原油管道工程造福两国百姓</t>
  </si>
  <si>
    <t>中缅原油管道工程上个月正式投入运行。作为“一带一路”倡议在缅甸实施的先导项目——中缅油气管道项目的一部分，这一工程投运正在实践造福两国人民的愿景。正式投入运营当天，在缅甸西海岸的马德岛港，耸立港口的四条巨大卸油臂中的两条分别降下，与运载14万吨原油的“</t>
  </si>
  <si>
    <t>特朗普多项经济改革主张遭质疑</t>
  </si>
  <si>
    <t>美国总统特朗普1日抛出多项经济改革主张，他表示正在考虑拆分美国大银行的提议，同时继续呼吁改革税制促进商业和基建发展。尽管美国近期经济改革主张频繁出台，但新政的有效性和能否立法受到广泛质疑。特朗普当天接受彭博社采访时说，一些人提议回到过去的监管体系，他?</t>
  </si>
  <si>
    <t>中国港控：瓜达尔港的企业公民</t>
  </si>
  <si>
    <t>“计划三年开发完成的巴基斯坦瓜达尔港自由区起步区预计今年底就能建成，现在起步区开发工作已完成了约60%。”中国海外港口控股有限公司（以下简称中国港控）下属的瓜达尔港自由区有限公司副总经理胡耀宗骄傲地告诉记者。自由区是让瓜达尔港成为辐射南亚乃至中亚地区重?</t>
  </si>
  <si>
    <t>英国央行对通胀预期管理太成功？</t>
  </si>
  <si>
    <t>全球金融危机之后，发达国家的通胀预期一直处于极低水平。由于通胀预期已成为各国央行货币政策管理最重要的参考指标，这一现象也受到持续关注。英国央行也以2%的通胀水平作为其货币政策管理的目标。然而有点吊诡的是，即便为了使通胀水平回归到这一目标，长时间采取超常</t>
  </si>
  <si>
    <t>法国大选对市场影响几何？</t>
  </si>
  <si>
    <t>法国大选最终结果很快就要揭晓。无论哪位候选人当选，面对的问题基本相同。当然，在不同的政策取向下，法国和欧盟所受的影响将截然不同。目前，欧元区经济缓慢回升，但仍面对下行风险。法国经济表现在其中相对较弱，经济增长率徘徊在0.1%到0.3%。目前法国政府的债务占GD</t>
  </si>
  <si>
    <t>债务危机中的希腊印象</t>
  </si>
  <si>
    <t>我到雅典时已经是希腊陷入债务危机的第八年。希腊国债在2010年4月被降级至垃圾债券评级，敲起金融市场的警钟。这之后，欧元区国家和国际货币基金组织与希腊政府始终围绕贷款与财政紧缩措施进行谈判，直到现在，危机仍未解决。希腊人的普遍感受是，危机让他们的收入减少?</t>
  </si>
  <si>
    <t>当中国列车驶入马来西亚</t>
  </si>
  <si>
    <t>编者按：从本周起，世界版开设“一带一路·中企足迹”专栏，特约新华社国内外分社多位记者讲述中国企业在“一带一路”沿线国家，与当地协同发展、互利共赢的故事，敬请关注。坐在整洁舒适的车厢内，列车快速驶过外面的棕榈沙滩、海湾夜景和城市中央商务区，只需一个半小</t>
  </si>
  <si>
    <t>马克龙的法国梦与欧洲观</t>
  </si>
  <si>
    <t>根据法国内政部日前公布的总统选举首轮投票全部统计结果，“前进”运动候选人埃马纽埃尔·马克龙获得23.75%的有效选票，与排在第二位的极右翼政党“国民阵线”候选人玛丽娜·勒庞（21.53%）携手进入5月7日举行的次轮选战。作为本次总统大选的热门人物，马克龙在首轮投票</t>
  </si>
  <si>
    <t>美国披露大规模减税计划</t>
  </si>
  <si>
    <t>26日，特朗普政府披露了其税改计划。根据计划，美国将大幅调降企业所得税及个人所得税。特朗普表示，“这是一份非常好的方案，它会让更多的美国人重返工作岗位。”当天，美国财长努钦和美国国家经济委员会主任科恩在白宫召开新闻发布会，公布了这份备受市场关注的税改计</t>
  </si>
  <si>
    <t>美元回吐涨幅  英镑仍旧弱势</t>
  </si>
  <si>
    <t>本周，备受关注的美国总统特朗普税改计划揭开庐山真面目，但市场认为计划大纲缺乏新细节，令人失望，美元回吐涨幅。而有报道称美国正考虑退出北美自由贸易协定，导致美元兑加元和墨西哥比索大幅飙升。美国白宫本周公布了所谓的美国历史上“规模最大的减税计划”，包括将</t>
  </si>
  <si>
    <t>“淡季不淡”的黄金还能“跟投”吗？</t>
  </si>
  <si>
    <t>受美国空袭叙利亚、朝鲜半岛局部冲突风险提升等影响，原本处于政策空档期、消费淡季的黄金市场近期重新被“激活”，国际黄金价格稳步上涨，目前逼近每盎司1300美元关口，处于2016年底反弹来的高位。业界专家认为，历史上地缘政治动荡对黄金市场的影响较为短暂，黄金价格</t>
  </si>
  <si>
    <t>投资是思想者的探索历程</t>
  </si>
  <si>
    <t>纵观人类数千年发展史，呈现的往往是一个文明进步的进程，当人们更多地关注财富传奇故事时，经常在浮躁的喧嚷中忽略了故事背后的思想发展脉络。美国普特南投资管理公司首席投资官诺顿·雷默和哈佛大学经济学和数学专业青年学者杰西·唐宁合著的《投资：一部历史》，追溯人类?</t>
  </si>
  <si>
    <t>下周重点关注美联储利率决议</t>
  </si>
  <si>
    <t>下周国内外数据密集发布，国外重点关注美联储FOMC利率决议和非农数据。美联储称年内还将加息两次，预计下次加息时点大概率发生在6月。国内数据方面，重点关注4月财新制造业PMI。5月1日，星期一，美国公布4月ISM制造业指数、3月个人收入环比以及个人消费支出（PCE）环比?</t>
  </si>
  <si>
    <t>美联航提高自愿让座补偿金上限至1万美元</t>
  </si>
  <si>
    <t>自本月初曝出“暴力拒载”事件后，美国联合航空公司被推上风口浪尖。这家航空运营商27日出台一系列整改措施，包括将提供给自愿让座乘客的补偿金上限提高至1万美元。美联航还表态，今后会减少超售机票的情况，但不会完全禁止这样做。美联航首席执行官奥斯卡·穆尼奥斯谈?</t>
  </si>
  <si>
    <t>巴航工业携手优步研发“飞行的士”</t>
  </si>
  <si>
    <t>巴西航空工业公司（巴航工业）25日宣布与美国打车软件服务运营商优步签署协议，共同开发“飞行车”系统，这种能够垂直起飞和降落的电动飞行器将于2020年开始试运营。巴航工业与优步在美国得克萨斯州达拉斯市宣布了这一决定。这款“飞行车”将最先在达拉斯沃斯堡地区和阿</t>
  </si>
  <si>
    <t>“合作社银行”解农民资金之“渴”</t>
  </si>
  <si>
    <t>在山东东部沿海地区，眼下正是大棚草莓收获的季节，在乳山市乳山寨镇新自然草莓合作社的草莓大棚里，记者看到，社员们正在忙碌着采摘草莓。48岁的邵蓉是新自然草莓合作社的社员，他自有的6个草莓大棚每年给他带来24万余元的收入。尝到了种植草莓的甜头，他决定继续扩大?</t>
  </si>
  <si>
    <t>美国延缓边境墙计划避免政府停摆</t>
  </si>
  <si>
    <t>据美国媒体报道，美国总统特朗普24日表示，会暂时放弃在财政支出提案中涉及边境墙，将修墙计划延缓到9月，以避免政府在本周五关门“停摆”。据悉，美国联邦政府周五是否会关门取决于国会是否将修建美墨边界墙的费用也包括到政府预算之中。特朗普竞选承诺之一就是修筑美?</t>
  </si>
  <si>
    <t>美国缘何让IMF感到担忧</t>
  </si>
  <si>
    <t>今年的国际货币基金组织（IMF）春季会议在华盛顿举行，多个成员国齐聚一堂讨论全球经济形势。期间，美国经济政策成为焦点话题，与会人士对特朗普政府尚未成形的经济政策存两大担忧：一是奉行“美国优先”和双边主义执政理念的特朗普政府，是否会放弃现有的多边合作政策框架，</t>
  </si>
  <si>
    <t>全球经济：增长加速与风险上升并存</t>
  </si>
  <si>
    <t>周期性复苏带来了就业机会增加、收入水平上升、繁荣程度提高的希望。美国经济政策走向仍然不确定，全球融资环境发生变化，以及欧洲地区政治分歧可能延续，短期内对世界经济增长构成主要风险。全要素生产率增速下降，抵制经济全球化的情绪升温，将对全球经济长远发?</t>
  </si>
  <si>
    <t>跨境电商成“欧洲制造”入华新通道</t>
  </si>
  <si>
    <t>近年来，伴随着电子商务的迅速普及和中国网民的消费升级加速，以“德国制造”为代表的欧洲商品正面临中国跨境网购所带来的旺盛需求，越来越多的欧洲企业开始借助跨境电商拓展中国业务。欧洲企业积极寻找“中国合伙人”作为中国用户最受欢迎的海淘地区之一，欧洲企?</t>
  </si>
  <si>
    <t>日欧央行料将维持宽松货币政策</t>
  </si>
  <si>
    <t>日本央行和欧洲央行本周均将举行会议研讨货币政策。不少分析预测，两大央行均会维持目前的宽松货币政策。业内人士认为，日本和欧洲央行会静观法国、德国大选和英国“脱欧”等不确定性因素的发展情况，等待更多经济数据的出炉，在释放货币政策收紧信号的问题上会慎之又慎。</t>
  </si>
  <si>
    <t>瑞典的创新力从何而来</t>
  </si>
  <si>
    <t>瑞典有着“创新之国”的美誉，长期在全球最有创造力的国家中位居前列，从安全火柴、拉链到摄氏温度计，再到汽车三点式安全带，从新兴的SKYPE和音乐流媒体服务SPOTIFY，再到时尚品牌ACNE、H＆M等，创新是瑞典企业成功的秘诀和前进的动力。根据2015年的全球创新指数排名，</t>
  </si>
  <si>
    <t>雪佛龙20亿美元向中资财团出售三个天然气田</t>
  </si>
  <si>
    <t>美国石油巨头雪佛龙24日宣布，公司已签订协议把估值20亿美元的三个孟加拉国天然气田出售给一个中资财团。这是雪佛龙剥离旗下非核心资产的行动之一。据悉，雪佛龙将完全出售在孟加拉国的Bibiyana，Jalalabad和Moulavi Bazar三个气田，这三个气田的产量占到孟加拉国总产气</t>
  </si>
  <si>
    <t>法大选首轮结果暂为市场压惊</t>
  </si>
  <si>
    <t>法国大选首轮投票结束。势均力敌的各方在激烈争夺后，总统候选人马克龙和勒庞分别以24%和21.3%的得票率胜出，并将同时晋级于5月7日举行的第二轮选举。无论是市场人士，还是政界人士，都大大松了一口气。首轮投票结果公布后，法国10年期国债收益率创1月以来最低，法/德10年期?</t>
  </si>
  <si>
    <t>法国大选谁主沉浮</t>
  </si>
  <si>
    <t>法国总统选举首轮投票刚刚结束，胜出的“前进”运动候选人埃马纽埃尔·马克龙和极右翼政党“国民阵线”候选人玛丽娜·勒庞将进入第二轮投票一决高下。对中国来说，这次法国大选非常值得关注，因为选举结果事关中法关系未来走向，并可能直接影响我们方方面面的生活。</t>
  </si>
  <si>
    <t>美欧对重启自贸谈判态度积极</t>
  </si>
  <si>
    <t>美国商务部长罗斯23日表示，特朗普政府对重启美欧自贸谈判持开放态度。分析指出，近期美欧对双方的自由贸易谈判均表现出积极态度，但受特朗普政府贸易政策的不确定性、法德大选和英国“脱欧”等因素影响，谈判面临的冰冻期短期内还难以化解。罗斯在英国《金融时报》23日</t>
  </si>
  <si>
    <t>法国大选“挺欧”派领先  欧洲金融市场大涨</t>
  </si>
  <si>
    <t>23日法国总统选举首轮投票落幕，支持欧洲一体化的马克龙获得最多选票令市场振奋。24日欧元升至5个月来高点，以法国、德国为代表的欧洲股市均大幅上涨。初步统计结果显示，在参加总统选举首轮投票的11位候选人中，马克龙获得23.9%的有效选票，勒庞获得21.7%的有效选票。?</t>
  </si>
  <si>
    <t>机构：外部不确定性对新兴市场冲击有限</t>
  </si>
  <si>
    <t>地缘政治风险上升等因素加大了今年国际市场的投资风险，荷兰NN投资伙伴集团（NNIP）人士向记者表示，新兴市场受到的挑战有限，投资相关地区要注重分散风险。荷兰NN投资伙伴集团新兴市场债务部门策略主管马可对记者表示，相较过去几年，今年国际市场整体风险有所加大。</t>
  </si>
  <si>
    <t>国有企业改革需要有进有退</t>
  </si>
  <si>
    <t>中国现在需要国有经济在一些竞争领域存在，国家需要有更多的经济控制力。因为中国作为发展中大国、人口最多的国家，面临经济、政治、军事等众多国际挑战。古今中外经验说明：任何一个国家处于这种情况下，都应该和必须加强对经济控制力。中国在现阶段，在关系国计民生的</t>
  </si>
  <si>
    <t>兖矿巨资并购力拓煤矿增强定价权</t>
  </si>
  <si>
    <t>兖矿收购矿业巨头力拓的煤矿资产有了新进展，目前并购案已得到澳大利亚外商投资审查委员会的批准。据了解，在并购案推进期间，煤炭行业逐渐好转，前期价格持续上升，加上国内矿山多数受到政策性限产影响，煤炭抢购潮快速推高市场基价，煤矿企业一改往年颓势，盈利能力大</t>
  </si>
  <si>
    <t>“脱欧”对英国贸易影响几何</t>
  </si>
  <si>
    <t>英国已通过启动《里斯本条约》第50条，开启为期两年的“脱欧”进程，以结束英国44年的欧盟会员资格。根据英方计划，英国未来与欧盟的贸易关系将是某种“FTA+”的形式，类似于欧盟与加拿大签署的《全面经济贸易伙伴协定》，同时在一些特定的行业准入方面，如汽车、金融与制药?</t>
  </si>
  <si>
    <t>美国新贸易政策加速布局</t>
  </si>
  <si>
    <t>美国总统特朗普21日将签署行政令，调查当前钢铁进口是否影响国家安全，这是近期美国多项贸易政策的一项。与此同时，正在亚洲访问的美国副总统彭斯也正在践行该国倡导的双边贸易合作。这显示出，美国带有保护主义、去全球化的贸易政策仍在推进。据路透社报道，美国官员20</t>
  </si>
  <si>
    <t>美元短线下跌  英国提前大选利好英镑</t>
  </si>
  <si>
    <t>美联储副主席费希尔本周表示，海外经济下行风险已较前些年大幅下降，他还认为当前的全球经济可以应对美国逐步收紧货币政策所产生的溢出效应。费希尔预计美国经济持续增长将推动美联储退出宽松政策，其他经济体有可能从促使美联储收紧政策的经济发展中获益。曾在国际货币</t>
  </si>
  <si>
    <t>大众丰田为什么要隐瞒汽车缺陷</t>
  </si>
  <si>
    <t>前段时间，有媒体报道称，德国大众集团就柴油车排放事件正式向美国司法部认罪，罪名是“妨碍司法、合谋诈骗和虚假陈述”。大众在柴油车上安装作弊软件，让尾气净化装置只在接受检测时工作，汽车正常行驶时，这个装置自动“失效”，任由超过标准40倍的污染物随意排放。从</t>
  </si>
  <si>
    <t>泉州：千年古港  “海丝”门户</t>
  </si>
  <si>
    <t>泉州地处闽南、比邻台湾。受益于“海上丝绸之路”的繁盛，泉州在历史上长期是中国最重要的港口城市之一。如今的泉州也是我国重要的制造业基地，跟随“一带一路”倡议，泉州正着力打造“21世纪海上丝绸之路”重要门户，重新谱写“涨海声中万国商”的壮美诗篇。中世纪“东</t>
  </si>
  <si>
    <t>白宫重申中国未操纵汇率</t>
  </si>
  <si>
    <t>美国白宫发言人斯派塞17日重申，自美国总统特朗普上任以来，中国并未操纵汇率。斯派塞当天在白宫例行新闻发布会上回答提问时说，美国财政部上周没有将中国列为“汇率操纵国”，部分是因为自特朗普上任以来中国并未操纵汇率，“这是事实”。他同时指出，特朗普最近?</t>
  </si>
  <si>
    <t>“中非供应链平台”借一带一路快速扩张</t>
  </si>
  <si>
    <t>日前，中非全供应链综合服务跨境电商平台（简称中非全供应链平台）在北京正式启动。业界认为，中非全供应链平台将成为中非贸易“信息互通、贸易畅通、文化融通”的高效直通车和“一带一路”倡议的落地工具。自此，中国广大中小微企业与非洲的国际贸易将变得“简单、安全、高?</t>
  </si>
  <si>
    <t>产油国协作意愿强  延长减产期在望</t>
  </si>
  <si>
    <t>石油输出国组织欧佩克多个主要成员国近期表示，将目标油价定位每桶60美元。这意味着下个月欧佩克会议上延长减产协定的意愿增强。同时，以俄罗斯为代表的大型产油国也表态支持协作控制产量，市场预期广泛的延长减产协议有望再度达成。不过，业内人士也预计，美国的页岩油产业?</t>
  </si>
  <si>
    <t>美国为何“税不敷出”</t>
  </si>
  <si>
    <t>今年4月18日是美国公民申报纳税截止日。美联社照例根据国税局和人口统计局数据计算过去这一年度每个州的人均缴税额，结果显示：首都华盛顿对政府财政收入贡献最多，以人均3.7万美元缴税额远远甩开各州；排行榜第二位的特拉华州人均1.6万美元，比首都少了一半不止。首都?</t>
  </si>
  <si>
    <t>英劳埃德欲在德国建立欧洲中心</t>
  </si>
  <si>
    <t>据外媒报道，英国银行集团劳埃德正计划在德国建立欧洲中心，以应对英国脱离欧盟后的不利影响。有分析认为，此举显示出，不少金融机构在英国公投“脱欧”之后酝酿的业务转移计划或许正在逐步变成现实。据英国广播公司（BBC）报道，有消息人士称，劳埃德正决定将其位于德?</t>
  </si>
  <si>
    <t>西方经济学者真懂中国吗？</t>
  </si>
  <si>
    <t>百闻不如一见的说法，适用于很多观察中国经济的西方学者。最近在诺丁汉大学学习期间，偶有一些教授在课堂上提到对中国经济发展的感慨，印象最深的有两次。两位教授都曾前往这所学校在中国宁波的校区，其间自然也有访问交流。一位对于中国高铁印象深刻。另一位感到惊讶的</t>
  </si>
  <si>
    <t>联合国鼎力支持“一带一路”倡议</t>
  </si>
  <si>
    <t>“一带一路”国际合作高峰论坛下月将在北京拉开帷幕，“一带一路”越来越成为全球关注的关键词。就在几天前，联合国“一带一路”高级别研讨会在纽约联合国总部举行。与会的联合国官员、经济学家和各国外交官围绕中国的“一带一路”倡议展开热烈讨论，期待这一倡议给世界可持?</t>
  </si>
  <si>
    <t>美不妨积极响应“一带一路”倡议</t>
  </si>
  <si>
    <t>事情正在起变化。虽然在竞选期间和上任之初，曾多次指责中国操纵人民币汇率，并扬言对“中国制造”提高关税，但美国总统特朗普的口吻，近来明显有变。日前接受美媒采访时，他更明确表示，中国不是“汇率操纵国”。特朗普的转变，背后有宏大的历史背景。中国正在走近世界</t>
  </si>
  <si>
    <t>金油齐涨  投资仍需关注长期因素</t>
  </si>
  <si>
    <t>本周以来油价出现上涨，主要是因为石油输出国组织（OPEC）减产行动进展顺利有望帮助市场重归均衡，此后，由于临近复活节假期，市场交投略微淡静。而在美国突袭叙利亚以及朝鲜半岛地缘政治风险升温等背景下，过去一个月国际金价累计上涨近8%。OPEC成员国计划在5月25日开?</t>
  </si>
  <si>
    <t>英伦拍场见闻</t>
  </si>
  <si>
    <t>在英国，拍卖是件寻常易见的事。大到地产、游艇，小到文件、书籍，不想要了，都可以送拍。大大小小的拍卖公司承接不同等级的拍品，提供各种服务。拍卖会成为物品流转、变现极其方便的场合，验收、估价、拍卖，流程早已专业化、职业化。提前公布信息、公开叫价、规则透明</t>
  </si>
  <si>
    <t>行规与良知：美联航暴力逐客事件反思</t>
  </si>
  <si>
    <t>UA3411航班上发生的暴力逐客事件还在发酵，美国联合航空公司依旧处于暴风的中心。这起偶发事件引出了一系列的疑问，美联航危机处理机制出了什么问题？机票超售这种商业行为要不要被叫停？近年来美国航空企业之间的大规模并购究竟是福是患？比事件本身更糟的危机公关</t>
  </si>
  <si>
    <t>大量“病号”来华  中医成吸粉利器</t>
  </si>
  <si>
    <t>中医药是中华民族瑰宝，虽已传至全球一百多个国家，但在“走出去”过程中也遇到中药材海外注册难、中医馆人员配备不齐等难题。与此同时，一批有条件的外国人愿意“逆向流动”，到中国体验最正宗的中医。海南省旅游发展委员会统计，近7年来到海南的俄罗斯游客约80万人次?</t>
  </si>
  <si>
    <t>美联储酝酿缩减资产负债表</t>
  </si>
  <si>
    <t>美联储上周公布的3月份货币政策例会纪要显示，只要美国经济增长表现继续符合美联储预期，大多数美联储官员认为今年晚些时候可能适合开始缩减资产负债表。这是美联储首次就缩减资产负债表的时机作出明确表态，标志着美联储货币政策正常化即将步入新阶段。同时，以美联储主席耶</t>
  </si>
  <si>
    <t>未来全球经济格局与中国策略</t>
  </si>
  <si>
    <t>美国经济的总体趋势是稳定上行并会继续巩固高端服务业（金融、会计、评估、咨询、教育等）、高端技术行业（IT、航空、军工、尖端材料等）、全球金融中心和消费中心地位。强势美元和金融监管话语权将成为重要政策选项，财政政策也会继续发挥更积极作用，并由此对世界经济、国?</t>
  </si>
  <si>
    <t>国产机器人亟须打破低端过剩魔咒</t>
  </si>
  <si>
    <t>美国国际数据公司近日发布的报告显示，中国（内地）仍将是世界最大和发展最快的机器人技术市场，在机器人技术方面的支出将占全球支出的30%以上。预计中国在2020年的机器人技术支出将达到594亿美元，比2016年的246亿美元的估算支出增加一倍以上。这一数额将占整个亚太地区在20</t>
  </si>
  <si>
    <t>半导体巨头借重金收购竞逐汽车电子市场</t>
  </si>
  <si>
    <t>美国高通公司日前宣布，其470亿美元收购恩智浦半导体的交易已得到美国反垄断机构许可，而这将是半导体行业迄今为止规模最大的一起并购案。业界分析认为，这起并购案的背后，一方面表明，高通期望通过并购来拓展汽车电子等新市场，以扭转手机芯片业绩下滑的局面；另一方面，高</t>
  </si>
  <si>
    <t>与约翰·塔特尔聊美股IPO</t>
  </si>
  <si>
    <t>就美股前景而言，约翰·塔特尔是个“乐观派”。作为纽约证券交易所上市业务的全球主管，塔特尔认为，今年一季度美国IPO（首次公开发行股票）市场开局良好，短期内IPO整体走势也会不错。塔特尔说，回顾去年一季度，受地缘政治等不确定因素影响，美股波动性较大，在纽交所</t>
  </si>
  <si>
    <t>驶向未来的班列</t>
  </si>
  <si>
    <t>两条薄薄的铁轨上，一列班车鸣响汽笛，缓缓启动。在英国拥有货运列车后200多年，这个铁轨大国终于发出了第一趟驶向中国的货运班列。今年年初，从义乌开至英国、途经9国的第一辆货运专列载着价值3500万元的中国小商品到达伦敦的巴尔金火车站。这趟2700英里的旅程标志着欧</t>
  </si>
  <si>
    <t>鲜花“老干妈”的国际生意经</t>
  </si>
  <si>
    <t>在亚洲最大的鲜切花交易市场——云南省昆明市斗南花卉市场，一位身着红色羊毛衫的老妇人，徜徉在人潮花海中，并不起眼。然而，郑继兰这个名字却在云南乃至全国花卉业界广为人知，人们亲切地称她为鲜花“老干妈”。商潮海花中搏击，花花世界里闯荡……许多人和事，时过境</t>
  </si>
  <si>
    <t>日经济温和复苏  货币政策难收紧</t>
  </si>
  <si>
    <t>日本央行行长黑田东彦10日重申，将维持超宽松的货币政策不变，直至达成2%的通胀目标。尽管近期日本消费、贸易回暖，但复苏速度持续“温和”，令该国政策制定者不敢轻易收紧货币政策，市场关注日本央行是否会下调通胀目标提前改变利率政策。在当天日本央行举行的季度会议</t>
  </si>
  <si>
    <t>跨境电商借力“一带一路”进入高速发展期</t>
  </si>
  <si>
    <t>4月10日，阿里巴巴召开“新丝绸之路——全球速卖通助力中国品牌出海”发布会。阿里旗下面向全球市场的新外贸零售平台速卖通数据显示，其服务已覆盖超过220个国家，海外买家用户累计突破一亿。同时，俄罗斯、乌克兰、西班牙等“一带一路”相关国家购买力旺盛。多数分析认</t>
  </si>
  <si>
    <t>中国对“一带一路”相关国家投资保持增势</t>
  </si>
  <si>
    <t>伴随中国与“一带一路”相关国家双边、多边等多层次经济合作协议的签署和实施，2017年中国对“一带一路”相关国家的投资将继续保持快速增长，主要流向能够契合东道国社会和经济发展需求的产业领域。10日发布的《中国对外直接投资与国家风险报告（2017）》勾勒出“一带一路”?</t>
  </si>
  <si>
    <t>从黑天鹅到灰犀牛</t>
  </si>
  <si>
    <t>十年前的4月初，全美第二大次级抵押贷款机构——新世纪金融公司向法院申请破产保护，美国次贷危机随后一发而不可收，进而引发出全球性的金融风暴。十年后的今天，次贷危机之痛还在折磨着全球经济，主要发达国家经济增长尚未恢复到金融危机之前水平，新兴经济体的潜在风?</t>
  </si>
  <si>
    <t>叙利亚局势助推油价上涨</t>
  </si>
  <si>
    <t>受地缘政治局势等因素影响，当周国际油价走高，纽约油价上涨2.96%，伦敦布伦特油价上涨4.56%。国际金价当周微涨0.49%。国际油价当周最后四个交易日连续上涨。截至7日收盘，纽约商品交易所5月交货的轻质原油期货价格收于每桶52.10美元，涨幅为0.77%；6月交货的伦敦布伦特</t>
  </si>
  <si>
    <t>中美元首会晤开启合作共赢新篇章</t>
  </si>
  <si>
    <t>4月6日至7日，中国国家主席习近平与美国总统特朗普在美国佛罗里达州海湖庄园举行会晤，这是美国新政府就职以来中美元首首次面对面沟通。会晤后，不少分析均认为，两国元首达成重要共识，为新时期中美关系发展指明了方向，推动开启合作共赢新篇章。会晤期间，中美两国元?</t>
  </si>
  <si>
    <t>亚行：亚洲经济增长对全球贡献率高达60%</t>
  </si>
  <si>
    <t>亚行在其《2017年亚洲发展展望》中表示，三分之二的亚洲发展中国家的经济增长加速，使该地区成为全球经济增长的最大贡献者，亚洲经济增长对全球增长贡献率高达60%。亚行预计2017年和2018年亚太地区国内生产总值（GDP）增长率将达到5.7%，较2016年的5.8%稍有下调。?</t>
  </si>
  <si>
    <t>韩国最大机场新店招标无人问津</t>
  </si>
  <si>
    <t>韩国媒体8日援引消息人士的话报道，韩国最大的仁川机场新建航站楼免税店区域招标，时尚配饰板块居然无人问津，令业内人士大呼意外。无奈之下，机场方面只能考虑另谋出路。仁川机场第二航站楼定于今年10月启用。机场方面把免税店经营权分成3个板块，分别是化妆品、烟酒饮</t>
  </si>
  <si>
    <t>国债期货渐成投资利器  银行保险亟待补位</t>
  </si>
  <si>
    <t>作为离岸市场首只中国利率衍生产品，5年期中国国债期货合约将于4月10日在香港交易所上市交易。相关分析认为，港交所推出国债期货将为国债的境外投资者提供规避利率风险的手段，同时与2006年新加坡率先在境外推出A股股指期货的效应类似，离岸国债期货可能也会一定程度上助推内</t>
  </si>
  <si>
    <t>我国基因疗法治疗1型糖尿病取得突破</t>
  </si>
  <si>
    <t>4月4日，最新一期美国《临床研究杂志》在线发表了中国科学家在治疗糖尿病和自身免疫疾病技术上的重大突破——通过运用基因治疗技术，在1型糖尿病动物模型体内实现胰岛再生，同时阻止自身免疫系统对胰岛的攻击。此项研究由广东工业大学生物医药研究院的两位国家“千人计?</t>
  </si>
  <si>
    <t>网络电影：从草莽突进到“打怪升级”</t>
  </si>
  <si>
    <t>四个东北农村的“山炮”闯入北京遭遇种种囧事，一个吉林郊县青年因爱卷入“帮派混战”险象环生，抗战时期的戏曲名角智斗日本兵转移出国宝，民国的一条美人鱼穿越百年登陆报恩人间追爱……这些并未出现在大银幕上的电影剧情，分别来自网络电影《山炮进城2》《四平青年之?</t>
  </si>
  <si>
    <t>新三板挂牌数超一万一  员工持股计划备受青睐</t>
  </si>
  <si>
    <t>机械产业龙头首度告亏 勇于转型扭亏尚需时日中联重科形容刚过去的一年为“最困难的2016年”。公司3月30日发布的2016年报披露，中联重科去年净亏损9.3亿元，为其A股上市17年以来首度告亏。同时，中联重科的员工总数也由1.9万人降至1.5万人。中联重科称，公司2016年经营亏</t>
  </si>
  <si>
    <t>我国工业互联网平台建设已初见成果</t>
  </si>
  <si>
    <t>随着信息化与工业化的加速融合，工业互联网成了全球竞争的技术制高点，各主要国家纷纷大力研发工业互联网平台，并已经取得一些成果，例如，美国通用电气公司（GE）的Predix平台、德国西门子公司的MindSphere等。在不久前举行的“2017工业互联网峰会”上，与会专家普遍表示，?</t>
  </si>
  <si>
    <t>反对“脱欧”者的思考与行动</t>
  </si>
  <si>
    <t>“脱欧”发令枪终于打响。从去年的全民公投决定退出欧盟，到上个月正式启动“脱欧”，英国一共花了九个月。这期间，英国人主要干了一件事——统一思想。虽然人民决定“脱欧”，但何时“脱欧”、怎么“脱欧”、“脱欧”后与欧洲的关系如何，这些问题并未通过公投解决。于</t>
  </si>
  <si>
    <t>中国车企在津巴布韦组装的首辆汽车下线</t>
  </si>
  <si>
    <t>一款白色皮卡在众人目光注视下缓缓驶下生产线，引发阵阵喝彩——北汽津巴布韦有限公司组装的首辆汽车近日成功下线，标志着“中国制造”在南部非洲汽车市场的开拓中取得新突破。据介绍，该公司是由中国四大车企之一——北京汽车集团有限公司与两家津巴布韦本土汽车厂商合</t>
  </si>
  <si>
    <t>多重利好推动  特斯拉股价再创新高</t>
  </si>
  <si>
    <t>美国电动汽车制造商特斯拉的股价4日继续上涨，再次创下新高，与美国市值最大的车企通用汽车的市值相比只有19亿美元的差距。有分析认为，投资者正日益看重前沿科技在汽车行业中扮演的角色。由于销售数据好于预期，特斯拉股价3日大涨7.3%，市值超越福特成为仅次于通用汽车</t>
  </si>
  <si>
    <t>服务业PMI走高推升英镑</t>
  </si>
  <si>
    <t>得益于服务业采购经理人指数(PMI)升至近3个月来高点，英镑对国际主要货币的比价5日在外汇市场早间交易时段告涨。一些外汇分析师认为，自英国3月底正式启动“脱欧”程序之后，市场上对于“脱欧”负面冲击的担忧正在缓慢减弱，英镑未来可能进一步反弹。5日公布的数据显示?</t>
  </si>
  <si>
    <t>重庆自贸区“四区叠加”释放开放红利</t>
  </si>
  <si>
    <t>中国内河第一大港重庆果园港，“一带一路”和长江经济带两大国家战略在此交汇：横贯亚欧大陆的“渝新欧”铁路，在果园港与长江相连，搭乘“渝新欧”而来的欧洲货物，可沿长江黄金水道直接出海。4月1日，中国（重庆）自由贸易示范区正式挂牌运营。作为内陆自贸区，重庆自</t>
  </si>
  <si>
    <t>古有黄金通道支点美称  今朝口岸边境旅游渐火</t>
  </si>
  <si>
    <t>阿拉山口口岸历史悠久、自然环境独特，历史上曾是中外各民族经商、征戎、觐见、旅游和探险往返中亚、西亚的通道。蒙古帝国时期，作为驰名中西亚的重要通道，阿拉山口口岸有“黄金通道的支点”美称。如今，作为我国年轻的口岸城市，阿拉山口市已经从著名的“大风口”和不</t>
  </si>
  <si>
    <t>北欧人缘何钟爱阳光旅行</t>
  </si>
  <si>
    <t>如果不理解北欧人为何大都喜爱阳光旅行，本周末在斯德哥尔摩举办的“地中海全景展”会告诉你答案。展览组织者、挪威人莱夫·赖加内说，北欧太冷了，即便是夏季也不够暖和，所以，他把地中海风情整个搬到了斯德哥尔摩。通过展会，环地中海国家旅游机构向瑞典充分展示地中海阳?</t>
  </si>
  <si>
    <t>首季涨逾8%  避险情绪推升金价</t>
  </si>
  <si>
    <t>在刚刚过去的第一季度，国际金价在避险情绪的推动下持续走高，当季涨幅超过8%。分析人士指出，由于欧洲主要国家举行大选等不确定因素逐渐增多，加之美元在外汇市场上显现疲态，金价未来或被继续推升，有望重返每盎司1300美元关口。截至4月3日，纽约商品交易所黄金期货市</t>
  </si>
  <si>
    <t>医学人工智能在中国渐成燎原之势</t>
  </si>
  <si>
    <t>今年两会期间，人工智能首次被写入政府工作报告，引起各方广泛关注。如果说今年年初“MASTER”账号在围棋对战平台上横扫中日韩高手，证明了人工智能技术的巨大潜力的话，那么未来在人口加速老龄化的中国，医疗健康有望成为人工智能的一个热门应用领域。人工智能助患者早</t>
  </si>
  <si>
    <t>AI席卷全球  应用领域比拼升级</t>
  </si>
  <si>
    <t>腾讯日前购入特斯拉5%股权的消息引爆业界，双方未来在人工智能（AI）领域的合作引发关注。其实，2016年人工智能产业就已站在全球瞩目的风口，多达20家人工智能公司被微软、特斯拉、谷歌母公司“字母表”等科技巨头收购。多国政府也着手积极布局，中国在今年《政府工作报</t>
  </si>
  <si>
    <t>把众筹书店做成文化地标</t>
  </si>
  <si>
    <t>曾经藏书2600余本，在自己宿舍里开“图书馆”，被同学们称作“书霸”；如今投资200万元，改装地下车库开书店……山西大学2016届毕业生卢虹任以消费型众筹方式吸引了100多位合伙人加盟，于2017年初创办了24小时不打烊的岛上书店。目前该书店月营业额超30万元。随着阅读沙</t>
  </si>
  <si>
    <t>创建中国的“达·芬奇密码”</t>
  </si>
  <si>
    <t>谈到《达·芬奇密码》和《但丁密码》，所有喜欢推理悬疑题材的书迷、影迷对此一定不会陌生，古埃及圣贤、教皇制度中的阴谋、文艺复兴时期的画作以及诗歌，还有复杂的宗教文化交织渲染，为艺术作品蒙上了一层神秘的面纱。更有不少年轻人由此燃起了解西方艺术历史文化的好奇心?</t>
  </si>
  <si>
    <t>英国：工资不给力  加息难“起脚”</t>
  </si>
  <si>
    <t>美国再次加息让许多人猜测：英国距离加息有多远？从一些指标来看，得益于相对少一点的福利负担，英国经济在发达经济体中堪称亮眼的星星。失业率已经降到4.8%，可以说是很低的水平，甚至可能低于经济学界认为意味着充分就业的“自然失业率”。最新的数据还显示，2月通胀?</t>
  </si>
  <si>
    <t>伊利全球战略进入收获期</t>
  </si>
  <si>
    <t>伊利集团继3月20日获得“Brand Finance全球乳业品牌100强”和“2017年度BrandZ中国最具价值品牌100强榜单”双冠王之后，再次传出利好消息。3月25日，伊利大洋洲生产基地二期正式揭牌。新西兰是全球最大的奶粉出口国，而伊利通过在新西兰的投资，掌握了上游资源的同时，也因其</t>
  </si>
  <si>
    <t>中国同澳洲新西兰合作全面升级</t>
  </si>
  <si>
    <t>3月22日至29日，国务院总理李克强对澳大利亚、新西兰进行正式访问。在澳大利亚访问期间，李克强总理会见澳大利亚总督科斯格罗夫，同澳大利亚总理特恩布尔举行第五轮中澳总理年度会晤，并广泛接触澳各界人士。两国总理还共同出席中澳经贸合作论坛、第六届中澳工商界首席?</t>
  </si>
  <si>
    <t>数字货币不应成为投机工具</t>
  </si>
  <si>
    <t>3月11日，美国证券交易委员会（SEC)因比特币市场缺乏监管拒绝了首个比特币ETF上市申请。从2009年1月3日诞生至今的运行轨迹表明，去中心化的比特币存在很强投机属性，历史上价格多次出现剧烈波动，已经成为市场投机炒作工具，完全背离了数字货币的核心理念，值得高度关注。</t>
  </si>
  <si>
    <t>美联储副主席表示今年或再加息两次</t>
  </si>
  <si>
    <t>美国联邦储备委员会副主席费希尔28日表示，美国经济面临的风险大致平衡，美联储今年再加息两次是合适的。费希尔当天接受美国媒体采访时说，美联储正密切关注有关财政政策的讨论，目前对特朗普政府大规模减税和基础设施投资计划持观望态度是明智的。他预计美国财政政策会</t>
  </si>
  <si>
    <t>全球旅游业通病的中国疗法</t>
  </si>
  <si>
    <t>在里约热内卢，珠宝店老板可能会诱骗你为低档次宝石一掷千金；在莫斯科，仿冒天然琥珀的赝品可能掏空你的钱包；在悉尼，无底薪的导游多半会领你到“黑店”消费；在曼谷，鳄鱼皮制品假货会让你多付20倍以上的价钱……上述全球旅游市场的通病，同样困扰着中国旅游大省云南。</t>
  </si>
  <si>
    <t>ETF是完善资本市场的重要工具</t>
  </si>
  <si>
    <t>ETF正逐渐成为全球投资主流2016年，全球流向ETF市场的资金已经达到了3.7万亿美元，共有6800只ETF，截至2016年第三季度，美国的ETF产品就有2000多只，市场规模已经达到了2.42万亿美元。根据全球著名会计师事务所普华永道预测，ETF资产管理规模可能在未来5年内增长到7万亿</t>
  </si>
  <si>
    <t>再推压力测试  英央行摸底大银行</t>
  </si>
  <si>
    <t>英国首相特雷莎·梅定于当地时间29日启动《里斯本条约》第50条，正式启动“脱欧”程序，英国经济将接受“脱欧”带来的全面挑战。目前，英国主要银行和金融机构已被告知，为迎接“脱欧”冲击，它们将面对新一轮“压力测试”，以此评估它们在极端条件下的生存能力。据英国</t>
  </si>
  <si>
    <t>AWE传递家电业三大新风向</t>
  </si>
  <si>
    <t>前不久在上海落幕的2017年中国家电及消费电子博览会（简称AWE）向人们展现了一场“智能盛筵”，围绕智能家居、智能家电、智慧生活等概念，700多家展商争相展出了各自的拳头产品。作为比肩美国CES和德国IFA的全球三大家电及消费电子展之一，AWE一直被业界视为亚太地区家电行业</t>
  </si>
  <si>
    <t>苹果与脸谱加入AR大战</t>
  </si>
  <si>
    <t>据英国《金融时报》消息，苹果正加大对AR（增强现实）眼镜设备的研发力度，还将在下一代iPhone手机发布时推出一款新的应用Clips。而脸谱旗下的Oculus部门也在致力于研究轻便且功能强大的AR眼镜。苹果的Clips用户可以将特效、滤镜加入拍摄作品中，这让iPhone手机的摄像头</t>
  </si>
  <si>
    <t>多家中国企业携新技术亮相2017汉诺威IT展</t>
  </si>
  <si>
    <t>在前不久举行的2017年德国汉诺威消费电子、信息及通信博览会（简称汉诺威IT展）上，多家中国企业携新技术、新方案亮相，提出对本届展会数字化转型主题的理解和解决方案。华为展区分为商业、技术和生态三大部分。商业部分展示的是华为为制造、金融、传媒等传统行业客户数</t>
  </si>
  <si>
    <t>“脱欧”路漫漫</t>
  </si>
  <si>
    <t>英国在全民公投决定“脱欧”近九个月后，“脱欧”发令枪终于要打响了。英国政府宣布，将在本月29日正式启动“脱欧”程序。去年6月“脱欧”公投以来，英国国内经过长时间“统一思想”的过程，各方在是否举行二次“脱欧”公投、是否“硬脱欧”、政府与议会谁有权打响“脱?</t>
  </si>
  <si>
    <t>中哈推进地方铁路联通</t>
  </si>
  <si>
    <t>中国与哈萨克斯坦两国的毗邻区——新疆塔城地区和东哈萨克斯坦州近日签订备忘录，双方将相互协助共同推进中国塔城—哈萨克斯坦阿亚古兹铁路的建设前期工作，计划于3月底启动研究铁路方案。据了解，计划中的中国塔城－哈萨克斯坦阿亚古兹铁路长约265公里，由中国巴克图口</t>
  </si>
  <si>
    <t>中国民企加速布局“一带一路”沿线市场</t>
  </si>
  <si>
    <t>在刚刚闭幕的博鳌亚洲论坛2017年年会上，“一带一路”成各方热议的焦点，中国民营企业也表现出空前热情，加速布局沿线市场。记者了解到，从去年开始，中国企业就进一步发力投资“一带一路”沿线国家，直接投资达到145亿美元。中国企业已经在沿线20多个国家建立了56个经?</t>
  </si>
  <si>
    <t>巴西农业部长承诺巴西肉有质量保证</t>
  </si>
  <si>
    <t>在巴西肉类行业存在违规操作的消息爆出后，多个国家和地区暂停对巴西肉类的进口，让巴西政府感到忧虑。巴西农业部长布莱罗·马吉近日接受记者专访，承诺巴西肉的质量不存在问题，警方的调查焦点在个别人员的腐败。马吉说，肉类工业在巴西经济中非常重要，肉类产品60%供?</t>
  </si>
  <si>
    <t>美元继续承压  黄金乘势反弹</t>
  </si>
  <si>
    <t>受美国总统特朗普的新医保案在最后一刻退出众议院投票影响，27日亚洲市场早盘，美元指数回落至两个月低位，亚洲股市普跌，标普500股指期货出现下跌。美元指数24日收于100整数关口，27日以跌破100的99.52开盘，此后一路走低，截稿时为99.1，刷新逾四个月低位。美联储加息</t>
  </si>
  <si>
    <t>亚投行加速“一带一路”项目落地</t>
  </si>
  <si>
    <t>在于26日闭幕的博鳌亚洲论坛2017年年会上，“一带一路”成为国内外参会人士讨论的焦点，亚洲基础设施投资银行（亚投行）行长金立群在博鳌论坛上透露，今年预计还有15个国家将会加入亚投行，成员总数将达到85到90个。博鳌与会政商领袖指出，以亚投行为核心的跨国金融机构</t>
  </si>
  <si>
    <t>“新罗马帝国”路在何方？</t>
  </si>
  <si>
    <t>在广袤多样的领土上寻求共同市场、单一货币、政治联盟——在历史学家看来，欧盟与曾经盛极一时的罗马帝国颇有几分相似。这两个政治体相隔约1500年，虽然在扩张方式、政权结构、法律体系等方面大相径庭，但都是欧洲“统一大梦”的历史高光时刻。今年3月25日是《罗马条约?</t>
  </si>
  <si>
    <t>油价仍在跌势中  拐点并不遥远</t>
  </si>
  <si>
    <t>国际油价（WTI）从3月7日的53美元附近形成下行拐点后，经连跌数日已经在48美元持稳了一大段时间。近期，欧佩克一改在剑桥能源会上扬言不愿再延期减产的态度，重新承认减产举措对遏制油价过低以及降低过高库存的必要性。尤其是前一段时间，欧佩克密访华尔街之后，金融界的石油</t>
  </si>
  <si>
    <t>美学者呼吁在太阳能领域与中国加强合作</t>
  </si>
  <si>
    <t>美国斯坦福大学研究人员日前公布一份报告，在阐述全球太阳能行业规模化发展战略和评估中国太阳能行业发展现状的基础上，呼吁美国调整太阳能政策，与作为全球太阳能行业主要驱动者的中国密切合作，发展有成本效益的太阳能行业。这份长达217页的研究报告名为《新太阳能体?</t>
  </si>
  <si>
    <t>强生将持续投资中国市场</t>
  </si>
  <si>
    <t>强生公司中国区主席孟启明日前在京接受《经济参考报》记者采访时表示，未来几年强生将持续在华投资。在孟启明看来，中国市场有望很快超过日本，成为强生继美国之后全球第二大市场。孟启明是在参加2017第二届“大爱无疆——寻找‘最美援外医生’”公益活动中接受记者采访</t>
  </si>
  <si>
    <t>“多速欧洲”说易行难</t>
  </si>
  <si>
    <t>去年以来，多重危机持续冲击欧盟一体化进程。难民危机、英国“脱欧”、多国极右翼势力和民粹主义势头上升、美国新政府调整对欧政策，这些因素令欧盟面临前所未有的威胁。在挑战面前，欧盟不得不开始思考应如何调整发展方向。不久前，欧盟提出了多种发展路线蓝图。容克1?</t>
  </si>
  <si>
    <t>海外中企亟待抱团“走出去”</t>
  </si>
  <si>
    <t>不久前，中国铁建和中国中铁同时发布公告，联合中标马来西亚金马士—新山双线电气化铁路设计、施工等工程。这是近一段时间以来央企首次联合在海外中标铁路项目。从一贯的各自为战到寻求合作，从互相“掐架”到组团竞标，此次两家央企的抱团出海也被评价为中国企业海外合作典?</t>
  </si>
  <si>
    <t>美联储官员有意缩减资产负债表</t>
  </si>
  <si>
    <t>美国联邦储备委员会（美联储）本月中旬宣布提高联邦基金利率后，全球资本市场对此反应平淡，但近期美联储官员纷纷开始就缩减资产负债表规模发表看法，令很多分析师心头一紧。美联储何时“缩表”成为悬在华尔街头上的又一柄达摩克利斯之剑。本周，包括美联储主席耶伦、堪</t>
  </si>
  <si>
    <t>美元震荡走低  英镑持续反弹</t>
  </si>
  <si>
    <t>美国达拉斯联储主席卡普兰本周表示，由于美国已接近实现充分就业，且通胀率升向2%的目标，美联储2017年应当再加息两次，并继续致力于逐步削减庞大资产负债表的计划。但他强调，在这两点上都不用着急。卡普兰今年在联邦公开市场委员会中拥有投票权，他上周曾投票支持美联储加?</t>
  </si>
  <si>
    <t>创造低制度成本的营商环境</t>
  </si>
  <si>
    <t>2017年的政府工作报告中，针对企业成本过高问题提出要“降低制度性交易成本”，这响应了企业的共同呼声。制度性交易成本在我国是一种畸形的存在，直接导致我国企业成本居高不下。西方发达国家企业的成本主要是人力成本，差不多占到成本的60%，而物质成本则相对较低。我?</t>
  </si>
  <si>
    <t>奥迪中国市场面临前所未有挑战</t>
  </si>
  <si>
    <t>英戈尔施塔特是奥迪公司总部所在地，每年的奥迪年会都会在这里举行，所以它又被称为“奥迪之城”。近来，这座位于德国巴伐利亚州的小城，却在万里之外的中国颇受瞩目。先是奥迪在3月15日的2017年会上，公开使用缺少台湾区域的中国地图，这种极不尊重中国领土主权的行为?</t>
  </si>
  <si>
    <t>抓住全球价值链重塑战略机遇期</t>
  </si>
  <si>
    <t>最近几年，具有排他性质的区域自由贸易协定浮出水面，而保护主义、孤立主义、分离主义等与全球化相背而行的“逆风”蔓延到世界各个角落。不过，从长远来看，眼下正是促进全球价值链合作以及亚洲经贸一体化的新契机。首先，世界已经进入了全球价值链时代。近二十年来，以</t>
  </si>
  <si>
    <t>报告称中国资本市场有较大增长空间</t>
  </si>
  <si>
    <t>亚洲证券业与金融市场协会（ASIFMA）首席执行官马克·奥斯丁22日表示，中国资本市场的发展速度几乎史无前例。巨大的进展体现在很多方面，包括2016年初，中国银行间债券市场向广大国际投资者大举开放，以及为合格境外机构投资者（QFII）和人民币合格境外机构投资者（RQFII）推</t>
  </si>
  <si>
    <t>巴西肉企曝丑闻  多方宣布暂停进口</t>
  </si>
  <si>
    <t>巴西肉制品企业曝出食品安全丑闻之后，多方已经宣布暂停进口等应对措施。欧盟已暂停进口涉事企业的产品，韩国已禁止进口巴西食品公司的鸡肉产品，智利也表示将暂停进口巴西肉类产品。欧盟委员会新闻发言人恩里科·布里维奥20日说，自17日巴西肉企丑闻发生后，欧盟立即与</t>
  </si>
  <si>
    <t>瑞典交通：向零伤亡愿景迈进</t>
  </si>
  <si>
    <t>随着社会的高速发展，交通出行的增加并不一定会导致交通事故死亡率的同比增长。瑞典政府通过与学术界和行业间的协同合作所制订和实施的“零伤亡愿景”是最有力的例证。该愿景的实施使得瑞典交通事故死亡率达到历史最低值，其在道路交通安全领域取得的成绩使瑞典成为交通</t>
  </si>
  <si>
    <t>丝路旅游正当时</t>
  </si>
  <si>
    <t>2016年年底，伴随着浓郁的辞旧迎新的氛围，中哈国际边境合作中心内的两国客商和边民，用丰富多彩的活动，迎来了新年。冬季旅游节、中哈冬季长跑友谊赛、冬季摄影作品展、新春音乐会、歌咏比赛、烟花表演……由霍尔果斯经济开发区管委会、霍尔果斯市人民政府和哈萨克斯坦</t>
  </si>
  <si>
    <t>英首相展开脱欧谈判前各地巡访</t>
  </si>
  <si>
    <t>英国首相特雷莎·梅(Theresa May)已经获得启动脱欧进程的正式授权，脱欧谈判将于3月底前正式启动，这场谈判的结果将决定英国和欧盟的未来。在正式启动脱欧进程前，特雷莎·梅在各地展开巡访，以争取更多的支持。在得到议会批准后，3月底，欧盟里斯本条约第50条将被触发?</t>
  </si>
  <si>
    <t>英国脱欧日期启动打压英镑升势</t>
  </si>
  <si>
    <t>英国政府20日宣布脱离欧盟程序的日期后，英镑汇率从3周来高点下挫，显示“脱欧”带来的不确定性一定程度上冲击市场信心。英国政府发言人当日对媒体表示，首相特雷莎·梅将于本月29日宣布启动《里斯本条约》第50条，正式开始英国的“脱欧”程序。当天盘中，英镑走势</t>
  </si>
  <si>
    <t>英联邦秘书长怎么看“脱欧”？</t>
  </si>
  <si>
    <t>13日是英联邦日，对这个目前有52个成员国、总人口占世界人口近三分之一的组织来说，是一年一度的大日子。这一天，英联邦秘书长帕特里夏·斯科特兰邀请媒体出席伦敦的吹风会。英联邦总部位于伦敦市中心，这座有点神秘色彩的宫殿型建筑平日不对外开放。建筑上插着英联邦旗</t>
  </si>
  <si>
    <t>优步总裁宣布辞职  管理层面临持续调整</t>
  </si>
  <si>
    <t>据外媒报道，美国打车服务平台优步总裁杰夫·琼斯宣布辞职，其上任时间刚刚半年。优步近期负面新闻不断，此次总裁辞职更显示出其管理正面临持续调整。优步19日在一份声明中表示：“我们很感谢杰夫在6个月内为公司所做的一切。”有报道称，优步的首席执行官(CEO)特拉维斯</t>
  </si>
  <si>
    <t>应对全球经济不确定性需合作转型</t>
  </si>
  <si>
    <t>刚刚过去的一年，各类“黑天鹅事件”频发，让人记忆犹新。新的一年，欧洲选举、美国政策调整、地区热点事件等都将给世界带来更多风险点。在国务院发展研究中心主办的中国发展高层论坛上，中外嘉宾就世界经济如何穿越不确定性这一主题展开了热烈的讨论。与会嘉宾认为，要顺利?</t>
  </si>
  <si>
    <t>G20财长会未提及反对保护主义</t>
  </si>
  <si>
    <t>二十国集团（G20）财长和央行行长会议18日在德国结束。会后的联合公报显示，G20虽然承诺从多方面强化全球经济韧性，但罕见未在公报中提出打击贸易保护主义，表明美国新政府上台后，G20层面反对保护主义的合力受到冲击，各方正在谨慎应对其带来的逆全球化作用。本次会议?</t>
  </si>
  <si>
    <t>可持续性发展年会聚焦中国绿色转型</t>
  </si>
  <si>
    <t>由保尔森基金会与中国国际经济交流中心联合举办的2017可持续性发展年会近日在京召开。此次会议以“绿色转型——从承诺到行动”为主题，围绕“新形势下中美企业的合作”、“区域协同促进可持续发展”、“创新市场机制与工具促进绿色发展”和“自然资本增强城市气候韧性” 四个</t>
  </si>
  <si>
    <t>美联储上空的鹰</t>
  </si>
  <si>
    <t>一生二，二生三，三生万物。美国联邦储备委员会于当地时间15日宣布提升联邦基金利率，意味着新一轮加息周期全面启动。这是美联储自2008年国际金融危机爆发以来第三次加息，也是态度最为坚决、预期最为乐观的一次。在此之后，“鹰派”主导的美联储将加快推进货币政策回归</t>
  </si>
  <si>
    <t>新疆皇塔土特产批发市场：在丝绸之路经济带核心区摆起大巴扎</t>
  </si>
  <si>
    <t>乌兹别克斯坦的葡萄干、土耳其的无花果、巴基斯坦的杏干、阿拉伯国家的蜜枣，还有我国的红枣、核桃、黑枸杞……只要你能想象得到的“丝绸之路经济带”沿线国的土特产，在新疆皇塔土特产批发市场几乎都可以找到。“将市场做成中亚土特产第一集散地、成为丝绸之路经济带上最大?</t>
  </si>
  <si>
    <t>中国科学家成功合成四条酵母染色体</t>
  </si>
  <si>
    <t>中国科学家在人工合成生命领域取得重大进展。中国科学家日前在深圳宣布，来自华大基因、清华大学等科研机构的研究人员成功用化学方法合成了酵母的四条染色体，预计将对农业、生物医药、环境环保和能源等多个领域产生深远影响。这项研究是中国、美国、英国等多国科研机构</t>
  </si>
  <si>
    <t>美国加息后的市场反应揭示了什么</t>
  </si>
  <si>
    <t>美联储于当地时间15日宣布上调联邦基金目标利率25个基点，由0.5%至0.75%调升到0.75%至1%。这是2015年来美联储第三次加息。从目前来看，其对国际市场的即时冲击和溢出效应较上两次明显减弱。美联储加息对美元提振效应已开始出现边际减弱效应，市场提前消化加息预期的速度</t>
  </si>
  <si>
    <t>野生动物“肇事”频现拷问管理机制</t>
  </si>
  <si>
    <t>近年来，随着我国加大生态保护力度，一些濒危野生动物得以保护，种群数量恢复缓慢增长。但是，亚洲象、雪豹、棕熊等受保护的野生动物经常“走村串户”、破坏农作物甚至伤人致死，群众不堪其扰，受害后的补偿又难以令人满意。“人兽冲突”为何频繁发生？如何缓解？记者就此进?</t>
  </si>
  <si>
    <t>自动驾驶成日内瓦车展风向标</t>
  </si>
  <si>
    <t>第87届日内瓦国际车展近日在日内瓦正式揭幕，自动驾驶成为本年度车展“风向标”里的最热门话题。与前几年自动驾驶车型寥寥无几不同，本次日内瓦车展各大厂商均开辟专区展示自己最新的自动驾驶概念车及样车。德国大众推出的概念车——“I.D.BUZZ”自动驾驶迷你巴士?</t>
  </si>
  <si>
    <t>一颗草莓背后的农业供给侧之变</t>
  </si>
  <si>
    <t>“这个白色草莓学名‘桃熏’，又称‘白雪公主’，是从日本引进的，营养价值非常高。那个红色的草莓叫‘初恋’。”陕西铜川海升现代农业有限公司工作人员董湄指着刚摘的草莓向记者介绍。“白雪公主”和“初恋”均产自铜川市耀州区小丘镇的一处智能玻璃温室，平均一颗市场售价6</t>
  </si>
  <si>
    <t>林肯欲在华生产SUV  争夺豪车市场</t>
  </si>
  <si>
    <t>据外媒报道，福特汽车公司旗下林肯称，将于2019年年底前，在中国西部城市重庆生产汽车。该公司目前正寻求与德国和美国其他竞争对手较量，从而在中国这个全球最大汽车市场上获得更大的豪华车市场份额。福特汽车在重庆已与当地国有汽车生产商长安汽车展开合作。林肯将与长</t>
  </si>
  <si>
    <t>英国的“脱欧”算计</t>
  </si>
  <si>
    <t>虽然英国公投结果已定，英国首相特雷莎·梅已明确表示，要在3月底之前正式启动“脱欧”程序，为此不惜承受一定的代价。尽管如此，英国与欧盟的关系注定纠结不清。英国公共舆论批评领导层推动“脱欧”公投，却一直没有“脱欧”之后如何前行的具体计划。因此，对于英国是?</t>
  </si>
  <si>
    <t>日本大企业加薪幅度预计不及去年</t>
  </si>
  <si>
    <t>根据日本主要大型企业15日向其工会提供的加薪数字，由于对美国经济和贸易政策仍存疑虑，2017年日本大企业员工薪资涨幅预计不及去年。数字显示，尽管日本首相安倍晋三再三敦促日本企业尽可能增加员工薪资，以经济的“良性循环”抵抗长期困扰日本经济增长的通货紧缩，但在</t>
  </si>
  <si>
    <t>中国汽车金融市场空间广阔</t>
  </si>
  <si>
    <t>近日，第五届LendIt(朗迪)美国峰会在纽约举办，峰会上，中国车贷联盟发布了首份《全球车贷报告》（以下简称《报告》）。《报告》显示，2016年中国互联网汽车金融总规模约2000亿元人民币。《报告》称，中国汽车金融市场虽起步晚，但发展迅猛，市场空间广阔。此前，网贷天</t>
  </si>
  <si>
    <t>美联储本周料将再次加息</t>
  </si>
  <si>
    <t>即将于14日至15日召开的美国联邦储备委员会（美联储）货币政策例会备受外界关注。近期在多位重量级美联储官员作出“鹰派”表态后，市场关于此次会议将加息的预期急剧升温。不少分析认为，近期就业市场等数据继续为美联储加息提供有力支持，美联储今年很可能加息多次，而非像?</t>
  </si>
  <si>
    <t>美中能源专家：美中开展能源合作符合世界期待</t>
  </si>
  <si>
    <t>来自美国和中国的能源专家10日在接受记者采访时表示，美中两国作为全球能源消费大国，在常规和清洁能源领域具有巨大合作潜力。两国间的有效合作既对双方有益，也符合世界的期待。美国剑桥能源咨询公司亚太区高级总监周希舟在出席“剑桥能源周”时对记者说，美中是全球最</t>
  </si>
  <si>
    <t>英国最新预算着眼啥</t>
  </si>
  <si>
    <t>英国财政大臣菲利普·哈蒙德几天前提着内阁大臣盛放机密文件的专用红箱，走进威斯敏斯特议会下院，给出了自己出任英国政府“钱袋子总管”以来的第一份财政预算。这是英国“脱欧内阁”上任以来的首次春季预算，本月正值英国政府即将宣布正式启动“脱欧”程序，因此最新的</t>
  </si>
  <si>
    <t>母婴用品海外代购暗藏风险</t>
  </si>
  <si>
    <t>“从网上找的代购，给孩子买的巧虎牙膏，10块钱一管。但是听最近刚从日本旅游回来的同事说，这款牙膏在日本起码要卖到20多块左右。不知道自己买的是真是假，价差这么大，想到是孩子用的，别冒险，还是扔掉了。”近日，经常网购海外商品的于女士对《经济参考报》记者说。</t>
  </si>
  <si>
    <t>“多速欧洲”考验欧洲一体化未来</t>
  </si>
  <si>
    <t>欧盟春季峰会9日在布鲁塞尔拉开帷幕，欧洲一体化是此次峰会的重要议题之一，而“多速欧洲”预计将成为峰会上的热词。欧盟及成员国领导人近期频频提到“多速欧洲”。今年2月初在马耳他举行的欧盟非正式首脑会议上，德国总理默克尔表示，未来可能出现一个“多速欧洲”；3?</t>
  </si>
  <si>
    <t>英国预算案引争议</t>
  </si>
  <si>
    <t>由于违背不增加民众公共服务开支的承诺，英国最新预算报告饱受批评。另外对于财政平衡目标调整，英国财政大臣菲利普·哈蒙德9日也解释称“脱欧”改变了既定计划，政府需要做好迎接新挑战的准备。哈蒙德8日公布“脱欧”公投后首份预算报告，对英国经济基本面给予肯定，同</t>
  </si>
  <si>
    <t>美联储加息概率攀升  美元连续反弹上攻</t>
  </si>
  <si>
    <t>本周，素有“小非农”之称的ADP就业报告显示，美国2月ADP就业人数劲增，暗示美国就业市场非常强劲。数据公布之后，美联储加息概率进一步攀升，3月加息概率甚至高达100%，美元则重新站上102关口。眼下，市场注意力转向周五晚间出炉的美国2月非农就业报告，届时料将再次引发市?</t>
  </si>
  <si>
    <t>美泰携手宝宝树深耕早教市场</t>
  </si>
  <si>
    <t>美国知名玩具制造商美泰8日宣布,与中国母婴及家庭平台“宝宝树”建立战略合作伙伴关系，共同开发儿童早期学习与发展生态系统。记者在发布会上获悉，美泰和宝宝树将共同打造线上平台，推广并培训父母，帮助幼儿早期发展实现最优。双方以美泰旗下费雪品牌在儿童发展方面的</t>
  </si>
  <si>
    <t>美国贸易赤字创五年高点</t>
  </si>
  <si>
    <t>美国商务部3月7日公布的数据显示，今年1月份，美国贸易赤字创下5年来的高点。有分析认为，预计糟糕的贸易状况将再度抑制今年第一季度美国经济的表现。数据显示，美国国际货物和服务贸易赤字扩大至2017年1月的485亿美元，使1月份贸易赤字增幅达到9.6%，创下2012年3月以来</t>
  </si>
  <si>
    <t>中国方案尝试突破电动车瓶颈</t>
  </si>
  <si>
    <t>充电难和里程焦虑是当前电动汽车行业面临的难题。在第87届日内瓦国际车展7日举办的媒体日活动中，参展中国厂商全球首发多款新能源汽车，为业界探索如何突破相关瓶颈提出了中国方案。日内瓦车展是每年最早开幕的欧洲车展，也是全球五大车展之一，在汽车领域被认为是重要?</t>
  </si>
  <si>
    <t>法国创新企业为何青睐中国</t>
  </si>
  <si>
    <t>法国和中国的合作近年来已经不再囿于传统领域，开始探索技术创新领域方面的机会。而在创新合作方面，除了活跃着阿尔斯通、法国电力、施耐德等大企业的身影外，不少中小企业同样跃跃欲试。创新型科技企业活跃在很多行业，这使得法国和中国合作潜力巨大。中法创新加速器项</t>
  </si>
  <si>
    <t>特朗普政府欲挑战世贸规则引发担忧</t>
  </si>
  <si>
    <t>美国贸易代表办公室日前向美国国会提交2017年贸易政策议程报告，强调特朗普政府将在贸易政策事务上强力维护美国主权，不受制于世贸组织裁决，同时支持严格执行美国贸易法来对付其他贸易伙伴不公平的贸易行为，透露出绕开世贸组织发起单边贸易制裁的政策信号，引发外界对多边?</t>
  </si>
  <si>
    <t>轮胎业“双反”首胜提升中国企业话语权</t>
  </si>
  <si>
    <t>对于中国轮胎业来说，这是一场久违的胜利。2月22日，美国国际贸易委员会5位委员，3票反对、2票赞成，最终认定中国输美卡客车轮胎并未对美国国内产业构成实质性损害或损害威胁，这意味着中国未来输美的卡客车轮胎不再被征收反倾销和反补贴税。这是中国轮胎行业对美“双反</t>
  </si>
  <si>
    <t>西欧四国支持建设“多速欧洲”</t>
  </si>
  <si>
    <t>法国、德国、意大利和西班牙四国领导人当地时间6日在巴黎凡尔赛宫举行非正式首脑会议。四国领导人共同表示，支持建设一个“多速欧洲”，推动欧洲一体化继续前行。在今年2月初于马耳他举行的欧盟非正式首脑会议上，德国总理默克尔曾公开表示，未来可能出现一个“多速欧洲</t>
  </si>
  <si>
    <t>亲历者：胜诉关键在“四体联动”机制</t>
  </si>
  <si>
    <t>在历时一年多的“双反”调查和应诉过程中，中国轮胎行业做了哪些应诉工作？今后中国轮胎企业如何更好地发展？《经济参考表》记者就这些问题对行业协会、政府部门及企业的人士进行了采访。记者：美国“双反”调查是怎么执行的？浦林成山（山东）轮胎有限公司副总经?</t>
  </si>
  <si>
    <t>造船业持续低迷  船厂为接单“疯狂”</t>
  </si>
  <si>
    <t>由于一单难求的局面持续得不到改善，各家船厂为获取新船订单可谓是费尽心思。有消息说，新加坡Navig8集团近来将和新时代造船签约，订造8艘LR2型成品油船，总价值达3.4亿美元。目前，这一订单已获得民生金融租赁的支持，为其提供90%的融资，剩下的部分由船厂提供。有业内人士?</t>
  </si>
  <si>
    <t>欧洲央行或维持当前货币政策不变</t>
  </si>
  <si>
    <t>欧洲央行9日将召开货币政策会议，预计将维持其当前的负利率和购债规模不变。在法国选举带来政治不确定性背景下，欧洲央行何时收紧货币政策成为广泛关注的焦点，因为美国本月继续加息可能性激增，届时欧美利差将进一步扩大。目前在欧洲央行内部，鸽派占据明显的多数，因?</t>
  </si>
  <si>
    <t>德银宣布重大战略重组</t>
  </si>
  <si>
    <t>近年屡屡遭遇不顺的德意志银行日前宣布了重大重组计划和融资计划。关于此次宣布的一系列举措，德意志银行相关人士对《经济参考报》记者说，这些措施的核心是进一步增强德意志银行在德国本土市场的地位，同时稳固德银企业融资、环球市场、环球金融交易业务部、财富管理业务和?</t>
  </si>
  <si>
    <t>Visa  payWave实现“6秒支付”</t>
  </si>
  <si>
    <t>完成一次支付需要多少时间？1分钟？30秒？10秒？如果有一种支付方式，6秒钟就能完成一次安全交易，而无需在咖啡店、超市或是百货商场排队等候，你是否想体验一下呢？Visa payWave就提供给持卡人这样一种高效支付方式。《经济参考报》记者日前在新加坡最大的连锁超市NTUC</t>
  </si>
  <si>
    <t>中加持续推进投资和创新合作</t>
  </si>
  <si>
    <t>加拿大投资与创新论坛6日在北京举办。论坛上，来自加拿大的经济学家和行业专家探讨了中加之间不断加强的投资合作关系，尤其是在医疗设备、数字媒体和自动化等创新领域。中国和加拿大两国总理2016年实现互访并启动两国总理年度对话机制，双方就深化加中各领域合作达成了?</t>
  </si>
  <si>
    <t>前沿技术助力  5G时代渐近</t>
  </si>
  <si>
    <t>世界最大的移动产品展览会“世界移动通信大会（MWC）”3月2日在西班牙巴塞罗那闭幕，智能手机新品和5G技术布局成为展会焦点。期间，移动通信行业彻底被智能手机所颠覆，多数厂商欲将手机等移动设备搭载虚拟现实（VR）、增强现实（AR）、人工智能等技术，并瞄准日渐临近的5G时</t>
  </si>
  <si>
    <t>青岛打造开放型经济新格局</t>
  </si>
  <si>
    <t>2017年2月10日上午，由山东电建三公司承建的巴基斯坦卡西姆项目#1号机组DCS受电一次成功，较公司里程碑计划提前近一个月时间。这是山东电建三公司在中巴经济走廊所承建的三个火电项目之一。近年来，青岛不断夯实实体经济，融入国家“一带一路”战略，在构建开放型经济体制方?</t>
  </si>
  <si>
    <t>欧盟春季峰会将捍卫一体化进程</t>
  </si>
  <si>
    <t>欧盟成员国领导人定于9、10两日在比利时首都布鲁塞尔举行为期两天的春季领导人会议，将重点讨论经济、安全和难民问题。今年恰逢德国、法国、荷兰大选，又赶上欧盟与英国围绕“脱欧”事宜进行谈判，本次春季峰会备受各方关注。去年6月，英国公投决定“脱欧”，欧盟的发展</t>
  </si>
  <si>
    <t>“鹰”姿飒爽美联储</t>
  </si>
  <si>
    <t>美国联邦储备委员会（美联储）本月中旬举行年内第二次货币政策决策会议。因近期美联储官员纷纷投身“鹰”派阵营，极大推升了本次会议的加息预期，甚至有市场人士断言3月份加息已是板上钉钉。美联储内部原本并无“鹰”“鸽”之分，实属华尔街和财经媒体因其成员所持立场?</t>
  </si>
  <si>
    <t>中欧“安智贸”首条铁路专列启动</t>
  </si>
  <si>
    <t>一列满载38个标箱、货值3124.6万元人民币的中欧（厦门）班列2日从海沧货运站出发，前往波兰罗兹，中欧“安智贸”首条铁路专列正式启动。作为全国首条加入中欧“安智贸”项目的铁路航线，自2016年12月21日试运行以来出口货值已超千万美元，截至目前，累计发运“安智贸”项下出</t>
  </si>
  <si>
    <t>国际油价上攻势头放缓</t>
  </si>
  <si>
    <t>由于美国石油产能进一步释放以及主要产油国遵守减产承诺受到质疑，国际油价连续上扬的脚步暂时放缓。截至当周最后一个交易日（3日），纽约商品交易所4月交货的轻质原油期货价格上涨0.72美元，收于每桶53.33美元，涨幅为1.37%，但当周整体下跌了2%，告别此前连涨3周的上?</t>
  </si>
  <si>
    <t>欧盟白皮书为未来发展勾画五种设想</t>
  </si>
  <si>
    <t>欧盟委员会主席容克1日公布了关于英国“脱欧”后欧盟未来白皮书，书中提出2025年“27国欧盟”五种设想，希望通过改革加强欧盟内部团结，获得更多支持。容克1日在布鲁塞尔举行的欧洲议会全会上公布了这一白皮书。这五种设想一是“延续”：成员国实施和升级改革议程；二是</t>
  </si>
  <si>
    <t>奥迪“南北而治”折射汽车销售机制之痛</t>
  </si>
  <si>
    <t>距离上汽集团正式公布与德国大众汽车集团就奥迪品牌产品“牵手”，已经过去了快4个月时间。在这段时间里，奥迪在“ABB”三大豪车品牌中暂失头把交椅、一汽大众奥迪经销商欲设障阻挠上汽奥迪“联姻”等一系列事件不仅受到业内关注，更是被期盼能够以更便宜价格买到豪车品牌的?</t>
  </si>
  <si>
    <t>李在镕：陨落的豪门紫微星</t>
  </si>
  <si>
    <t>因涉嫌向韩国总统朴槿惠及其闺蜜崔顺实行贿，韩国最大企业三星的“太子”李在镕近日被法院批准逮捕。此事在韩国引起轩然大波，令人们得以一窥韩国钱权交易的一角内幕。目前外界担心，三星一系列的投资和重组计划将受到重大影响，同时考虑到三星在韩国经济中的重要性，本已萎?</t>
  </si>
  <si>
    <t>法国调控制造业劳动力成本初见成效</t>
  </si>
  <si>
    <t>法国1995年推行35小时工作制以后，劳动力成本迅速上升至欧盟范围内最高水平，令法国制造业竞争力大受影响。为调控制造业劳动力成本过快上涨，2013年1月起，法国实施“竞争力与就业税抵免”（CICE）政策，如今初见成效。据法国权威的经济研究智库法国经济观察中心介绍，?</t>
  </si>
  <si>
    <t>美联储3月加息预期升温</t>
  </si>
  <si>
    <t>美联储官员以及美国总统特朗普近日的表态令市场对美联储3月加息的预期迅速上升。有分析指出，在美国经济增势平稳，越来越接近充分就业以及政府承诺大规模刺激计划的前提下，大多数美联储官员对通胀急速回升的担忧正在不断加强，加息很可能会步入“快车道”。据外媒报道?</t>
  </si>
  <si>
    <t>中国海关与多国合作严打跨境侵权贸易</t>
  </si>
  <si>
    <t>中国海关近年来积极倡导加强知识产权保护国际合作，推进实施对跨境侵权贸易的“链条式”打击，有效遏制跨国违法活动的泛滥。2月28日，在海关总署媒体见面会上，海关总署副署长邹志武介绍说，目前，中国海关开展的知识产权保护国际合作主要分为三个层面：一是与130多个国</t>
  </si>
  <si>
    <t>小城与大学</t>
  </si>
  <si>
    <t>告读者：从今日起，经济参考报“看世界”系列专栏再添新丁，“诺城札记”由赴英翰深造的陈济朋主笔，敬请关注。陈济朋毕业于北京外国语大学，2004年入职新华社国际部，曾以记者身份常驻香港和新加坡历时八年，现于英国诺丁汉大学研读经济。半年前刚到英国的时候，与资深</t>
  </si>
  <si>
    <t>北部湾港口群成衔接“一带一路”重要门户</t>
  </si>
  <si>
    <t>伴随汽笛的长鸣声，在广西钦州港外贸码头，载满集装箱的大型货轮缓缓驶出，集装箱里装着国内生产的电子设备、皮革制品等货物，大约一周时间后，这艘货轮将抵达马来西亚和新加坡。钦州港是广西北部湾三港之一，2007年钦州港与防城港、北海港“三港合一”整合成为广西北部</t>
  </si>
  <si>
    <t>苏格兰独立公投预期令英镑下挫</t>
  </si>
  <si>
    <t>疲弱的英镑又遭到打压。英国媒体27日报道称，苏格兰可能宣布独立公投，这引发市场避险情绪，致使英镑再度走低。英国《泰晤士报》报道称，在3月份英国触发《里斯本条约》第50条的同时，苏格兰可能宣布进行独立公投，英国首相特雷莎·梅正在为此做准备。英镑兑美元上周收?</t>
  </si>
  <si>
    <t>伦交所与德交所合并再遇监管阻力</t>
  </si>
  <si>
    <t>据外媒报道，伦敦证券交易所26日表示，由于无法满足欧盟反垄断监管机构的条件，该证交所与德意志交易所的合并交易“很可能”最终无法达成。此番表态令这桩规模庞大的合并计划前景存疑。伦交所26日晚间表示，欧盟委员会要求伦交所出售欧洲固定收益交易电子平台MTS60%的股</t>
  </si>
  <si>
    <t>澳矿企盈利猛增  提升经济增长预期</t>
  </si>
  <si>
    <t>澳大利亚洲统计局(ABS)27日公布的数据显示，去年第四季度澳大利亚企业总盈利较第三季大增20.1%，创下有史以来第二大增幅。其中，矿业企业获利猛增近50%，税前获利增幅更是高达470%。这提升了对澳大利亚今年经济增长的预期值。自去年初以来，世界大宗商品价格，特别是煤?</t>
  </si>
  <si>
    <t>美国为何没有“天价学区房”</t>
  </si>
  <si>
    <t>在美国，即便是人口最为密集的纽约市，“学区”虽是影响房地产市场供求的因素之一，但远非决定性因素，所谓“好学区”的房价更达不到“天价”程度。专家认为，美国不存在“天价学区房”的主要原因是公立教育体系的设计、政府对教育资源的调节配置以及对房地产投机空间的</t>
  </si>
  <si>
    <t>征关税  墨西哥拟对美国实施反制</t>
  </si>
  <si>
    <t>墨西哥外长路易斯·比德加赖24日警告，若美国总统唐纳德·特朗普政府当真为填补修建边境隔离墙的费用而向墨西哥进口产品征税，墨西哥同样会对美国产品征收关税以进行反制。比德加赖当天在接受墨西哥媒体采访时说：“我们不会对所有的美国进口商品征税，因为那会损害墨西</t>
  </si>
  <si>
    <t>三菱日联进军美国个人存款业务</t>
  </si>
  <si>
    <t>据日本媒体报道，日本三菱日联金融集团（MUFG）将从2017年春季开始在全美各地开展个人金融服务，新服务将通过网络银行进行。三菱日联金融集团今后一年将在尚未进驻的美国中部和东海岸新成立20家以上网点。该行计划利用网络银行正式涉足美国存款业务，建立能与欧美金融机</t>
  </si>
  <si>
    <t>油价承压  金价上行</t>
  </si>
  <si>
    <t>当周（2月20日-2月24日），由于市场担忧美国原油产量不断增加，国际油价有所承压；国际黄金价格则继续上行。截至24日收盘，纽约商品交易所4月交货的轻质原油期货价格下跌0.46美元，收于每桶53.99美元，跌幅为0.84%。4月交货的伦敦布伦特原油期货价格下跌0.59美元，收于?</t>
  </si>
  <si>
    <t>特朗普新政影响几何？</t>
  </si>
  <si>
    <t>特朗普上任仅一个月，几乎平均每天都在签署行政令和备忘录，以践行其竞选承诺。经济方面，除了税收方面的政令尚未签署外，几乎所有重要的政策都开始启动，其颁布新政的速度可谓高效。这些新政对美国国内外会造成什么影响？从对美国经济的影响来看，现在完全无法看出究竟</t>
  </si>
  <si>
    <t>从塔桥看英国智慧</t>
  </si>
  <si>
    <t>我去过一些城市，脚步匆匆。回想起来，忘了美食美人，却还记得那里的桥。塞尔维亚北部的诺维萨德，多瑙河穿越这自古多战之地，古堡边、夕阳下，幸存的老桥像极了垂暮的勇士，正凝望不远处北约轰炸后剩下的那几个破桥墩，雄浑悲壮；瑞士卢塞恩的卡佩尔“廊桥”则像个半老</t>
  </si>
  <si>
    <t>世贸组织新协定将助推全球经济增长</t>
  </si>
  <si>
    <t>世界贸易组织总干事阿泽维多22日宣布，《贸易便利化协定》议定书已得到该组织超过三分之二成员核准，从而正式生效。预计这项多边协定到2030年将推动全球经济额外增长0.5%。在日内瓦世贸组织总部当天举行的新闻发布会上，阿泽维多宣布，在卢旺达、阿曼、乍得和约旦核准《</t>
  </si>
  <si>
    <t>殷剑峰：世界经济分化日益突出  关注两大风险点</t>
  </si>
  <si>
    <t>“转折、分化、动荡将是2017年世界经济形势的三个关键词。”谈到今年的经济金融形势时，浙商银行首席经济学家殷剑峰在2017年中国经济金融形势分析会暨浙商银行郑州分行开业仪式上如是说。根据IMF、世界银行和经济合作与发展组织（OECD）等三大国际组织的预测，世界经济?</t>
  </si>
  <si>
    <t>MIT评出全球十大突破性技术  阿里巴巴连摘两项</t>
  </si>
  <si>
    <t>2月21日下午，美国权威科学杂志《麻省理工科技评论》（MIT Technology Review）发布2017年全球十大突破性技术榜单。在与Google、微软、IBM等科技巨头的较量中，阿里巴巴分别入选“强化学习”和“刷脸支付”两大突破性技术榜单。作为全球最为著名的技术榜单之一，《麻省?</t>
  </si>
  <si>
    <t>走进日本废旧家电处理厂</t>
  </si>
  <si>
    <t>扔塑料瓶需要分几步，丢垃圾也要看时间，处理旧家电还得花钱……日本资源回收体系虽然复杂，却尽可能地实现了资源利用的最大化。笔者21日应邀参观松下电器产业公司一处废旧家电处理厂，目睹了冰箱、电视机等废旧家电如何被日企“吃干榨尽”。松下环保科技关东株式?</t>
  </si>
  <si>
    <t>加拿大如何抑制投机炒房</t>
  </si>
  <si>
    <t>大温哥华地产局发布的数据显示，2017年1月大温哥华地区的房地产交易量同比大幅下跌了近40%，比2016年12月下跌了11.1%。这已经是温哥华房地产交易量连续第七个月下降。这样的结果要归结于2016年8月2日出台的新政，即针对非本国居民在温哥华购买住房额外征收15%交易税的规</t>
  </si>
  <si>
    <t>美政策不确定性加大日企担忧</t>
  </si>
  <si>
    <t>特朗普自1月20日正式就任美国总统至今已有一个月。在这一个月里，特朗普大刀阔斧地进行改革，已经签发了约20条行政令，内容包括移民、基建、行政管理、金融去监管、税收简化等。这些政策让各国深感美国未来政策及其影响的不确定性，日本企业就表现出踯躅不前的态势。特?</t>
  </si>
  <si>
    <t>法国人垃圾分类习惯成自然</t>
  </si>
  <si>
    <t>同许多其他西方国家一样，法国实行严格的垃圾分类制度，为保护环境、促进资源回收利用打下良好基础。在法国生活，如何准确无误地将各种日常垃圾按要求分门别类丢到相应的垃圾桶里，恐怕是大多数“初来乍到”的中国人最为困惑也急需掌握的一门生活技能。纸质包装盒、报纸</t>
  </si>
  <si>
    <t>比尔·盖茨：应对机器人征税</t>
  </si>
  <si>
    <t>据外媒报道，美国科技巨头微软公司共同创始人比尔·盖茨近日表示，应该对代替一些人类进行工作的机器人收税，收缴的税款用于工人的技能培训或教育用途。比尔·盖茨近日接受数字媒体《石英》采访时表示，应对代替工人进行工作的机器人收税，收取的税款应与相关岗位工人缴</t>
  </si>
  <si>
    <t>日本五个月来首现贸易逆差</t>
  </si>
  <si>
    <t>日本财务省20日公布的数据显示，由于大宗商品价格上涨导致进口额上升等因素影响，今年1月日本贸易逆差为1.0869万亿日元，是五个月来首次出现贸易逆差。数据显示，1月日本出口额为5.4219万亿日元，同比增长1.3%，向亚洲地区的出口增长明显。虽然重油等化石燃料和汽车零部</t>
  </si>
  <si>
    <t>中国光伏市场引外资“抢滩”  帝斯曼收购本土企业</t>
  </si>
  <si>
    <t>得益于可再生能源政策支持，中国光伏产业再现“井喷”式增长，其良好发展前景也吸引外资“抢滩”。跨国企业巨头荷兰皇家帝斯曼集团近日在此间宣布，通过收购方式扩大在中国光伏市场的布局。当日，帝斯曼集团与苏州尚善新材料科技有限公司就收购后者的技术及其他资产达成</t>
  </si>
  <si>
    <t>欧佩克酝酿延长减产协议</t>
  </si>
  <si>
    <t>据外媒报道，石油输出国组织（欧佩克）正酝酿延长减产协议或加大减产力度，以保证油价上涨至满意价位。然而伊朗等成员国正考虑加大产能，对欧佩克的计划和油价上幅形成不确定因素。路透社日前援引欧佩克组织内部消息人士表态称，如果全球原油库存未能降至目标水平，该组</t>
  </si>
  <si>
    <t>光伏发电建设装机超预期增长</t>
  </si>
  <si>
    <t>国家能源局日前发布2016年光伏发电统计信息。数据显示，2016年我国光伏发电新增装机容量超预期增长，与此同时，分布式光伏发电装机容量发展大幅提速，光伏发电向中东部地区转移，产业结构和地域布局趋于优化。国家能源局发布的统计数据显示，截至2016年底，我国光伏发电</t>
  </si>
  <si>
    <t>多国谨慎应对美贸易保护主义升温</t>
  </si>
  <si>
    <t>美国总统特朗普入主白宫后，近期分别与重要贸易对象国英国、日本和加拿大领导人进行会谈，以上国家均显示出谨慎的交流态度。受美方着手在关税、汇率等领域进行保护主义活动影响，多国面临政策调整压力，并表示贸易和经济将受到美新总统政策冲击。欧洲更是从唇枪舌剑发展成为?</t>
  </si>
  <si>
    <t>国人海外置业不可控风险加剧</t>
  </si>
  <si>
    <t>在近年的资金潮下，国内房地产市场高烧难退，而这股热潮同样影响到了国外，中国买家持续涌入促使多个国家重点城市房价攀升。然而，目前海外置业的热潮似乎正遭遇寒冬。一方面，加拿大、澳大利亚等海外置业的热点地区都在税费上加大了对外国人投资的限制，另一方面，国内监管?</t>
  </si>
  <si>
    <t>藤田美术馆馆藏国宝重器将现身纽约</t>
  </si>
  <si>
    <t>还记得此前纽约亚洲艺术周战火尚未褪尽时候，一条震撼性消息在朋友圈被刷爆：佳士得拿下了一批源自日本重要文博机构——藤田美术馆的重器，并将于2017年3月上拍。届时不仅有一批青铜礼器主打，还包含在石渠宝笈著录的数张高古画作以及其他中日工艺精品。其中部分堪称国宝的重</t>
  </si>
  <si>
    <t>人类基因编辑技术有了基本原则</t>
  </si>
  <si>
    <t>记者从中国科学院获悉，人类基因编辑研究委员会日前在美国华盛顿正式就人类基因编辑的科学技术、伦理与监管向全世界发布研究报告，并从基础研究、体细胞、生殖细胞／胚胎基因编辑三方面提出相关原则。在报告中，人类基因编辑研究委员会认为，可以在现有的管理条例框架下</t>
  </si>
  <si>
    <t>保监会：保险销售可回诉制度拟今年出台</t>
  </si>
  <si>
    <t>中国保监会2月16日公布了关于2016年保险公司投诉处理考评情况的通报。通报数据显示，人身险公司中，投诉处理考评排名后五位的公司分别为，英大人寿、新华人寿、平安健康、中德安联、平安养老。财产险公司中，排名后五位的是，中煤财险、史带财险、长安责任、中银保险、都邦财</t>
  </si>
  <si>
    <t>美元意外冲高回落  英镑或将持续走弱</t>
  </si>
  <si>
    <t>美国本周出炉的数据整体表现靓丽，CPI、零售销售、纽约联储制造业指数以及商业库存均强劲上涨，但工业生产数据意外表现逊色。而美联储主席耶伦本周在参议院金融委员会发表半年度货币政策证词时指出，美联储能够继续缓慢加息，但在收紧货币政策方面等待太久是不明智的。耶伦表</t>
  </si>
  <si>
    <t>各国应携手反对贸易保护主义</t>
  </si>
  <si>
    <t>美国总统特朗普的一系列新政，不仅在美国国内引发异议，在国际上也令诸多国家侧目。在贸易政策上，他显露出的一系列保护主义倾向几乎让所有贸易伙伴都感到不安。13日，欧盟和其他美国贸易伙伴开始准备向美国边境税提案发起法律挑战。此举表明，贸易保护主义并不受各国欢迎，?</t>
  </si>
  <si>
    <t>中巴石油贸易开启“多赢时代”</t>
  </si>
  <si>
    <t>去年底，一系列“贷款换原油”的协议在巴西里约热内卢诞生。巴西石油公司与中国国家开发银行以及中石油、中化工和振华石油三家油企签署了一系列有关贷款、贸易等双边及多方协议。根据协议，国开行给予巴油50亿美元贷款，三家中国油企共计获得每日10万桶、每年约500万吨的十年</t>
  </si>
  <si>
    <t>不确定性上升  黄金市场料维持震荡格局</t>
  </si>
  <si>
    <t>美国联邦储备委员会主席耶伦14日表示，将在未来几次货币政策例会上讨论是否再次加息。国际市场随即对这一信号作出反应。美元指数在前期快速回升并一度触及101.38高位的基础上略有回落，但仍维持在101.2上方。外汇专家韩会师认为，进入2017年，美元指数下跌幅度较大</t>
  </si>
  <si>
    <t>美联储主席暗示加息步伐将提速</t>
  </si>
  <si>
    <t>美国联邦储备委员会主席耶伦14日表示，美国经济正朝着预期方向前进，美联储将在未来几次货币政策例会上讨论是否再次加息，并称加息时点滞后是不明智的。分析人士广泛认为，此表态暗示美联储将在上半年加息。耶伦当天在美国参议院银行、住房和城市事务委员会作证时说，美</t>
  </si>
  <si>
    <t>跨境电商飞速发展  “人肉代购”夹缝求生</t>
  </si>
  <si>
    <t>“2月中旬飞韩国，需要下单的宝宝提前说。”这熟悉的语句，正是“人肉代购”们在朋友圈里频频“刷屏”的广告语。而“现在谁的朋友圈里没有几个代购”这样一句笑言也道出了“人肉代购”已深入人们生活的现状。随着各大海淘APP纷纷登场，“人肉代购”究竟靠什么在夹缝中生存？$</t>
  </si>
  <si>
    <t>欧洲小语种市场成中国跨境电商出口新蓝海</t>
  </si>
  <si>
    <t>全球知名电子商务企业美国eBay前不久在华宣布，以法国、意大利和西班牙市场为首的欧洲小语种国家正在成为跨境电商零售出口产业的“新蓝海”。近三年来，eBay中国卖家在法国、意大利和西班牙市场的销售额平均增幅已超过300%。“随着市场、物流、语言等一系列跨境商贸零售</t>
  </si>
  <si>
    <t>360将联合多国漏洞平台共建世界白帽协同机制</t>
  </si>
  <si>
    <t>一年一度的全球安全盛会RSA将在美国旧金山当地时间2月13日开幕，数个热点安全话题、技术趋势和争议问题受到全球信息安全界的关注。RSA大会是全球信息安全行业最有影响力的盛会之一，至今已经举办了26届，每年有超过4.5万名全球安全从业人员参会。记者从RSA大会获悉</t>
  </si>
  <si>
    <t>双巨头“联姻”欲打通线上线下业务</t>
  </si>
  <si>
    <t>京东日前递交的SEC文件显示，美国零售巨头沃尔玛在2016年末再度增持京东股权，并一跃成为仅次于腾讯、刘强东之后公司的第三大股东。数据显示，截至2016年12月31日，沃尔玛共持有京东23.85亿股A类普通股，占京东A类普通股的12.1%。值得注意的是，这是继2016年6月双方正式达成?</t>
  </si>
  <si>
    <t>瑞士企业税制改革公投未通过</t>
  </si>
  <si>
    <t>12日，瑞士就企业税制改革举行了公投，多数民众反对政府提出的公司减税改革计划。加之瑞士将取消对海外公司的优惠税率，分析人士称，该国的投资吸引力和经济增长前景将受到影响。为避免被列入全球“避税天堂”黑名单，瑞士近年来启动税制改革。迫于欧盟及其他国家的压力</t>
  </si>
  <si>
    <t>马赛的“一带一路”蓝图</t>
  </si>
  <si>
    <t>2月10日，在法国南部城市马赛市圣-安德烈区的一片山坡上，马赛市市长让-克劳德·戈丹左手指着土地，右手挥着讲稿，激情澎湃地说道：“这个项目是我们马赛的真正机遇!”在他背后，火红的中国灯笼高高挂起，与邻近山坡上马赛市政府几个月前竖立的好莱坞式城市名片交相辉映</t>
  </si>
  <si>
    <t>日本经济连续四季度增长</t>
  </si>
  <si>
    <t>日本内阁府13日发布的数据显示，日本经济连续四个季度实现正增长，但未来经济是否能够持续增长仍受制于疲弱的消费和薪资增幅。数据显示，受出口增长提振，经通胀调整后2016年第四季度日本实际国内生产总值（GDP）环比上涨0.2%，按年率计算增长1%，实现连续四个季度经济?</t>
  </si>
  <si>
    <t>巴西建筑公司腐败案何以引发巨震</t>
  </si>
  <si>
    <t>巴西最大建筑公司奥德布雷希特公司在巴西大型反腐“洗车行动”中被揭发，此事近日产生连锁反应。一些拉美国家的领导人牵连其中，遭到本国司法机构调查。分析人士指出，奥德布雷希特案件牵涉拉美多国高层人物，预计将对这些国家的政治和经济领域造成冲击。去年12月，奥德</t>
  </si>
  <si>
    <t>迪士尼拟15亿欧元回购欧洲迪士尼股份</t>
  </si>
  <si>
    <t>美国迪士尼公司日前宣布，将斥资15亿欧元回购欧洲迪士尼股份，全面接盘位于巴黎的迪士尼乐园项目。美国迪士尼在一份声明中表示，将为欧洲迪士尼的股东提供最具灵活性的方案，还将为巴黎游乐园的长期发展继续提供资金支持。据法新社报道，美国迪士尼的报价约合每股2</t>
  </si>
  <si>
    <t>绿地控股与中远海运启动全面战略合作</t>
  </si>
  <si>
    <t>近日，绿地控股与中国远洋海运集团有限公司启动全面战略合作，双方拟在航运物流产业、物流地产开发、金融产业等领域开展全面合作。首批合作项目有望落地包括美国、希腊等海外国家以及上海、武汉、天津、广州等国内主要港口城市。根据此次签署的战略合作协议，双方将整合</t>
  </si>
  <si>
    <t>避险情绪升温推动金价上涨</t>
  </si>
  <si>
    <t>由于投资者担心美国经济政策会增加市场不确定性，国际金价上周继续上涨，涨幅为1.24%。在多空因素势均力敌的情况下，当周纽约和布伦特油价均小幅波动。石油输出国组织（欧佩克）牵头的减产计划近期持续支撑市场，国际油价波动较为平稳。纽约原油期货价格基本稳定在每桶5</t>
  </si>
  <si>
    <t>欧佩克减产履约  原油后市谨慎乐观</t>
  </si>
  <si>
    <t>尽管美国原油库存增幅达到历史次高水平，但由于欧佩克与非欧佩克联合减产的落实情况良好，市场看多情绪高涨，近期国际原油市场横向整理，油价仍维持在50美元/桶之上。近日，普氏公司发布一项调查显示，去年年底签署了减产协议的10个欧佩克成员国1月完成了承诺减产量的91</t>
  </si>
  <si>
    <t>英国议会下院放行“脱欧”法案</t>
  </si>
  <si>
    <t>英国议会下院8日晚投票正式通过政府提交的“脱欧”法案，授权首相特雷莎·梅启动“脱欧”程序。这意味着距英国政府正式获准启动“脱欧”，在法律程序上只剩议会上院投票这一道程序。8日晚，英国下院以494票支持、122票反对的压倒性多数表决支持“脱欧”法案。上周，英国</t>
  </si>
  <si>
    <t>数字时代的清醒思考</t>
  </si>
  <si>
    <t>每个人都是数字时代的囚徒，被各种信息牵引、塑形，看似掌握一切，实则时间、精力被榨干。谁是这个世界的时间窃贼？美国西北大学传播学教授詹姆斯·韦伯斯特在《注意力市场：如何吸引数字时代的受众》一书中，从用户、内容提供者以及测量提供者三个视角全方位解析数字时代的?</t>
  </si>
  <si>
    <t>特朗普的套路与华尔街的“自由”</t>
  </si>
  <si>
    <t>美国总统唐纳德·特朗普近日签署行政令和总统备忘录，拟放松对金融业的监管，为华尔街除去金融危机后被迫戴上的“枷锁”。外界将此举视为其履行放松监管承诺的第一步。也有分析指出，特朗普所言去掉75%的政府监管绝非易事，一场激烈的立法博弈即将拉开序幕。执意放松金?</t>
  </si>
  <si>
    <t>英特尔投资70亿美元在美国建厂</t>
  </si>
  <si>
    <t>美国芯片制造商英特尔8日在白宫宣布，将投资70亿美元完成美国亚利桑那州一家闲置工厂的升级改造。外界普遍认为，此举政治意味明显，是近期大公司迎合特朗普“把就业留在美国”主张的又一案例。当天，美国总统特朗普在白宫与英特尔首席执行官布赖恩·克尔扎尼奇会面。克?</t>
  </si>
  <si>
    <t>人民币离岸在岸双双承压</t>
  </si>
  <si>
    <t>去年10月以来人民币兑美元加速贬值，令在岸人民币资产跨境配置需求激增，离岸人民币则面临流动性紧张格局。业界呼吁，宜继续扩围互联互通机制，在联通更多国际成熟市场的同时，将人民币债市纳入联通范围，以此缓解人民币贬值预期带来的资本外流压力。兑美元持续贬值在岸</t>
  </si>
  <si>
    <t>春节黄金周出境游催热全球旅游市场</t>
  </si>
  <si>
    <t>“本来想和老公出门躲个清静，结果发现了特价机票，最后演变成一家六口一起去美国过年。”家住北京的尹女士告诉《经济参考报》记者，春节期间的拉斯维加斯，基本上大的酒店大堂都贴上了春联，并摆了各种象征中国鸡年的金鸡摆设。许多大商场都推出了针对中国人的打折活动。</t>
  </si>
  <si>
    <t>国产太阳能无人机技术跻身国际前列</t>
  </si>
  <si>
    <t>一架翼展40多米、表面布满太阳能电池板的螺旋桨飞机，静静地停在中国航天空气动力技术研究院的机库里。这架彩虹系列太阳能无人机已完成飞行试验，将于今年测试临近空间高度飞行。空气动力技术研究院无人机总工程师石文介绍，这是美国NASA系列后世界上最大的太阳能无人机</t>
  </si>
  <si>
    <t>美欧滥用规则对华连裁高税率</t>
  </si>
  <si>
    <t>相比起往年年初贸易救济密集立案，今年开年却是略显平静。新发起案件方面，仅有澳大利亚、印度分别对我钢铁和化工产品发起1起反倾销调查。然而，这可能只是暂时的。事实上，从近期美欧连续对我国产品裁出畸高税率以及滥用规则的做法，可以预见贸易保护主义正变本加厉。展望今</t>
  </si>
  <si>
    <t>美国“知华派”建言新政府勿改对华基本战略</t>
  </si>
  <si>
    <t>美国新总统特朗普上台后，全球两个最大经济体的关系应如何发展？美国最了解中国事务的一批政策和学术精英7日在一份联合报告中建议，美国新一届政府不应改变此前历届政府坚守的对华基本战略，但在个别问题上应升级对华压力。这意味着美国“知华派”依然希望延续两国“竞合关系</t>
  </si>
  <si>
    <t>中企投资澳洲如何“入乡随俗”</t>
  </si>
  <si>
    <t>澳大利亚是中国企业走出去的主要目的地之一，曾连续多年成为中国海外直接投资最多的国家。近两年来，由于转变经济增长方式，中国对澳资源能源投资出现退潮，澳大利亚在中国对外直接投资目的地排行榜上降至美国之后，排名第二。新形势下，房地产、基础设施、农业投资成为新的?</t>
  </si>
  <si>
    <t>智库报告：机器人可取代英国25万公共部门职位</t>
  </si>
  <si>
    <t>英国一家名为“改革”的智库6日发布一份报告，预测基于人工智能技术的进步，机器人未来将有可能取代英国公共部门近25万个岗位，从而节省运营成本并提高工作效率。这份报告主要探讨了英国在行政机关、医疗、教育、公共安全等公共部门的劳动力设置，并给出相关建议，其中?</t>
  </si>
  <si>
    <t>意大利最大银行售股筹资应对危机</t>
  </si>
  <si>
    <t>意大利资产规模最大银行裕信银行6日宣布开展大规模的售股计划，拟筹资130亿欧元以便在资产清理后进行资本重组。裕信银行的行为反映了意大利银行业越来越难以应付不良贷款危机，因而展开筹资或资本重整。意大利政府也试图稳定信心。裕信银行当天在售股计划开始后股?</t>
  </si>
  <si>
    <t>IMF称希腊仍需进一步援助</t>
  </si>
  <si>
    <t>据外媒报道，国际货币基金组织（IMF）6日讨论后认为，希腊仍需要进一步的资金援助，但有关希腊目前应达到何种财政目标的分歧仍然没有弥合。分析认为，这意味着第三轮希腊援助资金的发放将继续被延迟。据法新社报道，IMF委员会6日讨论了有关希腊经济以及债务状况的评估。</t>
  </si>
  <si>
    <t>美国逾百家企业联名反对入境限制令</t>
  </si>
  <si>
    <t>连日来，已有127家美国企业向美国联邦第九巡回上诉法院联名递交陈述书，反对美国总统特朗普颁布入境限制行政命令，认为类似限制有损美国企业的竞争力。5日，苹果、脸书、谷歌、英特尔、微软、推特等科技公司及少数非科技公司共97家企业向联邦第九巡回上诉法院递交陈述书</t>
  </si>
  <si>
    <t>全球贸易发展隐忧与跛足的重返亚太战略</t>
  </si>
  <si>
    <t>新任美国总统特朗普上台伊始即宣布退出TPP协议，标志着美国贸易政策的重大调整，预示着全球贸易发展的重大隐忧，全球贸易环境的走向显现出令人担忧的转折点。“买美国货，用美国工”堪称是贸易保护主义的经典表述。贸易保护是否行得通，不仅会受到全球贸易制度环境的约?</t>
  </si>
  <si>
    <t>澳大利亚严打外国人非法置业</t>
  </si>
  <si>
    <t>澳大利亚政府6日宣布，强化对外国投资者在澳非法置业的打击力度。近两年来，已经强制出售总价值1.07亿澳元（约合8202万美元）的房产。其中四成是中国富商违规购买的豪宅。澳大利亚联合通讯社等媒体报道，2015年2月，时任澳大利亚总理托尼·阿博特和国库部长乔·霍基共同</t>
  </si>
  <si>
    <t>全球基本走出通缩阴影</t>
  </si>
  <si>
    <t>美国、英国、德国等发达经济体近日相继公布了CPI数据，接近或略微超过2%。由此，关于低通胀时代是否已经结束的讨论也热烈起来。一个基本的的判断是，发达经济体通缩阴影缓慢消退，这些国家正行进在从极低通胀转为适度通胀的道路上，全球物价总水平在一定时期内可能保持稳定、</t>
  </si>
  <si>
    <t>安倍访美谈经贸  欲献千亿“大礼包”</t>
  </si>
  <si>
    <t>日本首相安倍晋三定于本月10日出访美国，将与美国总统特朗普围绕经贸、汇率、外交、军事等多个领域进行会谈。据外媒报道，在本次出访前，安倍政府积极制定日本在美投资经商，促进就业的合作计划，预计规模达数千亿美元，以此弥合日美在经贸领域的利益分歧，强化日美同盟</t>
  </si>
  <si>
    <t>美国金融监管改革接近拐点？</t>
  </si>
  <si>
    <t>美国总统特朗普又兑现了一项竞选承诺，日前他要求财政部对现行金融监管法案进行重新审查。此举被美国媒体解读成华尔街“松绑”的第一步。废除奥巴马时期颁布的金融监管法案，是特朗普的一贯主张。早在美国大选时期，特朗普团队就将这一条写入了竞选纲领，当时华尔街普遍</t>
  </si>
  <si>
    <t>特朗普怒斥“强势美元”说给谁听？</t>
  </si>
  <si>
    <t>罗伯特·鲁宾1995年出任美国财长后，“强势美元”一直是美国财政部坚持的国策之一，这也被认为是美国强大经济实力的必然结果。但是，随着美国政治进入特朗普时代，不少规则已改，很多惯例不再，强势美元也遭到公开质疑，以至于让不少人担心，一场货币战争可能正在酝酿中。</t>
  </si>
  <si>
    <t>减产遭遇“绊脚石”  国际油价走势趋稳</t>
  </si>
  <si>
    <t>近几天来，国际石油市场企稳。一方面，欧佩克成员国减产政策开局良好，提振市场信心；但另一方面，美国页岩油生产复苏势头强劲，原油库存量不断攀升，拖累了国际油价上行步伐。今年我国春节长假期间，纽约原油期货价格基本在每桶52美元至53美元附近波动；布伦特油价在每</t>
  </si>
  <si>
    <t>汇市“黑天鹅”潜伏  美元或成“大赢家”</t>
  </si>
  <si>
    <t>2017年的外汇市场充满变数。其中，美元、欧元、英镑、日元和加元的不确定性较大，“黑天鹅”或出没其中，投资者应密切关注市场变化。美元：特朗普刺激计划存变数因预期美国经济增长将走强且利率会进一步上扬，市场普遍预计美元将成为2017年的“大赢家”。但鉴于新?</t>
  </si>
  <si>
    <t>美利率不变  夏季加息预期渐起</t>
  </si>
  <si>
    <t>美联储于1月31日至2月1日举行货币政策例会。会后声明称，维持联邦基金利率在0.5%-0.75%不变，符合预期。声明表现出美联储对美国经济的信心，近日公布的一系列美国经济数据也可圈可点。目前，市场预期今年首次加息时间大概在六七月份。此次美联储声明与上次声明相比措辞?</t>
  </si>
  <si>
    <t>冰旅馆：瑞典旅游的金字招牌</t>
  </si>
  <si>
    <t>位于瑞典北极圈以北200公里内，尤卡斯耶尔维小镇的冰旅馆是全球第一家用冰和雪铸就而成的酒店。自28年前推出以来，每个冬季都会重新铸就，并以全新的冰雪艺术设计开放。而最新一期冰旅馆则是结合了新能源技术进行创新，推出了升级版的“冰旅馆360”，让游客在一年中的任何时?</t>
  </si>
  <si>
    <t>美指责多国操控汇率遭反驳</t>
  </si>
  <si>
    <t>特朗普就任美国总统半个月，除了宣布美国正式退出TPP、推动石油管线建设、修建美墨边境墙、要求汽车巨头在美设厂外，近日又将汇率操控矛头指向德、日、中三国。特朗普与美国国家贸易委员会主席纳瓦罗对德国、日本、中国提出批评，称这三个国家令本币贬值，让美国吃了亏?</t>
  </si>
  <si>
    <t>火爆!中国春节将成全球黄金周</t>
  </si>
  <si>
    <t>“今年春节，我们全家打算去泰国过年，一方面可以避寒，一方面也体验一下不一样的气氛。”家住北京的杨女士告诉《经济参考报》记者，已经有越来越多的朋友不拘泥于过春节必须回家的惯例。春节将至，来自国家旅游局日前发布的统计数据显示，今年春节长假期间旅游市场将接</t>
  </si>
  <si>
    <t>创新驱动是缔造世界级电动汽车品牌的根基</t>
  </si>
  <si>
    <t>蒸汽火车的发明，把能源（煤炭）和运输方式第一次交织在一起，开始了以英国为主导的第一次工业革命。内燃机汽车的发明，使能源（石油）和运输方式第二次交织，产生了以美国和德国为主导的第二次工业革命。当以互联网、新能源为代表的第三次工业革命的浪潮开始显现时，互联网?</t>
  </si>
  <si>
    <t>美国2017财年财政赤字预计小幅下降</t>
  </si>
  <si>
    <t>美国国会预算局24日预测，由于支出有所下降，2017财年（2016年10月1日至2017年9月30日），美国联邦政府财政赤字会小幅下降。跨党派的国会预算局在2017年至2027年预算与经济展望报告中说，2017财年美国政府财政赤字将从2016财年的5870亿美元小幅降至5590亿美元；财政赤字</t>
  </si>
  <si>
    <t>特朗普敦促汽车巨头在美扩大产能</t>
  </si>
  <si>
    <t>据外媒报道，美国总统特朗普1月24日与通用汽车、福特汽车和菲亚特克莱斯勒等三大汽车巨头高管会面，敦促他们在美国设厂生产汽车。特朗普当天还签署了一份文件，表示将简化与制造业相关的审批和监管程序。特朗普当天在与三大汽车巨头高管会面时说，新政府将大幅放松监管?</t>
  </si>
  <si>
    <t>中电联：今年用电量增速料低于5%</t>
  </si>
  <si>
    <t>中国电力企业联合会（“中电联”）25日发布《2016-2017年度全国电力供需形势分析预测报告》（《报告》），预计2017年全社会用电量增速将低于2016年的5%，全年新增装机略超1亿千瓦，年底发电装机容量达到17.5亿千瓦左右，其中非化石能源发电装机比重进一步提高至38%左右；全国</t>
  </si>
  <si>
    <t>力拓将澳最大煤炭业务售予兖矿集团</t>
  </si>
  <si>
    <t>国际矿业巨头力拓24日发布声明表示，同意以24.5亿美元的价格，将位于澳大利亚新南威尔士州的煤矿资产出售给中国兖矿集团在澳的子公司——兖煤澳大利亚有限公司。兖煤澳大利亚也因该交易成为澳最大的专营性煤炭生产商。力拓表示，公司将出售其澳大利亚最大的煤炭业务，即</t>
  </si>
  <si>
    <t>美退出TPP  各国反应不一</t>
  </si>
  <si>
    <t>1月23日，美国总统特朗普签署总统令宣布正式退出TPP，全球各界人士纷纷予以关注和评价。据报道，特朗普当天在有关退出跨太平洋伙伴关系协定（TPP）的总统令上签字。总统令上写明“永久退出TPP”，明确美国不会同意重新谈判。特朗普还表示，退出TPP的决定对于美国工人来?</t>
  </si>
  <si>
    <t>特朗普上台为美拉经贸合作带来变数</t>
  </si>
  <si>
    <t>美国总统特朗普22日宣布，美国将和墨西哥、加拿大就北美自由贸易协定重新进行谈判。他还将与计划本月底访美的墨西哥总统培尼亚讨论“移民和边境安全问题”。分析人士指出，特朗普及其内阁成员近来涉及美国与墨西哥、古巴等国关系的表态，以及保守的贸易政策，加剧了美国</t>
  </si>
  <si>
    <t>应对美贸易保护须保持战略定力</t>
  </si>
  <si>
    <t>美国总统特朗普23日签署行政命令，正式宣布美国退出跨太平洋伙伴关系协定（TPP），兑现其竞选承诺。与此同时，北美自由贸易协定（NAFTA）正面临重新谈判的命运，特朗普加征边境税的口号也越喊越响。这一连串行动透露出，特朗普此前有关贸易方面的强硬表态正付诸实施，美国贸?</t>
  </si>
  <si>
    <t>瑞典商业环境缘何全球最佳？</t>
  </si>
  <si>
    <t>北欧国家瑞典摘得《福布斯》2017年全球商业环境排行榜的桂冠并不是巧合。在西方发达国家饱受经济危机的困扰、经济复苏增长乏力的环境下，外向型经济的瑞典却在危机中屹立不倒，又在近年来的不断改革中，持续优化该国的投资环境以及投资吸引力。《福布斯》日前发布的全球</t>
  </si>
  <si>
    <t>外资抢滩中国市场“新蓝海”</t>
  </si>
  <si>
    <t>由于国内市场增长放缓、制造业成本不断攀升等因素，近两年，我国吸引外资已从高速增长转向中低速平稳增长，但中国庞大的市场对外资依然充满诱惑。联合国贸易和发展组织发布的2016年《世界投资报告》认为，从全球比较看，中国仍是最具吸引力的投资目的地之一。《经济参考</t>
  </si>
  <si>
    <t>特朗普即将开启新贸易关系对话</t>
  </si>
  <si>
    <t>随着特朗普正式就职担任美国总统，其竞选时提出的经济主张大部分开始进入实施阶段，尤其是对全球会造成重要影响的贸易收紧政策令主要经济体瞩目。近期他将与英国首相特雷莎·梅等海外政要会晤，就贸易合作等议题进行讨论。重振美国就业和增长美国总统特朗普20日?</t>
  </si>
  <si>
    <t>如果英国“净脱欧”会怎样？</t>
  </si>
  <si>
    <t>英国首相特雷莎·梅17日首次就英国与欧盟的“脱欧”谈判目标表态，强调英国将进行“硬脱欧”，并誓言要从欧盟拿回边境控制权，以限制进入英国的欧洲移民人数。梅的这份“路线图”有几个特点：第一，将限制移民作为比留在欧洲共同市场更为重要的目标，凸显了英国政府回?</t>
  </si>
  <si>
    <t>优步因误导司机在美被罚2000万美元</t>
  </si>
  <si>
    <t>据外媒报道，美国打车服务平台优步已经同意支付2000万美元，以和解美国监管机构有关其夸大司机收入和车辆金融项目等方面宣传的指控。美国联邦贸易委员会表示，这笔2000万美元的资金将用于补偿受到影响的优步签约司机，此外，优步还需停止在收入和车辆金融项目方面误导?</t>
  </si>
  <si>
    <t>达沃斯变中求解全球治理难题</t>
  </si>
  <si>
    <t>第47届世界经济论坛年会17日至20日在瑞士达沃斯举行，来自全球的3000多位嘉宾参会，其中包括2000多位政界和商界领袖。与上一次论坛年会时相比，全球经济正在低增长中面临着更多意外冲击，民粹主义抬头、反全球化思潮高涨，难民问题严峻、气候变化行动受阻等挑战层出不穷</t>
  </si>
  <si>
    <t>中行跨境金融服务创新：让老外帮咱精准扶贫</t>
  </si>
  <si>
    <t>2016年10月，荷兰著名农业企业哈克集团宣布在陕西贫困县旬邑投资马铃薯种薯和果树种苗繁育基地，引起荷兰政府及媒体关注。这是中国银行境内外机构联手促成的项目。记者在哈克集团及中国银行欧洲分支机构采访调研后发现，中国银行用心做好跨境对接，引导国外优质资源，使其精?</t>
  </si>
  <si>
    <t>诺奖一年  屠呦呦“心事”未了</t>
  </si>
  <si>
    <t>屠呦呦，中国中医科学院首席研究员、中国中医科学院青蒿素研究中心主任，2011年美国拉斯克临床医学奖获得者，2015年诺贝尔生理学或医学奖获得者。她从大量中医古籍中筛选出中药青蒿作为抗疟疾首选药物，率先发现青蒿有效部位乙醚提取物。近日，国家将中国科技界的最高荣誉，?</t>
  </si>
  <si>
    <t>美联储有意加快渐进加息步伐</t>
  </si>
  <si>
    <t>北京时间19日凌晨，美联储主席耶伦在旧金山“共和俱乐部”发表讲话时称，美联储官员预期到2019年底前，每年加息数次，但加息步伐最终将取决于美国经济表现，美国无须急速加息。2015年底美联储启动加息进程以来，2016年仅加息一次，因此，此番表态意味着美联储在美国经济</t>
  </si>
  <si>
    <t>英美烟草公司494亿美元收购雷诺兹</t>
  </si>
  <si>
    <t>据外媒报道，英美烟草公司（BAT）宣布，公司已经同意以494亿美元收购美国竞争对手雷诺兹烟草。收购交易完成后，从营业收入和市值计算，新公司将成为全球最大的上市烟草公司。根据协议，英美烟草公司将以每股29.44美元现金和0.526股的公司普通股，交换1股雷诺兹股票，从</t>
  </si>
  <si>
    <t>“最强大脑”怎么看全球化未来</t>
  </si>
  <si>
    <t>英国是个智库大国。英国智库不仅在数量与规模上位居世界前列，其质量和影响力更是不容小觑。根据宾夕法尼亚大学全球智库报告项目和美国《外交政策》杂志等多方的评选，英国皇家国际问题研究所都仅次于美国的布鲁金斯学会，稳坐世界智库的“第二把交椅”。如果说成立于1</t>
  </si>
  <si>
    <t>报告：在华美资企业认为中美双边关系至关重要</t>
  </si>
  <si>
    <t>全球知名咨询公司贝恩与中国美国商会18日联合发布《2017年度中国商务环境调查报告》显示，随着中国经济增速放缓，在中国经营的美资企业越来越关注中美两国双边关系的健康发展。报告显示，72%的受访者表示，健康、积极的中美双边关系将对其业务产生重要的影响。面对已经</t>
  </si>
  <si>
    <t>在达沃斯观世界之变与不变</t>
  </si>
  <si>
    <t>17日，被冰雪覆盖的瑞士东南部小镇达沃斯又热闹起来，全球各界领袖精英如约而至，继续“致力于改善世界状况”。事实上，如果把每年1月的世界经济论坛达沃斯年会当作标尺——而不仅是风向标，用它衡量过去一年人类社会取得的进步，再去定位未来一年亟须做出的改变，就不</t>
  </si>
  <si>
    <t>民粹主义兴起  全球市场陷入摇摆</t>
  </si>
  <si>
    <t>无论是英国“脱欧派”的胜利，还是欧洲多个国家右翼政党的支持率不断上升，亦或特朗普在美国总统大选中脱颖而出，均显示出民粹主义正在抬头。如果说2016年是“黑天鹅之年”的话，2017年更是充满了各种不确定性，这些不确定性带来的宏观风险正主导整个市场。全球顶级咨?</t>
  </si>
  <si>
    <t>特朗普征税威胁忽视经济学真相</t>
  </si>
  <si>
    <t>美国当选总统特朗普日前接受德国媒体采访时，批评德国宝马、戴姆勒、大众等汽车公司没有在美国国内生产更多汽车，威胁将对他们在墨西哥生产而出口到美国的汽车征收35%的惩罚性关税。此前特朗普已对美国通用、福特和日本丰田等汽车公司发表过相同的征税威胁，他的这一策略真的</t>
  </si>
  <si>
    <t>“三桶油”全面改革路线图浮出水面</t>
  </si>
  <si>
    <t>低油价时代，随着油气体制改革渐近和国有企业改革提速，因垄断而颇受外界诟病的“三桶油”也行动起来。《经济参考报》记者获悉，近日中石油、中石化、中海油相继召开2017年工作会议，全面改革路线图浮出水面，整合重组和混改成为主要着力点。业内人士认为，深处“寒冬?</t>
  </si>
  <si>
    <t>IMF：中美刺激政策助推全球经济</t>
  </si>
  <si>
    <t>国际货币基金组织（IMF）16日发布《世界经济展望报告》，对美国和中国的经济刺激政策前景表示乐观，预计今明两年全球经济分别增长3.4%和3.6%，明显高于去年3.1%的增速，呈现增长势头扩大趋势。IMF表示，全球经济下行风险犹存，潜在的风险来源包括保护主义上升、资金环?</t>
  </si>
  <si>
    <t>正视中美经贸合作变局</t>
  </si>
  <si>
    <t>树欲静而风不止。经贸合作是中美关系稳定发展的压舱石，但随着美国政府的更迭，一系列新变数正对中美经贸合作带来新冲击。尤其是美国新当选总统在对华贸易上的冲动评论，以及多个被认为是“贸易鹰派”官员的任命，让很多人担心中美经贸合作会受到影响。我们当然不能夸?</t>
  </si>
  <si>
    <t>日本股市跌至五周最低点</t>
  </si>
  <si>
    <t>受日元升值和经济数据不佳等因素影响，日本股市17日跌至一个多月以来最低点。其他亚太主要股市则多数出现小幅波动。东京股市16日、17日连续两日回调，日经225种股票平均价格指数17日比上一交易日下跌281.71点，收于18813.53点，跌幅为1.48%，为五周以来最低收盘价；东?</t>
  </si>
  <si>
    <t>罗尔斯·罗伊斯8亿美元了结贿赂案</t>
  </si>
  <si>
    <t>欧洲最大的航空发动机企业罗尔斯·罗伊斯公司16日宣布，该公司已经与英国、美国等地监管机构就行贿及腐败指控达成和解，和解金额为8亿美元。公司将向英国严重欺诈调查局（SFO）支付超过4.97亿英镑的罚金，该机构2012年起开始调查罗尔斯·罗伊斯在印尼等海外市场的行贿?</t>
  </si>
  <si>
    <t>做大中欧班列还需发展多式联运</t>
  </si>
  <si>
    <t>中欧班列作为贯穿欧亚大陆的陆上快速通道，不仅事关国家安全战略，而且充当着“一带一路”的桥梁和纽带。然而，因往返货源紧张，各地纷纷以补贴争抢货源而恶性竞争。专家建议，通过多式联运拓展海内外货源，提升中欧班列辐射力，发展覆盖亚太地区的转口贸易，做大以中欧班列?</t>
  </si>
  <si>
    <t>瑞典迈向“无纸币化”</t>
  </si>
  <si>
    <t>身上没有现金在瑞典是一件大家早已习以为常的事情，无论是公共交通售票，还是商场购物，都可以轻松告别携带现金的不便，电子钱包和银行卡支付早已成为主流。就连以前需要投币才能使用的公共洗手间都可以通过电子支付来完成，丝毫不用担心自己身上是否携带了硬币现金。?</t>
  </si>
  <si>
    <t>英首相将公布“脱欧路线图”</t>
  </si>
  <si>
    <t>英国首相特雷莎·梅定于17日宣布该国脱离欧盟的执行方案，外界普遍预计在这场将持续两年的分离谈判中英国态度将强硬，准入欧盟单一市场的待遇存在较大挑战。市场的预期转化为对英国经济前景的投票，导致英镑大跌。英国新政府执政后，始终未公布“脱欧路线图”。梅曾表?</t>
  </si>
  <si>
    <t>默文·金：低利率政策无助于持续增长</t>
  </si>
  <si>
    <t>英国央行前行长默文·金日前在清华大学发表演讲时表示，需要认真分析世界经济停滞背后更深层次的原因，低利率无助于经济持续增长。默文·金表示，在金融危机结束大致十年后，经济增长速度大不如前，而利率降至零附近并大量印钞后，仍未见到可持续的经济恢复，2017年或?</t>
  </si>
  <si>
    <t>达沃斯聚焦全球经济领导力</t>
  </si>
  <si>
    <t>世界经济论坛2017年年会17日至20日在瑞士达沃斯举行。本次达沃斯冬季年会有3000多位嘉宾参会，其中包括2000多位政界和商界领袖。外交部副部长李保东表示，习近平主席将于1月17日出席在瑞士达沃斯举行的世界经济论坛2017年年会。此次年会主题为“领导力：应势而为、勇于</t>
  </si>
  <si>
    <t>盖达尔论坛把脉俄罗斯经济</t>
  </si>
  <si>
    <t>素有俄罗斯“达沃斯论坛”之称的盖达尔论坛14日在莫斯科落下帷幕，与会者围绕发掘俄经济稳定增长的新模式等议题展开讨论，把脉俄经济。本届论坛为期三天，主题为“俄罗斯与世界：优先选择”。俄总理梅德韦杰夫发表演讲时强调，经济发展机制改革将是俄罗斯未来至少15年?</t>
  </si>
  <si>
    <t>达沃斯近年主题中的玄机</t>
  </si>
  <si>
    <t>编者按：从即日起，本报特设“达沃斯笔记”专栏，由世界经济论坛达沃斯年会新华社报道团队成员及本报资深国际编辑共同主笔，与您共享一年一度的思想盛宴。瑞士东部小镇达沃斯17日再次迎来一年一度的世界经济论坛年会（又称“达沃斯论坛”）。每年，达沃斯论坛都会设置?</t>
  </si>
  <si>
    <t>“多支柱”支撑养老金融创新发展</t>
  </si>
  <si>
    <t>人口老龄化是一个全球性问题。对中国而言，老龄化将呈现速度更快、间隔更短、负担更重的趋势。若按国际标准，将65岁以上人口占比从7%提高至14%作为衡量人口“老化”的标志，西方主要发达国家完成这一转变的时间跨度通常在40-100年，日本为25年。据联合国预测，中国最早</t>
  </si>
  <si>
    <t>“脱欧”不再是英国金融最大威胁</t>
  </si>
  <si>
    <t>英国央行行长马克·卡尼11日表示，从英国公投“脱欧”后几个月金融市场较为稳定的形势来看，英国“脱欧”不再是英国金融稳定面临的最大威胁。但分析指出，今年“脱欧”对经济的影响仍可能逐步显现，其中包括加剧英镑走低和通胀走高等风险。卡尼11日在英国议会接受质询?</t>
  </si>
  <si>
    <t>“造就”汤维维：打造剧场式演讲的中国样本</t>
  </si>
  <si>
    <t>提及“剧场式演讲”，很多人首先想到的就是TED。这款源于美国的剧场式演讲品牌，让形色各异的人都站上了讲台，演讲者几乎将毕生所学浓缩于15分钟演讲之中。中国能否诞生自己的剧场演讲品牌呢？在上海，一款名为“造就”的剧场演讲品牌，创立近一年来，已举办了30</t>
  </si>
  <si>
    <t>正向开发成自主品牌车企必由之路</t>
  </si>
  <si>
    <t>2017年北美车展已于当地时间1月9日（北京时间1月10日）在底特律COBO中心开幕。本次北美车展上，广汽传祺全球首发了纯电动新能源SUV GE3和插电式混合动力跨界概念车EnSpirit两款重磅新车型，成为北美车展百年历史上首个进入主会场的中国汽车品牌。事实上，对自主品牌车?</t>
  </si>
  <si>
    <t>世行预计今年全球经济增长2.7%</t>
  </si>
  <si>
    <t>世界银行10日发布《全球经济展望》报告（以下简称报告）指出，随着制约出口大宗商品的新兴市场和发展中经济体增长障碍逐渐消退，进口大宗商品的新兴市场和发展中经济体内需保持稳固，2017年全球经济增长预计将温和回升至2.7%。报告指出，2017年发达经济体增速预计将小?</t>
  </si>
  <si>
    <t>中国人需要什么样的SUV</t>
  </si>
  <si>
    <t>SUV无疑已成全球最热门车型，在中国、美国、欧洲这三个最重要的汽车市场上，SUV的风头已经盖过传统的轿车。不过，对中国用户而言，多大的SUV算是“合理的尺寸”？以中国的油价和紧张的停车空间来看，美式全尺寸SUV无疑是不合理的。而且，美国的人工成本非常高，?</t>
  </si>
  <si>
    <t>中小企业成贸易全球化重要变量</t>
  </si>
  <si>
    <t>1月10日凌晨，阿里巴巴董事局马云在美国纽约特朗普大厦与美国当选总统唐纳德·特朗普进行了会面交流，会后，特朗普称“我们有个很好的会面”，对马云本人也不吝赞词。特朗普的积极表态并非出于客套，而是源于与马云就聚焦中小企业所达成的合作共识。全球经济低迷，贸易</t>
  </si>
  <si>
    <t>奥巴马发表卸任演说捍卫政策遗产</t>
  </si>
  <si>
    <t>美国总统贝拉克·奥巴马于当地时间10日在美国伊利诺伊州芝加哥市发表告别演说，回顾了自己八年执政经历，并对美国未来发展提出建议。奥巴马10日下午第445次乘坐“空军一号”，并赴芝加哥发表卸任演说，约1.8万人到麦克考米克广场的湖滨会议中心倾听演讲。奥巴马2008年?</t>
  </si>
  <si>
    <t>特朗普内阁经济主张渐明</t>
  </si>
  <si>
    <t>美国候任总统特朗普9日任命其女婿贾里德·库什纳为白宫高级顾问，美国总统内阁成员基本敲定，预计大部分人员本周将通过国会听证。以亲信、富商为主要构成的特朗普内阁，被认为将能高效贯彻各项经济主张，但外界对于其税收、贸易等政策措施存在一些质疑。特朗普最新任命</t>
  </si>
  <si>
    <t>英国“硬脱欧”预期强化致英镑走软</t>
  </si>
  <si>
    <t>英国首相特蕾莎·梅表示，将坚持在英国“脱欧”之后推行边境管控政策，这更一步加强了外界对于梅“硬脱欧”立场的预期，导致英镑9日大幅下滑至两个月以来低点。9日，英镑对多数主要货币的汇率均出现下滑，跌幅普遍为1%左右，英镑对美元汇率下降1.05%，至1英镑兑1.2155?</t>
  </si>
  <si>
    <t>全球车企缘何青睐墨西哥</t>
  </si>
  <si>
    <t>美国候任总统特朗普近日连续在社交媒体推特上发文，威胁将对在墨西哥设厂制造并出口美国的汽车征收高额关税。分析人士认为，特朗普之所以对福特、通用汽车、丰田等在墨设厂车企再三发难，是因为墨西哥作为全球最具吸引力的汽车生产地之一，已威胁到美国本土的汽车制造?</t>
  </si>
  <si>
    <t>美国民众真的反对全球化吗？</t>
  </si>
  <si>
    <t>在解释2016年美国总统大选反映出来的反全球化情绪时，一种流行观点是自由贸易受到美国精英阶层欢迎但普通民众并不支持。然而，这种观点与民意调查得出的结论并不一致。盖洛普咨询公司调查显示，上世纪90年代中期以来的大部分时间里，多数美国民众认为国际贸易对美国经?</t>
  </si>
  <si>
    <t>CES引领全球消费电子“风向标”</t>
  </si>
  <si>
    <t>2017年美国拉斯维加斯消费电子展（CES）进入尾声。虚拟现实、自动驾驶、3D打印、智能家居、无人机、可穿戴设备……几乎整个消费技术生态系统的产品和技术领域都充满看点，预计今年发布新品数量将超过2万件。今年的CES于当地时间1月5日正式开幕。CES创办已有50周年，逐?</t>
  </si>
  <si>
    <t>索恩的英式收藏</t>
  </si>
  <si>
    <t>如果伦敦有“鬼魂”，那它一定飘荡在约翰·索恩爵士的故居里。而且，它一定就是索恩先生本人的“魂儿”。索恩是英国19世纪知名的建筑设计师，擅长新古典主义，伦敦地标建筑英格兰银行大楼就是他的杰作。这个砖瓦匠的儿子最得意的作品应该是他那套伦敦市中心的居所，因?</t>
  </si>
  <si>
    <t>特朗普反对丰田在墨西哥设厂</t>
  </si>
  <si>
    <t>据外媒报道，当地时间1月5日，继福特和通用汽车之后，美国候任总统特朗普向日本丰田汽车“发难”，反对其在墨西哥设厂。特朗普在其推特账户上发文称，丰田汽车计划在墨西哥设厂，生产新花冠汽车销到美国。休想!丰田要不就在美国设厂生产，要不就等着缴纳大额边境税。这</t>
  </si>
  <si>
    <t>新年首周大宗商品大多上涨</t>
  </si>
  <si>
    <t>2017年第一周，在乐观情绪支撑下，纽约和伦敦油价当周略微上涨0.5%，国际金价上涨1.88%。当周油价四个交易日有三日上涨。美国能源信息局5日公布的数据显示，上周美国全国商业原油库存减少710万桶至4.79亿桶，利好消息支撑当天油价上涨。6日消息称，沙特阿拉伯和科威特?</t>
  </si>
  <si>
    <t>且看特朗普贸易政策如何布局</t>
  </si>
  <si>
    <t>美国当选总统特朗普日前宣布，提名里根政府时期贸易官员罗伯特·莱特希泽出任美国贸易代表一职。至此，特朗普的贸易政策团队已初步成形。贸易是特朗普竞选的核心主题之一。他曾承诺，上任后退出跨太平洋伙伴关系协定（TPP），就北美自贸协定重新谈判，对进行不公平贸易</t>
  </si>
  <si>
    <t>连通性成为地缘政治新趋势</t>
  </si>
  <si>
    <t>全球战略分析家帕拉格·康纳在其今年出版的新著《连接力地图：描绘全球文明的未来》中表示，随着国家和区域间互联互通对世界经济发展的影响增强，巨型城市群不断成型，加大对连通性建设的投入或将成为全球地缘政治重要趋势。帕拉格·康纳现任新加坡国立大学亚洲与全球?</t>
  </si>
  <si>
    <t>美元短线下行调整  欧元强力反弹回升</t>
  </si>
  <si>
    <t>美联储本周公布了万众瞩目的2016年12月会议纪要，内容显示，决策者警告特朗普政府拟实施的财政刺激措施会带动通胀风险，这打压美元指数一路跌向102.00的关口附近。会议纪要显示，美联储2016年12月启动一年内首次加息在很大程度上是基于市场对美国大选反应以及激进财政?</t>
  </si>
  <si>
    <t>“瑞典模式”何去何从</t>
  </si>
  <si>
    <t>在欧洲乃至全世界,瑞典都可以说是一个很特殊的国家。两百多年没有战争，两次世界大战都没有被卷入，有组织完善而又十分强大的工会组织，有早在20世纪初就进入了议会的社会民主党（简称社民党）。该党自1932年以来，大部分时间一直主宰着瑞典的政治舞台，并在2014年大选中，再</t>
  </si>
  <si>
    <t>中资加深巴西市场参与度</t>
  </si>
  <si>
    <t>2016年巴西政局跌宕起伏、经济持续衰退，但中国和巴西之间的双边投资持续增长，中资企业对巴西市场参与度进一步加深。日前，中国驻巴西使馆公使衔经济商务参赞夏晓玲在接受《经济参考报》记者采访时，作出了以上表示。受世界经济复苏缓慢、国际市场大宗商品价格下降的?</t>
  </si>
  <si>
    <t>住房信贷政策应“爱憎分明”</t>
  </si>
  <si>
    <t>2016年以来一二线城市房价上涨过快，局部房价存在泡沫似乎已成为共识。有人认为，抑制泡沫就必须去杠杆。从整体上看，中国目前的房地产杠杆到底是高还是低，需要认真剖析。事实上，从房贷存量和GDP之比来看，我国远远低于美国和日本。目前中国居民部门的资产负债率也低</t>
  </si>
  <si>
    <t>如何应对2017全球经济六大挑战</t>
  </si>
  <si>
    <t>在全球迈入新年之际，国际货币基金组织（IMF）秘书长林建海、IMF经济学家刘菲接受新华社《经济参考报》独家专访。他们认为，2017年将是挑战和机遇并存的一年，世界经济将面临六大挑战，而推动开放、科技创新、信息传播这些经济发展的原动力，则是2017年全球经济政策的重中之?</t>
  </si>
  <si>
    <t>美国经济增长2017年难提速</t>
  </si>
  <si>
    <t>美国经济近几年持续温和复苏，不少分析预计，2016年美国经济增速将在2%左右。2016年特朗普意外当选美国总统，其扩大财政刺激和减税等经济主张令外界预期经济将加速增长。但随着美国就业市场接近充分就业，经济或将维持缓慢增长的长期趋势，特朗普的经济政策主张落实情况也存?</t>
  </si>
  <si>
    <t>全球金融市场存在哪些风险</t>
  </si>
  <si>
    <t>回首2016年，全球不确定事件频发，金融市场波动加剧。年初黄金价格大幅攀升；2月全球股市遭遇黑色一周；6月英国公投“脱欧”重创英镑和欧元；11月美国大选特朗普超预期胜出，推升美元指数大幅上涨；12月美联储上调2017年加息次数预估。展望2017年，全球金融市场会有哪些潜存?</t>
  </si>
  <si>
    <t>专家：欧元对美元汇率将进一步走弱</t>
  </si>
  <si>
    <t>欧洲一些专家和金融机构近日预测，受欧美货币政策分化、美国经济复苏程度超过欧元区等因素影响，2017年欧元对美元将继续面临较大贬值压力。欧洲央行的数据显示，2016年，欧元对一篮子货币的名义有效汇率上涨约1.4%，但对美元贬值近5%。欧洲经济研究中心教授弗里?</t>
  </si>
  <si>
    <t>新兴经济体经济适应性和活力增强</t>
  </si>
  <si>
    <t>众多国际机构预计，在经历外部环境波动、大宗商品价格前期走低等负面影响后，新兴经济体将逐步摆脱2016年的颓势，新的一年经济活力将会增强。瑞士信贷银行《2017年投资展望》报告说，由于政治相对稳定，多个新兴经济体已经出现经济复苏。过去10年来，新兴经济体越来越?</t>
  </si>
  <si>
    <t>且看特雷莎·梅如何让英国“脱欧”</t>
  </si>
  <si>
    <t>这个女人不简单。上任至今六个月，英国历史上第二位女首相特雷莎·梅已经充分展露了她的坚毅性格、政治野心和高超手腕。2016年6月，英国全民公决“脱欧”、前首相卡梅伦突然宣布辞职，举世哗然。英镑狂跌，保守党和反对党工党内讧不断，精英与民众争吵不休，苏格兰和北</t>
  </si>
  <si>
    <t>访日游客：日本经济的一抹亮色</t>
  </si>
  <si>
    <t>2018年以来，日本先后受到夏季暴雨、强台风“飞燕”袭击以及大阪、北海道地震等一系列自然灾害重创，外国访日游客人数一度严重下滑。不过，日本国土交通省观光厅近日宣布，截至12月18日，2018年访日外国游客突破3000万人次大关，创下历史新高。日本内阁官房长官菅义伟和</t>
  </si>
  <si>
    <t>俄欧前三季度贸易额上涨超两成</t>
  </si>
  <si>
    <t>俄罗斯驻欧洲联盟代表弗拉基米尔·奇若夫说，俄罗斯与欧盟今年前三个季度贸易额同比增长超过两成。俄罗斯《消息报》27日刊发对奇若夫的专访。奇若夫说，今年前9个月，俄欧贸易额同比增长21.5%；俄罗斯向欧盟出口增长29%，从欧盟进口增长7.4%。贸易额增长受到外汇市场变?</t>
  </si>
  <si>
    <t>两个月跌40%  油市2019年重寻平衡点</t>
  </si>
  <si>
    <t>年底的原油市场一再超出投资者预期，随着市场对经济前景的担忧，国际油价接连暴跌创下新低，业界专家认为，当前的原油市场或与2014年的情形类似，在欧佩克和非常规油气开采的博弈中，2019年油市可能重新寻求新的平衡点。到25日收盘，上海市场原油期货价格跌至每桶355.6?</t>
  </si>
  <si>
    <t>沿海地区污染物“排海工程”浩大</t>
  </si>
  <si>
    <t>《经济参考报》记者获悉，我国海洋污染形势严峻，一些地方陆源污染超标排放仍突出。由于入海污染物排放标准低于陆地污染物排放标准，不少沿海地区“排海工程”浩大。新一轮海洋环境保护法执法检查时隔20年后再度拉开大幕，部分流域水污染物排海总量控制试点也将开启。在专家?</t>
  </si>
  <si>
    <t>油价寄望2019年寻得平衡</t>
  </si>
  <si>
    <t>伴随着市场对供过于求的担忧日益升温，国际油价10月以来接连暴跌，近期更是受美股大跌影响大幅下滑。分析认为，当前的原油市场充满对供应过剩的担忧情绪，短期仍面临下行压力，但在石油输出国组织(欧佩克)及其盟友和非传统石油生产方的博弈中，2019年油市仍有可能寻得新的平?</t>
  </si>
  <si>
    <t>2018年国际十大经济新闻</t>
  </si>
  <si>
    <t>1、德法等60余国家和地区将人民币纳入外汇储备德国和法国1月15日宣布已经将人民币纳入外汇储备，欧元区两大经济体对人民币投下信任票。目前，全球已有60多个国家和地区央行将人民币纳入外汇储备，包括欧洲央行、法国央行、俄罗斯央行、新加坡央行等。从建立人民币?</t>
  </si>
  <si>
    <t>日本经济温和复苏  超宽松政策仍将持续</t>
  </si>
  <si>
    <t>2018年下半年，日本国内投资需求不振，增长压力有所加大。目前日本国内失业率维持在低位，物价水平有所回升，但距离央行2%的通胀目标仍有距离。总体来说，2018年，日本国内经济保持温和复苏态势，宽松货币政策将继续维持。经济增长动能乏力日本三季度国内生产总值?</t>
  </si>
  <si>
    <t>节前“停薪”  美政府雇员黯淡过圣诞</t>
  </si>
  <si>
    <t>美国政府与国会就建造“边境墙”预算僵持不下，导致联邦政府部分机构因财政拨款停发而“关门”，殃及大约80万政府雇员。圣诞节前夕，白宫外的“国家圣诞树”因养护费没有着落而暗淡无光，仰赖捐款才得以点亮。“国家圣诞树”由美国内政部国家公园管理局管理。联邦政府23</t>
  </si>
  <si>
    <t>蚂蚁金服拟7亿美元收购英国支付公司</t>
  </si>
  <si>
    <t>据英国《金融时报》报道，阿里巴巴旗下金融服务部门蚂蚁金服正与英国跨境支付公司World First进行谈判，拟以约7亿美元的价格收购后者。据悉，蚂蚁金服“盯上”World First已有一段时间，两者已经谈判了几个月的时间，双方有望在未来数周内达成交易。届时，这笔交易有望?</t>
  </si>
  <si>
    <t>十年牛市告危  美股初露熊相</t>
  </si>
  <si>
    <t>2018年三季度以来，经历史上最长牛市之后的美国股市表现不如人意，进入12月以来，下跌步伐愈急，至圣诞前夜，标普和纳斯达克指数从技术上看都已经跌进了熊市，道琼斯指数也岌岌可危。全球市场情绪普遍受到冲击。24日圣诞前夜，美股比往常收市更早，但即便缩短了交易时间</t>
  </si>
  <si>
    <t>英国会否挥剑斩断脱欧“戈登结”</t>
  </si>
  <si>
    <t>英国“脱欧”进程目前已经陷入泥潭，许多媒体说首相目前进退维谷，解开“脱欧”死结毫无头绪。这让人想起传说中那个永远解不开的“戈登结”。土耳其古代传说，戈登王将战车的车轴和枕木用绳子连接起来，声称谁能解开这个复杂的结，谁就能统治亚细亚。没想到，东征的亚历</t>
  </si>
  <si>
    <t>日本法院延长日产前董事长戈恩拘留期</t>
  </si>
  <si>
    <t>日本东京地方法院23日批准检方的要求，将日产汽车公司前董事长卡洛斯·戈恩的拘留期再延长10天，至2019年1月1日。这意味着戈恩圣诞节和新年都要在拘留所里度过。消息称，延押期满后，检方可申请将戈恩再延押10天，以便调查他在公司内部财务处置不当的违法行为。日本东京</t>
  </si>
  <si>
    <t>数字经济数十万亿市场空间开启</t>
  </si>
  <si>
    <t>打开ipad，轻触屏幕，一只活跃的小斑马在眼前跳动，身在美国的外语教师Linda用标准的美音一一拼出“zebra”。通过互联网和大数据，如今的课堂打破了时空束缚，可以随时随地开展定制化教学。除了在线教育，听书、在线阅读、在线知识付费等正如雨后春笋般涌出，被越来越多</t>
  </si>
  <si>
    <t>美国加息  香港银行淡定“不跟”</t>
  </si>
  <si>
    <t>20日凌晨，一只“沉重无比”的靴子终于落地，美联储加息了。全球市场扰攘无比。一直实行联系汇率的香港自然彻夜不眠，紧盯美联储动向。一大早，香港金管局局长陈德霖面见记者们，宣布基本利率上调25个基点至2.75%。但真正掌握港元利率的香港四大银行，却在美联储扔</t>
  </si>
  <si>
    <t>油价重挫  金价先扬后抑</t>
  </si>
  <si>
    <t>国际原油市场上，全球供应过剩促使买家在未来两周假期前远离市场。投资者担心明年全球经济状况，使得原油价格和主要股票市场价格同步下跌，美国政府关门也加剧了投资者的担忧。此外，美国油田技术服务公司贝克休斯21日发布的报告显示，当周美国运营的油田钻井数量为883个，比</t>
  </si>
  <si>
    <t>供过于求担忧持续施压油价</t>
  </si>
  <si>
    <t>由于美国和俄罗斯等产油大国持续增产，且全球原油需求增长可能不及预期，市场对原油供过于求的担忧持续，近期国际油价出现连续下跌。美国能源信息署最新报告预计，12月份美国页岩油日产量将历史上首次站上800万桶大关。对国际原油产量过剩的担忧令国际油价18日连续第三?</t>
  </si>
  <si>
    <t>浙江衢州：夺下“绿色奥斯卡”变身“国际花园城”</t>
  </si>
  <si>
    <t>生态公厕、垃圾兑换超市、“一河一策”治水、生态公益补偿机制……守护绿水青山，守护生态屏障，长期以来，生态一直是地处钱江源的浙江省衢州市最大优势和潜力所在。近日，在埃及开罗刚刚结束的第18届国际花园城市竞赛全球总决赛上，衢州凭借“生态颜值”一举夺得全球公</t>
  </si>
  <si>
    <t>世行预计明年中国经济增长6.2%</t>
  </si>
  <si>
    <t>世界银行20日发布的《中国经济简报》（下称《简报》）预测，2018年中国经济全年增速将达到6.5%，2019年增速预计为6.2%。世界银行认为，虽然增长放缓，但中国经济仍然具有韧性。增速放缓《简报》认为，2018年三季度中国的GDP同比增速从上半年的6.8%放慢至6.5%，主要</t>
  </si>
  <si>
    <t>欧盟14点方案应对英国“无协议脱欧”</t>
  </si>
  <si>
    <t>欧洲联盟19日拟定应对英国“无协议脱欧”的应急方案，涉及金融、海关等14个方面，以避免届时可能出现的严重混乱。不过，欧盟希望，这一方案不会启用。英国定于明年3月29日正式“脱欧”，而英国与欧盟达成的“脱欧”协议仍未能在英国议会下院表决。英国内阁18日举行会议?</t>
  </si>
  <si>
    <t>美联储加息声明释放哪些信号</t>
  </si>
  <si>
    <t>北京时间12月20日，美国联邦储备委员会一如预期，宣布上调联邦基金利率目标区间25个基点至2.25%-2.50%区间，完成了本年度的第4次加息。这也是美国开启货币政策正常化以来的第九次加息。尽管美联储加息在市场预料之内，但是消息宣布以后，金融市场仍然产生剧烈波动。道指</t>
  </si>
  <si>
    <t>德法加强电池制造合作  推动汽车业转型</t>
  </si>
  <si>
    <t>法国经济和财政部长勒梅尔与德国经济和能源部长阿尔特迈尔18日在巴黎会晤后联合发布新闻公报说，随着电池制造在工业生产中的地位日益重要，法德两国将加强在这一领域的合作。法国媒体认为，这意味着法德就建立“电池制造领域的空中客车集团”达成一致。公报说，法德两国</t>
  </si>
  <si>
    <t>今年圣诞买什么，瑞典青睐环保服装</t>
  </si>
  <si>
    <t>基于当下瑞典的社会潮流以及对目前和未来的消费者行为预期，瑞典贸易联合会下属的HUI研究所近日评选出循环材料服装为2018年瑞典最受欢迎的圣诞节礼物。今年的评选结果折射出瑞典当下和未来崇尚时尚环保的新理念。当选瑞典年度圣诞礼物必须符合以下三个标准中的至少一个?</t>
  </si>
  <si>
    <t>AT&amp;T周五将在美国12城市率先上线5G服务</t>
  </si>
  <si>
    <t>当地时间18日，美国最大电信运营商之一AT&amp;T宣布，将于12月21日在全美12个城市率先开放5G网络服务。AT&amp;T是美国首个也是唯一一家基于标准的商用移动5G网络服务商。据悉，12个城市主要分布在美国的中南部地区，分别是：亚特兰大、夏洛特、罗利、达拉斯、休斯顿、印第安纳波</t>
  </si>
  <si>
    <t>意大利与欧盟预算危机接近尾声</t>
  </si>
  <si>
    <t>据外媒报道，意大利已经与欧盟达成了令双方均感到满意的财政预算协议，正在推进最后的程序。这意味着持续一个多月的意大利预算危机终于告一段落，金融市场对此的担忧情绪或将大为缓解，焦点转向欧洲经济增势。意大利终妥协路透社18日的报道称，意大利经济部一位发?</t>
  </si>
  <si>
    <t>英国公布脱欧协议投票日期</t>
  </si>
  <si>
    <t>英国首相特雷莎·梅17日称，国会议员对脱欧协议的投票时间确定为2019年1月14日，并继续呼吁议员们支持她的脱欧协议，避免无序脱欧。商业机构普遍预计，脱欧将打击投资、汇率、消费、房价，英国经济整体放缓甚至萎缩态势难以避免。敲定延后投票日期据英国广播公司（</t>
  </si>
  <si>
    <t>高盛及其前雇员遭马来西亚政府刑事诉讼</t>
  </si>
  <si>
    <t>据英国《金融时报》报道，继美国司法部起诉美高盛公司两名前高管后，马来西亚政府17日也就主权投资基金“一个马来西亚发展公司” （下称“一马公司”，1MDB）洗钱和贪腐案对高盛及其前银行家提起了刑事诉讼，寻求巨额赔偿和对涉案人员的处罚。高盛否认自身存在不当行为。</t>
  </si>
  <si>
    <t>日本网约车进入混战局面</t>
  </si>
  <si>
    <t>去日本旅游的话，人们很快就会发现，在手机叫车等方面，日本和国内相比是有差距的。这一点，日本人也心知肚明，正在摩拳擦掌要尽快缩短这个距离。目前，日本在线叫车平台已经存在以丰田、索尼和软银为后台的三大组合。日本网约车迎来战国时代。资格最老的是丰田和N</t>
  </si>
  <si>
    <t>借鉴日本经验推动我国现代经济体系建设</t>
  </si>
  <si>
    <t>第二次世界大战结束后，日本政府根据不同时期的发展需要，适时调整市场体制、产业体系、科技创新等经济体系子系统，构建了高效的现代经济体系，成功推动长达30年的经济中高速增长。我国可以充分借鉴日本在经济体系现代化建设中的得失，推动我国的现代经济体系建设。日本</t>
  </si>
  <si>
    <t>多部委联动  建立猪肉供应保障体系</t>
  </si>
  <si>
    <t>为保障老百姓菜篮子，近日多部位联动推进猪肉安全、稳定供应保障体系建设。18日，农业农村部、公安部、市场监管总局决定从2018年12月到2019年5月，在全国开展打击私屠滥宰，防控非洲猪瘟，保证生猪产品质量安全专项治理行动。就在前一天，商务部也发布了关于建立中央储备冻猪</t>
  </si>
  <si>
    <t>法国将推行数字税</t>
  </si>
  <si>
    <t>法国政府打算从明年1月1日起对大型技术类企业引入新税种。法国经济与财政部长布鲁诺·勒梅尔说，预计2019年将为法国国库入账5亿欧元（约合5.7亿美元）。欧盟税制改革需要所有成员支持才能成为法律。法国与德国一直推动欧洲联盟委员会在今年年底同意引入类似税种。?</t>
  </si>
  <si>
    <t>卡塔尔将投资美能源业  寻求“去海湾”发展</t>
  </si>
  <si>
    <t>卡塔尔石油公司首席执行官阿尔卡比在16日的多哈论坛上表示，该国未来5年计划在美国能源产业投资超过200亿美元。卡塔尔考虑投资美国石油天然气产业，以及非传统天然资源等多个产业。卡塔尔本月稍早宣布将退出石油输出国家组织（欧佩克）。阿尔卡比表示，此举不是出于“政</t>
  </si>
  <si>
    <t>巴拿马运河——地峡生命线</t>
  </si>
  <si>
    <t>巴拿马运河位于巴拿马共和国中部蜂腰地带、横穿巴拿马。巴拿马运河是沟通太平洋和大西洋的黄金水道，对美国具有重要战略意义和经济利益，被美国视为“地峡生命线”。巴拿马运河工程先由法国控制，自1881年3月破土开工，到1890年仅完成工程的三分之一，却已支出3亿多美元</t>
  </si>
  <si>
    <t>捷豹路虎计划大幅裁员5000人</t>
  </si>
  <si>
    <t>据英国《金融时报》报道，英国最大汽车制造商捷豹路虎将在明年1月份宣布25亿英镑开支缩减计划的一些举措，其中包括裁员5000人。捷豹路虎今年第三季度亏损9000万英镑，主要原因包括亚洲和欧洲市场的下滑。为应对英国“脱欧”、销售下滑以及柴油车需求下降的趋势，捷豹路?</t>
  </si>
  <si>
    <t>本周美联储大概率再次加息</t>
  </si>
  <si>
    <t>本周，美国联邦公开市场委员会（FOMC）将召开年内最后一次货币政策会议，届时美联储将公布年内的最后一个利率决议。目前市场普遍认为，美联储将在此次货币会议上宣布再次加息。而对于2019年美联储的货币政策走势，目前市场看法不一，有专家认为明年可能会放缓加息步伐。</t>
  </si>
  <si>
    <t>原油黄金价格齐跌</t>
  </si>
  <si>
    <t>上周（12月16日-21日），国际原油市场上，因欧佩克达成减产协议，美国原油库存下降，中美贸易摩擦缓解，国际油价结束了此前连续两个月的大幅下降趋势。但另一方面，几个月来，沙特、美国、俄罗斯三大主要产油国原油产量不断攀升或维持纪录高位，又给油价带来下行压力。?</t>
  </si>
  <si>
    <t>英国首相难解“脱欧”死结</t>
  </si>
  <si>
    <t>英镑汇率“过山车”，最能反映出目前英国“脱欧”带来的巨大不确定性。12日，英国首相特雷莎·梅面临党内不信任投票。消息一出，英镑兑美元汇率跳水。在“脱欧”协议前途未卜的背景下，如果首相再未能通过不信任投票、被迫辞职，“脱欧”将彻底陷入一团糟。根据保守党内</t>
  </si>
  <si>
    <t>强生股价创十六年最大跌幅</t>
  </si>
  <si>
    <t>当地时间12月14日，路透社报道称美国医药卫生及护理品巨头强生公司数十年来一直知道其婴儿爽身粉含致癌物质。虽然强生公司之后发表声明对该报道进行了反驳，公司股票当天仍暴跌10.04%，收于每股133.00美元。强生公司此次暴跌创下自2002年7月以来的最大单日跌幅，市值蒸发逾40</t>
  </si>
  <si>
    <t>藏医药浴法成功申遗警惕被“滥用”</t>
  </si>
  <si>
    <t>“‘编号01386’、‘2018年11月28日’、‘下午4点34分’、‘第13届’……现在，这些数字对于我们来说倍感亲切……”申遗专班组具体负责人、西藏自治区藏医院院长白玛央珍日前在中国藏学研究中心北京藏医院藏医药浴法传承发展研讨会上感慨地说。11月28日，联合国教科文组</t>
  </si>
  <si>
    <t>欧盟处罚“大棒”迫使意大利降低预算赤字</t>
  </si>
  <si>
    <t>持续近两个月对峙后，欧盟和意大利就意大利2019年预算案赤字目标的博弈出现了缓和迹象。当地时间12日，意大利总理朱塞佩·孔特称，意大利计划于明年降低预算赤字，旨在避免受到欧盟处罚。分析人士认为，这预示着意大利和欧盟就预算案的纷争出现了缓和，并有可能已经接近尾声?</t>
  </si>
  <si>
    <t>德两大银行或合并  挑战不容忽视</t>
  </si>
  <si>
    <t>据外媒报道，德国财政部正推动德意志银行与德国商业银行合并，此消息推动了丑闻缠身的德意志银行股价从历史低位反弹。彭博社12日引述不具名消息人士称，对于这两家德国最大银行间的合并计划，已有包括德国财长肖尔茨和德意志银行首席执行官泽温参与讨论。这两家银?</t>
  </si>
  <si>
    <t>国航：为中国西班牙交流提供更多便利</t>
  </si>
  <si>
    <t>中国国际航空公司马德里营业部总经理韩鹏宇日前在接受记者采访时表示，国航促进了中国与西班牙之间的交流，未来将根据需求增投运力，为两国深化交流和促进人员往来提供更多便利。国航于2006年12月正式开通北京-马德里-圣保罗航线。这条航线是国航首条跨经三大洲的直飞航</t>
  </si>
  <si>
    <t>世行报告：东亚需调整发展模式继续转型</t>
  </si>
  <si>
    <t>世界银行最新报告《东亚再崛起：在不断变化的世界中前行》显示，东亚以外向型增长、人力资本开发和良好经济治理为主导的成功的发展模式需要加以调整，才能有效地应对新出现的外部和内部挑战，完成历史性转型。半个世纪前，东亚地区很多国家都是贫穷的农业经济体，需要努</t>
  </si>
  <si>
    <t>释放服务贸易潜力  推进中日韩自由贸易进程</t>
  </si>
  <si>
    <t>当前，在贸易保护主义和单边主义挑战的新背景下，中日韩推进三国自由贸易进程的现实性、迫切性、重要性都明显上升。在服务贸易日益成为全球自由贸易进程的重点和焦点的背景下，中日韩在服务贸易领域的互补性全面增强。中日韩应以开放包容和可持续发展为基本原则，加快三国在?</t>
  </si>
  <si>
    <t>美业界呼吁对日进口车设限</t>
  </si>
  <si>
    <t>在美国和日本准备展开贸易谈判之际，日本官员11日回应了美国汽车业者对汇率操纵和申请施加进口配额的呼声，称日本希望把汇率问题和贸易协商分开。美国汽车业10日要求日美两国贸易协商中应包含汇率规定，敦促特朗普政府推迟进一步向日本开放美国市场，直至日本承诺向美国</t>
  </si>
  <si>
    <t>我国首个空间太阳能电站实验基地在重庆启动</t>
  </si>
  <si>
    <t>重庆大学、中国空间技术研究院西安分院、西安电子科技大学、重庆市璧山区人民政府日前在重庆签署合作协议，在重庆市璧山区启动建设我国首个空间太阳能电站实验基地。据悉，空间太阳能电站构想最早由美国科学家格拉泽于1968年提出，即在地球轨道上建立太阳能电站，并通过</t>
  </si>
  <si>
    <t>马克龙“发蛋糕”背后的改革难题</t>
  </si>
  <si>
    <t>日前,持续发酵的“黄马甲”运动重创法国经济。法国经济部长勒梅尔10日披露，估计这一抗议浪潮令法国今年第四季度经济增长率下滑0.1个百分点。面对困局，法国总统马克龙别无良策，被迫用“发蛋糕”的方式安抚民众。“饮鸩止渴”之举令其雄心勃勃的改革处于夭折的边缘。马</t>
  </si>
  <si>
    <t>日产或提名新董事长人选  丑闻不断业绩低迷</t>
  </si>
  <si>
    <t>据外媒报道，日本日产汽车可能将在20日之前提名新的董事长人选。此前日产汽车董事长卡洛斯·戈恩因瞒报收入和挪用公款被解职，其领导的雷诺-日产-三菱汽车联盟目前面临冲击，备受外界关注。据路透社报道，知情人士透露，日产计划在12月20日召开下次董事会前提名新的董事</t>
  </si>
  <si>
    <t>多国改革遇逆风  欧元区经济承压</t>
  </si>
  <si>
    <t>本周，法国总统马克龙将发表讲话，意在平息正在持续发酵的抗议示威活动，并减少经济损失。欧元区多国正面临改革受阻、经济增速和信心同时下滑的冲击，未来改革成效将决定欧元区经济前景。马克龙或推新政化解矛盾最近一个周末，一些法国民众在巴黎以及部分外省地区?</t>
  </si>
  <si>
    <t>日本三季度经济萎缩2.5%  创四年多来最大降幅</t>
  </si>
  <si>
    <t>日本内阁府10日公布的统计数据显示，截至9月底的第三季度国内生产总值折合年率萎缩2.5%，为四年多来最大降幅。日本三季度实际GDP季环比终值为负增长0.6%，名义GDP季环比终值为负增长0.7%，均不及预期。第三季度经济萎缩幅度超出预期的主要原因是受一系列自然灾害影响，?</t>
  </si>
  <si>
    <t>联合国向“白色污染”宣战</t>
  </si>
  <si>
    <t>塑料污染问题日益严峻，已经引起联合国的重视。第73届联合国大会主席埃斯皮诺萨日前宣布正式启动全球反塑料污染行动，向“白色垃圾”宣战。作为目前世界上规模最大、最具影响力的全球性国际组织，联合国牵头打响反塑料污染的全面战役正当其时。实际上，早在几年前联合国</t>
  </si>
  <si>
    <t>角力不止前景存疑  信心受挫增长乏力</t>
  </si>
  <si>
    <t>英国“脱欧”已经进入关键时刻，但是前景却愈加扑朔迷离。12月11日英国议会将就“脱欧”协议进行投票，但现在英国政府内部、政府和议会、党派之间角力依然在继续。鉴于英国多个党派表示将在议会投票中反对这份协议，英国国内各方博弈加剧，未来“脱欧”之路并非坦途。数</t>
  </si>
  <si>
    <t>美股暴跌折射经济风险  加息节奏或放缓</t>
  </si>
  <si>
    <t>美国股市三大股指周跌幅均接近5%，国债出现长短期收益率倒挂的衰退先兆指标，反映当前美国经济遇到了极大风险。应对市场不利局面，业界和美联储官员近期释放信号，美联储明年将放缓加息节奏。标普500指数上周最后一个交易日大跌2.3%，一周跌幅近5%，就技术形态而言意味?</t>
  </si>
  <si>
    <t>抽象思维助力中国油画艺术走向盛世</t>
  </si>
  <si>
    <t>自明朝万历年间，西方的油画进入中国，久经历代画师们的吸收、学习和发展，逐渐形成了符合中国社会发展的艺术精神文化。改革开放后，受到东西方文化交融的影响，中国艺术家们不断研究和探索抽象艺术，并最终使中国油画艺术走向了百家争鸣的盛世。抽象主义兴起于20世纪初</t>
  </si>
  <si>
    <t>美褐皮书担忧加征关税影响扩散</t>
  </si>
  <si>
    <t>美国联邦储备委员会5日发布褐皮书显示，美国经济持续温和增长，多数地区通胀升幅温和，不过加征关税导致的物价上涨已扩散到更为广泛的领域。分析认为，美国经济增势平稳，美联储本月很可能再次加息，但不少迹象显示，已经持续三年的本轮加息周期即将进入尾声。关税影响?</t>
  </si>
  <si>
    <t>法国制药商赛诺菲计划再次裁员</t>
  </si>
  <si>
    <t>据外媒报道，当地时间周三，法国制药商赛诺菲公司表示，计划在法国裁员670人。公司发言人证实，该裁员计划将在2020年底前完成。目前，赛诺菲公司在全世界有11万名员工，其中法国有2.5万名员工。赛诺菲公司的发言人表示，该计划在自愿的基础上制定，将涉及外联事务、人力</t>
  </si>
  <si>
    <t>汉诺威IT展转型之殇</t>
  </si>
  <si>
    <t>33载成历史，别了!日前，德国汉诺威IT展网站发布公告，宣布这一曾在世界消费电子、信息和通讯领域有着重要地位的知名展会停办，让人不禁感受到展会行业竞争背后的丝丝凉意。汉诺威IT展在业内更为人熟知的名称是Cebit。“虽然能明显感到Cebit在走下坡路，但突然取消还是?</t>
  </si>
  <si>
    <t>美敦促德国汽车厂商加大在美投资</t>
  </si>
  <si>
    <t>据外媒报道，美国总统特朗普4日会见了到访的德国汽车业高管，敦促他们加大在美国的投资。高管们表示愿意增加投资，但若美国加征汽车关税，投资计划将难以落实。据新加坡《联合早报》报道，来自德国宝马、戴姆勒和大众的代表4日访问了白宫，并与特朗普的高级经济顾问会面</t>
  </si>
  <si>
    <t>美债收益率倒挂引美经济衰退担忧</t>
  </si>
  <si>
    <t>美国2年期、3年期国债与5年期国债收益率出现倒挂，引发市场对美国经济或面临衰退的普遍担忧。周二美股大幅下挫，创自10月暴跌以来的最大跌幅。纽约股市三大股指跌幅均超过3%，道指暴跌约800点。最新数据显示，2年期和10年期美债收益率差收窄至9.92个基点，创2007年以来?</t>
  </si>
  <si>
    <t>俄罗斯渐次推进“去美元化”</t>
  </si>
  <si>
    <t>随着制裁压力不断加码，俄罗斯开始投身于全球去美元化的浪潮。在总统普京的推动下，俄罗斯正在积极寻求各种方法，试图摆脱对美元的依赖，增加提振经济的筹码。在日前举行的一场年度投资论坛上，普京表示，美国的制裁政策造成美元交易的复杂化和不稳定性，这使得包括俄罗</t>
  </si>
  <si>
    <t>欧盟拟出台政策提升欧元地位</t>
  </si>
  <si>
    <t>在刚刚结束的欧盟财长会上，欧元区多项财政改革只取得了有限进展。成员经济的稳定性缺乏可靠保障措施，限制了欧元在国际市场的地位。欧盟委员会官员4日表示，将出台方案提升欧元地位，应对美元处于支配地位的不利局面。据英国《金融时报》4日报道，欧盟委员会方面将制定</t>
  </si>
  <si>
    <t>欧佩克减产预期强烈  油价重拾升势</t>
  </si>
  <si>
    <t>石油输出国组织（欧佩克）将于6日召开会议，与主要产油国商议减产事项。受此影响，国际油价重拾升势。此外，随着成员国卡塔尔3日意外宣布退出，欧佩克还将临时讨论后续变化，市场预计该组织对全球石油供需和价格的影响将进一步下降。欧佩克或联合减产欧佩克将在12?</t>
  </si>
  <si>
    <t>与高管薪酬挂钩  壳牌设定碳排放目标</t>
  </si>
  <si>
    <t>当地时间周一，世界第一大石油公司荷兰皇家壳牌公司表示，将于2020年推出将公司高管薪酬与实现目标挂钩的短期碳排放目标。壳牌公司表示，此前投资者呼吁应对气候变化是公司迫在眉睫的任务，此次提出的碳排放目标正是对投资者压力的回应。壳牌公司是在3日的联合国卡托维?</t>
  </si>
  <si>
    <t>中葡务实合作  拓展“一带一路”新空间</t>
  </si>
  <si>
    <t>1979年中国与葡萄牙建交以来，两国在政治、经贸、文化、科技等各领域的友好合作关系不断发展。葡萄牙总统德索萨认为，葡中关系是特殊关系，目前处于历史最好时期。过去40年来，特别是最近20年来，两国在经济、金融、教育和文化等领域的关系发展迅速。2005年，两国宣布建</t>
  </si>
  <si>
    <t>监管升级让金融科技行稳致远</t>
  </si>
  <si>
    <t>多位监管层人士近期接连发声，释放金融科技监管升级信号。随着金融科技迅猛发展，全球主要经济体对其的治理态度日渐趋同：在中国，强监管成为主题词；在欧盟，金融科技领域的信息安全问题越来越受到重视；在美国，对虚拟货币等业态的监管愈加严厉。金融科技使金融业面临</t>
  </si>
  <si>
    <t>中国与巴拿马合作空间快速扩大</t>
  </si>
  <si>
    <t>2017年6月13日，中国和巴拿马正式建立外交关系，开启了两国关系新纪元。一年半来，两国元首共同规划了中巴关系发展蓝图，中巴关系强劲起步，各领域合作如雨后春笋般破土而出，给两国人民带来了实实在在的利益。近年来，巴拿马经济快速发展，市场繁荣活跃，人民安居乐业?</t>
  </si>
  <si>
    <t>中美经贸关系缓和  全球市场普涨</t>
  </si>
  <si>
    <t>受中美经贸关系缓和等因素提振，3日亚太和欧洲地区主要股指集体上扬，当天出现买盘增加，显示市场信心得到提振。明晟公司(MSCI)亚太指数3日上涨1.8%。该指数未包括日本，受外界因素较为敏感的日本主要股指当天取得1.3%的涨幅，达到六周以来高点。欧洲股市3日开盘也</t>
  </si>
  <si>
    <t>海南非法售油猖獗  监管“治标不治本”</t>
  </si>
  <si>
    <t>记者调查发现，海南违规销售非标油、燃料油、走私油现象较为突出，对周边渔港安全及港口环境造成了较大的威胁，扰乱正常市场秩序。由于各监管部门没能有效衔接，存在相互推诿现象，一番查处整治之后依然“治标未治本”。业内人士建议，成立专门工作组，打破“九龙治水”的局?</t>
  </si>
  <si>
    <t>连接三大洲航道的“十字路口”</t>
  </si>
  <si>
    <t>海峡是自然力形成的，苏伊士运河和巴拿马运河是人力开拓的，但二者作用相同。2015年8月6日，埃及总统塞西为新苏伊士运河的开通举行庆祝仪式。法新社评论说，这是让埃及民族感到自豪的历史性时刻，埃及政府称苏伊士运河扩建工程是“埃及献给世界的厚礼”。苏伊士运河是亚</t>
  </si>
  <si>
    <t>中国能建葛洲坝集团副总经理、总工程师邓银启：为世界贡献“中国制造”</t>
  </si>
  <si>
    <t>20世纪90年代，他以亲历者身份，参与了中国有史以来最大型的工程项目——三峡水利枢纽工程的建设。20年后，他带领团队，成功穿越喜马拉雅山脉断裂带，在巴基斯坦建成另一座“三峡”工程——尼鲁姆杰卢姆（N-J）水电站。参加工作37年，历经国内外重点水电工程建设的</t>
  </si>
  <si>
    <t>一家老国企的大国桥梁梦</t>
  </si>
  <si>
    <t>一桥飞架南北，天堑变通途。在近日BBC（英国广播公司）播出的电视节目《难以想象的中国工程》中，中国桥梁的建造奇迹让英国记者瞪大了眼睛。最新数据显示，目前世界排名前10位的跨海长桥中，中国有6座；世界排名前10位的斜拉桥，中国有7座；世界排名前10位的悬索桥，中?</t>
  </si>
  <si>
    <t>反对“脱欧”协议  英政府要员辞职</t>
  </si>
  <si>
    <t>英国分管大学和科学事务的国务大臣萨姆·吉马辞职，指认首相特雷莎·梅与欧洲联盟达成的“脱欧”协议不符合英国利益。吉马在2016年英国“脱欧”公投中投票支持留在欧盟。英国媒体12月1日报道，吉马11月30日宣布辞职，在社交媒体“脸谱”留言写道，接受“脱欧”协议将让?</t>
  </si>
  <si>
    <t>失业率居高不下仍困扰希腊</t>
  </si>
  <si>
    <t>欧盟统计局11月30日公布的数据显示，今年8月希腊失业率从上月的19%降至18.9%，但仍是欧盟失业率最高的国家。报告显示，10月份欧元区失业率为8.1%，创下2008年11月以来最低纪录；欧盟失业率6.7%，是2000年1月有统计以来最低水平。由于缺乏希腊最新数据，因此欧盟统计局的</t>
  </si>
  <si>
    <t>以开放合作坚定维护多边贸易体制</t>
  </si>
  <si>
    <t>二十国集团领导人第十三次峰会12月1日在阿根廷首都布宜诺斯艾利斯闭幕，峰会通过了《二十国集团领导人布宜诺斯艾利斯峰会宣言》，强调国际贸易和投资是增长、创新、就业和发展的重要引擎，支持WTO进行必要的改革以提升其运行效果。今年是二十国集团领导人峰会10周年，也</t>
  </si>
  <si>
    <t>沙特否认为稳定原油市场而减产</t>
  </si>
  <si>
    <t>据外媒报道，沙特能源、工业和矿产资源大臣法力赫11月28日表示，沙特不会为了稳定市场而自行减产。与此同时，尼日利亚和俄罗斯也表示，现在就发出是否会加入任何减产行动的信号还为时过早。石油输出国组织（欧佩克）和以俄罗斯为首的主要产油国下周将在维也纳举行会议。</t>
  </si>
  <si>
    <t>中阿互利合作稳步推进</t>
  </si>
  <si>
    <t>中国和阿根廷建交46年来，双边关系发展顺利，各领域互利合作日益深化，在国际事务中保持着良好合作。两国关系经历了国际风云变幻考验，成为新兴市场国家和发展中国家团结合作、共同发展的典范。两国关系互惠互利，稳步推进。阿根廷工业门类较齐全，农牧业发达，素有“世</t>
  </si>
  <si>
    <t>欧盟计划到2050年实现“碳中和”</t>
  </si>
  <si>
    <t>欧盟委员会28日发布一项长期愿景，目标是到2050年实现“碳中和”，即将净碳排放量降至零。根据欧盟委员会当天发布的新闻公报，这项长期愿景反映了欧盟如何通过投资现实的技术方案、赋予民众权利以及在金融、科研等关键领域协同行动，引领“碳中和”发展道路并保证社会转</t>
  </si>
  <si>
    <t>自贸区“新雁阵”：引领中国更高水平开放进程</t>
  </si>
  <si>
    <t>中国，海南岛。北方已经雨雪上线，这里仍是郁郁葱葱。把海南打造成为我国面向太平洋和印度洋的重要对外开放门户——今年10月中旬，随着国务院一纸批复，海南自贸区的热度持续上升。随着海南岛的加入，从北到南，从沿海到内陆，从一枝独秀到百花齐放，12个自贸区组?</t>
  </si>
  <si>
    <t>市场预期美联储未来加息空间有限</t>
  </si>
  <si>
    <t>美国当地时间周三，美国联邦储备委员会主席鲍威尔在纽约经济俱乐部发表演讲时表示，从历史角度看，当前联邦基金利率仍处于较低水平，但仅“略低于”对美国经济影响中性的区间。分析人士认为，鲍威尔的讲话显示当前美国利率已接近中性水平，因此市场预期未来加息空间有限。</t>
  </si>
  <si>
    <t>“脱欧”时期乘坐英法列车遐思</t>
  </si>
  <si>
    <t>从伦敦圣·潘克拉斯国际车站出发，“欧洲之星”驶向英国东南的多佛。列车要从那个与法国隔海相望的小镇穿越浓雾笼罩的英吉利海峡，驶往欧洲大陆。登车前要办理通关手续。从英国边检站出关后，走两步就是法方的入境检查处。按照英法之间的协议，两国有权在对方境内设置边</t>
  </si>
  <si>
    <t>被控侵犯用户隐私  谷歌或遭欧盟巨额罚款</t>
  </si>
  <si>
    <t>据外媒报道，当地时间周二，7个欧洲国家消费者团体向国家监管机构投诉谷歌公司，指控这家互联网巨头违反了欧盟的数据保护规定，秘密追踪数百万用户的移动位置。谷歌公司恐面临欧盟数据保护监管机构的巨额罚款。报道称，指控谷歌公司的消费者团体分别来自捷克、希腊、荷?</t>
  </si>
  <si>
    <t>美墨加新贸易协定即将签署</t>
  </si>
  <si>
    <t>据外媒报道，美国、加拿大、墨西哥三国将于11月30日在阿根廷首都布宜诺斯艾利斯签署三国新贸易协定。有报道称，目前美国和加拿大之间仍有一些分歧待弥合。有观点指出，从长远看，新贸易协定或将削弱北美汽车等行业的竞争力，消费者也可能承担更高的价格。新协定即将签订</t>
  </si>
  <si>
    <t>打造中企赴东盟发展的连接平台</t>
  </si>
  <si>
    <t>日前，新加坡交易所（以下简称“新交所”）与新加坡浙商总会和中国期货业协会在北京分别签署战略合作伙伴和谅解备忘录，以进一步加强与中国的联系，并携手发展中国和新加坡的衍生品市场。新加坡交易所首席执行官罗文才接受《经济参考报》专访时表示，新交所作为多元资产</t>
  </si>
  <si>
    <t>通用汽车计划大幅削减产能和裁员</t>
  </si>
  <si>
    <t>据外媒报道，美国汽车制造商通用汽车26日表示，因为市场低迷和贸易摩擦加剧等因素影响，销售业绩不佳的车型将停产，北美员工也会大幅裁减，未来将把更多投资和精力转向电动和自动驾驶汽车。英国《金融时报》报道称，通用汽车在世界各地的七家工厂将停产，数千名工人被裁</t>
  </si>
  <si>
    <t>中西经贸合作大有可为</t>
  </si>
  <si>
    <t>西班牙是欧盟成员国中最早同中国建立全面战略伙伴关系的国家之一。近年来，中西关系发展更趋成熟稳健。两国建交45周年以来，双边经贸关系不断发展，双边贸易额已从建交时的1200万美元扩大到2017年的309亿美元。目前，西班牙是中国在欧盟内第六大贸易伙伴，中国则是西班牙在欧</t>
  </si>
  <si>
    <t>美加息趋缓将释放我国货币政策空间</t>
  </si>
  <si>
    <t>鉴于美联储主席鲍威尔近期有所“偏鸽”的表态，叠加各方普遍对明年全球经济可能恶化的担忧，有观点开始认为美联储可能暂停加息。不过，综合观察美联储决策机制和美国经济基本面，12月美联储加息几成定局，2019年有望再加息2次。换言之，明年美联储加息节奏很可能放缓，但不至</t>
  </si>
  <si>
    <t>协议获欧盟通过  英国“脱欧”仍存变数</t>
  </si>
  <si>
    <t>欧盟25日召开特别峰会，通过与英国达成的“脱欧”协议。欧盟委员会主席容克表示，这是欧盟和英国所能达成的“最好协议”，呼吁英国议会支持并通过协议。但一些分析人士指出，英国一些强硬派人士认为英方让步过多，这份协议可能无法在英国议会顺利通过，这意味着英国仍然存在?</t>
  </si>
  <si>
    <t>携程与横滨达成战略合作  深耕日本旅游市场</t>
  </si>
  <si>
    <t>随着全球化战略的不断升级，日本已成为携程重要的海外市场之一。继大阪、北海道之后，携程再度宣布与横滨市达成战略合作。日本横滨市与携程旅行网签订了战略合作协议，双方将在目的地营销推广、产品开发等多领域进行深度合作。近年来，携程的海外扩张布局步履不停。根据</t>
  </si>
  <si>
    <t>美国“黑色星期五”创纪录  电商企业争抢风头</t>
  </si>
  <si>
    <t>2018年美国“黑色星期五”采购季上周拉开帷幕。当天，以科技股为首的下跌潮席卷整个股市，但美国人的购物热情并没有受到影响。当日的网购销售额创下新高，电子商务抢足了风头。路透社25日报道，根据Adobe Analytics的数据显示，上周末全美零售在线销售额同比增长23%，超</t>
  </si>
  <si>
    <t>负面消息击倒美国科技股</t>
  </si>
  <si>
    <t>告读者：从本周起，“国际聚焦版”增设“洞察华尔街”专栏，由新华社驻纽约记者刘亚南执笔，主要分析全球股、汇、债和大宗商品市场行情变化，敬请关注。曾经带领美股不断创出新高的五大科技巨头公司，近期转而拖累美股下跌。数据显示，脸谱、亚马逊、苹果、Netflix</t>
  </si>
  <si>
    <t>预算案超支  意大利招致欧盟惩戒</t>
  </si>
  <si>
    <t>欧盟委员会21日就意大利预算案超支启动财政纪律惩戒程序，为最终罚款惩罚铺平了道路。意大利与德国国债收益率差异仍在高位徘徊，市场和机构预计，意大利财政问题为欧元区债务敲响警钟，给未来经济稳定运行埋下隐患。首次启动财政纪律惩罚程序21日，欧盟委员会再次?</t>
  </si>
  <si>
    <t>日本海的三扇大门</t>
  </si>
  <si>
    <t>在浩瀚的北太平洋西缘，成弧形的日本列岛，它好似一把长弓，紧紧地封锁着日本海。就在这长弓的两翼，分别有对马海峡、津轻海峡和宗谷海峡，这三海峡是日本海通往外洋的战略通道，被称为日本海的三扇大门。日本国土面积很小，但海岸很长。早在明治维新后，日本就意识到“</t>
  </si>
  <si>
    <t>默克尔：德国要加强数字化建设</t>
  </si>
  <si>
    <t>德国总理默克尔21日在参加联邦议院政府预算案一般性辩论时强调，德国要加强数字化建设。默克尔在发言中表示，数字化给生活各个领域带来深刻改变。时间很紧迫，德国正处于激烈国际竞争中。面对挑战，德国要致力于使人处在数字化转型的中心位置，避免让技术凌驾人类，要处</t>
  </si>
  <si>
    <t>广西面向东盟开放  打造区域经济合作新高地</t>
  </si>
  <si>
    <t>随着近日广西北部湾港—重庆冷链专列抵达重庆团结村，中新互联互通项目国际陆海贸易新通道建设又添新“成员”。今年是广西壮族自治区成立60周年。与东盟国家海陆相连的广西，是中国少数民族人口最多的省区。“过去，由于地处山区，虽然靠海，但基础设施薄弱，广西?</t>
  </si>
  <si>
    <t>中医药国际化：处理好“小”与“大”的关系</t>
  </si>
  <si>
    <t>“汉方药”为何会风靡日本？中医药的国际化到底该怎么走？作为首善之区的北京又该如何发力？不久前，北京市中医管理局召开了一次中医药国际化座谈会，多位专家在会上对此进行了深入探讨。“中医药国际化要加强优势病种、优秀疗法的挖掘与研究，练好基本功，同时加强国际</t>
  </si>
  <si>
    <t>京东三季度财报亮眼  技术研发成利润增长新动能</t>
  </si>
  <si>
    <t>京东集团日前发布的2018年三季度财报显示，京东集团在美国通用会计准则下（GAAP），三季度归属于普通股股东的持续经营业务净利润为30亿元人民币，较去年同期的10亿元人民币大幅增长200%，创单季新高；净收入1048亿元人民币，同比增长25.1%；净服务收入为109亿元人民币，同比?</t>
  </si>
  <si>
    <t>世贸组织同意设立专家组审查美国钢铝关税措施</t>
  </si>
  <si>
    <t>世界贸易组织争端解决机构21日召开会议，同意中国、欧盟、加拿大、墨西哥、挪威、俄罗斯和土耳其7个世贸组织成员的要求，设立专家组审查美国今年3月宣布的钢铝关税措施，以确认该措施是否违反世贸组织规则。美国总统特朗普3月8日宣布，由于进口钢铁和铝产品危害美国“国</t>
  </si>
  <si>
    <t>阿布扎比主权基金起诉高盛</t>
  </si>
  <si>
    <t>据外媒报道，阿联酋阿布扎比一家主权财富基金就马来西亚“一马发展有限公司”(1MDB)的丑闻起诉美国金融机构高盛，指控后者在一桩国际腐败丑闻中扮演核心角色，并容许了向该基金前高管行贿的行为。据英国《金融时报》报道，这家名为国际石油投资公司(IPIC)的主权财富基金</t>
  </si>
  <si>
    <t>高管违法或令日产遭诉讼</t>
  </si>
  <si>
    <t>日产汽车董事长戈恩财务违规丑闻21日持续发酵。据外媒报道，除了当事人被判拘留10天，日产公司可能也将受到诉讼，承担相关责任。而法国和日本官员则表态支持雷诺-日产-三菱联盟的运营。据日本共同社21日报道，东京地方法院决定将日产汽车董事长戈恩和代表董事凯莉拘留10</t>
  </si>
  <si>
    <t>看英国歌剧院如何打“亲民经济牌”</t>
  </si>
  <si>
    <t>亚力克斯·彼尔德是英国皇家歌剧院的首席执行官。他说这个有近300年历史、富丽堂皇的地方之所以让人难以亲近，原因是“皇家”“歌剧”“大剧院”，每个词都太不亲民。彼尔德要让歌剧院成为一个接地气的地方。他曾担任英国泰特现代艺术馆副主任。这个巨大艺术馆的入口处?</t>
  </si>
  <si>
    <t>美股接连重挫  扰动美联储加息节奏</t>
  </si>
  <si>
    <t>美国股市周二连续第二日遭抛售，市场对于全球经济增长放缓的担忧挥之不去。分析指出，经济放缓隐忧、金融风险加大等多重因素的交织作用下，美联储放缓加息步伐的压力也在增加。美股再次大跌受油价大幅下跌和对部分龙头企业业绩前景担忧的影响，美国三大股指20日早?</t>
  </si>
  <si>
    <t>戈恩被捕  日产车企联盟遭剧震</t>
  </si>
  <si>
    <t>日产汽车公司董事长卡洛斯·戈恩19日被逮捕，这位雷诺-日产-三菱联盟的掌舵人预计将被取代。受此影响，几家公司股价20日出现暴跌。业界预测，日产受到多重丑闻缠身，业绩也将出现下行拐点，三家车企的联盟也面临冲击。涉案董事长将被取代日本东京检察机构人员19日?</t>
  </si>
  <si>
    <t>中国海关深度开展国际(地区)执法合作</t>
  </si>
  <si>
    <t>11月20日，“大地女神”第四期国际联合行动总结会在上海举行，来自53个成员海关与11个国际组织的共计150名中外代表出席会议。会上，中国海关倡议建立全球监控固体废物跨境运输和打击走私执法合作长效机制，得到各方代表的热烈响应。联合国副秘书长埃里克·索尔海姆表示?</t>
  </si>
  <si>
    <t>世界纳税报告：中国全年纳税时间进一步缩短</t>
  </si>
  <si>
    <t>11月20日，世界银行与普华永道全球在北京联合举办《2019年世界纳税报告》(以下简称“报告”)全球发布会。报告显示，2017年度，中国的纳税改革表现亮眼，报告的四项关键指标均取得进步，中国全年纳税时间进一步缩短为142小时，同比降低31.4%，相比起2004年的832小时缩减超过八</t>
  </si>
  <si>
    <t>APEC莫尔兹比港会议鼓劲多边主义</t>
  </si>
  <si>
    <t>亚太经合组织（APEC）第二十六次领导人非正式会议18日在巴布亚新几内亚首都莫尔兹比港落下帷幕。在各方努力下，会议就推进贸易投资自由化便利化、反对保护主义、实现包容性发展等议题达成诸多共识，彰显了同舟共济的多边主义精神。此次会议是在世界和亚太区域经济机遇与</t>
  </si>
  <si>
    <t>中澳科技创新合作稳步推进</t>
  </si>
  <si>
    <t>11月19日，澳大利亚新南威尔士大学与中国科学院科技战略咨询研究院在北京共同举办“对话未来-中澳科技创新高峰研讨会”，来自两国的专家学者就新能源、全球健康、人工智能以及新材料等方面话题进行了研讨，推动中澳两国科技创新交流不断取得新成果。中国强调建设创新型?</t>
  </si>
  <si>
    <t>“脱欧”协议草案变数几何</t>
  </si>
  <si>
    <t>英国与欧盟达成的“脱欧”协议草案引发英国政坛动荡，包括两名内阁成员在内的多名英国政府官员辞职，英国首相领导权遭遇党内外双重挑战。“脱欧”进入收官阶段，但若首相一着不慎，将导致满盘皆输。近日，英国“脱欧”事务大臣多米尼克·拉布和就业与养老金大臣埃丝特·</t>
  </si>
  <si>
    <t>亚太共商地区经济繁荣前景</t>
  </si>
  <si>
    <t>亚太经合组织（APEC）第二十六次领导人非正式会议11月17-18日在巴布亚新几内亚莫尔兹比港举行，围绕“把握包容性机遇，拥抱数字化未来”的主题，与会各国领导人回顾合作历程，共商亚太发展愿景。反对保护主义推进一体化面对保护主义抬头的现实场景，各国领导人在会</t>
  </si>
  <si>
    <t>有关直布罗陀海峡的远大设想</t>
  </si>
  <si>
    <t>直布罗陀海峡地处欧洲西南端与非洲西北端之间，是大西洋和地中海之间的唯一通道，被誉为欧亚非三大洲之间“咽喉要道”。欧美从中东地区进口石油都途经这里，因此直布罗陀海峡又被称为欧美海运的“生命线”。近年来，不少从此偷渡去欧洲的人因翻船溺水而亡，这里因此也被称为?</t>
  </si>
  <si>
    <t>“脱欧”协议草案获英内阁支持</t>
  </si>
  <si>
    <t>英国首相特雷莎·梅14日获得内阁对“脱欧”协议草案的支持，意味着“脱欧”进程取得重要进展。然而，15日媒体曝出内阁成员因不满协议草案而辞职，凸显草案中涉及边界、关税等棘手内容尚无法完全统一意见，下一步获得英国议会批准仍存不确定性，英国能否与欧盟最终妥善敲定“?</t>
  </si>
  <si>
    <t>联合国日内瓦办事处总干事穆勒：中国对多边主义的支持极为重要</t>
  </si>
  <si>
    <t>联合国日内瓦办事处总干事迈克尔·穆勒日前在北京接受新华社记者专访时说，在当前世界形势下，中国对多边主义的支持对于联合国来说极为重要。穆勒说：“中国正在通过各种途径支持我们，不论是政治上还是资源上。”中方和联合国日内瓦办事处的合作也非常友好、务实、有效</t>
  </si>
  <si>
    <t>上半年中国游客赴意签证数增长18%</t>
  </si>
  <si>
    <t>意大利驻华大使谢国谊近日表示，中国游客赴意大利旅游持续升温，赴意签证数量继2017年增长15%后，2018年上半年增幅已达18%。在当天举行的“意大利中心地带体验之旅”推介会上，谢国谊称，作为中国游客赴欧洲的主要国家，意大利正在逐步完善当地的中文服务和安全保障，并</t>
  </si>
  <si>
    <t>中国网安与卡巴斯基战略合作全新升级</t>
  </si>
  <si>
    <t>近日，在第五届世界互联网大会举办期间，中国电子科技网络信息安全有限公司（简称中国网安）与俄罗斯卡巴斯基实验室（简称卡巴斯基）在乌镇共同签署战略合作备忘录。根据合作备忘录约定，双方一致同意，在此前开展战略合作的基础上，深化工控安全、威胁情报、安全培训等</t>
  </si>
  <si>
    <t>巴菲特清仓沃尔玛  看好科技股和银行股</t>
  </si>
  <si>
    <t>据外媒报道，美国著名投资人沃伦·巴菲特旗下伯克希尔—哈撒韦公司披露的第三季度持仓报告显示，该公司第三季度清仓了沃尔玛股票，新增建仓摩根大通和甲骨文，继续增持苹果、美国银行和高盛等股票。伯克希尔—哈撒韦公司提交给美国证监会的文件显示，截至2018年9月30日?</t>
  </si>
  <si>
    <t>中国-东盟深化合作利好地区经济</t>
  </si>
  <si>
    <t>国务院总理李克强于11月12日至16日对新加坡进行正式访问并出席第21次中国-东盟(10+1)领导人会议、第21次东盟与中日韩(10+3)领导人会议和第13届东亚峰会(EAS)。这将推动中国东盟关系提质升级，构建更为紧密的中国-东盟命运共同体，同时推动地区经济一体化，对地区经济增?</t>
  </si>
  <si>
    <t>美欧继续就贸易协定展开有限对话</t>
  </si>
  <si>
    <t>欧盟贸易委员塞西莉亚·马尔姆斯特伦13日抵达美国华盛顿，与美国就新的贸易协议进一步谈判，但她强调，谈判涵盖的范围有限。马尔姆斯特伦13日在华盛顿表示，欧盟成员国希望在开放工业品贸易方面达成有限的协议，但不包含农业在内。马尔姆斯特伦说，一旦确定好范围，就可</t>
  </si>
  <si>
    <t>世行：中低收入国家去年外债存量7.1万亿美元</t>
  </si>
  <si>
    <t>世界银行一份国际债务统计报告显示，低收入和中等收入国家的外债存量去年达到7.1万亿美元，比2016年增长10%，债务与国民总收入比稳定在25%，债务与出口收入比下降到102%。2017年低收入和中等收入经济体向外部官方和私人债权人的借债从上年的1810亿美元猛增至6070亿美元?</t>
  </si>
  <si>
    <t>“连通”入场短期难撼银联主导格局</t>
  </si>
  <si>
    <t>央行近日在官网发布消息称，中国人民银行日前会同中国银行保险监督管理委员会审查通过了“连通（杭州）技术服务有限公司”（下称“连通公司”）提交的银行卡清算机构筹备申请。连通公司是美国运通公司在我国境内发起设立的合资公司，并作为市场主体申请筹备银行卡清算机构、?</t>
  </si>
  <si>
    <t>大众或开启5000万辆电动车生产计划</t>
  </si>
  <si>
    <t>据外媒报道，德国大众汽车首席执行官赫伯特·迪斯表示，可能从2020年起借由新的电动汽车平台生产多达5000万辆电动汽车，并正在研究如何扩大在美国的生产规模。据路透社报道，迪斯在接受Automotive News采访时表示，大众在美国查塔努加的工厂可能会增加电动汽车或者Atlas</t>
  </si>
  <si>
    <t>英国脱欧谈判接近尾声  推进艰难</t>
  </si>
  <si>
    <t>经过与欧盟的通宵谈判，英国首相特雷莎·梅12日表示，“脱欧”谈判接近尾声并变得极为艰难，但不会不计任何代价达成协议。分析人士表示，爱尔兰边界等难题可能令“脱欧”进程变数依旧，而目前英国和欧盟商界担忧经济受到波及的情绪逐渐升温。通宵谈判难除分歧为达?</t>
  </si>
  <si>
    <t>实施民企强身新战略  实现国民共进新平衡</t>
  </si>
  <si>
    <t>民营企业强身健体的“六中”战略：一是加大力度开拓中国与美国中间的其他国家和地区市场；二是要面向我国中西部、面向中小城市思考转型发展方向；三是面向中等收入群体，增强新型供给；四是面向中游产业主动对接，加强和国有企业合作；五是不断向产</t>
  </si>
  <si>
    <t>产油国或再度联手减产推升油价</t>
  </si>
  <si>
    <t>沙特、俄罗斯、阿联酋、也门、科威特和埃尔及利亚等国的石油部长11日在阿布扎比举行会议，主要商讨再度联手减产，重新调整石油生产策略以帮助原油市场恢复供求平衡，但尚未达成一致意见。多因素叠加导致油价下滑据了解，多重因素叠加导致油价下滑，其中主要是对于?</t>
  </si>
  <si>
    <t>从卷筒纸供应危机看“脱欧”</t>
  </si>
  <si>
    <t>距离英国正式退出欧盟不到半年，英国人可能将率先从厕所里使用的卷筒纸上感受到“脱欧”带来的影响。英国是欧洲最大的纸巾用品进口国，其厕纸主要依赖从欧洲大陆和美国进口，有人担心“脱欧”将带来英国厕纸供应危机。一方面，英国公投“脱欧”后一度引发英镑暴跌?</t>
  </si>
  <si>
    <t>清洁能源有望成为中阿能源合作新“蓝海”</t>
  </si>
  <si>
    <t>近日在埃及首都开罗举行的第六届中国阿拉伯国家能源合作大会上，国家能源局副局长刘宝华宣布，中阿将成立清洁能源培训中心，双方将组织光伏、光热、风电、智能电网等方面的能力建设活动。分析人士认为，随着中国和阿拉伯国家纷纷出台政策调整能源结构，清洁能源将成为中阿能?</t>
  </si>
  <si>
    <t>维护多边合作机制  提升对华合作水平</t>
  </si>
  <si>
    <t>第33届东盟峰会及东亚合作领导人系列会议13日将在新加坡正式开幕。峰会期间，东盟各成员国领导人将围绕“韧性与创新”主题，探索在日益增加的全球不确定因素及日新月异的新技术冲击下，进一步推进东盟一体化和共同体建设，谋求安全与发展。在增进内部协作的同时，东盟还</t>
  </si>
  <si>
    <t>阿根廷官员称该国经济明年或小幅增长</t>
  </si>
  <si>
    <t>阿根廷政府经济官员日前来中国进行访问，寻求与我国加强经济合作。官员们表示，该国已采取多重措施初步稳定了今年动荡的市场，未来增长根基未变，明年预计经济能够小幅增长，不会重演类似希腊式的危机，出现了好的投资时机。在日前举行的阿根廷宏观经济展望研讨会上，阿</t>
  </si>
  <si>
    <t>打破掣肘  实现国资国企改革新突破</t>
  </si>
  <si>
    <t>2018年10月27日至28日，由中国（海南）改革发展研究院、中国银行、中国建设银行和德国国际合作机构合作主办的“改革开放的中国与世界——第84次中国改革国际论坛”在海口举行。与会代表就国有企业与国有资本改革进行了深入探讨。国资国企发展依赖于改革突破与会专?</t>
  </si>
  <si>
    <t>2018年创新经济论坛传递“中国信心”</t>
  </si>
  <si>
    <t>2018年创新经济论坛日前在新加坡落下帷幕，与会者深入探讨了当前全球经济发展面临的严峻挑战，并承诺将进一步推进落实相关解决方案，尤其是要维护多边贸易体系。此次论坛正逢世界经济经历深刻变革中，面临着维护世界经济稳定发展、人口变化、气候变化、治理能力落后于科</t>
  </si>
  <si>
    <t>欧盟3%数字税计划遇阻</t>
  </si>
  <si>
    <t>据外媒报道，欧盟针对谷歌和脸书等大型科技企业的数字税征收计划6日再次遇阻，各成员国对该计划推行的分歧仍大。据英国《卫报》报道，欧盟各国财长6日就全欧数字税的提案展开了讨论，试图在年底前就该计划达成一致，但爱尔兰、丹麦和瑞典6日公开对这项计划表示了反对。?</t>
  </si>
  <si>
    <t>人工智能会不会促进垄断</t>
  </si>
  <si>
    <t>人工智能能够通过智能数据处理和分析工具帮助企业在产出、定价和其他商业决策上占据优势，进而维持或者取得市场优势，这对各国反垄断执法提出了挑战。为保护消费者利益、维护市场公平竞争，美国、德国和欧盟等国家和地区已经对算法共谋、巨型高科技企业滥用市场支配地位</t>
  </si>
  <si>
    <t>英“脱欧”协议谈判进入冲刺阶段</t>
  </si>
  <si>
    <t>由于英国和欧盟接近达成脱欧协议的预期上升，英镑5日上涨23个基点至1英镑兑1.305美元。近期英镑走势紧盯“脱欧”事宜进展，稍有风吹草动便坐上过山车。英国与欧盟的“脱欧”谈判进入最后冲刺阶段，但仍未显露将很快敲定的迹象，外界对于无协议“脱欧”的担忧仍难消减。?</t>
  </si>
  <si>
    <t>全球经济新特征与政策新热点</t>
  </si>
  <si>
    <t>“当今世界一体化和互联化日益加深，任何国家难以完全独自处理复杂的挑战，需要各国政策制定者勠力同心、通力合作。面对不断缩窄的机遇之窗，一些发达和新兴市场经济体应对风险的政策空间有限，国际协同精神有所减退，这也使得预防危机显得更为重要。”国际货币基金组织（IMF</t>
  </si>
  <si>
    <t>连过两关  日欧经济伙伴关系协定有望明年生效</t>
  </si>
  <si>
    <t>日本与欧盟缔结的经济伙伴关系协定（EPA）日前连过两关，有望最早于明年2月生效。据日本共同社报道，日本政府6日在内阁会议上通过了与欧盟的经济伙伴关系协定批准案，力争在本届国会期间获得通过。共同社称，如果日欧均在年内完成国会程序，日欧经济伙伴关系协定将</t>
  </si>
  <si>
    <t>欧盟威胁制裁预算超支  意国债收益率上涨</t>
  </si>
  <si>
    <t>在5日闭幕的欧元区财长会上，欧盟与意大利就预算案超标未达成和解，且欧盟官员6日表示不排除惩罚选项，受此影响，意大利国债收益率上升。欧元区财长5日开会商议，随后在声明中向意大利“喊话”：“我们同意欧盟委员会的评估……稳健的公共财政非常重要，是可持续经济发?</t>
  </si>
  <si>
    <t>三大国际组织盛赞中国开放新举措增益世界</t>
  </si>
  <si>
    <t>首届中国国际进口博览会5日正式拉开帷幕。世界贸易组织、国际货币基金组织和世界银行三大国际组织负责人在当天举行的开幕式上先后发表讲话，盛赞中国主动扩大开放和积极维护多边贸易体系的新举措增强了国际社会信心，为世界经济注入正能量。世界贸易组织总干事阿泽维多说</t>
  </si>
  <si>
    <t>“蜀道”向南开辟“一带一路”新高地</t>
  </si>
  <si>
    <t>四川是支撑“一带一路”建设和长江经济带发展的核心腹地之一，是连接我国西南西北、沟通南亚东南亚的重要交通走廊，也是西部地区最大的消费市场、要素市场。而成都平原及川南区域，自古就是南丝绸之路的起点和通道。当前，重振和拓展南向大通道已经成为四川扩大对外开放的重?</t>
  </si>
  <si>
    <t>英“脱欧”谈判进入关键期</t>
  </si>
  <si>
    <t>据外媒报道，11月英国“脱欧”谈判进入关键阶段，能否尽快取得重大进展是本月启动欧盟特别峰会的关键。分析称，11月将是英欧双方达成“脱欧”协议的大限，逾期则英欧都无法保证有足够时间在各自的议会通过这份协议，英国“无协议脱欧”的风险将上升。英欧预期仍不同</t>
  </si>
  <si>
    <t>多重利好将促中智经济合作升级</t>
  </si>
  <si>
    <t>第四届智利周11月1日在北京启动，在开幕仪式上，中国和智利官员表示，将通过自贸协定升级谈判、“一带一路”倡议等共同捍卫多边主义，加深全方位经济合作。商务部副部长王受文在开幕式上表示，当前中国与智利提升战略伙伴关系潜力巨大。他指出，凭借自由贸易协定，</t>
  </si>
  <si>
    <t>专家业者“把脉”：新形势下两岸产业合作</t>
  </si>
  <si>
    <t>“加强两岸产业合作，提升中华民族核心技术竞争力，对我们应对挑战非常重要，对台湾提升发展空间也非常有益。”海峡两岸关系研究中心主任仇开明10月29日在此间表示。当天，以“融合发展、互利共赢”为主题的首届两岸民间圆桌论坛在北京举行。两岸专家及产业界代表就新形</t>
  </si>
  <si>
    <t>进口博览会全面开启多边经贸新征程</t>
  </si>
  <si>
    <t>首届中国国际进口博览会即将于11月5日在上海开幕。来自130多个国家的3000多家参展企业已经带着各自最优质最有特色的产品准备妥当，等待中国企业和消费者的到来，也等待打开中国市场的机会。专家表示，这次展会是世界上首个以进口为主题的大型国家级展会，不仅给中国消费者和?</t>
  </si>
  <si>
    <t>夯实经济增长产业基础应对复杂形势</t>
  </si>
  <si>
    <t>当地时间10月25日，新华社《经济参考报》与厦门大学、英国伦敦大学在伦敦联合举办“中国宏观经济高层研讨会暨‘中国季度宏观经济模型（CQMM）2018年秋季预测发布会’”，发布“中国宏观经济预测与分析——2018年秋季报告”（简称“报告”）与百位经济学家“2018年中国宏观经?</t>
  </si>
  <si>
    <t>改革开放40年的八条经验</t>
  </si>
  <si>
    <t>全国政协经济委员会副主任杨伟民日前在出席“中国改革开放40周年：进展，前景和对东亚地区的影响”高层论坛时表示，过去40年中国在持续的改革开放中积累了很多经验，从综合全面的角度看，主要遵循了八条经验。第一，解放思想，实事求是。解放思想是改革开放的出发点，也</t>
  </si>
  <si>
    <t>南瑞集团科技创新成果获肯定</t>
  </si>
  <si>
    <t>在10月27日中国电机工程学会组织召开的科技成果鉴定会上，众多专家驻足观摩展示区，认真评审各项成果，纷纷对南瑞集团近年来取得的创新成果表示赞叹和肯定。中国工程院院士、知名高校教授、国家电网公司专家等大咖高度评价南瑞科技创新成果，认为南瑞在特高压、智能电网</t>
  </si>
  <si>
    <t>百年“电工联合国”迎首位中国“掌门人”</t>
  </si>
  <si>
    <t>有“电工领域联合国”之称的国际电工委员会（下简称“IEC”）第82届大会于10月26日在韩国釜山闭幕，IEC各国家委员会一致提名并选举中国国家电网有限公司董事长舒印彪为第36届主席，任期为2020年至2022年。这是该组织成立112年来，首次由中国专家担任最高领导职务。IEC秘</t>
  </si>
  <si>
    <t>欧版互联互通背后的深意</t>
  </si>
  <si>
    <t>为配合10月中旬在比利时布鲁塞尔召开的第十二届亚欧首脑会议，2018年9月19日，欧盟公布了其酝酿2年之久的《欧盟欧亚互联互通战略》，力图打造欧盟版的互联互通模式，实现“更好连接欧亚”的愿景。欧盟此时出台欧亚互联互通战略，是三方面因素综合作用的结果。欧亚地区是</t>
  </si>
  <si>
    <t>沙特承诺增产能否改变油价走势</t>
  </si>
  <si>
    <t>近日，沙特石油部长称，沙特将很快从产量1070万桶的现有水平上增产30万桶，并且今后还有能力再增产至130万桶，达到每天1200万桶的产量。原本因为“卡舒吉案”引发的美国与沙特交恶可能带动油价反弹的这只“黑天鹅”，一周之后却以沙特承诺增产向美国递交的一纸“投名状?</t>
  </si>
  <si>
    <t>进博会成为中法紧密合作契机</t>
  </si>
  <si>
    <t>中国首届国际进口博览会将于11月在上海举行。法国七个地区将作为国家馆成员，参与首届进博会。超过70个法国企业在法国馆有展位，其中多是大型跨国企业。进博会将成为一次法国各地和企业与中国在经济、旅游和教育等方面加强紧密合作的契机。法国馆将由上法兰西大区、巴黎</t>
  </si>
  <si>
    <t>美国企业热盼进博会  近180家参加</t>
  </si>
  <si>
    <t>在美国中美研究中心知名学者苏拉布·古普塔看来，美国公司进一步了解和拓展中国市场的意愿仍在不断增强。据初步统计，来自互联网科技、汽车、家用电器、制造业和农业等多个领域的近180家美国企业，将携带各自拿手产品和领先技术扎堆亮相即将在上海举行的首届中国国际进?</t>
  </si>
  <si>
    <t>中日第三方市场合作可有序推进</t>
  </si>
  <si>
    <t>今年是中日和平友好条约缔结40周年，中日关系亦处于承前启后的重要时点。两国领导人达成重要共识使中日关系正步入正常轨道，面临改善发展的重要机遇。两国可以发挥经济互补性强的优势，除了继续推进两国经济贸易合作外，还可有序推进中日第三方市场合作。2015年6月，中?</t>
  </si>
  <si>
    <t>中国最年轻自贸区任重道远</t>
  </si>
  <si>
    <t>中国（海南）自由贸易试验区总体方案日前已正式发布。有别于多数现有自贸区，海南自贸区致力于打造我国面向太平洋和印度洋的重要对外开放门户，在战略定位上更加积极开放，海南自贸区有望为我国全面深化改革开放趟出一条新路。同时，作为中国最年轻的自贸区，专家指出海南仍?</t>
  </si>
  <si>
    <t>邮轮经济进入调整期</t>
  </si>
  <si>
    <t>大船化、智能化、信息化给邮轮市场带来哪些新变化？经过数年的“高增长”，邮轮经济的下一个十年将呈现怎样的样貌？10月24日，2018Seatrade亚太邮轮大会在上海宝山拉开帷幕，来自美国、欧洲、日本、韩国、新加坡等地的邮轮业界人士和专家齐聚上海，共同探讨亚太地区邮轮市场?</t>
  </si>
  <si>
    <t>美国加息预期强化再扰市场</t>
  </si>
  <si>
    <t>美国联邦储备委员会24日发布的全国经济形势调查报告显示经济温和增长，令外界更加确信美联储年底将再次加息。目前，美联储加息预期等因素持续搅动市场，24日美股再次大跌。美经济增势平稳美联储24日发布的全国经济形势调查报告显示，今年9月初至10月中旬，美国经济</t>
  </si>
  <si>
    <t>豪华SUV产品加快进入中国市场</t>
  </si>
  <si>
    <t>今年以来，国内汽车增速持续放缓，乘用车、商用车等品类产品的销量增速都出现了较大幅度的下降。但在这其中，持续火爆的SUV产品在前9个月的销量中虽然没有之前的增速迅猛，但增速仍保持小幅增长，仍高于轿车、MPV等车型。随着国内消费者的消费升级，众多国际豪华和超豪华SUV?</t>
  </si>
  <si>
    <t>新加坡借助手机应用软件提高民生服务效率</t>
  </si>
  <si>
    <t>新加坡国家发展部社区事务署官员23日说，新加坡借助手机应用软件处理一些部门责任不十分明确的民情反馈，有效减少了“踢皮球”现象。社区事务署政策与策划司副司长陈志成当天在接受中国媒体记者团采访时说，社区事务署2014年10月正式成立后开发了一款手机应用软件，作为</t>
  </si>
  <si>
    <t>德银三季度净利润骤降逾六成</t>
  </si>
  <si>
    <t>德意志银行24日公布第三季度财报，净利润大幅减少65%，创下2010年以来最差第三季度表现。不过经过近期大幅裁员减支，全年有望实现三年来首次盈利。这家德国最大的银行第三季度净利润为2.29亿欧元，低于上年同期的6.49亿欧元，但仍高于路透调查分析师预计的1.49亿欧元。?</t>
  </si>
  <si>
    <t>美国人的“彩票梦”</t>
  </si>
  <si>
    <t>这几天，美国很多州都出现了当地居民排长队买彩票的场景。如此之高的热情，皆因激动人心的Mega Millions（超级百万）和Powerball（强力球）即将开出巨奖，这让为中期选举争夺选民的美国民主共和两党羡慕不已。Mega Millions和Powerball是美国发行的两款彩票。截至目前，</t>
  </si>
  <si>
    <t>Netflix欲发行20亿美元垃圾债支持原创</t>
  </si>
  <si>
    <t>据外媒报道，美国流媒体视频服务巨头Netflix22日宣布，计划发行20亿美元的垃圾债券，为原创视频节目融资，以帮助其继续吸引更多用户。据报道，Netflix计划分两批发行本金总额约为20亿美元的美元计价和欧元计价高级无担保债券。Netflix计划将来自这些债券的净收入用于一?</t>
  </si>
  <si>
    <t>探寻深圳科技创新基因</t>
  </si>
  <si>
    <t>近日，由深圳市委宣传部、中国记协、香港商报联合举办的2018“世界知名媒体创新深圳行”大型采访活动在深圳正式启航。在为期四天的时间里，英国《金融时报》、新加坡《海峡时报》、日本《读卖新闻》等近50家世界知名媒体走进深圳。聚焦腾讯、平安、大疆创新、飞贷金融科技等?</t>
  </si>
  <si>
    <t>“臭美”经济，巴西经济的常青树</t>
  </si>
  <si>
    <t>最近，经济合作与发展组织、世界银行、国际货币基金组织陆续下调了巴西今年的经济增长预期，就在巴西经济复苏乏力、各行业缺乏信心时，巴西美容业却独树一帜，显现出一片生机盎然的景象。巴西个人清洁、香水和化妆品协会预计，今年巴西美容领域的销售额将增长8%，国际排序也?</t>
  </si>
  <si>
    <t>中国铁路创新米轨国际货运拓宽中越贸易通道</t>
  </si>
  <si>
    <t>一条100多年前建设的窄轨铁路，让中国与东南亚的贸易通道越走越宽。来自中国铁路昆明局集团有限公司消息，今年1月1日至10月7日，中越米轨国际货运班列完成出入境货物运输40.33万吨，其中出口完成25.03万吨，同比增长13.26%。昆明局集团有限公司开远车务段副段长李建说，</t>
  </si>
  <si>
    <t>英国严查足球明星逃税  已追回3.3亿英镑税款</t>
  </si>
  <si>
    <t>英国政府打击足球明星偷漏税的行为取得了丰硕成果，税务部门已经从球星形象权收入中追回了3.3亿多英镑（约29亿人民币）的税款。英国皇家税收与关税局日前透露，他们过去一年加大了追查足球领域偷漏税的力度，调查涉及171名球员、44家俱乐部和31名经纪人，调查人数比去年</t>
  </si>
  <si>
    <t>从出口“风向标”转向“买全球卖全球”大舞台</t>
  </si>
  <si>
    <t>“从我们摊位走过的人，来自不同的国家。不用一个一个国家去‘敲门’，在这里等着，全世界的客户就会自己上门。”美国重型工程机械巨头卡特彼勒公司（CAT）的特许销售商——美国东方风机公司总裁喻志鸿说，“我觉得这个展览是全世界最棒的，因为中国的市场规模很大，来这里的</t>
  </si>
  <si>
    <t>美国国债收益率上升或拖累美元</t>
  </si>
  <si>
    <t>美国10年期国债收益率本月升至七年高位。美国国债收益率上升，被认为是最近数月支撑美元走强的一个因素。但有一些分析师认为，从长期来看，在利率上升和美国政府债务增加等因素的影响下，国债收益率上升或令美元呈现走弱趋势。美国联邦储备委员会（美联储）逐步升息和国</t>
  </si>
  <si>
    <t>“脱欧”恐变“拖欧”</t>
  </si>
  <si>
    <t>18日结束的欧盟峰会上，英国与欧盟仍未能达成“脱欧”协议。这让“英国将以何种方式脱欧”的悬念延续，也增加了人们对“脱欧”变“拖欧”的担忧。峰会期间，欧盟指责英国提供的“脱欧”方案毫无新意，双方在“脱欧”问题上并未取得实质性进展，最大的阻碍仍是爱尔兰边界</t>
  </si>
  <si>
    <t>用科技更好服务客户是未来最大挑战</t>
  </si>
  <si>
    <t>2018年《财富》全球论坛10月15日至17日在加拿大多伦多举行，记者采访了代表中国企业家在会议期间发言的宜信公司CEO唐宁。记者：请问您对“数字经济”和“新经济”有怎样的解读？唐宁：现在的经济已经完全是数字经济了，不存在数字经济和非数字经济，中国的新经济本</t>
  </si>
  <si>
    <t>意大利预算案引发连锁反应</t>
  </si>
  <si>
    <t>近日，意大利政府向欧盟委员会递交国家财政增赤预算报告后引起一系列反应——欧盟指责意大利预算报告不符合欧盟政策和国家预算赤字目标要求，评级公司穆迪下调意大利主权评级，欧盟执委会还向法国等五国致函，敦促其按承诺大幅削减结构性赤字。意大利预算受欧盟指责</t>
  </si>
  <si>
    <t>白令海峡：沟通北冰洋和太平洋的航道</t>
  </si>
  <si>
    <t>为了弄清北美大陆和亚洲大陆是陆地相连，还是中间隔着海峡，沙皇彼得一世于1724年派遣在俄国海军任职的丹麦探险家维塔斯·白令上校前往调查，白令船队首次成功穿过这片水域进入北冰洋，后人便把这个航道称为白令海峡。白令海峡位于亚洲最东点的迭日涅夫角（是亚洲乃至整</t>
  </si>
  <si>
    <t>外国西医医生的中医观</t>
  </si>
  <si>
    <t>“这次找赵老师给我母亲开了方子，我要买中草药带回去！”10月15日，在中国中医科学院举行的第二届中医药临床实践与研究进展国际高级培训班开班仪式间隙，波兰雅盖隆大学医学院老年科医生莫妮卡·里比奇卡兴奋地对记者说。中医药临床实践与研究进展国际高级培训班是科技</t>
  </si>
  <si>
    <t>解码药博会：中医药产业如何借力“大健康”</t>
  </si>
  <si>
    <t>“美国健康产业产值已经超过了1万亿美元。相较而言，我国大健康产业的年收益约为900亿美元，存在巨大的发展空间。”中国医药企业管理协会会长郭云沛等专家在日前于甘肃陇西举行的“2018中国（甘肃）中医药产业博览会”上，做出了上述表示。与会专家代表指出，我国大健康</t>
  </si>
  <si>
    <t>国际油价难以继续大幅上行</t>
  </si>
  <si>
    <t>据外媒报道，石油输出国组织(OPEC)秘书长巴尔金都17日表示，沙特阿拉伯已向OPEC保证沙特“承诺、有能力且愿意”确保油市不会出现短缺。分析认为，目前市场供应充足，需求出现下降趋势，油价难以继续大幅上行。据路透社报道，巴尔金都引述了沙特能源部长法力赫15日的一次</t>
  </si>
  <si>
    <t>2018中企跨境投资与并购趋势向好</t>
  </si>
  <si>
    <t>中国投资协会外资投资委员会联合“一带一路”总商会18日在北京举办“2018跨境投资与并购研讨会”。不少与会人士指出，2018年中企跨境投资与并购趋势向好，随着国内外经济形势的变化，许多国家均在加快调整经济结构，中企跨境投资与并购面临巨大机遇。匈牙利驻华大使馆商</t>
  </si>
  <si>
    <t>中国与欧亚国家推动多边务实合作</t>
  </si>
  <si>
    <t>中国国务院总理李克强11日至19日开启亚欧之行。除了参加上海合作组织成员国政府首脑理事会第十七次会议，出席第十二届亚欧首脑会议外，李克强还对塔吉克斯坦、荷兰和比利时三国进行访问。在当前国际形势错综复杂、单边主义和贸易保护主义抬头的背景下，李克强此行进一步推动?</t>
  </si>
  <si>
    <t>优步IPO计划提速  估值或达千亿美元</t>
  </si>
  <si>
    <t>据外媒报道，有知情人士称，原计划于2019年下半年上市的美国网约车公司优步，正准备将首次公开发行(IPO)提前至明年上半年，估值目标超过1000亿美元。据英国《金融时报》报道，知情人士透露，优步IPO准备在未来六个月进行。知情人士称，高盛与摩根士丹利将受聘作为优步IP</t>
  </si>
  <si>
    <t>爱尔兰边境问题成“脱欧”最大难题</t>
  </si>
  <si>
    <t>距离英国与欧盟约定的“脱欧”谈判截止日期越来越近，一条500公里长的边境却让达成“脱欧”协议的可能性越来越小。一名首相府内部人士表示，目前“脱欧”谈判已经完成了85%，但剩下最难啃的“硬骨头”——爱尔兰边境问题可能让双方此前的所有努力付之东流。爱尔兰?</t>
  </si>
  <si>
    <t>海南自贸区将打造开放新标杆</t>
  </si>
  <si>
    <t>海南自贸区总体方案靴子落地。10月16日，国务院发布关于同意设立中国（海南）自由贸易试验区的批复，《中国（海南）自由贸易试验区总体方案》（以下简称《方案》）正式出炉，这是自4月13日中央宣布支持海南建设自由贸易区(港)建设以来，海南自贸区建设迎来的实质性突破。</t>
  </si>
  <si>
    <t>日本拟明年上调消费税税率至10%</t>
  </si>
  <si>
    <t>10月15日，日本首相安倍晋三在临时内阁会议上表示，计划于明年10月将消费税税率由当前的8%提高至10%。这是日本继2014年4月将消费税率从5%提高至8%之后将再度上调这一税率。提高税收支持社会保障安倍在当天举行的临时内阁会议中正式宣布提高消费税率，并要求相关部?</t>
  </si>
  <si>
    <t>国内油价将迎“四连涨”  时隔五年再步入“8元”时代</t>
  </si>
  <si>
    <t>近日国际油价历经连续两日暴跌局面，随后反弹但仍显乏力。不过，这难改10月19日本轮成品油零售限价“四连涨”的局面。届时，国内华北、华南、西南部分地区汽油将时隔五年后再次进入“8元”时代。伊朗因制裁问题而导致的原油市场供应担忧不断升级，刺激国际油价上涨。但?</t>
  </si>
  <si>
    <t>汤森路透：伊朗原油出口量继续下降</t>
  </si>
  <si>
    <t>信息服务提供商汤森路透Eikon公司15日说，伊朗10月原油出口量继续下降，迄今日均出口量为大约133万桶。借助追踪油轮数据等方式，汤森路透Eikon公司所获数据显示，今年4月，伊朗日均原油出口量为至少250万桶，5月后逐渐下降，9月日均原油出口量为大约160万桶。美国?</t>
  </si>
  <si>
    <t>美2018财年赤字增至7790亿美元  创六年新高</t>
  </si>
  <si>
    <t>美国财政部15日发布的报告显示，2018财年美国联邦政府财政赤字达到约7790亿美元，比上一财年大幅增长17%，创2012年以来新高。美国财政部当天发布的月度财政报告显示，2018财年（去年10月1日至今年9月30日）美国联邦政府财政收入比上一财年增加0.4%至约3.329万亿美元，财</t>
  </si>
  <si>
    <t>英国生产力低增长之谜</t>
  </si>
  <si>
    <t>从2007年至今，英国生产力的增长近乎停滞。数据显示，1970年至2007年，英国的生产力年均增长约2.4%，从2010年至2015年，这一数字骤降为0.2%，最近几年才稍有起色。生产力是指单位工作时间内产出的物品和服务价值，英国生产力可以用国内生产总值除以境内劳动者的总工作时</t>
  </si>
  <si>
    <t>英国“脱欧”谈判再陷僵局</t>
  </si>
  <si>
    <t>据外媒报道，英国与欧盟“脱欧”谈判代表14日会晤后，暂停了谈判，在本周欧盟领导人峰会前达成“脱欧”协议的努力宣告失败。本周三欧盟领导人将举行峰会听取有关“脱欧”事宜的进展，“脱欧”进入关键一周。有消息称，悬而未决的关键问题在于爱尔兰边界问题，本周三的峰会如?</t>
  </si>
  <si>
    <t>崔天凯就中美关系等接受美国福克斯电视台采访</t>
  </si>
  <si>
    <t>中国驻美国大使崔天凯12日接受美国福克斯电视台“周日新闻”节目主持人华莱士采访，就中美关系、经贸摩擦、朝核问题等回答了对方提问。有关采访14日在福克斯电视台播出。针对美国领导人近期涉华强硬言论，崔天凯表示，有关言论中所有对华指控都是毫无根据的。不干涉内政</t>
  </si>
  <si>
    <t>美传统零售商西尔斯申请破产</t>
  </si>
  <si>
    <t>据外媒报道，美国传统零售商西尔斯控股公司15日正式申请破产保护。西尔斯的困境折射出美国零售业近几年举步维艰的现状。据报道，西尔斯在向纽约南区美国破产法院提交的文件中列出了69亿美元资产和113亿美元负债。该公司大约有700家门店，作为破产计划的一部分，西尔斯将</t>
  </si>
  <si>
    <t>丰洲市场：能否成为第二个“东京厨房”</t>
  </si>
  <si>
    <t>全球闻名的东京筑地市场日前正式关闭，市场内的商户陆续搬迁至2.3公里外的丰洲市场。10月11日，位于东京江东区的丰洲市场开业，13日正式对公众开放。作为“东京厨房”，具有83年历史的筑地市场曾给几代日本人和全球慕名而来的游客留下了难以磨灭的回忆，如今的丰洲市场是否可</t>
  </si>
  <si>
    <t>美国对伊松口令原油市场生变</t>
  </si>
  <si>
    <t>距离美国制裁伊朗的最后期限仅剩一个月的时间，美伊危机意外出现转机。10月5日，一位美国官员称，美国政府“准备与逐步减少进口伊朗原油的国家合作”，正在考虑伊朗石油制裁的“SRE豁免”或“重大豁免”，且该豁免“处于内部流程中”。美国制裁伊朗的消息，从9月份开始?</t>
  </si>
  <si>
    <t>金融市场拖累油价走低</t>
  </si>
  <si>
    <t>上周受全球股票市场暴跌影响，国际油价走低。美国纽约商品交易所轻质原油期货价格下跌3.6%，伦敦布伦特原油期货价格下跌4.1%。市场人士分析称，由于美国股市出现数月来罕见暴跌，引领全球金融市场下滑，油市也难逃此劫。美国能源信息局10日发布的月度报告预计，美国9月?</t>
  </si>
  <si>
    <t>脸书数据泄露事件波及2900万用户</t>
  </si>
  <si>
    <t>美国脸书公司12日说，上月底发现的数据泄露事件影响2900万用户，人数少于最初估计。用户的姓名、电子邮件、电话号码甚至浏览网站、到访地点等更私密的信息遭“黑客”偷窥。脸书一直竭力避免平台遭滥用。这次数据泄露发生在美国11月国会中期选举前。这家企业说，没有证据</t>
  </si>
  <si>
    <t>世行：改善卫生条件有助孟加拉国减贫</t>
  </si>
  <si>
    <t>世界银行近日发表报告指出，提升饮用水质量和公共卫生环境将有助孟加拉国的减贫工作，促进孟加拉国发展。报告说，目前孟加拉国98%的人使用的水来自技术改良后的水源，但是水质受粪便、重金属污染等因素影响，依然不理想。抽样检测发现，80%的自来水水样中存在大肠杆菌，</t>
  </si>
  <si>
    <t>牢牢守住不发生系统性金融风险的底线</t>
  </si>
  <si>
    <t>过去两日，全球股市集体暴跌，先是美股遭遇“黑色星期三”，其中道琼斯工业指数下挫逾830点，标普500指数五连跌创下了特朗普就任总统以来的最长连跌纪录，之后德法英在内的欧洲股市跟随大跌，隔夜第二天亚太股市也未能幸免。显然，这都是美股“惹的祸”，导火索则是近日美债?</t>
  </si>
  <si>
    <t>万达意图弥补一线城市医疗服务“短板”</t>
  </si>
  <si>
    <t>近日，万达集团宣布与美国匹兹堡大学医学中心达成战略合作，将在中国合办高端国际医院，全面引进医院品牌、医院管理、医疗技术以及医护服务体系，按照国际一流标准建设和运营。有分析指出，高端医疗需求的增长空间巨大。近几年，中国一线城市的高消费人群普遍对医疗服务</t>
  </si>
  <si>
    <t>美股重挫引全球市场风声鹤唳</t>
  </si>
  <si>
    <t>美国股市暴跌引发全球市场11日集体跟风大幅下挫，亚洲、欧洲主要股指纷纷走低。市场人士称，美国国债收益率上升、美联储持续加息将导致融资成本升高、流动性收紧，美国股市面临修正风险。与此同时，新兴市场资金流出的风险也值得警惕。全球股市跟风杀跌10日，标普5</t>
  </si>
  <si>
    <t>曼德海峡：连接三大洲的“水上走廊”</t>
  </si>
  <si>
    <t>每年约三万艘船只通过曼德海峡，运送欧亚货物贸易的80%，并且每天将约330万桶石油运往欧洲和美国。但是，曼德海峡区域并不安全，2018年上半年，沙特阿拉伯曾一度中断通过曼德海峡出口石油。曼德海峡位于阿拉伯半岛西南端和非洲大陆之间，呈西北-东南走向，向南经亚丁湾?</t>
  </si>
  <si>
    <t>九芝堂做全球再生医学领先者</t>
  </si>
  <si>
    <t>传统中药制药企业九芝堂发起设立的九芝堂雍和启航基金，与位于美国生物药谷圣地亚哥有着十余年干细胞研发、生产、营销历史的美国Stemedica细胞技术有限公司（以下简称美国Stemedica公司）日前签署投资协议。按照协议约定，九芝堂美科（北京）细胞技术有限公司（以下简称九芝?</t>
  </si>
  <si>
    <t>传特斯拉在华建厂计划获进展  或提振股价</t>
  </si>
  <si>
    <t>据外媒报道，特斯拉正在上海为其在美国以外的首个超级工厂购置土地，特斯拉更换董事长的事宜也在推进中。分析认为，这些因素均将有助于特斯拉股价的回升。英国《金融时报》10日援引两名知情人士的话称，21世纪福克斯首席执行官（CEO）詹姆斯·默多克是取代特斯拉CEO埃隆</t>
  </si>
  <si>
    <t>上合组织安全经贸与人文合作将走向深化</t>
  </si>
  <si>
    <t>“即将召开的上海合作组织（上合组织）成员国政府首脑（总理）理事会第十七次会议，将磋商落实上合组织青岛峰会通过的一系列决议，上合组织安全、经贸和人文等领域合作将迎来深化发展新阶段。”俄罗斯莫斯科国际关系学院国际问题研究所东亚和上合组织研究中心高级研究员伊戈?</t>
  </si>
  <si>
    <t>英国“脱欧”谈判再迎时间窗口</t>
  </si>
  <si>
    <t>欧盟定于下周举行峰会，英国“脱欧”谈判议题再次迎来时间窗口。从目前欧盟和英国的表态看，双方都有尽早达成协议的意愿，并愿意在此前的分歧上做出妥协。但分析人士指出，有关经贸关系的谈判可能会取得突破，但爱尔兰边界问题仍是双方需要克服的最大障碍。双方有意弥合</t>
  </si>
  <si>
    <t>机构：中国市场或能提振星巴克疲弱业绩</t>
  </si>
  <si>
    <t>激进投资者阿克曼9日公布了旗下潘兴资本对星巴克的持股比例，并认为中国市场增长将提振星巴克业绩，令这家今年以来表现平平的咖啡连锁企业股价一度大涨5%。但市场认为，同业竞争加剧、高管层更替、美国销量下降将打压星巴克未来业绩。阿克曼旗下潘兴资本9日在纽约一次新</t>
  </si>
  <si>
    <t>中欧企业携手研发新能源车</t>
  </si>
  <si>
    <t>为了改善空气质量、加强环保，德国多个城市今年陆续出台老旧柴油车禁令，欧洲议会也在日前表决通过更严格的碳排放标准。应对新挑战，欧洲企业深知携手中国企业的必要性，一波新能源汽车研发热潮正席卷欧洲。已在欧洲经营多年的比亚迪欧洲汽车销售事业部总经理何一鹏日前</t>
  </si>
  <si>
    <t>保守党年会上的“脱欧”争吵</t>
  </si>
  <si>
    <t>当英国前首相大卫·卡梅伦抛出“脱欧”公投议题时，他一定没有想到这将成为英国二战以来面对的最大危机，更将他所在的保守党撕扯出深深裂痕。本周举行的保守党年会前，欧盟正式否定了英国首相、保守党党魁特雷莎·梅提出的“契克斯方案”。这份试图凝聚保守党内最大共识</t>
  </si>
  <si>
    <t>又迎粮食高产年  俄力推农产品出口</t>
  </si>
  <si>
    <t>俄罗斯农业今年又将迎来一个高产年。俄官方9日宣布，俄今年粮食总产量净重估计为1.065亿吨。俄总统普京当天在俄粮食主产区之一北高加索斯塔夫罗波尔边疆区主持召开全国农业发展问题会议，讨论实现国家农业潜力的措施。据克里姆林宫网站发布的速记记录，普京在会上发表讲</t>
  </si>
  <si>
    <t>IMF下调全球经济增长预期</t>
  </si>
  <si>
    <t>国际货币基金组织（IMF）印尼时间9日宣布将今明两年世界经济增速预期下调至3.7%，并警告贸易紧张局势加剧、新兴市场信贷收紧和资本外流风险是全球经济前景面临的主要威胁。调降全球增长预期IMF发布的最新一期《世界经济展望》报告显示，预计今明两年世界经济增速都</t>
  </si>
  <si>
    <t>关税冲击  福特计划全球大幅裁员</t>
  </si>
  <si>
    <t>美国媒体报道，福特汽车公司正准备全球大幅裁员，主要动因是这家汽车制造商因为美国政府关税政策而蒙受大约10亿美元利润损失。福特尚未公开裁员计划，包括多少员工将受影响。美国全国广播公司8日援引摩根士丹利公司一份报告推测，福特可能全球裁员大约12%，超过两万人。</t>
  </si>
  <si>
    <t>50万用户资料恐泄露  谷歌关闭社交平台</t>
  </si>
  <si>
    <t>据外媒报道，美国字母表（Alphabet）子公司谷歌将关闭其社交平台，防止约50万用户个人资料泄露给外部开发者，避免监管层进一步问责。受此消息影响，字母表公司股价当天跌幅一度接近2%。据知情人士和《华尔街日报》援引的文件显示，谷歌曾暴露数十万“Google+”社交网络?</t>
  </si>
  <si>
    <t>浪漫国度的创新梦</t>
  </si>
  <si>
    <t>法国人自己认为，“35-75结构”足以描述法国长期以来给人的印象。“35”指周工作时间35小时，“75”则是指高达75%的税率。似乎，法国人宁愿悠闲地喝着浓咖啡，看着匆忙的世界。无论这个印象真假如何，但深植于人们脑海之中。前任总统奥朗德当政时，法国批准了对年收入百</t>
  </si>
  <si>
    <t>全球流动性缩紧考验央行政策定力</t>
  </si>
  <si>
    <t>近期，10年期美国国债收益率时隔7年再度站上3.2%，并且后续大概率会持续高位。美债收益率历来是全球资产价格和货币环境的重要表征，意味着全球流动性将就此总体趋紧。这无疑会对全球经济带来冲击。美联储渐进式加息，是本轮美债收益率持续上行的主要原因。9月26日，美联</t>
  </si>
  <si>
    <t>天津港拓展“一带一路”空间  助中原地区打造国际粮仓</t>
  </si>
  <si>
    <t>由天津港发运的首班装载着545.49吨加拿大亚麻籽的货运专列，日前抵达中铁集装箱郑州中心站。这标志着我国内陆地区第一家、也是目前唯一一家进境粮食口岸正式运营。据天津港集团公司相关业务负责人介绍，在此之前，河南的粮食企业先在天津口岸进行报关清关，而后散装运输</t>
  </si>
  <si>
    <t>世行：东亚太平洋地区增长仍保持韧性</t>
  </si>
  <si>
    <t>近日，世界银行最新的东亚经济半年报告显示，尽管外部环境不利，东亚太平洋地区的发展中国家增长前景仍很乐观。2018年东亚太平洋地区发展中国家增速预计将达6.3%，低于2017年。2018年10月期《东亚经济半年报：驾驭不确定性》报告强调指出，近几个月来受贸易紧张局势、美</t>
  </si>
  <si>
    <t>美企三季度利润增势难掩经济隐忧</t>
  </si>
  <si>
    <t>美企财报季即将到来，华尔街分析师认为，在经济增势向好、企业税削减和股票回购等因素的支撑下，今年第三季度美国蓝筹股公司料将继续实现利润增长。但一些分析师认为，第三或第四季度美国经济增速可能放缓，而加息、油价上升和贸易争端都可能拖累美国经济。英国《金融时</t>
  </si>
  <si>
    <t>当“东京厨房”已成往事</t>
  </si>
  <si>
    <t>10月6日这一天，运营了83年的日本东京筑地市场完成了自己的历史使命。在最后一次黎明前的金枪鱼拍卖后，这个被誉为“东京厨房”的鱼市带着很多从业者的唏嘘和感慨于当日中午正式闭市。几天后，拆迁工作随之启动，预计将于2020年完工，喧嚣一时的市场将成为东京奥运会和残奥会</t>
  </si>
  <si>
    <t>欧盟警告意大利债务风险</t>
  </si>
  <si>
    <t>据德新社6日报道，欧盟日前致信意大利警告称，意大利的预算草案显然背离了与欧盟其他成员国达成的经济路线。意大利之前上调预算赤字引发金融市场动荡，投资者担忧意大利会重蹈希腊债务危机的覆辙。分析人士预计未来一段时间，预算风波将会继续增加意大利政治经济局势和金融市</t>
  </si>
  <si>
    <t>国际油价一度升至四年高位</t>
  </si>
  <si>
    <t>当周（截至10月5日）国际油价先涨后跌，曾于周中触及最近四年来的高点位置。在沙特阿拉伯和俄罗斯表示增产抑价后，油价有所回落。截至最后一个交易日收盘时，纽约商品交易所11月交货的轻质原油期货价格微涨0.01美元，收于每桶74.34美元，涨幅为0.01%。12月交货的伦敦布?</t>
  </si>
  <si>
    <t>希望更多国家了解中国高铁技术</t>
  </si>
  <si>
    <t>“中国高铁建设近年来取得了巨大成就，并正在走向世界。这次中铁四局、中铁九局、中铁十局、中铁电气化局、中铁北京工程局等作为世界500强——中国中铁股份有限公司的成员企业，代表中国中铁参展的主要目的，就是希望俄罗斯和其他更多国家认识了解中国高铁技术。”中国中铁四</t>
  </si>
  <si>
    <t>中沙商界拟全面深化合作</t>
  </si>
  <si>
    <t>中国-沙特阿拉伯商务理事会第一次全体会议暨沙特阿拉伯贸易投资机遇推介会日前在北京举行，中沙两国政商界人士表示，在沙特经济改革推进之际，两国应全方位深化各个行业的商业合作。中国贸促会、中国国际商会副会长陈洲在当天的会议上表示，希望中国-沙特阿拉伯商务理事</t>
  </si>
  <si>
    <t>利益之争难消  WTO改革任重道远</t>
  </si>
  <si>
    <t>商议世界贸易组织(WTO)改革事宜正在进入各国议事日程。9月18日，二十国集团（G20）贸易部长们在阿根廷对改革WTO的必要性达成共识。G20成员将于11月份举行技术层面会议，磋商WTO改革事宜。在联大会议期间，美日欧就WTO改革问题进行了会晤。10月份，欧盟还将和中国交流关于WTO?</t>
  </si>
  <si>
    <t>英国历史遗迹保护的经济账</t>
  </si>
  <si>
    <t>英国的历史遗迹保护堪称典范。无论大大小小的城市或是乡村，都经常可见有年代感的历史建筑。曾经有几次在周末骑自行车到了诺丁汉市郊，不经意间走到了一个名字叫纽斯泰德的庄园，风景如画。这个绿地和花园面积巨大的庄园，如今与诺丁汉市区另一个同样以城堡为特色的沃勒</t>
  </si>
  <si>
    <t>美元指数出现波动  多国央行加入加息阵营</t>
  </si>
  <si>
    <t>当地时间9月26日，美联储宣布加息25个基点，将联邦基金目标利率区间上修至2%-2.25%，创2008年以来最高，符合市场预期。这是美联储今年第三次加息，也是2015年12月开启本轮货币政策紧缩周期以来的第八次加息。美联储提供的最新点阵图显示，美联储官员对2018年年底的联邦?</t>
  </si>
  <si>
    <t>美联储加息向全球市场释放三个信号</t>
  </si>
  <si>
    <t>美国联邦储备委员会（美联储）于北京时间27日凌晨再次加息，同时重申货币政策回归正常化的既定政策将保持不变。这一决定符合华尔街预期，暂时未对国际金融市场造成冲击，从长远看，美联储的风向标作用将进一步显现，更多经济体将选择是否跟随加息，而全球债务市场也将承受更?</t>
  </si>
  <si>
    <t>亚洲经济保持稳定  面临贸易摩擦考验</t>
  </si>
  <si>
    <t>由于国内需求强劲、石油和天然气价格上涨，大多数亚洲发展中国家的增长保持稳定。然而，贸易紧张局势升级将考验亚洲地区的恢复能力，全球流动性紧缩可能也会对未来一年经济增长前景产生进一步的影响。贸易摩擦是最大风险亚洲开发银行9月26日发布《2018年亚洲发展展望</t>
  </si>
  <si>
    <t>英国“脱欧”的忙与盲</t>
  </si>
  <si>
    <t>盲人骑瞎马，夜半临深池。这可能是许多人眼中英国“脱欧”进程的现状。退出欧盟，其本质是近百年来在地缘影响力上不断衰落的英国主动调整自己与欧洲、世界的关系以及重新校对自身定位的一次最新尝试。与“脱欧”相关的地区一体化、经济、民生、执政能力等一系列问题也引?</t>
  </si>
  <si>
    <t>外国对美直接投资转负</t>
  </si>
  <si>
    <t>国际投资组织（OFII）最新发布的报告显示，今年二季度，美国的外国直接投资（FDI）为负82亿美元。美国的外国直接投资曾经在2015年和2016年连续打破新的历史最高纪录，每一年都接近万亿美元。虽然2017年的数据同比锐减了40%，但依然是以往十四年中的第四高纪录。但是，201</t>
  </si>
  <si>
    <t>中新天津生态城着力破解“大城市病”</t>
  </si>
  <si>
    <t>面朝大海，四季如画。北京东南方向约140公里的天津滨海新区渤海湾畔，曾经的不毛之地上，一片生态城市样板“试验田”花开正艳。这里是中新天津生态城，作为中国和新加坡两国合作打造、世界首个国家间合作建设的生态城市和我国首个绿色发展综合示范区，承担着在资源约束条</t>
  </si>
  <si>
    <t>日美首脑会晤再商经贸协议</t>
  </si>
  <si>
    <t>日本首相安倍晋三在成功连任自民党总裁后，前往美国进行访问，26日他将与美国总统特朗普在出席联合国大会期间举行双边会晤。日本媒体称，除朝核问题外，双边经贸问题也是本次会晤的“重头戏”，双方有望在部分原则性问题上达成一致，但因日本和美国核心领域分歧较大，安倍很?</t>
  </si>
  <si>
    <t>卢布保卫战考验俄央行应对能力</t>
  </si>
  <si>
    <t>在卢布一个月暴跌10%之后，俄罗斯央行终于放出救市大招，在最近一次货币政策会议上宣布将基准利率上调25个基点至7.5%，为俄央行自2014年以来首次加息。尽管加息预期在会前就已升温，但俄央行此举仍然有些出乎市场预料。俄罗斯总理梅德韦杰夫此前还向央行喊话，称当前利?</t>
  </si>
  <si>
    <t>“一带一路”助力中白工业园建设提速</t>
  </si>
  <si>
    <t>不久前，中白工业园内的成都新筑项目正式投产运行，开始生产用于白俄罗斯城市公交系统的超级电容器。今年年底前，潍柴集团与白俄罗斯马兹集团在工业园内的合资项目也将开始生产柴油发动机，填补白俄罗斯汽车业没有自产发动机的空白……在中国和白俄罗斯的共同努力下，位</t>
  </si>
  <si>
    <t>中国铁建：助力非洲经济起飞</t>
  </si>
  <si>
    <t>9月初，位于京西的中国铁建股份有限公司（下称“中国铁建”）总部格外繁忙，来京参加2018年中非合作论坛北京峰会的多位非洲国家领导人来到这里，纷纷对中国铁建表达谢意，称中国铁建修建的铁路等基础设施为本国经济发展作出了重要贡献。从坦赞铁路，到亚吉铁路、阿卡铁?</t>
  </si>
  <si>
    <t>国际油价大涨引发“破百”猜想</t>
  </si>
  <si>
    <t>受主要产油国无意增产、美国对伊朗制裁压力持续等因素影响，国际油价24日盘中大涨2%，市场人士担忧油价将出现逐渐“破百”可能性。大涨引发“破百”猜想24日盘中，伦敦布伦特原油期货价格涨幅超过2%，接近每桶81美元，为4年来最高点，显示国际油价受到石油输出国组</t>
  </si>
  <si>
    <t>探访世界著名基因测序中心</t>
  </si>
  <si>
    <t>英国桑格研究所是世界最著名的基因组测序研究中心之一。它建于1992年，成立初衷是参与人类基因组计划的大规模基因测序，现在的使命是通过基因测序技术让人类更加了解生命本身，诊断和治疗疾病。研究所位于剑桥郊外，附近是一个18世纪的猎场。从伦敦驱车一个半小时来到研</t>
  </si>
  <si>
    <t>东博会已成中国—东盟投资贸易合作重要平台</t>
  </si>
  <si>
    <t>“这袋白糖是用中国技术、泰国甘蔗在泰国生产的，产品纯度、出糖率都位居世界前列，已得到业界认可。”广西建工集团董事长金宁运说。广西建工集团是世界领先的食糖生产线制造商，目前在泰国共建设了3个现代化制糖厂，95%的生产设备来自中国，工厂使用当地劳工约500人。?</t>
  </si>
  <si>
    <t>六盘山下“两山论”的生动实践</t>
  </si>
  <si>
    <t>山大沟深，植被稀少，十年九旱，宁夏固原——六盘山下的这方水土，晚清重臣谓之“苦瘠甲天下”，联合国粮食计划署称其“不适宜人类居住”。这片背负着太多历史标签和发展欠账的黄土地，如今放下GDP的包袱，厚植生态根基，继而把好生态变现，向绿色产业要效益，走上“生态优先</t>
  </si>
  <si>
    <t>去杠杆政策转向了吗</t>
  </si>
  <si>
    <t>今年二季度特别是7月份以来，去杠杆引发的市场紧张情绪，叠加中美贸易战带来的不确定性，加大了经济下行压力。宏观政策因此进行微调，微调了货币政策和金融监管政策，辅之以更加积极的财政政策。有人认为，这是去杠杆政策的转向。事实上，立足于防范化解风险，去杠杆政策方向</t>
  </si>
  <si>
    <t>中新双边合作驶入“一带一路”快车道</t>
  </si>
  <si>
    <t>9月12日至15日，新加坡工商联合总会率51家新加坡企业前往南宁参加第15届中国－东盟博览会。新加坡工商联合总会会长张松声表示，广西是“一带一路”及中新（重庆）战略性互联互通示范项目“南向通道”建设中的重要节点，很高兴看到越来越多新加坡企业看好广西发展前景，并希望</t>
  </si>
  <si>
    <t>中俄引领东北亚区域合作</t>
  </si>
  <si>
    <t>第四届东方经济论坛日前闭幕。中国国家主席习近平首次出席论坛，成为本届论坛最大亮点。在国家元首的坐镇支持下，中俄双方签署了一系列合作计划和协议，开启了两国合作的新进程，也为东北亚国家开展合作树立了新典范。本次论坛期间，中俄两国元首举行了今年第三次会晤，</t>
  </si>
  <si>
    <t>欧盟领导人峰会聚焦英国“脱欧”方案</t>
  </si>
  <si>
    <t>欧盟领导人本周将在奥地利萨尔茨堡举行非正式峰会，主要议题是讨论英国“脱欧”方案。尽管欧盟与英国都希望在11月中旬之前达成共识，但一些实质性分歧仍未解决。英国首相特雷莎·梅日前表示，要么按照她的计划完成“脱欧”，要么就变成“无协议脱欧”，而后者是英国工商</t>
  </si>
  <si>
    <t>中国—东盟跨境保险合作前景广阔</t>
  </si>
  <si>
    <t>在凭祥综合保税区的跨境保险服务中心大厅，正在柜台办理跨境车险业务的王女士说：“我在货代公司工作，现在基本上每天都会来这里给越南车办车险，平均一天都要办好几辆。”近年来，广西凭祥、东兴等多地的边境贸易、出境自驾游均保持高速增长，出境车辆的数量也随之呈上</t>
  </si>
  <si>
    <t>泸州老窖：将北美市场打造成国际化样板市场</t>
  </si>
  <si>
    <t>在中国企业积极谋求“走出去”的当下，中国白酒的优秀代表泸州老窖，迈出了国际化征途最为实质性的一步。当地时间9月15日，泸州老窖北美办事处在洛杉矶隆重揭牌，推动泸州老窖国际化战略再上新台阶。阿卡迪亚市长戴守真等中外各界来宾莅临揭牌仪式，为这一中国白酒国际化的里</t>
  </si>
  <si>
    <t>平常心看待美方约谈要求</t>
  </si>
  <si>
    <t>9月13日，美国媒体报道了美国财政部希望中方派出部级代表团在美国政府对华加征新一轮关税前与美方进行贸易谈判的消息，这似乎为中美双方用谈判途径解决中美贸易冲突问题打开了一扇小窗。一直以来，美方态度多变，传递出的消息混乱而矛盾。未来，美国能否坦诚地与我们进行沟通</t>
  </si>
  <si>
    <t>中国飞机租赁业：机遇与挑战并存</t>
  </si>
  <si>
    <t>业内人士认为，以天津东疆为代表的飞机租赁业，正迎来机遇与挑战并存的时代。国际航空运输协会的数据显示，我国航空运输总周转量已经连续10年位居全球第二，很可能在2022年左右超过美国成为世界第一。根据波音公司预测，未来20年，我国需要进口7240架飞机，平均每年引进</t>
  </si>
  <si>
    <t>以色列商保试水“战争财产险”</t>
  </si>
  <si>
    <t>近日，以色列凤凰保险公司开始推广一项极具以色列特色的险种：在“铁穹”和“爱国者”导弹拦截失败时，对业主遭受的财产损失进行赔偿。随着人们对哈马斯和真主党可能发起战争的担心逐渐加剧，该险种应运而生。以色列“爱国者”反导系统虽然战果辉煌，但效费比实在?</t>
  </si>
  <si>
    <t>国民健康素养缺乏成“健康中国”短板</t>
  </si>
  <si>
    <t>健康素养是个人获取和理解基本健康信息和服务，并运用这些信息和服务维护和促进自身健康的能力。包括基本知识和理念、健康的生活方式与行为、基本技能。然而许多国民健康素养都在“及格线”以下，现实中不健康的生活习惯和行为随处可见，各种养生谣言、骗局层出不穷，疾病高?</t>
  </si>
  <si>
    <t>中国与东盟构建“创新共同体”</t>
  </si>
  <si>
    <t>正在广西南宁举行的第15届中国-东盟博览会和中国-东盟商务与投资峰会上，构建“创新共同体”引发中国和东盟各国共鸣。与会政府官员、学者和企业家认为，创新合作将引领未来发展潮流，推动中国-东盟迎来区域经济腾飞新机遇。本届中国-东盟博览会主题是“共建21世纪海上丝</t>
  </si>
  <si>
    <t>“一带一路”为中国能建添动力</t>
  </si>
  <si>
    <t>中国能源建设集团近日发布数据显示，2018年上半年，公司新签合同额2578.33亿元，其中34.92%为海外新签合同。以技术标准为引领，以工程项目为载体，中国能建扎根“一带一路”建设，构筑起多元联动的国际业务格局。每天放学，住在巴基斯坦北部山区的小学生曼娜扎都要</t>
  </si>
  <si>
    <t>欧洲议会版权法案限制互联网公司权利</t>
  </si>
  <si>
    <t>尽管受到互联网公司的强烈反对，欧洲议会12日投票通过了备受关注的版权改革法案，赋予新闻出版机构一种新型的邻接权，并加重了互联网网站对平台内容是否侵犯版权的审查义务。在位于法国斯特拉斯堡的总部，欧洲议会议员当天以438票支持、226票反对和39票弃权的投票结果通</t>
  </si>
  <si>
    <t>NAFTA谈判加拿大释放妥协信号</t>
  </si>
  <si>
    <t>据外媒报道，加拿大已准备在更新北美自由贸易协定(NAFTA)谈判中就美国奶制品进入加拿大市场这一难点上做出妥协，进而推进谈判进程。负责谈判的加拿大外长弗里兰已就相关情况与总理特鲁多进行沟通，预计两人将为最后的谈判协调立场。谈判团队看好前景据法新社报道，</t>
  </si>
  <si>
    <t>制裁阴影下卢布大跌何时休</t>
  </si>
  <si>
    <t>受美国可能加码制裁影响，俄罗斯卢布持续了一个多月的快速下滑趋势，10日收盘价跌破1美元兑70卢布，创下2016年3月以来的新低。在此背景下，俄罗斯央行加息的预期不断升温。近日，英国警方起诉两名俄罗斯特工，指控其与今年3月俄罗斯前特工斯克里帕尔父女在英国遭到神经?</t>
  </si>
  <si>
    <t>美众院共和党力推税改2.0版</t>
  </si>
  <si>
    <t>美国众议院的共和党人9月10日公布了第二轮减税计划，税改2.0版将作为去年12月美国公布的税改方案的延续。分析人士认为，新计划或为中期选举造势，能否成为法律，还需看各方博弈结果。聚焦个人税率降低自今年6月以来，美国政界、学界、企业界对提出税改2.0版本方案?</t>
  </si>
  <si>
    <t>“瑞典模式”遭遇右翼势力冲击</t>
  </si>
  <si>
    <t>根据瑞典选举委员会日前公布的初步计票结果，两大传统政党阵营中左翼和中右翼分获40.6%和40.3%的选票；对外来移民持敌视态度的极右翼政党瑞典民主党获得17.6%的选票。舆论分析指出，由于两大政党联盟均未获过半数选票，瑞典民主党将扮演政坛的“制衡”角色。作为“北欧?</t>
  </si>
  <si>
    <t>英国首相欲送“定心丸”安抚汽车产业</t>
  </si>
  <si>
    <t>据外媒报道，英国首相梅计划于本周在伯明翰与英国汽车产业代表举行会谈，安抚对方不要将工作岗位在英国正式“脱欧”后外迁，并鼓励它们继续增加投资。本次会谈是由英国交通部主办的。预计英国首相梅将公布一项高达1.06亿英镑的政府投资，用以支持英国汽车产业开展有关新</t>
  </si>
  <si>
    <t>NXP重组领导团队聚焦安全互联</t>
  </si>
  <si>
    <t>全球最大的汽车电子及人工智能物联网芯片公司荷兰恩智浦半导体公司(NXP)日前决定重组高管团队，以继续推动公司新的业务重点和发展战略。据悉，恩智浦现任执行副总裁兼汽车事业部总经理库尔特·希沃斯被晋升为恩智浦半导体公司总裁。在新的公司架构下，他将全面负责公司?</t>
  </si>
  <si>
    <t>逆差扩大“打脸”美贸易保护主义</t>
  </si>
  <si>
    <t>美国商务部5日公布的数据显示，7月份货物和服务贸易逆差升至5个月来新高，其中对中国和欧洲的贸易逆差创下历史纪录。目前，美国已经提高钢铝关税，对华500亿美元商品关税也已经开征，然而，美国贸易逆差却难止上升势头，说明美国所谓以贸易战解决贸易逆差是缘木求鱼。从</t>
  </si>
  <si>
    <t>太猖獗!  假化妆品竟聘请专家搞“研发”</t>
  </si>
  <si>
    <t>通过小区代购群，从韩国买的某品牌化妆品，连续使用一周后皮肤开始过敏发炎，北京的刘女士这才发现自己被“邻居”坑了。当刘女士找“邻居”理论时，对方说拿不出证据就是诬陷，之后便将刘女士踢出群拉黑。后经多方查证，刘女士发现该代购只是假冒的“邻居”。朋友圈所谓</t>
  </si>
  <si>
    <t>英首相“脱欧”方案党内遇阻</t>
  </si>
  <si>
    <t>英国执政党保守党“脱欧派”领军人物、前外交大臣鲍里斯·约翰逊9日发表文章，抨击首相特雷莎·梅所提脱离欧洲联盟方案，称这一计划将让英国“受制于欧盟政治敲诈”。约翰逊9日在英国《星期日邮报》发表文章，指认特雷莎·梅提出的“脱欧”方案等同于“绑在英国宪法上的</t>
  </si>
  <si>
    <t>英法“扇贝之争”源于“脱欧”？</t>
  </si>
  <si>
    <t>最近英国与法国之间爆发了一场“扇贝战争”。这场争斗的起因是英法两国渔民在英吉利海峡捕捞扇贝问题上的矛盾。“扇贝战争”爆发地距离法国诺曼底约12海里，理论上是公海。这片海域生产肥美的扇贝，因此成为英吉利海峡两岸英法两国渔民争抢的区域。当英国渔民驾着捕捞扇</t>
  </si>
  <si>
    <t>瑞典选情胶着  克朗承受下行压力</t>
  </si>
  <si>
    <t>瑞典议会选举初步结果10日凌晨揭晓，两大传统政党阵营难分上下。中左翼阵营以0.3个百分点的微弱优势领先中右翼阵营联盟，两大政党阵营所获议席均未过半数。如果两大政党阵营不能达成妥协，瑞典政坛可能出现悬浮议会的局面。受此影响，瑞典克朗在外汇市场上承受下行压力。</t>
  </si>
  <si>
    <t>央企着眼合作共赢深耕非洲市场</t>
  </si>
  <si>
    <t>基础设施建设是非洲自身发展的基础，互联互通是非洲与中国、非洲与世界建立合作的前提。央企在半个世纪前就踏上了非洲大地，带着中国人民对非洲人民的情谊，扎根深耕，克服重重困难，在这里留下了一座座桥梁、一条条铁路、一个个港口，众多的学校、医院、福利机构，还有一座?</t>
  </si>
  <si>
    <t>主要石油运输线“咽喉”霍尔木兹海峡</t>
  </si>
  <si>
    <t>霍尔木兹海峡是全球主要石油运输线的“咽喉”，战略和经济地位极为重要。这里，也是最不平静的海域。2018年5月8日，美国宣布退出2015年7月美英法德中俄与伊朗签署的核协议，重启对伊朗实施严厉制裁，美伊关系再度紧张起来。自8月7日起，美国第一轮制裁针对伊朗的金融系?</t>
  </si>
  <si>
    <t>欧盟力争年底对跨国网企征税达成一致</t>
  </si>
  <si>
    <t>为期两天的欧盟财政部长非正式会议8日结束，会议在对大型跨国互联网企业征税问题上的磋商取得进展，目标是今年年底前达成一致。磋商取得进展据报道，在会谈中，法方建议，欧盟率先对互联网企业征收“数字税”问题上，可设定一个有效期条款，未来如果在经合组织框架</t>
  </si>
  <si>
    <t>FTA红利持续  中瑞将深化经贸合作</t>
  </si>
  <si>
    <t>第五届中瑞经济论坛日前在北京举办，瑞士联邦经济、教育和研究部部长约翰·施奈德-阿曼在论坛上表示，在全球面临贸易保护主义高压下，瑞士将支持多边机制，并继续挖掘与中国自贸协定(FTA)的红利，深化经贸往来合作。约翰·施奈德-阿曼在致辞中对中瑞两国间充满活力的双?</t>
  </si>
  <si>
    <t>首届丝路国际产能合作领军论坛举行</t>
  </si>
  <si>
    <t>9月9日，首届丝路国际产能合作领军论坛在京举行。本次论坛由国家发改委国际合作中心指导，丝路国际产能合作促进中心、丝路国际人才联盟主办。论坛上举行了“国际产能合作直通车”启动仪式，以及抱团出海签约仪式。为推动国际产能合作多边合作机制和重大项目的实施，丝路</t>
  </si>
  <si>
    <t>英国“脱欧”的四种前景</t>
  </si>
  <si>
    <t>距离明年3月底英国正式“脱欧”的历史性时刻越来越近，关于英国将以何种方式“脱欧”的悬念正在不断解开。英国首相特雷莎·梅在英国《每日电讯报》发表最新署名文章，排除了再次举行“脱欧”公投的可能性，表示讨论“二次脱欧公投”是对英国民主的“严重背叛”。她明确?</t>
  </si>
  <si>
    <t>阿里巴巴助力非洲拥抱数字经济</t>
  </si>
  <si>
    <t>9月5日，南非总统、塞内加尔总统先后到访阿里巴巴杭州总部，与阿里巴巴董事局主席马云探讨如何更好地帮助非洲年轻人和企业拥抱数字经济。刚刚结束的中非合作论坛北京峰会提出要实施贸易便利行动，推动中非电子商务合作，实施能力建设行动，为非洲培训精英人才。作为积极实践?</t>
  </si>
  <si>
    <t>极地旅游“冰火两重天”</t>
  </si>
  <si>
    <t>当下，以南北极旅游为代表的极地旅游面临两种境况：一是日渐走热市场扩容，二是南北极生态环境愈加糟糕，亟须加强保护。极地游市场发展与生态保护需更好的权衡取舍。有数据预测，在2022年到2023年的南极季，中国前往南极旅行的人数将赶超美国，成为前往南极旅行的第一大</t>
  </si>
  <si>
    <t>北美自贸协定谈判步入冲刺阶段</t>
  </si>
  <si>
    <t>美国和加拿大两国经贸官员于当地时间5日起继续围绕更新北美自由贸易协定（NAFTA）进行谈判。尽管双方就前一次取得的建设性磋商成果表示满意，但在一些具体细节上仍需要进一步磨合。美国总统特朗普此前曾发出威胁，如果无法达成令美国感到满意的“公平协议”，他准备将加拿大?</t>
  </si>
  <si>
    <t>趣头条确定IPO价格区间</t>
  </si>
  <si>
    <t>移动内容聚合平台趣头条5日向美国证券交易委员会（SEC）递交了更新后的招股书，首次公开募股（IPO）初步确定的发行区间为7至9美元，发行量为1600万股美国存托凭证（ADS）。WIND统计数据显示，2018年以来纳斯达克指数累计上涨超10%，位于全球主要市场前列。自2009年以来?</t>
  </si>
  <si>
    <t>欧盟对互联网巨头持续高压监管</t>
  </si>
  <si>
    <t>多家欧洲通讯社已推动欧盟机构本月讨论新法案，旨在打击互联网巨头对新闻、视频等产品的“掠夺”行为，对其高额收入进行再分配。此轮版权打击正值本周欧盟财长讨论对互联网巨头增税，显示欧盟对互联网巨头营业模式持续高压监管，遏止其暴利和垄断等情形蔓延。商议新法打</t>
  </si>
  <si>
    <t>英国央行行长愿延长任期应对“脱欧”困局</t>
  </si>
  <si>
    <t>据外媒报道，英国央行（英格兰银行）行长卡尼当地时间4日在英国议会财政委员会发表讲话时表示，已经做好延长任期的准备，以帮助英国经济在脱离欧盟后保持稳定。据路透社报道，卡尼表示，即便已同意延长任期，他还是愿意做出其他任何力所能及的努力，以此推动英国顺利“?</t>
  </si>
  <si>
    <t>春风化雨润田园</t>
  </si>
  <si>
    <t>位于埃塞俄比亚东北部、距离首都亚的斯亚贝巴350公里的阿法尔州有大片荒地。那里海拔600多米，平均气温超过40摄氏度，水源充沛，适合蔬菜种植。然而，当地蔬菜产业却受制于技术和资本瓶颈，当地百姓守着金地过穷日子。如今，受益于中国先进农业生产要素的注入，阿法尔州</t>
  </si>
  <si>
    <t>土耳其央行或加息稳定物价</t>
  </si>
  <si>
    <t>土耳其国家统计局3日发布数据显示，土耳其通货膨胀率上升17.9%，幅度为2003年以来最大。土耳其中央银行为稳定物价，预计将在9月13日调整货币政策，但市场担忧加息幅度能否平息物价波动。土耳其通胀形势近期持续恶化，6月消费价格指数同比上升15.39%，为2004年以来最高，</t>
  </si>
  <si>
    <t>非洲工商界热盼首届中国国际进口博览会</t>
  </si>
  <si>
    <t>扩大进口非洲商品特别是非资源类产品，支持非洲国家参加中国国际进口博览会，支持设立自非洲进口贸易融资专项资金……中非合作论坛北京峰会上，中国向远道而来的非洲朋友再次发出“邀请函”，以一系列务实举措欢迎他们参加即将于11月在上海举办的另一场盛会——首届中国</t>
  </si>
  <si>
    <t>船舶工业全面开放  “鲶鱼”或促高质量发展</t>
  </si>
  <si>
    <t>近期，新版外商投资负面清单再度“瘦身”，经历前期逐步开放之后，我国船舶工业已全面对外开放。业内人士认为，改革开放40年来，我国船舶工业在开放红利之中迅速成长，形成与日本、韩国的“鼎足”之势。全面对外开放，有利于我国船舶工业进一步获得海外资金、技术和管理</t>
  </si>
  <si>
    <t>龙狮共舞为世界增添开放共赢新力量</t>
  </si>
  <si>
    <t>依照中国传统习俗，龙和狮都被视作吉祥之物，二者舞动的形象蕴含了力量、财富和繁荣的文化意象。在中非合作渐次升温的语境下，这样的意象被赋予了全新内涵：中国龙与非洲狮共同起舞，一起踩在经济全球化的时代律动上，不仅会给26亿中非人民带来深远福祉，也将为世界经济增添?</t>
  </si>
  <si>
    <t>中非合作论坛北京峰会亮点纷呈</t>
  </si>
  <si>
    <t>9月3日，中非合作论坛北京峰会正式开幕，中非各国领导人齐聚北京，围绕“合作共赢，携手构建更加紧密的中非命运共同体”主题，规划新时期中非合作“路线图”。中非合作论坛北京峰会亮点纷呈，在众多领域都有所突破：规格高——本次峰会是继2006年北京峰会和2015年?</t>
  </si>
  <si>
    <t>“特种集装箱”破解中欧班列冬运难题</t>
  </si>
  <si>
    <t>日前，一辆满载电子产品的中欧班列从重庆出发，驶向欧洲。这趟列车上，装载电子产品的集装箱并非普通的铁路运货箱，而是一款能够独立蓄热并控制温度的“特种集装箱”。记者从总部位于深圳的中国国际海运集装箱（集团）股份有限公司（简称中集集团）获悉，这款由其旗下子</t>
  </si>
  <si>
    <t>新疆成丝绸之路经济带重要物流大通道</t>
  </si>
  <si>
    <t>近年来，深居亚欧大陆腹地的新疆发挥独特的区位优势和向西开放重要窗口作用，依托新亚欧大陆桥，深化与中亚、南亚、西亚等国家物流合作，已成为丝绸之路经济带上重要的中转集散地和物流大通道。8月30日，正在乌鲁木齐召开的第六届中国-亚欧博览会“一带一路”国际物流合</t>
  </si>
  <si>
    <t>赞比亚中国经济贸易合作区已吸引投资近19亿美元</t>
  </si>
  <si>
    <t>截至目前，赞比亚中国经济贸易合作区已有入区企业50余家，吸引投资近19亿美元，区内企业累计实现销售收入超过140亿美元，为当地创造了近8000个就业岗位，开创了中赞友好合作的新模式。这是记者从近日于北京举行的“中国-赞比亚工商论坛”上获悉的消息。在此次论坛上，赞</t>
  </si>
  <si>
    <t>中企助力摩洛哥能源结构调整</t>
  </si>
  <si>
    <t>从摩洛哥首都拉巴特驱车一路向南，翻越阿特拉斯山脉，历时8小时就到了“沙漠门户”瓦尔扎扎特。从瓦尔扎扎特市区向北望去，一座200多米的高塔在阳光下发出耀眼光芒，这就是中国公司承建的努奥光热电站项目三期工程的光热塔，也是全球最高的光热塔。为摆脱长期以来对能源</t>
  </si>
  <si>
    <t>中国为非洲经济发展树立榜样</t>
  </si>
  <si>
    <t>国际货币基金组织（IMF）非洲部主任阿贝贝·塞拉西日前表示，中国为非洲经济发展树立了榜样，中国经验助力非洲国家寻找适合本国国情的经济发展模式。在中非合作论坛北京峰会前夕，塞拉西在位于华盛顿的IMF总部接受了新华社记者专访。他说，中国的发展之路表明，一个国家</t>
  </si>
  <si>
    <t>为中非合作开辟新空间</t>
  </si>
  <si>
    <t>2018年中非合作论坛北京峰会于9月3日至4日举行，这是中国今年举办的规模最大、外国领导人出席最多的主场外交。在历史的长河中，非洲大陆各国朋友与中国人民结下了深厚友谊，自2015年中非合作论坛约翰内斯堡峰会以来，中国和非洲更是不断加强全面战略合作伙伴关系，“中国梦”</t>
  </si>
  <si>
    <t>中非战略合作释放新动能</t>
  </si>
  <si>
    <t>9月3日至4日举行的2018年中非合作论坛北京峰会，将全面制定未来三年及今后一个时期中非务实合作的新举措，为非洲发展开辟新空间，为中国同发展中国家团结合作注入新动能。来自中非的政商界人士期待，通过进一步落实“一带一路”倡议等措施，为实现“中国梦”和“非洲梦”作出</t>
  </si>
  <si>
    <t>国际油价震荡上扬</t>
  </si>
  <si>
    <t>受石油供应偏紧影响，国际油价上周震荡上涨，实现月度收涨。不过，贸易战等因素对油价涨势持续施压。根据收盘价计算，8月伦敦布伦特原油期货价格上涨4.3%，纽约商品交易所轻质原油期货价格升1.5%，油价受助于委内瑞拉产量急挫，以及在11月美国制裁伊朗前该国付运下降。$</t>
  </si>
  <si>
    <t>日本大幅增加科技预算  发力人工智能</t>
  </si>
  <si>
    <t>据《日本经济新闻》报道，在日本2019年度预算的概算要求中，科学技术领域的预算额比2018年度的最初预算增长了13.3%，达到4.351万亿日元，这笔预算将重点用于人工智能（AI）相关技术的开发和人才培养等。此外，9月将在首相官邸举行专家会议，制定中长期AI战略，力争通过技术革</t>
  </si>
  <si>
    <t>阿根廷比索重挫  新兴市场承压</t>
  </si>
  <si>
    <t>阿根廷比索汇率8月29日跌至创纪录低点，为应对近期市场动荡，该国已大举干预并呼吁国际货币基金组织(IMF)提早释放备用贷款。由于近期阿根廷、土耳其等国家经济动荡加剧，投资者对新兴市场国家短期状况普遍感到担忧。紧急申请IMF贷款援助阿根廷央行29日连续第二天大</t>
  </si>
  <si>
    <t>诸多政策利好构筑桂台合作新动能</t>
  </si>
  <si>
    <t>近年来，广西与台湾在农业、科技、信息产业等领域的合作不断走向深入，双边人员与经贸往来日益频繁。但受制于此前的一些政策，广西的政策利好难以惠及台湾企业，台湾同胞的生活便利也受到了一定的限制和影响。近日，记者在采访中了解到，根据此前中央出台的《关于促进两</t>
  </si>
  <si>
    <t>埃及戈壁滩上的“中国名片”</t>
  </si>
  <si>
    <t>沙漠上的荒芜之地，立起了混凝土和钢结构塔架；茫茫的戈壁滩，铺展开喧嚣繁忙的施工现场……这片面积达5平方公里的工地，正是埃及贝尼苏韦夫熟料水泥生产线项目所在地。这里距离首都开罗约120公里，中材国际成都建筑材料工业设计研究院有限公司（简称成都建材院）是该项</t>
  </si>
  <si>
    <t>去美元化声浪迭起折射美国信誉透支</t>
  </si>
  <si>
    <t>近来，随着美国对其他国家频繁挥动经济制裁大棒，抵制美元的声浪又一次高涨，一些国家已开始动手推进去美元化进程，这是美国自己透支国家信誉的后果之一。全球范围看，委内瑞拉成为第一个放弃美元的国家，俄罗斯、土耳其本月刚刚决定用本国货币进行贸易结算。伊朗政府也</t>
  </si>
  <si>
    <t>美国上修二季度经济增速至4.2%</t>
  </si>
  <si>
    <t>美国商务部29日公布的修正数据显示，今年第二季度美国实际国内生产总值（GDP）按年率计算增长4.2%，略高于此前公布的4.1%，为近四年来最佳单季经济表现。美国总统特朗普在网络社交平台上表示：“我们的国家做得真棒！”美国商务部表示，与上次公布的第二季度经济增长首?</t>
  </si>
  <si>
    <t>国际油价在不确定性中寻找方向</t>
  </si>
  <si>
    <t>今年5月，国际油价在涨至每桶80美元后，至今再无建树，始终在每桶70美元至80美元之间震荡下行。今年年内，供求方面一系列不确定性仍将主导未来数月的原油市场，油价或将在震荡中寻找突破方向。整个7月国际原油价格震荡走低。市场原本担忧伊朗、委内瑞拉等国的原油减产效</t>
  </si>
  <si>
    <t>尤瓦尔·赫拉利眼中的2050</t>
  </si>
  <si>
    <t>“在一个信息爆炸却多半无用的世界，清晰的见解就成了一种力量”。以色列历史学家尤瓦尔·赫拉利从《人类简史》到《未来简史》，再到《今日简史》，展现了非凡的历史观、世界观和发展观，而其辩证的思维、清晰的逻辑、简练的语言，让一次例行公事的访谈变得生动有趣。赫</t>
  </si>
  <si>
    <t>油价攀升将拖累印度经济增长</t>
  </si>
  <si>
    <t>国际油价今年以来呈持续上升态势，给印度经济增长带来不小的压力。截至28日，纽约商品交易所10月交货的轻质原油期货价格收于每桶68.53美元，10月交货的伦敦布伦特原油期货价格收于每桶75.95美元。印度媒体报道说，对进口石油依赖越来越重的印度经济正在为此付出代?</t>
  </si>
  <si>
    <t>土耳其央行加码救市措施</t>
  </si>
  <si>
    <t>为应对因制裁引发的市场动荡，土耳其官方29日加码调控政策，力求挽回币值和信用评级。据外媒报道，土耳其央行发布声明称，鉴于最近的评估结果，决定从8月29日起，将银行间隔夜交易的借款额度较8月13日之前适用的上限增加一倍。今年以来，里拉兑美元贬值近40%；土耳</t>
  </si>
  <si>
    <t>再扩版图  中行接手建行27家村镇银行股权</t>
  </si>
  <si>
    <t>继2017年成功收购国家开发银行持有的15家村镇银行股权后，近日中国银行再次通过批量收购的方式扩充其村镇银行版图。8月27日，中国银行及新加坡富登金控就联合收购建设银行于北京金融资产交易所公开转让的27家村镇银行股权事宜，与建设银行签订股权转让协议。本次交易最终转让</t>
  </si>
  <si>
    <t>寻求PPP纠纷解决之道</t>
  </si>
  <si>
    <t>不久前，由最高人民法院行政审判庭行政审判案例研究基地、浙江大学公法与比较法研究所和耶鲁大学法学院蔡中曾中国中心主办的“政府与社会资本合作协议纠纷解决国际研讨会”在杭州举行。来自美国、中国的五十多位法官、学者共聚一堂，深入探讨政府与社会资本合作协议（PP</t>
  </si>
  <si>
    <t>美墨新协议为取代NAFTA铺平道路</t>
  </si>
  <si>
    <t>美国、加拿大和墨西哥三个贸易伙伴国之间的磋商已经拖了一年多时间。8月27日美国贸易代表办公室宣布，美国与墨西哥就更新北美自由贸易协定（NAFTA）达成初步原则性协议。美国总统特朗普随后“喊话”，要尽快与加拿大重启贸易谈判，力争达成一份新的北美自由贸易三方协定。</t>
  </si>
  <si>
    <t>英国可引领西方参与“一带一路”合作</t>
  </si>
  <si>
    <t>崇尚实用主义外交政策的英国向来敢为天下先。在参与“一带一路”合作上，英国曾经创下多个“第一”：第一个申请加入亚洲基础设施投资银行、第一个签署《“一带一路”融资指导原则》、第一个向亚投行特别基金注资。英国地处亚欧大陆最西端，虽有束缚与阻力，但它完全有可</t>
  </si>
  <si>
    <t>商务部：我对非投资存量超1000亿美元</t>
  </si>
  <si>
    <t>28日，在国新办中非合作论坛北京峰会经贸工作吹风会上，商务部副部长钱克明表示，近年来，中非投资合作发展非常快，截止到2017年底，中国对非各类投资存量超过了1000亿美元，几乎遍布非洲每一个国家。中非双方加强产业对接，不少重点投资项目取得积极进展，在制造业、金融、?</t>
  </si>
  <si>
    <t>英国最大短贷平台濒临破产</t>
  </si>
  <si>
    <t>据英国媒体报道，英国最大的短贷平台Wonga可能濒临破产边缘，日前有传闻称，该公司将指定致同会计师事务所为其提供清算服务。英国天空新闻的报道称，Wonga最早将于本周引入致同会计师事务所。据介绍，Wonga属于短期贷款公司，向用户提供短期个人现金贷款。用户在网上提?</t>
  </si>
  <si>
    <t>攻坚克难  力铸大国重器的国防科技奋斗者</t>
  </si>
  <si>
    <t>“干惊天动地事，做隐姓埋名人。”从我国自主研制的核动力潜艇，到我国第一型拥有自主知识产权的涡轴发动机，再到我国自主研制的新一代隐身战斗机歼－20……以黄旭华、尹泽勇以及歼－20设计制造团队为代表的他们，用无私奉献与矢志拼搏，力铸大国重器，谱写出新时代最美国防?</t>
  </si>
  <si>
    <t>美联储主席重申渐进加息策略</t>
  </si>
  <si>
    <t>为期三天的全球央行行长会议日前在美国怀俄明州杰克逊谷地结束。在今年以“转型中的市场结构及其对货币政策的影响”为主题的年会上，美国联邦储备委员会（美联储）主席鲍威尔表示，将继续坚持渐进的加息节奏以支持美国经济增长和防范风险，同时警告要对未来的经济危机保持警?</t>
  </si>
  <si>
    <t>借力“一带一路”东风出海远航</t>
  </si>
  <si>
    <t>这几天，陈曼丽和同事们正在为一群中老年人做出国准备，他们将赴欧洲名城布达佩斯，参加由“建投50+”举办的“中欧国际民间文化交流节”。身为公司高管的陈曼丽告诉记者，这款以节日命名的旅游产品已经运营了三年，服务对象是国内中老年群体，产品市场反响不错，组团名?</t>
  </si>
  <si>
    <t>日本三大车企竞相在华扩大产能</t>
  </si>
  <si>
    <t>据日本媒体报道，近期，丰田、本田和日产等日本三大汽车企业相继决定在中国启动增产投资，扩大产能，希望在中国市场能多分一杯羹。媒体预计，2018年日系车在华销量将首次超过日本国内。对日本大型车企来说，此前最为重要的美国市场不确定性在提高。一方面，雷曼危机后处</t>
  </si>
  <si>
    <t>供应担忧推升国际油价</t>
  </si>
  <si>
    <t>上周国际油价单边上扬，其中纽约轻质原油主力期货合约上涨3.94%，创近两个月最大单周涨幅。美国石油钻井数量减少、美元指数暂时走软以及伊朗全力反击美国制裁均有力支撑了油价。美国油服公司贝克休斯24日公布数据显示，截至8月24日当周，美国石油活跃钻井数锐减9座至860</t>
  </si>
  <si>
    <t>制裁再袭  俄罗斯寻求“抱团取暖”</t>
  </si>
  <si>
    <t>8月的俄罗斯，又一场风暴将至。月初美国对俄罗斯宣布的新一轮制裁措施于22日左右正式生效。据报道，本轮制裁中，一切涉及国家安全的敏感商品和技术都将被禁止对俄罗斯出口，俄主要国有企业或全面受到影响。事实上，今年以来，美国财政部已多次对俄罗斯发起制裁，并有越?</t>
  </si>
  <si>
    <t>中企展开电力合作点亮“一带一路”</t>
  </si>
  <si>
    <t>如同电能发出耀眼的光亮，电力合作成为“一带一路”建设中的明星领域。五年来，中国电力企业在沿线国家签订电力工程合同494个，总金额912亿美元，给诸多电力短缺的国家和地区送去光明和发展机遇。精品工程送光明8月底，进入雨季的老挝南欧江，褐色江水愈发湍急。由</t>
  </si>
  <si>
    <t>旧貌换新颜：中希携手改造比雷埃夫斯港</t>
  </si>
  <si>
    <t>8月的爱琴海边，骄阳似火。在雅典西南比雷埃夫斯港（比港）的一片空地上，工人们正操作着吊车忙碌地施工。这里正在进行的是3号集装箱码头的扩建工程。完工后，比港的集装箱吞吐能力可达每年720万标箱，跻身欧洲港口前五位。从几年前获得中国企业投资之初年集装箱吞吐量?</t>
  </si>
  <si>
    <t>欧盟为何对意大利债务放心不下</t>
  </si>
  <si>
    <t>8月20日本来是希腊脱离债务高危期、结束8年救助计划的“好日子”。然而，当天欧洲经济和金融事务专员莫斯科维奇却意味深长地留下一句话，称现在投资者可以信任希腊，欧盟需要监测意大利的国家债务，希望欧盟和意大利内政部长萨尔维尼之间不会起冲突。那么，意大利债务问</t>
  </si>
  <si>
    <t>“一带一路”促进中非资金融通</t>
  </si>
  <si>
    <t>埃及银行行长穆罕默德·埃特雷比日前在开罗接受新华社记者专访时表示，“一带一路”倡议促进了包括埃及在内非洲各国与中国之间的资金融通。他期待即将召开的中非合作论坛北京峰会为双方金融合作注入新动能。埃及银行成立于1920年，目前是埃及第二大银行。埃及银行于2017</t>
  </si>
  <si>
    <t>美商务部长说或推迟公布进口汽车“232调查”结果</t>
  </si>
  <si>
    <t>美国商务部长罗斯21日在《华尔街日报》刊登的采访中说，商务部可能推迟公布针对进口汽车及零配件进行的“232调查”结果。罗斯说，美国商务部已收到美国和外国汽车制造商提交的有关进口汽车“232调查”的巨量材料，由于需要花费更多时间进行审查，目前尚不清楚能否在8月?</t>
  </si>
  <si>
    <t>美国商界学界：加征关税伤害美国自身</t>
  </si>
  <si>
    <t>自当地时间20日起，美国贸易代表办公室将举行为期一周的拟对2000亿美元中国输美产品加征关税的系列听证会。听证会首日，全美60多位行业协会和企业代表先后阐述了美对华进口商品加征关税的具体影响，同时表达了将本企业或本行业产品排除在征税清单之外的意愿。商界担心关</t>
  </si>
  <si>
    <t>“创业国度”的新理想：让小公司做大做强</t>
  </si>
  <si>
    <t>20日，以色列苏打水饮水机制造商SodaStream被美国软饮料巨头百事以32亿美元的价格收购，给以色列高科技领域注入又一剂强心针。此次收购还意味着，“创业国度”以色列在科技带动全国产业转型升级进程中又迈出重要一步。自70年前以色列成立以来，该国的经济经历了多次变革</t>
  </si>
  <si>
    <t>委内瑞拉实施双货币并行政策</t>
  </si>
  <si>
    <t>委内瑞拉总统马杜罗宣布，8月20日起该国开始实施货币改革，实行数字货币“石油币”(Petro cryptocurrency)与传统货币“主权玻利瓦尔”(sovereign bolivar)并行的货币政策。“主权玻利瓦尔”是委内瑞拉的新货币，从8月20日开始取代委内瑞拉原货币“强势玻利瓦尔”。新货?</t>
  </si>
  <si>
    <t>黑木耳之城渐离“白色烦恼”</t>
  </si>
  <si>
    <t>黑木耳好吃，但栽培菌袋废弃后形成的白色垃圾却难“消化”。全国黑木耳产量第一市（县级市）黑龙江省东宁市，通过废弃菌袋燃料化、肥料化，使这座黑木耳之城正逐渐告别“白色烦恼”。东宁市位于中俄边境，山多地少，“九山半水半分田”。全市多年来坚持发展黑木耳产业，</t>
  </si>
  <si>
    <t>频繁经济制裁难免引火烧身</t>
  </si>
  <si>
    <t>笼罩全球的贸易摩擦阴影挥之不去，美国又匆忙发起对多国的经济制裁，霸凌主义可谓昭然若揭。全球市场为此上蹿下跳，在美国一己之欲的膨胀之下，全球金融稳定变得难以企及。笔者以为，美国或许能为其搅动全球风风雨雨的能力沾沾自喜，然而长久来看，美国对他国的经济制裁恐最?</t>
  </si>
  <si>
    <t>浙江布局智能制造推进产业转型</t>
  </si>
  <si>
    <t>在全透明的车间内，机械手正在抓取太阳能板组件，包含二维码的组件迅速被运送到自动焊接机上进行批量焊接，误差正负不超过0.5毫米。与此同时，在企业大数据平台，海宁、杭州、德国、泰国四家智能工厂的产能、库存等数据可以被实时抓取、监测，管理调配在线完成……这是记者在</t>
  </si>
  <si>
    <t>NAFTA三边协议月内恐难达成</t>
  </si>
  <si>
    <t>北美自贸协定（NAFTA）的谈判历时一年尚未结束。目前由美国和墨西哥两国进行的双边谈判有所进展，但是8月底前美加墨三方能否达成新的北美自贸协定显然难以确定。美墨谈判有所推进墨西哥7月举行总统大选，使得谈判于5月下旬暂停。随着墨西哥重新大选的结果尘埃落定?</t>
  </si>
  <si>
    <t>国际油价持续下跌</t>
  </si>
  <si>
    <t>国际原油市场上，油价持续出现下跌。8月17日，数据方面，美国油田技术服务公司贝克休斯公布的报告显示，当周美国运营的油田钻井数量为869个，与之前一周持平。截至当天收盘时，纽约商品交易所9月交货的轻质原油期货价格上涨0.45美元，收于每桶65.91美元，涨幅为0.69%。1</t>
  </si>
  <si>
    <t>迟来的“共享风潮”谁领风骚</t>
  </si>
  <si>
    <t>无柱式共享单车终于来巴西了。在过去的一年中，这股共享风潮席卷中国、美国以及欧洲多个国家，改变着人们的出行甚至生活方式，如今在巴西抢滩登陆。面对巴西这片广袤市场，各商家已现群雄逐鹿之势。不过想要在巴西站稳脚跟，简单复制其他国家的经验恐怕行不通。在试水共</t>
  </si>
  <si>
    <t>多地打出“组合拳”加速释放外贸政策红利</t>
  </si>
  <si>
    <t>在国际贸易形势前景不明的情况下，各地都在积极研判当前对外贸易形势，分析评估中美贸易摩擦的影响，做出应对工作。据记者了解，近期黑龙江、新疆、江苏、广东、山东、云南、陕西等十余个省份都出台了具体举措，根据自身情况发掘外贸潜力。与此同时，各地也在积极准备参加首?</t>
  </si>
  <si>
    <t>多国加息应对金融市场动荡</t>
  </si>
  <si>
    <t>美联储加息、贸易摩擦加上美国对多国实施经济制裁，全球市场不确定性增加，金融市场震荡此起彼伏。为应对不利局面，部分新兴经济体央行不得不加息应对资金外流现象。投资者忧心忡忡8月15日，新兴市场创6个月来最大单日跌幅，大宗商品价格也急速下跌，汇率难以企稳?</t>
  </si>
  <si>
    <t>澳大利亚产业布局  让出口带上“科技范儿”</t>
  </si>
  <si>
    <t>传统资源大国澳大利亚的贸易结构正悄然发生变化，IT电信、医美保健等科技附加值高的产品出口比重迅速上升。近来扩大投资和产能的化妆品业代表企业澳容（EAORON）方面对笔者表示，澳大利亚出口新趋势是该国投资转型的结果，有望为出口持续增长和保持竞争力注入新动能。</t>
  </si>
  <si>
    <t>SEC向特斯拉发传票调查私有化计划</t>
  </si>
  <si>
    <t>福克斯新闻在推特上发文称，美国证券交易委员会(SEC)已向电动汽车制造商特斯拉发出传票，加大对特斯拉私有化一案的调查力度。纽约时报报道确认传票已被发出。近日，马斯克通过推特发表了考虑将特斯拉私有化的消息，此举若成功，将终结特斯拉八年来的股市交易史。马斯克?</t>
  </si>
  <si>
    <t>加拿大推紧急举措力保钢铁产业</t>
  </si>
  <si>
    <t>美国对进口钢铝征收高关税，造成加拿大国内来自其他国家的钢铁进口大增，钢铁业受到冲击。为此，加拿大政府8月14日宣布，将采取紧急措施保护本国钢铁产业。此外，加拿大还考虑准备对国内钢铁产业实行补助计划。钢铁进口激增美国总统特朗普于3月对进口钢材和铝征收?</t>
  </si>
  <si>
    <t>美国经济面临的不确定性</t>
  </si>
  <si>
    <t>美联储主席鲍威尔在8月美国议息会议后关于美国经济表现强劲的声明给各界留下深刻的印象，而美国国会预算办公室则因关税政策为经济带来的不确定性下调了下半年经济增长预期，同时认为美联储的加息步伐可能会放慢。笔者认为，在下半年仅剩的几个月中，美国经济面对的不确定因素</t>
  </si>
  <si>
    <t>发改委：中美经贸摩擦对我国经济影响很有限</t>
  </si>
  <si>
    <t>国新办15日就当前经济社会发展有关情况举行吹风会，在被问中美经贸摩擦对我国宏观经济影响时，国家发改委新闻发言人丛亮表示，如果美国对2000亿美元的中国输美产品加征关税，可能对我们的工业生产、就业、外贸、物价产生一些直接的影响，也可能会对市场预期和供应链调整带来?</t>
  </si>
  <si>
    <t>美机构对科技股投资策略出现分化</t>
  </si>
  <si>
    <t>最新披露的数据显示，今年二季度，以巴菲特和索罗斯等知名投资人为代表的机构对科技股进行了较大幅度仓位调整，苹果公司股票获得增持，网飞（Netflix）和IBM遭到减持。根据递交给美国证监会的报告显示，今年第二季度，巴菲特领导的伯克希尔-哈撒韦公司增持1240万股苹果?</t>
  </si>
  <si>
    <t>标普为何看好以色列</t>
  </si>
  <si>
    <t>信用评级机构标准普尔上周五宣布，鉴于以色列财政政策稳健、经济增长强劲和偿债能力较强，将其债务评级从A+提升为AA-，并将其前景评级从“积极”调到“稳定”。这是七年间标普首次上调以色列债务评级，也是自以色列的国家债券加入评级队伍后在各大国际信用评级机构中获?</t>
  </si>
  <si>
    <t>机构预期分化  未来原油供求存在不确定性</t>
  </si>
  <si>
    <t>8月13日，欧佩克在其最新月报中下调了对明年原油需求预期，而此前国际能源署的月报则上调明年对原油需求。两大机构对未来原油供求的不同判断显示出供求的不确定性。欧佩克月报显示，预计2019年对欧佩克原油需求为3205万桶/日，较上月预期减少了13万桶/日。欧佩克预计201</t>
  </si>
  <si>
    <t>英国居民开始为后脱欧时代担忧</t>
  </si>
  <si>
    <t>距离明年3月英国正式“脱欧”还有大半年时间，距离英国与欧盟的“脱欧”过渡期结束也还有一年多，但越来越多的人开始为英欧在“后脱欧时代”的经贸关系而担忧。英国“脱欧”后将与欧盟达成怎样的经贸关系始终是目前英欧谈判中“最难啃的骨头”。日前，英国内阁发布消息?</t>
  </si>
  <si>
    <t>土耳其里拉为何暴跌</t>
  </si>
  <si>
    <t>从2018年年初至今，土耳其里拉兑美元汇率下跌幅度已经超过30%。土耳其里拉今年的快速下跌引发各方关注。近期土耳其里拉大幅下跌可以归因于土耳其和美国的外交关系恶化。土耳其以涉嫌支持恐怖主义和2016年的未遂政变为由，将美籍牧师布伦森拘押，土耳其法院今年4月中旬开</t>
  </si>
  <si>
    <t>制裁风波冲击经济  多国奋起应对</t>
  </si>
  <si>
    <t>受美国频繁发动制裁的影响，新兴市场国家金融市场近期出现激烈震荡。不仅是受到制裁的国家土耳其和俄罗斯货币币值大幅下挫，还波及了广泛新兴市场国家币值和货币政策决策。虽然相关国家已表示将出台措施对冲经济风险，但分析人士担忧，美国的行为和态度可能制造更广泛的金融?</t>
  </si>
  <si>
    <t>苹果要求法庭撤销消费者“降速门”集体诉讼</t>
  </si>
  <si>
    <t>据美国科技新闻网站PatentlyApple报道，苹果公司已经要求联邦法庭法官取消有关苹果电池性能欺诈的指控，并称原告指控并无根据。去年下半年以来，苹果公司曝出了“降速门”丑闻，在全球闹得沸沸扬扬，iPad后来也被消费者列入指控范围内。仅美国地区，苹果遭遇了61宗消费?</t>
  </si>
  <si>
    <t>英国：反常的天气和迟到的加息</t>
  </si>
  <si>
    <t>英国人喜欢谈论天气举世公认。今年夏天，气温高得实在反常，英国人一边避暑一边抱怨。当下，持续了一个多月的艳阳天仍在继续，早已习惯阴雨天气的草皮竟然都变黄了。但这样的高温天气对当地经济来说未必是坏事，至少出门喝酒消夏的英国人多了。英国央行（英格兰银行）前</t>
  </si>
  <si>
    <t>中卫：沙漠小城弄潮“云端”</t>
  </si>
  <si>
    <t>地处腾格里沙漠南缘的中卫市，是宁夏回族自治区最年轻的地级市。60年前，我国首条沙漠铁路——包兰铁路从这里穿越茫茫沙海正式通车，由此创造出的麦草方格治沙模式享誉世界。如今，为冲破资源和环境约束，中卫市抢抓信息技术变革带来的机遇，对标美国凤凰城，在沙漠边建设国?</t>
  </si>
  <si>
    <t>通胀升里拉贬  土耳其央行或再加息</t>
  </si>
  <si>
    <t>因通胀飙升、本币暴跌以及美国考虑对其进行经济制裁，土耳其央行承受的加息压力与日俱增。英国《卫报》援引一些分析师的话说，土耳其央行已别无选择，只能在未来几天大幅提高借贷成本，以遏制里拉汇率下跌，确保资本市场企稳。今年年初以来，土耳其里拉对美元汇率累计跌</t>
  </si>
  <si>
    <t>救活一家厂  带动一座城</t>
  </si>
  <si>
    <t>这是塞尔维亚一座历史悠久的城市，当年曾是塞尔维亚王国的首都和宗教中心。这座城市近五分之一市民的命运，和一家企业息息相关……从塞尔维亚首都贝尔格莱德出发，沿着E75号高速公路驱车个把小时就到了古城斯梅代雷沃。进城不久，远方高高矗立的斯梅代雷沃钢铁厂锅炉、?</t>
  </si>
  <si>
    <t>揭秘芝加哥的影视产业</t>
  </si>
  <si>
    <t>漫步在芝加哥街头，你很有可能路过一个电视剧或者电影的拍摄现场。根据芝加哥市长办公室提供的数据，芝加哥已成为除洛杉矶和纽约之外，美国影视剧拍摄最多的城市之一。仅7、8两月，就有包括NBC电视台“芝加哥”系列电视剧——《芝加哥烈焰》《芝加哥警局》《芝加哥急救?</t>
  </si>
  <si>
    <t>亚马逊在德遭反垄断调查</t>
  </si>
  <si>
    <t>据外媒报道，德国反垄断机构卡特尔办公室正在审查美国电商企业亚马逊的业务，这是另一家有可能在欧盟境内被处罚的美国互联网巨头。有分析认为，如果亚马逊此次指控成立，不仅将遭受巨额罚款，甚至会在一定程度上对其在欧洲的业务模式和市场地位造成较大影响。屡遭?</t>
  </si>
  <si>
    <t>美重启对伊制裁  多国出招应对</t>
  </si>
  <si>
    <t>美国白宫6日发表声明，宣布美国于7日重启对伊朗金融、金属、矿产、汽车等一系列非能源领域制裁。国际社会对此表示普遍反对，欧盟最新反制裁条例7日生效，日本外相称将继续从伊朗进口石油，伊朗则采取措施稳定外汇市场，改善经济，并期待美国有诚意的谈判。伊朗实施货币?</t>
  </si>
  <si>
    <t>以色列医师缘何供不应求</t>
  </si>
  <si>
    <t>“进入这里的医生人数过多，且完全不成比例。”1920年，巴勒斯坦医学协会在犹太杂志上向全球的侨民医生发表了一封情感真挚的公开信，敦促他们不要移民到这个国家，称该地区已有85名医生，是第一次世界大战前的两倍。将近一个世纪过去了，尽管现在以色列的外科医生数量已</t>
  </si>
  <si>
    <t>贸易保护主义无助缓解外部失衡</t>
  </si>
  <si>
    <t>2018年，贸易保护主义和贸易摩擦成为全球经济的主要风险之一，如果挑起贸易战的美国不能及时刹车，拿出诚意与各国在基于规则的框架中对话合作，外部失衡有可能继续扩大。从最新数据来看，去年全球经常账户顺差及逆差总额约占全球GDP的3.25%，失衡情况属于基本稳定。在这</t>
  </si>
  <si>
    <t>国际原油价格小幅回升</t>
  </si>
  <si>
    <t>由于美国恢复对全球第五大产油国伊朗的非能源制裁以及沙特原油产量下降，7日国际原油市场上，油价继续小幅回升。截至北京时间当天19:44，纽约商品交易所美国9月WTI原油期货报69.72美元/桶，涨幅为1.03%；伦敦洲际交易所10月布伦特原油期货价格报74.83美元/桶，上涨1.46%</t>
  </si>
  <si>
    <t>伦敦金融城的魅力与传奇</t>
  </si>
  <si>
    <t>越来越多的中国人来英国旅游，他们惊奇地从当地导游口中得知，伦敦还有一座城中之城——金融城。远眺伦敦的天际线，你准能一眼找到伦敦金融城，高楼大厦最密集的地方就是那个“地球上最富裕的一平方英里”。金融城在行政序列上隶属伦敦，但又更像是个与之并列的“城中城</t>
  </si>
  <si>
    <t>英国无协议“硬脱欧”风险增加</t>
  </si>
  <si>
    <t>据外媒报道，英国官员透露，正在与欧盟进行的谈判可能正朝着无协议“脱欧”方向发展，即各方担忧的“硬脱欧”状况可能出现，英国和欧盟整体经济预计将受到显著冲击。虽然英国商界已经布局规划“脱欧”后战略，恐慌情绪暂时有所缓解，但分析人士警告，“硬脱欧”将令企业信心?</t>
  </si>
  <si>
    <t>国内外巨头纷纷布局医疗人工智能</t>
  </si>
  <si>
    <t>近年来，人工智能技术与医疗健康领域的融合不断加深，以人工智能医疗发展最为迅速的美国为例，科技巨头和资本巨头都在积极布局智能医疗产业，大批专注细分领域的初创公司也蓄势待发。IBM、谷歌、微软等科技巨头近年来都在布局人工智能医疗。例如IBM Watson能够快速筛选?</t>
  </si>
  <si>
    <t>美国贸易逆差4个月来首次扩大</t>
  </si>
  <si>
    <t>美国商务部日前公布的数据显示，美国6月份货物和服务贸易逆差环比增长7.3%，为4个月来贸易逆差首次扩大。数据显示，美国6月份出口环比下降0.7%至2138亿美元，进口环比上升0.6%至2602亿美元。当月贸易逆差增至463亿美元，高于前一个月修正后的432亿美元。数据还显示</t>
  </si>
  <si>
    <t>中国游客赴摩洛哥旅游热持续升温</t>
  </si>
  <si>
    <t>8月份是摩洛哥的旅游淡季，但北非灼热的阳光并没有阻挡住中国游客的脚步。眼下，从摩洛哥南部的撒哈拉沙漠到北端的海滨城市丹吉尔，随处可见中国人的身影。自2016年6月摩洛哥对中国公民实施免签政策后，中国赴摩旅游人数迅速攀升，这股热潮目前仍在升温。摩洛哥拥?</t>
  </si>
  <si>
    <t>印尼经济二季度实现4年半来最快增速</t>
  </si>
  <si>
    <t>印度尼西亚中央统计局6日公布的数据显示，印尼今年第二季度经济同比增长5.27%，超过市场预期和第一季度5.06%的增速，也是2013年第四季度以来最快增速。数据显示，印尼第二季度经济环比增长4.21%，而第一季度则萎缩0.41%。此外，今年第二季度印尼出口同比增长7.7%，固定?</t>
  </si>
  <si>
    <t>我公布对美600亿美元商品征税清单</t>
  </si>
  <si>
    <t>国务院关税税则委员会8月3日发布公告，对原产于美国的5207个税目约600亿美元商品，加征25%、20%、10%、5%不等的关税。商务部也于3日晚间第一时间发表回应称，征税措施的实施日期将视美方行动而定，中方保留继续出台其他反制措施的权利。2018年7月11日，美国政府发布了对</t>
  </si>
  <si>
    <t>将外部压力转化为改革动力</t>
  </si>
  <si>
    <t>近段时间外部环境的明显变化，给中国经济和发展带来新课题。面对“稳中有变”的新局面，我们应保持战略定力，坚持以我为主，将外部压力转化为改革动力，加快推进改革开放，沿着高质量发展路线砥砺前行。当前，全球经贸形势发生了重大变化，一方面西方主要经济体相互间加</t>
  </si>
  <si>
    <t>美国“蘑菇之都”的“中国计划”</t>
  </si>
  <si>
    <t>美国宾夕法尼亚州切斯特县人口约50万，是全美最富有、最宜居的县之一。2013年，这个地方县发起了一个颇有远见的创举，推出旨在加强与中国合作的“切斯特县中国计划”。“我们乐于帮助切斯特县的企业在中国市场上获得一席之地，也希望看到中国企业来这里投资。”切斯特县</t>
  </si>
  <si>
    <t>国内油价或迎小幅上调</t>
  </si>
  <si>
    <t>《经济参考报》记者从多家社会监测机构了解到，近期国际油价起落不定，8月6日国内油价或迎来小幅上调，而“两桶油”零售加油站优惠活动依旧在进行中，少数站点优惠幅度有增大趋势。本轮调价周期内变化率先升后降，前期主要由于美国伊朗关系紧张引发市场担忧，同时，沙特</t>
  </si>
  <si>
    <t>迪士尼收购福克斯  将改变主题公园运营格局</t>
  </si>
  <si>
    <t>迪士尼收购福克斯大部分资产近日得到美国司法部垄断机构有条件批准，现属于福克斯的《X战警》、《神奇四侠》、《死侍》等电影中的IP人物将回归漫威电影宇宙超级英雄大家庭，加上风靡全球的电视剧《辛普森一家》及《阿凡达》系列电影等，交易完成后迪士尼拥有的超级IP数量会大</t>
  </si>
  <si>
    <t>贸易战放慢全球制造业扩张速度</t>
  </si>
  <si>
    <t>近日，美国、欧洲和亚洲一些国家相继发布了制造业指数，大部分国家制造业扩张速度放缓，虽然整体经济形势仍然表现较好，但贸易摩擦阴影长期不消，负面影响仍将显现。制造业扩张降温美国供应管理协会8月1日公布的数据显示，7月美国制造业增长降温程度大于预期，其中</t>
  </si>
  <si>
    <t>美联储称经济强劲  9月加息呼声高涨</t>
  </si>
  <si>
    <t>8月2日，美国联邦储备委员会召开的议息会议，一如预期维持利率水平不变。美联储在声明中表示，美国经济增长强劲，9月加息呼声愈高。与会的美联储官员一致认为有必要慎重审视美国与相关国家之间的贸易摩擦会对经济造成何种影响等，暂不加息，并决定将联邦基金利率目标区?</t>
  </si>
  <si>
    <t>下半年：人民币国际化将逐步回升</t>
  </si>
  <si>
    <t>2018年上半年以来，美元加息以及中美贸易摩擦不断升级等事件使美元持续走强，人民币兑美元汇率自第二季度开始进入贬值通道，双向波动不断加强。厦门大学经济学科编制的人民币汇率国际影响力指数显示，强美元与贸易摩擦下人民币汇率的国际影响有所下降。美联储加息与中美</t>
  </si>
  <si>
    <t>美墨将单独协商北美自贸协定“痛点”</t>
  </si>
  <si>
    <t>美国与墨西哥两国的贸易官员计划于8月2日在华盛顿举行会谈，商讨更新北美自由贸易协定(NAFTA)的若干细节和尚存的分歧。这将是一周内双方第二次举行类似会议，以期尽早达成协议。墨不愿过多妥协北美自贸协定由美、加、墨三国1992年签署，1994年1月正式生效。特朗普?</t>
  </si>
  <si>
    <t>白俄罗斯总理的“中国愿景”</t>
  </si>
  <si>
    <t>白俄罗斯是首批报名参加首届中国国际进口博览会的国家之一，目前正积极筹备，期望借此良机进一步扩大白中双边经贸合作。白俄罗斯总理科比亚科夫亲自参与相关筹备工作。他已三次召集政府部长讨论参会事宜，希望在博览会上更好地向中国消费者推介本国优质产品。科比?</t>
  </si>
  <si>
    <t>美宣布1.13亿美元亚洲投资计划</t>
  </si>
  <si>
    <t>据外媒报道，美国国务卿蓬佩奥7月30日宣布，将向新兴亚洲市场的新科技、能源和基础设施投资1.13亿美元。在蓬佩奥提出的新投资策略中，美国将投资2500万美元来扩大美国对该地区的科技出口，今年将增加近5000万美元来帮助各国生产或储备能源资源，并创建一个新的援助网来?</t>
  </si>
  <si>
    <t>日央行维持超低利率</t>
  </si>
  <si>
    <t>日本央行7月31日公布7月份利率决议及经济展望报告，宣布保持利率在-0.1%不变。日本央行强调，有意在较长一段时间内维持极低的利率，将增加购债操作的灵活性。日本央行以7票赞成、2票反对的结果通过了债券收益率曲线控制指引，并以全票通过资产购买决定。考虑到经济</t>
  </si>
  <si>
    <t>欧盟穿梭外交意在把握经贸博弈先机</t>
  </si>
  <si>
    <t>今年以来，欧盟围绕经贸议题频繁展开穿梭外交，最近一段时间尤为明显。究其动因，一方面在于“美国优先”的单边主义和贸易保护主义给欧盟带来了极大压力，另一方面则是欧盟对外贸易政策始终坚持多边与双边两个纬度平行发展。从时间顺序讲，7月16日，中欧在北京举行第20?</t>
  </si>
  <si>
    <t>在位理应谋其政  股东难见董监高</t>
  </si>
  <si>
    <t>油轮业惊现巨亏 实业走向需关注据媒体报道，油轮市场已经跌至20年来的最低谷：据Clarksons统计，从1997-2017年，VLCC中东-远东TD3航线的平均日收益为45198美元/天，而2018年上半年，同样的指标仅为该数值的两成。7月23日晚间，中远海能发布业绩预亏公告称，预计2018年上</t>
  </si>
  <si>
    <t>中英战略对话促经贸合作提质增速</t>
  </si>
  <si>
    <t>英国新任外交大臣杰里米·亨特30日对中国进行正式访问并参加第九次中英战略对话，利用中英政府间高级别对话平台，中英双方就深化双边经贸合作、维护多边主义等热点问题进行具有建设性交流，为英中关系“黄金时代”开启新篇章奠定了条件。英方还表示欢迎在“脱欧”后开展与中?</t>
  </si>
  <si>
    <t>泸州老窖期待与南非企业开展多领域合作</t>
  </si>
  <si>
    <t>近日，来自中国和南非的工商界代表相聚美丽的“世界春城”约翰内斯堡，参加中国-南非经贸论坛、2018年金砖国家工商论坛“中国之夜”等活动，共同探讨和深化中国与南非经贸合作。参加上述论坛的泸州老窖股份有限公司党委书记、董事长刘淼表示，目前，泸州老窖在南非已与?</t>
  </si>
  <si>
    <t>“一日色变”的岭南佳果远行记</t>
  </si>
  <si>
    <t>“一日而色变，二日而香变，三日而味变，四五日外，色香味尽去矣”，主产于华南亚热带地区的荔枝，因味道甘甜鲜美闻名，却因不耐贮藏而不易得尝，成为中国历代文人们反复歌咏的对象。“这一货柜将运往新加坡，那里的顾客可以吃到和产地一样新鲜的荔枝。”在广东省茂名市</t>
  </si>
  <si>
    <t>养老金改革  俄罗斯还需砥砺前行</t>
  </si>
  <si>
    <t>继上周俄罗斯国家杜马一读通过提高退休年龄法案草案之后，27日，俄罗斯中央选举委员会否决了就提高退休年龄进行公投的一项提议，再次将这项备受争议的法案推上舆论的风口浪尖。这场舆论风暴开始于一个月前。6月14日，俄总理梅德韦杰夫宣布2019年启动分阶段延迟退休年龄?</t>
  </si>
  <si>
    <t>新兴能源：一个可触摸的能源新时代</t>
  </si>
  <si>
    <t>俗称可燃冰的天然气水合物，被普遍认为是21世纪最具潜力，可接替煤炭、石油的新型洁净能源之一。中国地质调查局副总工程师、广州海洋地质调查局局长叶建良介绍，全球范围内已直接或间接发现的可燃冰矿点97%集中在海洋，其余3%主要位于陆地冻土带。目前，已有美国、加拿?</t>
  </si>
  <si>
    <t>经济稳步增长强化美联储加息预期</t>
  </si>
  <si>
    <t>美国联邦储备委员会(美联储)将于当地时间7月31日和8月1日举行货币政策决策会议。有分析指出，美国经济进入二季度以来稳健增长，大大提升美联储后半年再加息两次的可能性，但本月例会并非美联储的加息时点，可能性相对较大的是9月和12月的议息会议。经济保持增长态势</t>
  </si>
  <si>
    <t>汽车出口国拟召开会议应对美汽车关税</t>
  </si>
  <si>
    <t>据彭博社援引知情人士消息报道，来自欧盟、加拿大、墨西哥、韩国和日本的代表将于7月31日在日内瓦召开会议，讨论如何回应美国可能对汽车进口征收关税，以及如何改革世贸组织。两名知情官员表示，参与者将探讨削减汽车关税国际协议的可能性，但另外两名官员表示这不是正?</t>
  </si>
  <si>
    <t>欧洲央行审慎对待加息时机</t>
  </si>
  <si>
    <t>欧洲中央银行理事会日前重申，预计欧洲央行在2019年夏天前不会加息。分析人士指出，相关信息显示欧洲央行实现货币政策正常化仍需相当长的时间。在当天结束的7月份货币政策例会上，欧洲央行理事会重申6月例会的决定，从9月起把每月资产净购买规模降至150亿欧元，并计划在</t>
  </si>
  <si>
    <t>我国自贸协定战略加速推进</t>
  </si>
  <si>
    <t>我国自由贸易协定正在加速扩容。商务部新闻发言人高峰近日在回答《经济参考报》记者提问时表示，目前，我们正在进行的自贸协定谈判有13个，包括《区域全面经济伙伴关系协定》(RCEP)、中日韩自贸协定、中国-挪威自贸协定，中国-以色列自贸协定，中国-巴拿马自贸协定、中国-新?</t>
  </si>
  <si>
    <t>美欧贸易战暂歇但前景堪虞</t>
  </si>
  <si>
    <t>美国总统特朗普当地时间25日与到访的欧盟委员会主席容克，围绕双边经贸议题进行了不到两个小时的会谈。在会后的联合记者会上，两人表示美欧同意通过谈判降低贸易壁垒、缓解贸易摩擦，并同意暂停加征新关税。欧美暂时达成妥协据美国《华尔街日报》报道，作为全球最?</t>
  </si>
  <si>
    <t>国际顶尖展会为何青睐上海？</t>
  </si>
  <si>
    <t>根据《进出口经理人》杂志近日发布的2018年世界商展100大排行榜，上海凭借举办12个全球前100大商业展会，成为全球举办大型国际商展最多的城市。国际展览业协会最新调查显示，全亚洲一半以上的B2B展会净面积在中国，其中上海展览数量和展览面积等多项指标均居国内首位、?</t>
  </si>
  <si>
    <t>践行“一带一路”倡议  中冶携手巴新共谋可持续发展</t>
  </si>
  <si>
    <t>在浩瀚的南太平洋散落着美丽富饶的南太诸岛，巴布亚新几内亚就位于其中。14年前，全球最大的冶金建设承包商和冶金企业运营服务商——中国冶金科工集团有限公司（简称“中冶集团”）循着“21世纪海上丝绸之路”的轨迹，来到天堂鸟的故乡巴新，在这里播下合作共赢的火种，开展?</t>
  </si>
  <si>
    <t>“金砖”再出发直面保护主义逆风</t>
  </si>
  <si>
    <t>金砖国家领导人第十次会晤27日在南非约翰内斯堡落下帷幕，金砖合作以应对逆全球化和贸易保护主义、实现金砖国家第二个“金色十年”的进程正在揭开新的一页。此次金砖峰会上，金砖国家就建设开放型世界经济，旗帜鲜明反对各种形式的单边主义和保护主义，支持多边贸易机制</t>
  </si>
  <si>
    <t>帝国理工为何远离“大学合并潮”</t>
  </si>
  <si>
    <t>当不少大学纷纷通过合并在大学排行榜上快速上升时，有一所英国高校却逆潮流而动，选择从大学联盟中退出，这就是伦敦的帝国理工学院。帝国理工学院是世界顶尖的公立研究性大学，主攻理学、工学、医学和商学，专业化程度强，是英国常春藤联盟“罗素大学集团”成员。帝国理</t>
  </si>
  <si>
    <t>“金砖＋”助力非洲自主发展</t>
  </si>
  <si>
    <t>以“金砖国家在非洲：在第四次工业革命中共谋包容增长和共同繁荣”为主题的金砖国家领导人第十次会晤25日在南非约翰内斯堡拉开帷幕。本次会晤在深化金砖战略伙伴关系，加强金砖团结合作，助力金砖五国联动发展的同时，将继续推进“金砖＋”模式，让“金砖力量”惠及更多非洲?</t>
  </si>
  <si>
    <t>把握新工业革命机遇  打造更强“金砖”</t>
  </si>
  <si>
    <t>金砖国家领导人第十次会晤于25日至27日在南非约翰内斯堡举行。今年恰逢金砖合作第二个“金色十年”的开局之年，本次会晤将以“金砖国家在非洲：在第四次工业革命中共谋包容增长和共同繁荣”为主题，与会领导人将深化金砖战略伙伴关系，加强金砖团结合作，助力金砖五国联动发?</t>
  </si>
  <si>
    <t>刘尚希：通过改革降低制度性成本</t>
  </si>
  <si>
    <t>降制度性成本的对策建议：加快要素的市场化改革，降低制度成本；加快国企改革，破除僵尸企业导致的资源错配成本；落实科研单位法人自主权，解放人才，推动创新；建立健全政策评估程序，完善政策反馈机制；建立风险缓冲机制，对冲中美贸易摩擦带来的不确定性。中国财政科</t>
  </si>
  <si>
    <t>金砖国家将协力应对保护主义威胁</t>
  </si>
  <si>
    <t>7月25日至27日，第十届金砖国家领导人会晤在南非约翰内斯堡举行。这次会晤以“金砖国家在非洲：在第四次工业革命中共谋包容增长和共同繁荣”为主题。在全球贸易摩擦加剧、新兴经济体面临多重挑战之际，金砖国家共同高举多边主义大旗，切实加强经贸领域合作，抵御保护主?</t>
  </si>
  <si>
    <t>如何在西方做好“麻婆豆腐”</t>
  </si>
  <si>
    <t>酒过三巡，黄运特的脸微微泛红。这个旅美华裔作家、加州大学英文系教授给我讲了个故事：20年前他在美国读大学时，曾和朋友一起开中餐馆。有个白人女性（他称之为“白姐”）常来点麻婆豆腐，每次都要叮嘱：“能不能再辣点？”中国厨师用了当地辣酱、墨西哥辣椒，但每次“</t>
  </si>
  <si>
    <t>监督“夺冠套餐退费”让消协维权更有力</t>
  </si>
  <si>
    <t>华帝公司在世界杯期间推出了“法国队夺冠退全款”的营销活动，但未能依约定兑现承诺，针对此事，中国消费者协会19日起公开征集消费者投诉。20日凌晨，华帝公司发布声明称，目前消费者退款工作已在紧张有序开展；同时，请中国消费者协会及广大消费者监督指导。近些年，中</t>
  </si>
  <si>
    <t>英拟大幅收紧外商投资政策</t>
  </si>
  <si>
    <t>据英国多家媒体报道，根据最新公布的一项提案，英国政府有意大幅收紧外商投资政策，未来将针对可能危及国家安全的外资收购英国工业企业交易强化审查措施。英国传统上是全球最开放的企业并购市场之一。路透社认为，这项加强外商投资审查规则的提案，标志着世界第五大经济</t>
  </si>
  <si>
    <t>世界经济在逆流中砥砺前行</t>
  </si>
  <si>
    <t>2018年已经进入下半程，世界经济在多重挑战中艰难前行，但美国贸易保护主义逆流汹涌，美联储保持加息节奏，多国经济结构性难题未解。半年来，世界经济在前期复苏及有关政策推动下保持增势，但复苏基础仍不稳固、复苏节奏仍不均衡，世界经济合作处境艰难。波动之际，中国</t>
  </si>
  <si>
    <t>容克访美  欧美贸易裂痕难弥合</t>
  </si>
  <si>
    <t>欧盟委员会主席容克定于25日访问美国，会见美国总统特朗普。在美国与欧盟贸易争端升级之际，外界预计容克将以软硬兼施的策略代表成员国与美进行沟通，然而对双方通过此次对话弥合争端分歧的期望并不高。贸易“敌对”状态待缓解面对公开把欧盟称为“敌人”的特朗普?</t>
  </si>
  <si>
    <t>外贸企业：练好内功才有底气</t>
  </si>
  <si>
    <t>“今年上半年产值1000多万元人民币，和去年同期持平还略好一点。”宁波派达索塑料玩具有限公司是一家出口宠物玩具的中小型外贸企业，专注美国市场10多年。总经理蒋永芳说，这主要得益于公司去年7月和美国最大的宠物用品零售商之一签订了新的订单。宁波佳尔灵气动机械有?</t>
  </si>
  <si>
    <t>区块链韩国周聚焦大众生活</t>
  </si>
  <si>
    <t>区块链近来成为广受关注的热门词汇，但很多人恐怕并不了解它究竟将给人们的日常生活带来怎样的影响。“区块链韩国周”活动20日在首尔结束，区块链技术及产业如何影响现实生活成为业内人士和专家的焦点话题之一。据主办方介绍，“区块链韩国周”吸引了来自30多个国家和地</t>
  </si>
  <si>
    <t>英国：有细节支撑的公共决策</t>
  </si>
  <si>
    <t>在英国，医科学生经过长时间的严格训练，才能获得行医资格；反过来，医院对于优秀的医科毕业生也求贤若渴。上世纪60年代，医科毕业生的就业市场出现混乱，一些医院为了得到优秀的人才，往往抢先下手，赶在毕业之前很久就开始“预定”人才。这一做法愈演愈烈，使得医科人才的?</t>
  </si>
  <si>
    <t>从“天鲸”到“天鲲”：中国疏浚重器扬帆远航</t>
  </si>
  <si>
    <t>位于长江入海口的江苏启东船舶工业园内，一艘钢铁巨轮静静地停泊在这里，船身上三个大字“天鲲号”格外醒目，这就是有“造岛神器”美誉的具有中国自主知识产权的亚洲最大重型自航绞吸挖泥船。无论是苏伊士运河开挖、巴拿马运河拓宽还是围海造陆建设，都离不开重型挖泥船</t>
  </si>
  <si>
    <t>G20财长央行行长警告贸易战恶果</t>
  </si>
  <si>
    <t>二十国集团（G20）财长和央行行长会议自7月21日起在阿根廷布宜诺斯艾利斯举行，会议就经济全球化的机遇和挑战等话题进行讨论。此次会议的所有参与方都意识到，贸易战对全球经济增长构成风险。欧盟、新兴市场国家的财长，以及世界银行和国际货币基金组织都警告称，美国引发的?</t>
  </si>
  <si>
    <t>美元指数上涨  金油价跌幅收窄</t>
  </si>
  <si>
    <t>上周，因美元疲弱，沙特8月出口下降预期支撑油市，抵消了对美中贸易紧张局势和供应过剩的担忧。7月20日，美国9月原油期货升0.02美元，报每桶68.26美元，全球美国原油下跌近1%。布伦特原油收高0.49美元，报每桶73.07美元，上周下跌3.1%。因市场担忧欧佩克以及俄罗斯和美?</t>
  </si>
  <si>
    <t>中国航空航天企业加速走向国际市场</t>
  </si>
  <si>
    <t>从民用航空到商业航天，经过多年发展的中国企业正以更成熟、更系统化的技术产品和服务解决方案走向国际市场。在2018年英国范堡罗国际航展上，中国企业的活跃身影很好地阐释了这一点。今年是中国改革开放40周年。1986年8月31日，中国航空工业集团有限公司（以下简称“中?</t>
  </si>
  <si>
    <t>境外旅游险何时才能“先行一步”</t>
  </si>
  <si>
    <t>近期发生的泰国普吉岛游船倾覆事故牵动着国人的心。悲痛之余，出境游安全保障问题再次引起广泛关注。来自广东肇庆的五位游客一死两伤，五人均未购买相关旅游保险。记者发现，近年出境旅游人数激增，但人们购买保险的脚步还未跟上。买了也白买“裸游”背后的信心不足</t>
  </si>
  <si>
    <t>特朗普再次威胁开征汽车关税</t>
  </si>
  <si>
    <t>美国总统特朗普当地时间18日在白宫发表讲话时说，欧盟委员会主席容克下周将访问美国，并围绕汽车关税等经贸议题进行协商。特朗普威胁说，如果欧盟与美国无法达成他认为公平的汽车贸易协议，将会受到严厉惩罚。再挥汽车关税大棒据路透社报道，特朗普在白宫对媒体说?</t>
  </si>
  <si>
    <t>中国与“一带一路”沿线国家扩大农业国际合作</t>
  </si>
  <si>
    <t>中国正在与“一带一路”沿线国家加强农业领域的合作，期待为全球农业发展和经济增长作出更大贡献。甘肃省粮食局近日与阿塞拜疆和白俄罗斯相关部门达成了合作意向，拟向阿塞拜疆出口甘肃省的马铃薯和橄榄油，从白俄罗斯进口优质小麦。阿塞拜疆农产品供销股份有限公?</t>
  </si>
  <si>
    <t>以色列出台计划  鼓励年轻人“归田园居”</t>
  </si>
  <si>
    <t>以色列的农业部门有点发愁：近年来农民数量持续锐减的现象没有改观，这也直接威胁到农业的优势地位。对此，以色列政府18日专门出台了一项农民刺激计划，奖励愿意“归田园居”的年轻人。根据该计划，以色列财政和农业部将向愿意从事农业工作的年轻人或即将返回农场的前农</t>
  </si>
  <si>
    <t>中国驻美大使：美国对华贸易战既不公正也不公平</t>
  </si>
  <si>
    <t>中国驻美国大使崔天凯18日表示，美国挑起对华贸易战既不公正也不公平，美方此举只会损人害己，并殃及世界。崔天凯在《今日美国报》当天刊登的署名文章中说，对华巨大贸易逆差是美开打贸易战的最主要理由。但中国从不刻意追求贸易顺差，贸易是否平衡完全是由市场决定的。</t>
  </si>
  <si>
    <t>江淮大众携手西雅特发力新能源汽车研发</t>
  </si>
  <si>
    <t>近日，安徽江淮汽车集团股份有限公司（下称“江淮汽车”）与大众汽车集团（中国）及西雅特在德国柏林签署谅解备忘录。新的合作项目将有利于江淮汽车进一步巩固在新能源汽车领域的优势，为广大客户提供丰富的新能源汽车产品、车联网及自动驾驶技术。谅解备忘录的签署将进一步?</t>
  </si>
  <si>
    <t>俄罗斯“后世界杯”时代的生意经</t>
  </si>
  <si>
    <t>全球瞩目的2018年世界杯赛事近日落幕。整整一个月里，来自世界各地的海量球迷聚集在俄罗斯各个城市，在激情澎湃的呐喊声中见证了一个又一个传奇时刻。而对主办国俄罗斯来说，令人兴奋的不仅是时隔48年再度跻身世界杯八强，还有因举办这场体育盛事而为其带来的“名利双收”。$</t>
  </si>
  <si>
    <t>扩内需要处理好政府与市场关系</t>
  </si>
  <si>
    <t>当前，面对复杂的国际形势，面对贸易保护主义、单边主义挑战，我们的有利因素在于有巨大的内需市场。如果能够做好扩大内需这篇大文章，充分挖掘内需潜力，我们就有条件打赢这场贸易战，保持未来10年、20年的可持续增长，从而在经济全球化中把握主动，有效应对内外部挑战。</t>
  </si>
  <si>
    <t>波音：全球飞机零售额将超6.3万亿美元</t>
  </si>
  <si>
    <t>据外媒报道，飞机制造商美国波音在2018年范堡罗航空展上指出，得益于中国等市场快速发展带来的贸易机会，未来20年全球飞机零售额将突破6.3万亿美元。波音的一位高管还表示，未来10-15年中国将成为全球最大的国内客运航空市场。据英国广播公司17日报道，波音在其最新的全</t>
  </si>
  <si>
    <t>欧盟对谷歌开出43.4亿欧元反垄断罚款</t>
  </si>
  <si>
    <t>据外媒报道，谷歌公司被欧盟处以43.4亿欧元罚款，这是公司历史上金额最大的监管罚款。据多家英国媒体报道，欧盟委员会以“滥用其在智能手机操作系统领域的主导地位”为由对谷歌处以巨额罚款，罚款将超过去年因谷歌在购物搜索服务中降低竞争对手排名而被处罚的24亿欧元。</t>
  </si>
  <si>
    <t>美国企业高管减持股票变现</t>
  </si>
  <si>
    <t>一些美国企业正斥巨资回购股票。投资者认为，这一现象显现高级主管对企业充满信心。然而，首席执行官们自己却背道而驰。美国有线电视新闻网(CNN)17日报道，他们正在把自己持有的企业股票变现。特林塔布斯投资研究公司最新调查结果显示，企业内部人士今年5月和6月分别减?</t>
  </si>
  <si>
    <t>仿制药：印度的知识产权谜题</t>
  </si>
  <si>
    <t>有一个印度知识产权的谜题：在版权特别是软件版权领域，印度积极与“国际通行规则”接轨；而在专利领域，印度通过采取“强制许可”以及对专利法条款的特殊解释，不断规避西方跨国企业的专利要求。印度知识产权的故事，为我们揭示出了全球化背景下民族国家所具有的某种自</t>
  </si>
  <si>
    <t>贸易摩擦风险拖累日本经济</t>
  </si>
  <si>
    <t>今年上半年,日本一些重要经济指标出现萎缩，但专家普遍认为，日本经济温和复苏的态势并未改变。由于美国贸易保护主义举措可能直接或间接伤及包括日本在内的全球产业链，下半年日本经济面临较大外部不确定性。据日本内阁府发布的修正值，日本今年一季度经季节调整后的实?</t>
  </si>
  <si>
    <t>IMF维持今明年全球增长预期</t>
  </si>
  <si>
    <t>国际货币基金组织（IMF）16日发布《世界经济展望》报告，预计今年和明年的全球增长率约为3.9%，与今年4月的预测值一样，不过，报告提醒称，影响经济增长的风险已经增大。全球经济发展不平衡目前，发达经济体的增长速度不一。欧元区、日本和英国的增速已经减缓，而?</t>
  </si>
  <si>
    <t>欧盟日本签署经济合作协议</t>
  </si>
  <si>
    <t>7月17日，日本和欧盟在东京签署经济合作协议，希望以此反击美国总统特朗普的贸易保护主义。双方签署的经济合作协议将取消几乎所有关税。彭博社报道称，根据这项协议，欧盟取消了约99%对日本商品的关税，日本取消约94%对欧盟商品关税，这一比例未来数年内将上升到99%。根</t>
  </si>
  <si>
    <t>美国如何扶持科技产业</t>
  </si>
  <si>
    <t>美国常以他国在高科技领域实施产业政策并给予补贴为名，挑起经贸摩擦。但实际上，美国自己用产业政策和政府补贴“两手”来推动科技产业发展是多年来的惯常做法。美国主流经济学界认为“产业政策”让人联想到计划经济，因此对自身的这类政策避而不提，但实际上美国产业政</t>
  </si>
  <si>
    <t>企业需沉着应对贸易摩擦风险</t>
  </si>
  <si>
    <t>从目前情况来看，中美贸易摩擦很难在短期内偃旗息鼓。在7月6日宣布对340亿美元的中国商品加征25%关税之后，特朗普政府又于7月10日宣布拟对2000亿美元的中国商品征收10%的关税。商务部发言称，中国政府将一如既往，不得不作出必要反制。特朗普发动贸易战，政治上是为今年</t>
  </si>
  <si>
    <t>鲍威尔将在国会为美货币政策作证</t>
  </si>
  <si>
    <t>美国联邦储备委员会（美联储）主席鲍威尔将于当地时间17、18两日在美国国会参加听证会，围绕美国经济和货币政策进行证词陈述，并接受议员质询。市场普遍认为，鲍威尔在陈述时将重申美联储渐进加息立场，并可能对贸易战带来的中期风险提出警告。这是鲍威尔今年2月初就任?</t>
  </si>
  <si>
    <t>农牧民：赶着黄牛“马”上脱贫</t>
  </si>
  <si>
    <t>打草、青贮、饮水、防疫，33岁的蒙古族妇女包秀梅每天精心照料着她的牛。2016年，包秀梅用政府提供的5万元贴息贷款买下6头母牛，不到3年发展成了10头。“今年秋天还会新添3头小牛犊，1头小牛能卖到上万元。”包秀梅兴奋地说。她家用卖牛的收入和丈夫外出打工赚的钱，可?</t>
  </si>
  <si>
    <t>跨国车企分享中国发展红利</t>
  </si>
  <si>
    <t>编者按：自2001年底加入世界贸易组织后，中国汽车市场开始出现爆发式增长。数据显示，2017年中国汽车共产销2901.54万辆和2887.89万辆，同比增长3.19%和3.04%，产销连续9年蝉联全球第一。作为全球最大的汽车消费市场，跨国车企正在分享中国车市强劲增长的红利。英国</t>
  </si>
  <si>
    <t>世界杯效应提振俄罗斯经济</t>
  </si>
  <si>
    <t>俄罗斯世界杯于15日闭幕，本届足球赛事的举办产生了广泛社会效应，对该国经济短期提振效应明显，旅游、零售、餐饮等行业出现爆发式增长，麦肯锡区域研究报告预计，本届世界杯综合效益将达150亿美元。不过，俄罗斯未来能否从世界杯获得持续性效应仍有待观察。社会经济效?</t>
  </si>
  <si>
    <t>英专家：特朗普关税政策对美国伤害更大</t>
  </si>
  <si>
    <t>“一带一路”倡议下的自由贸易与金融开放新格局暨“跨境金融50人论坛”年度峰会7月14日在中国人民大学举行。英国伦敦经济政策署原署长罗思义认为，特朗普贸易政策对美国伤害更大。罗思义说，美国有很多反对特朗普政策的声音，他们认为特朗普的政策会危及美国自身。主要?</t>
  </si>
  <si>
    <t>部分国产品牌窘境：质高价优却“抬不起头”</t>
  </si>
  <si>
    <t>随着国民收入增加，消费升级爆发出巨大需求。然而，其中大量高端需求溢出海外，联合国世界旅游组织报告称，中国是出境消费最大贡献国，年逾1.5万亿人民币。而中国境内进口商品消费也同样惊人。当前，国产消费品品牌面临阵地被挤压、美誉度遭矮化等窘境。一些大型制造企?</t>
  </si>
  <si>
    <t>英美寻求自贸协议的政经考量</t>
  </si>
  <si>
    <t>特朗普在英国人的抗议声中来了。在此次访问中，除了确认英国与美国目前属于“最高水平的特殊关系”，特朗普有关期待与英国签订双边贸易协定的表述也让英国人感兴趣。美国是英国的第一大贸易伙伴，英美贸易关系对“脱欧”后的英国非常重要。如果英美能顺利签订自贸协议，</t>
  </si>
  <si>
    <t>特斯拉京沪项目相继落地  国内新能源汽车格局生变</t>
  </si>
  <si>
    <t>美国特斯拉公司在上海和北京建设整车厂和科技创新中心的项目日前相继落地。专家指示，特斯拉国产后将缓解其产能不足问题，同时成本将会大幅降低。届时，国内新能源汽车市场竞争将更加激烈，新能源汽车产业格局将发生变化，产业集中度进一步加强。根据规划，特斯拉位于上</t>
  </si>
  <si>
    <t>德国“扣下”最后救助款引希腊不满</t>
  </si>
  <si>
    <t>欧元区成员国上月认同，希腊主权债务危机结束。希腊救助计划仅剩最后一笔150亿欧元贷款发放。然而，德国就这一贷款发放迟迟不点头，引发希腊媒体抗议。多家希腊媒体13日指责，德国再给希腊“抽鞭子”。根据2015年7月签署的第三轮救助协议，国际债权方同意在希腊履行一系</t>
  </si>
  <si>
    <t>数字经济带动澳企在华业绩上涨</t>
  </si>
  <si>
    <t>澳大利亚化妆品企业澳容（EAORON）负责人日前接受记者专访时表示，受益于中国新经济的活力，海外企业更易定制并投放适合中国消费者产品，助力中国消费升级。澳容大中华区总裁John Cui对《经济参考报》记者表示，中国已成为互联网时代新经济领域发展最蓬勃的国家，通过电</t>
  </si>
  <si>
    <t>广西水果实现逆势发展</t>
  </si>
  <si>
    <t>1747万亩，产量459万吨，产值90亿元；1979万亩，产量1666万吨，产值587亿元……两串数字，分别为2002年和2017年广西水果的种植面积、产量、产值等指标对比。2017年产量达到2002年的3.6倍多，产值达到6.5倍多。数字背后，是广西水果业十多年来历经东盟进口水果</t>
  </si>
  <si>
    <t>“经济侵略”帽子美国自己戴更合适</t>
  </si>
  <si>
    <t>美国白宫国家贸易委员会主任纳瓦罗不久前发表《中国的经济侵略威胁美国及世界的技术和知识产权》报告，为美国政府的贸易政策进行辩护。“经济侵略”的说法并非出自纳瓦罗，纳瓦罗只是做了美国政府此前发表的国家安全战略报告的传声筒，但这更明确地折射出美国政府强烈的贸易?</t>
  </si>
  <si>
    <t>营业性机构超千家  银行业对外开放加快</t>
  </si>
  <si>
    <t>作为改革开放的重要组成部分，银行业对外开放正呈现加快态势。在依法合规、严守风险底线基础上，银保监会近日批准约旦阿拉伯银行筹建上海分行、中国信托商业银行筹建深圳分行、东亚银行(中国)有限公司深圳前海支行升格为分行，批准彰化商业银行在大陆的子行开业、国泰世华商?</t>
  </si>
  <si>
    <t>商务部：中美磋商的前提是信用  目前尚未就重启谈判接触</t>
  </si>
  <si>
    <t>12日，在商务部例行发布会上，商务部新闻发言人高峰就中美双方是否开始磋商的提问作出回应称，中方已经多次表明，磋商的前提是信用。目前双方尚未就重启谈判进行接触。关于中美贸易战规模是不是会进一步扩大的问题，高峰说，这完全取决于美方。对于贸易战，中方的态度是</t>
  </si>
  <si>
    <t>欧佩克：研究长期计划稳定油价</t>
  </si>
  <si>
    <t>最近，国家原油市场出现震荡。7月11日，利比亚总部位于的黎波里的国家石油公司（NOC）表示，东部派系移交港口后，4个出口港口码头正在重新开放，利比亚国家石油公司恢复对东部油港的控制权。消息引发油价大跌。截至收盘，纽约商业交易所8月交割的西德克萨斯中质原油期货价格?</t>
  </si>
  <si>
    <t>投资者“顶风”来华说明了什么</t>
  </si>
  <si>
    <t>美国政府6日起对从中国进口的340亿美元商品加征25%的关税后不到一周，11日又公布了拟对中国2000亿美元输美产品加征关税清单。对此，中方均作出坚决予以反制的回应。在某些国际观察家眼中，一旦得罪了美国，中国市场的吸引力必然大减，在美元走强、贸易条件恶化、市场低?</t>
  </si>
  <si>
    <t>贸易战：美国是赚还是赔？</t>
  </si>
  <si>
    <t>美国和包括中国在内的主要贸易伙伴的贸易战已经打响。不到一周时间，美方就在340亿美元的基础上打算再增加2000亿美元，以加速升级的方式公布对华征税清单。这样猛烈的炮火显然想尽快逼迫中国让步，获取美国想要的利益。贸易战的起源，按照美方的说辞，是美国在贸易等方?</t>
  </si>
  <si>
    <t>锂电大国的隐忧与挑战</t>
  </si>
  <si>
    <t>2018中国（青海）锂产业与动力电池国际高峰论坛日前在西宁举行。论坛发布的报告显示，随着电动汽车产业的迅猛发展，中国已成为全球最大的锂动力电池生产国，并和韩国、日本一起主导了锂动力电池市场。然而这一“盛世”表象之下，资源开发利用能力落后、动力电池技术水平</t>
  </si>
  <si>
    <t>商务部表示将必要反制并立即诉诸WTO</t>
  </si>
  <si>
    <t>当地时间7月10日，美国贸易代表办公室公布对我国价值2000亿美元商品征收10%的进口关税清单，征税产品清单包括6031个税目，包括服装、电视零件和冰箱等消费品以及其他高科技产品。我国商务部发言人第一时间发表谈话表示严正抗议，并表示，中国政府将一如既往，不得不作出</t>
  </si>
  <si>
    <t>一汽解放：商用车领域的“王者归来”</t>
  </si>
  <si>
    <t>在许多人的印象中，一汽解放是新中国汽车工业的“摇篮”，代表了新中国汽车工业的起点，但也是“传统古板”的老牌国企。然而，这个走过了六十余载的传统民族品牌，不仅没有在时代演进中日渐“苍老”，反而愈发“年轻”。从第一辆国产解放牌汽车驶下装配线，到开发出风靡</t>
  </si>
  <si>
    <t>巴西：买得起汉堡不容易</t>
  </si>
  <si>
    <t>最近，瑞士联合银行集团公布了2018年度“巨无霸”指数的排名，巴西城市圣保罗和里约再度垫底，入选全球最难买得起汉堡的城市序列。为购买同样一个汉堡，巴西劳动者需要工作1小时，而在最容易买得起汉堡的城市中国香港只需要10分钟。如果说生活成本高压不疼巴西劳动者的神经，</t>
  </si>
  <si>
    <t>韩印首脑会谈加强经贸合作</t>
  </si>
  <si>
    <t>韩国总统文在寅与印度总理莫迪10日在新德里举行首脑会谈，讨论加强经贸关系和共建和平机制等问题。韩印双方签署了多项经贸合作协议，并希望在2030年之前将双方的贸易额翻倍。两国聚焦经贸合作文在寅8日至11日对印度展开为期四天的访问。据韩联社报道，文在寅与莫迪</t>
  </si>
  <si>
    <t>巴拿马与中国自贸谈判启动</t>
  </si>
  <si>
    <t>7月9日，处于中美洲的巴拿马与中国自贸谈判第一轮圆桌磋商会议正式启动，巴拿马希望通过谈判达成一份协议，成为中国商品销往拉丁美洲的枢纽。6月12日起，巴拿马代表团访华，开始与中国政府就两国自贸协定进行一系列磋商与谈判。巴拿马贸易工业部长奥古斯托·阿罗塞梅纳7</t>
  </si>
  <si>
    <t>同质化泛滥“杀伤”会展经济</t>
  </si>
  <si>
    <t>“如果在一个城市开一次国际会议，就好比有一架飞机在城市上空撒钱。”德国慕尼黑展览公司总裁门图特的这种说法或许有些夸张，被称为“经济发展加速器和助推器”的会展业，无疑有着巨大的产业带动效应，也因此愈发受到地方青睐。不过，《经济参考报》记者近日在部分地区</t>
  </si>
  <si>
    <t>各方忧中美贸易战成为持久战</t>
  </si>
  <si>
    <t>中美两个大国未能避免两国之间的贸易战，在7月6日打响了第一枪。目前市场前期对消息有所消化，反应不大。但各界担忧贸易战会成为持久战，这对中美经济和全球经济都不是福音。路透社报道称，在股市上，投资者已有数周时间作好准备，交易商避开他们认为受影响最大的一些企</t>
  </si>
  <si>
    <t>数字货币应实现规范运行</t>
  </si>
  <si>
    <t>7月8日，由中国信息协会城市运营分会主办，伦敦智慧农业交易所和伦敦区块链中心协办的“数字货币及区块链应用论坛”在山东烟台召开。来自中英两国的科技界和企业家代表共一百余人参加了本次论坛。会议总结了由国家发改委经济体制与管理研究所、中国信息协会、北京大学中</t>
  </si>
  <si>
    <t>李克强总理访德深化中德务实合作</t>
  </si>
  <si>
    <t>应德国总理默克尔邀请，当地时间7月8日国务院总理李克强在结束对保加利亚的正式访问并出席第七次中国-中东欧国家领导人会晤后抵达柏林，同默克尔共同主持第五轮中德政府磋商并对德国进行正式访问。规划两国关系发展李克强表示，中德各自新一届政府组成不到半年，两</t>
  </si>
  <si>
    <t>国际机构对中国经济保持乐观</t>
  </si>
  <si>
    <t>当前，中国经济在外部面临着不确定性风险，包括贸易保护主义升级、金融市场无序波动加剧以及部分新兴市场和发展中经济体面对这种动荡的脆弱性上升等。不过国际机构对中国整体经济的预期并没有因此发生改变。世界银行6月份发布的《中国经济简报》认为，中国经济仍旧保持?</t>
  </si>
  <si>
    <t>贸易战将成我高新技术产业腾飞契机</t>
  </si>
  <si>
    <t>中国银保监会主席郭树清日前在接受媒体采访时指出，产业升级是中国经济发展的必然趋势，任何一个国家实现现代化，归根结底要靠本国人民自己努力奋斗，中国经济的进步是任何力量都无法扭转的。世界主要国家的竞争，根本上是科技创新的竞争，高新技术产业的竞争已成为国际</t>
  </si>
  <si>
    <t>美方发动贸易战  我方有决心有底气应对</t>
  </si>
  <si>
    <t>7月6日，美国开始对340亿美元中国产品加征25%的关税。此举公然违反世贸规则，发动了迄今为止经济史上规模最大的贸易战。我国商务部和外交部发言人第一时间作出回应指出，中方承诺不打第一枪，但为了捍卫国家核心利益和人民群众利益，不得不被迫作出必要反击。作为反击，</t>
  </si>
  <si>
    <t>中国与中东欧加强合作维护全球化</t>
  </si>
  <si>
    <t>国务院总理李克强7日在保加利亚索非亚出席与中东欧16国系列活动，签署交通和能源基础设施建设、工业园区、金融、教育、文化、质检等领域20余项合作协议，推动“16+1合作”不断取得新进展。在中国与中东欧国家之间增进务实合作的同时，各方显示出维护经济全球化和自由贸易的决</t>
  </si>
  <si>
    <t>企业的名声</t>
  </si>
  <si>
    <t>英国“脱欧”不确定的大环境，对企业声誉有无影响？一家咨询公司在报告中给出的答案是肯定的。报告说，在充满变数的环境中，人们更需要心理上的确定感：如果一家企业的名声好，会更有优势。既然是一家从事相关咨询服务的企业，这家咨询公司难免会有强调企业声誉重?</t>
  </si>
  <si>
    <t>多国企业抱怨美加征关税严重干扰全球供应链</t>
  </si>
  <si>
    <t>美国6日开始对340亿美元中国产品加征关税，这只是美近期频频加征或考虑加征关税的举动之一，企业界越来越担心美国这种征税行为严重干扰全球供应链和贸易流。在这340亿美元产品清单中，有约200多亿美元产品是在华外资企业生产的产品，其中，美国企业占有相当比例。“美方</t>
  </si>
  <si>
    <t>日本新民宿法给短租市场带来三大启示</t>
  </si>
  <si>
    <t>日本新民宿法已于6月15日开始正式实施，长期处于灰色地带的民宿业最终得到官方认可，但新法在正式实施两周前已在日本国内引起巨大反响。6月1日，日本观光厅下发通知，要求民宿短租运营商尽快取消所有尚未获得政府许可备案号码房源的订单。通知下发不久后，日本最大民宿?</t>
  </si>
  <si>
    <t>欧洲议会批准EIB伊朗业务</t>
  </si>
  <si>
    <t>为减少美国制裁压力，正在欧洲访问的伊朗领导人取得了欧盟一定程度支持，欧洲议会4日批准欧洲投资银行(EIB)在伊朗开展业务。但国际市场担忧因制裁伊朗引发市场供需失衡，油价攀升势头不减。EIB获批在伊朗开展业务欧洲议会议员4日批准欧洲投资银行(EIB)在伊朗开展业</t>
  </si>
  <si>
    <t>墨西哥大选带来“南北辐射效应”</t>
  </si>
  <si>
    <t>墨西哥左翼的国家复兴运动党候选人洛佩斯日前赢得总统大选。分析人士认为，洛佩斯当选总统不仅意味着墨国内政权更迭，还将带来广泛的地缘政治影响，在美洲地区产生“南北辐射效应”。向南，这有助于提升墨西哥在拉美地区的领导地位，同时一定程度提振拉美左翼士气；向北</t>
  </si>
  <si>
    <t>捷豹路虎警告称或重新考虑在英投资计划</t>
  </si>
  <si>
    <t>英国最大汽车制造企业捷豹路虎5日发出警告，如果英国政府无法与欧盟达成理想的“脱欧”协议，将重新考虑在英国的投资。这将对捷豹路虎在英国的4万名员工构成潜在的失业威胁。捷豹路虎现在由印度塔塔汽车集团控股，其首席执行官拉尔夫·斯佩思表示，一项糟糕的“脱欧”可</t>
  </si>
  <si>
    <t>亨茨维尔航天火箭中心的运营之道</t>
  </si>
  <si>
    <t>“中国同样是一个非常注重发展航天事业的国家，参加HESA计划的中国老师们掌握很多航天知识并且很有热情，他们总会展现出与众不同的精神面貌”，美国太空火箭中心（USSRC）首席执行官兼执行董事黛博拉·巴恩哈特日前在位于亨茨维尔的办公室内对笔者说，她非常欢迎来自中国的访</t>
  </si>
  <si>
    <t>政治风险或将影响巴西对外资吸引力</t>
  </si>
  <si>
    <t>随着巴西经济的逐步复苏，外国资本在巴西的投资额止跌回涨。去年巴西共接收630亿美元投资，位列全球第四。在安永近期公布的全球投资目的地排名中，巴西的排名大幅上升，成为仅次于美国的全球最受欢迎投资目的地。不过今年以来，巴西的政局动荡、经济不稳定等诸多因素影响了外</t>
  </si>
  <si>
    <t>美汽车关税计划惹WTO“众怒”</t>
  </si>
  <si>
    <t>据路透社报道，欧盟、日本、俄罗斯等逾40个世界贸易组织成员3日在世界贸易组织表示，对于美国可能对进口汽车和零部件加征关税的做法深感担忧。多国“怒怼”美国美国已经开征钢铝关税，而且正在进行另一项国家安全调查，其结果可能导致对进口汽车和零件加征关税。美</t>
  </si>
  <si>
    <t>英国加快建设电动车充电设施</t>
  </si>
  <si>
    <t>随着英国下决心逐步淘汰传统燃油车，其电动车发展处于加速状态。在持续加大电池等技术研发的同时，英国在充电基础设施部署上也在走一条具有自身特色的道路。去年，英国政府就追随法国等欧洲国家的脚步正式宣布，2040年起全面禁售汽油和柴油车。这不但源自公众对空气污染</t>
  </si>
  <si>
    <t>美车市在贸易摩擦背景下面临下滑风险</t>
  </si>
  <si>
    <t>最新数据显示，美国上半年汽车销量在多重不利因素下持续冲高，行业景气延续，但分析师预计在贸易摩擦背景下，下半年销量将面临下滑风险。根据美国《汽车新闻》最新数据显示，今年美国上半年新车销量同比增加1.8%，达860万辆；6月更是实现了近5%的同比增幅，新车销量达16</t>
  </si>
  <si>
    <t>IMF提示新西兰重新考虑外资购房禁令</t>
  </si>
  <si>
    <t>国际货币基金组织(IMF)4日呼吁新西兰政府重新考虑禁止外资购买住宅地产的争议性方案。据路透社报道，新西兰房价高居不下，主要城市奥克兰平均房价在过去10年几乎翻了一番，全国房价亦跳涨逾60%。在这样的背景下，在新西兰购房的外国投资者成为众矢之的。以工党为首的新?</t>
  </si>
  <si>
    <t>墨当选总统承诺推进NAFTA谈判</t>
  </si>
  <si>
    <t>刚刚当选墨西哥总统的左翼候选人安德烈斯·曼努埃尔·洛佩斯·奥夫拉多尔2日表示，他将与美国总统唐纳德·特朗普接触，寻求“共识”，并支持北美自由贸易协定（NAFTA）以谈判的形式推进下去。他与特朗普“隔空”互动，希望两国能够保持互相尊重。与此同时，加拿大方面披露，?</t>
  </si>
  <si>
    <t>创业国度的人才困境</t>
  </si>
  <si>
    <t>以色列的人才结构严重“偏科”。近日，以色列萨缪尼曼国家政策研究所发布报告称，以色列的创新才能正面临挑战：因循守旧的大学工程项目教学无法脱离死记硬背的套路，毕业生不具备诸如团队合作和公众演讲等进入行业工作的基础技能。报告称，以色列高校没能教授如团?</t>
  </si>
  <si>
    <t>地缘政治风波效应下降  国际油价涨势放缓</t>
  </si>
  <si>
    <t>美国国务院2日称，美国将继续派官员“游说”各国停止与伊朗进行包括石油交易在内的生意往来，此举引发多国反对。与此同时，上周连续上涨的国际油价出现震荡回调，显示产油国增产方案一定程度对冲了地缘政治的影响。美国国务院政策规划主任布赖恩·胡克在当天举行的记者?</t>
  </si>
  <si>
    <t>脸谱承认曾与52家公司分享用户数据</t>
  </si>
  <si>
    <t>据外媒报道，脸谱公司与其他公司分享用户数据一事继续曝光。脸谱承认其曾与52家硬件和软件公司分享用户数据，其中包括许多此前未曾曝光的企业。此外，脸谱日前的一起漏洞影响了超过80万用户。在发送给美国国会长达700多页的回复中，脸谱披露的信息显示，包括苹果、微软?</t>
  </si>
  <si>
    <t>特朗普贸易政策令美商界忧心忡忡</t>
  </si>
  <si>
    <t>近期，从美国哈雷-戴维森摩托车公司宣布将部分生产转移到海外、通用汽车公司警告加税可能导致公司业务收缩和裁员，到欧盟、加拿大、墨西哥、印度、土耳其等经济体对美国商品征收报复性关税，特朗普政府的贸易“霸凌”政策，正使美国企业和消费者成为首当其冲的受害者，远远背</t>
  </si>
  <si>
    <t>打赢欧盟保卫战需要迈过几道坎</t>
  </si>
  <si>
    <t>在刚刚结束的峰会上，欧盟各国领导人最终就移民管控问题达成妥协，暂时抑制住这个威胁欧盟一体化的最大风险，但含糊不清的会后声明显示各方分歧犹存。除难民危机外，英国“脱欧”、欧盟预算案、欧元区改革，特别是欧美贸易纠纷，都是下半年欧盟的“烫手山芋”，如果各方无法?</t>
  </si>
  <si>
    <t>欧洲欢迎联想控股并购卢森堡国际银行</t>
  </si>
  <si>
    <t>联想控股股份有限公司2日宣布，公司已成功完成对卢森堡国际银行近九成股权的收购，并通过了国内外各监管当局的全部审批及备案。卢森堡国际银行董事长吕克·弗里登说，这一交易无论是在卢森堡还是在欧盟方面都顺利获得批准，充分说明欧盟对中国投资是欢迎和支持的。联想?</t>
  </si>
  <si>
    <t>超大内需“增援”国产品牌</t>
  </si>
  <si>
    <t>近来，全球变速器巨头之一的日本爱信AW株式会社“大招”频出，引发国内变速器行业剧烈震动。专家指出，发动机、底盘、变速器是汽车不可或缺的三大关键部件，而变速器又是汽车动力总成的核心组成部分。因此，没有独立自主的变速器产业，很难说有真正独立自主的汽车产业。</t>
  </si>
  <si>
    <t>下半年废钢行情上涨仍可期</t>
  </si>
  <si>
    <t>受近期中美贸易摩擦反复，我国股市、期市下跌等影响，钢铁市场看空气氛弥漫。当前，我国钢铁市场进入用钢淡季，高温多雨天气持续增多，加之贸易摩擦等影响，市场空头力量较强。从钢坯市场来看，6月25日20时起，唐山丰润区钢铁企业烧结、竖炉全部停产，铸钢、铸造、</t>
  </si>
  <si>
    <t>上半年A股领跌全球  外资涌入中国股市</t>
  </si>
  <si>
    <t>在金融监管趋严、信用收缩的大背景下，A股市场艰难走完2018年上半场。WIND统计数据显示，上半年119个交易日中，上证综指、深证成指、中小板指和创业板指分别累计下跌13.90%、15.04%、14.26%和8.33%，在全球主要市场中处于垫底位置。截至6月29日收盘，沪深两市总市值为55.95万</t>
  </si>
  <si>
    <t>“一带一路”会展经济日趋活跃折射中外经贸合作深化</t>
  </si>
  <si>
    <t>更多“一带一路”沿线国家正成为国际专业展会颇具潜力的市场，沿线会展经济日趋活跃。这是刚刚举办的第五届“国际会展业CEO上海峰会”传递出的最新信息。境内外专家分析，中国与沿线国家经贸合作深化是这一趋势背后的主要原因。“2018年泰国的前十大展览中，有两个展览?</t>
  </si>
  <si>
    <t>美国强推原油封杀令  伊朗不屈服</t>
  </si>
  <si>
    <t>针对美国向伊朗石油进口国发出的“警告”，伊朗方面日前给予反击，强调美国企图将伊朗踢出世界原油市场的企图根本无法实现。随着美国伊朗原油大战在即，主要消费国均在寻求解决之道，确保各自原油供应安全。美国要求停止进口伊朗产原油美国国务院一名不愿透露</t>
  </si>
  <si>
    <t>王朝酒业：昔日“酒业巨头”今朝如何破局解困？</t>
  </si>
  <si>
    <t>中法合营王朝葡萄酿酒有限公司（下称“王朝酒业”）始建于1980年。这家曾经与长城、张裕系列葡萄酒共同占据中国市场的酒业巨头，之前公布了2016年的销售情况，数据显示，2016年王朝酒业实现销售收入4.52亿元（港币），利润-1.00亿元（港币）。这是自2012年以来，王朝酒业连续</t>
  </si>
  <si>
    <t>苹果三星专利大战握手言和</t>
  </si>
  <si>
    <t>长达7年时间的苹果与三星电子专利诉讼案终于划上句号。当地时间26日，美国加州北部地区法庭公布的法律文书显示，两家手机制造商已就专利诉讼达成和解。目前，外界还无法获得双方和解的具体内容，两家公司对此也保持缄默。苹果与三星电子的专利纠纷始于2011年。当时</t>
  </si>
  <si>
    <t>中国在世界核工业展上推广自主核电技术</t>
  </si>
  <si>
    <t>第三届世界核工业展览会26日在巴黎北郊布尔歇国际展览中心开幕。中国核能行业协会率15家中国核能企业以中国国家展团形式参展，集中展示由中国设计制造、具有国际竞争力的核电技术与产品，助力中国核能企业开拓国际市场。世界核工业展览会由法国核工业出口商协会主办，旨</t>
  </si>
  <si>
    <t>警惕世界杯狂欢中的商业“陷阱”</t>
  </si>
  <si>
    <t>最近两周的俄罗斯被强劲的世界杯旋风裹挟，球场里比赛如火如荼地举行，球场外也在没日没夜地狂欢。在莫斯科，除了场馆附近和球迷区，红场、阿尔巴特大街、酒吧、露天餐馆等公共场所不时能见到成群结队装扮特别的球迷。他们的脸上画着球队标志，身披各色国旗，或呐喊或高歌，?</t>
  </si>
  <si>
    <t>欧盟峰会聚焦移民和改革等议题</t>
  </si>
  <si>
    <t>欧盟成员国领导人将于当地时间28日和29日举行峰会，讨论移民、英国“脱欧”和欧元区改革等议题。有分析认为，本次峰会的成果将影响深远，移民议题将关系到德国总理默克尔与其联合政府合作政党基督教社会联盟今后的合作；本次会议还将为英国能否实现温和“脱欧”提供非常</t>
  </si>
  <si>
    <t>南美牛肉供应商看好中国市场</t>
  </si>
  <si>
    <t>距离阿根廷首都布宜诺斯艾利斯西北300公里的休斯是个仅有5000人口的小镇，镇上超过十分之一的居民都在一家叫作黑竹的牛肉加工厂上班。这家工厂是中国企业新大洲的战略合作伙伴，每天屠宰500至700头牛，牛肉主要出口到中国。记者日前到小镇探访时，镇长罗伯特·莱吉纳专?</t>
  </si>
  <si>
    <t>中粮集团走出农产品贸易全球化之路</t>
  </si>
  <si>
    <t>海外资产和业务覆盖50多个国家和地区，海外农产品经营量超过1亿吨，海外营业收入超过2300亿元，约占企业整体营业收入的50%，巴西、阿根廷、乌拉圭、罗马尼亚、乌克兰等国主要出口商之一。这就是中粮集团，由中国第一大粮油食品企业、世界第五大粮商，一跃而为全球具有领</t>
  </si>
  <si>
    <t>GE调整业务组合  医疗集团将独立运营</t>
  </si>
  <si>
    <t>美国通用电气集团（GE）于当地时间26日公布业务战略评估结果，未来将聚焦于航空、发电和可再生能源三大板块，力争成为一家业务更精简、实力更强劲、技术领先的高科技工业公司。根据业务重组计划，通用电气将继续推动其下运输集团与美国西屋制动（Wabtec）的合并进程，同</t>
  </si>
  <si>
    <t>国际原油市场进入新平衡阶段</t>
  </si>
  <si>
    <t>几经周折，石油输出国组织成员国维也纳石油部长会议终于达成一致，决定从7月起增加原油日产量约100万桶。促使欧佩克产油国做出增产决定的原因，一是原油价格已经持续上涨，欧佩克欠缺继续减产甚至延长减产协议的充足理由。欧佩克以及非欧佩克产油国在2016年共同达成减产</t>
  </si>
  <si>
    <t>美对伊制裁引日本寻新供油渠道</t>
  </si>
  <si>
    <t>美国国务院一名高级官员26日说，美方正推动所有国家今年11月4日前停止从伊朗进口石油，并且不会给予违反美国制裁禁令的国家豁免权，此举引发日本等石油依赖进口国寻求豁免和新的供油渠道。日本内阁官房长官菅义伟27日在例行记者会上说，日方正“密切关注”美方举措可能?</t>
  </si>
  <si>
    <t>中国建筑加大巴新市场投入  贡献“中国方案”</t>
  </si>
  <si>
    <t>“祝愿贵司迎来更好的发展，祝愿与贵司的合作，促进两国的繁荣昌盛。”近日，巴布亚新几内亚（下称“巴新”）总理彼得·奥尼尔在到访中国建筑工程总公司（下称“中国建筑”）时留下这样的亲笔题词。据了解，中国建筑积极践行“一带一路”倡议，2014年开始在巴新开展业务</t>
  </si>
  <si>
    <t>贸易战阴影笼罩引发机构深度担忧</t>
  </si>
  <si>
    <t>距离7月6日美国开征关税时间越来越近，紧张情势并未显现缓解迹象。有消息称，特朗普政府可能进一步限制外国投资美国科技企业，对此，官员们的解释口径却并不一致。受此影响，全球市场25日出现调整。一些分析人士认为，如果贸易战成为事实，市场或有深跌，企业的担忧也将</t>
  </si>
  <si>
    <t>哈雷-戴维斯计划将部分产能移出美国</t>
  </si>
  <si>
    <t>据外媒报道，美国摩托车生产商哈雷-戴维斯25日宣布，为避免欧盟关税冲击其全球扩张计划，将把部分产能转移出美国。针对美国实施的钢铁和铝产品关税，欧盟上周公布报复清单，锁定价值32亿美元的美国商品。虽然欧盟尚未公布具体名单，但之前欧盟委员会相关官员表示，橙汁?</t>
  </si>
  <si>
    <t>希腊8月退出救助  标普提高其信用级别</t>
  </si>
  <si>
    <t>在接受长达8年的三轮救助之后，欧元区财长同意希腊在今年8月第三轮救助计划到期后如期退出救助，这表明希腊经济开始回归常态，在国际市场融资的大门开始打开。与此同时，国际评级机构标准普尔公司将该国长期主权信用评级从“B”提升至“B+”。在过去的8年里，债权人在向</t>
  </si>
  <si>
    <t>英国最大机场扩建是福是祸？</t>
  </si>
  <si>
    <t>经过近20年的辩论博弈，英国最大的机场终于离扩建又近了一步。英国议会下院本周投票通过此前久拖未决的伦敦希斯罗机场扩建计划，决定修建第三条飞机跑道以提升机场运力、促进英国经济。当日，下院议员在辩论后以415票支持、119票反对的压倒性优势通过了这项预计耗?</t>
  </si>
  <si>
    <t>欧盟16个成员商讨移民解决方案</t>
  </si>
  <si>
    <t>欧盟16个成员国首脑24日抵达布鲁塞尔，就移民问题进行紧急会谈。他们希望赶在28至29日的正式高峰会登场前，扫除各国分歧。紧急会晤非正式会议由欧盟委员会主席让-克洛德·容克发起。就在本月19日，德国和法国刚刚同意为遏制移民潮加强边境管控。德国总理默克尔在会</t>
  </si>
  <si>
    <t>新兴经济体仍需慎防美加息外溢风险</t>
  </si>
  <si>
    <t>美联储近日宣布本年度第二次加息，年内剩余时间内还可能有两次加息，预计短期利率在2019年回归中性水平，美联储距离宽松货币政策渐行渐远。与此同时，欧洲央行的货币政策正常化也已经列入日程。新兴市场遭受的压力并未缓解，仍需审慎应对。国际金融协会的最新数据显示，</t>
  </si>
  <si>
    <t>希腊退出援助计划意味着什么</t>
  </si>
  <si>
    <t>欧元区19个成员国财政部长日前结束谈判，就希腊债务危机救助计划最后阶段实施方案达成一致。欧洲联盟和希腊的与会代表认同：希腊主权债务危机至此结束。根据2015年7月签署的第三轮救助协议，国际债权方同意在希腊履行一系列改革承诺的条件下，向这一南欧国家提供860亿欧</t>
  </si>
  <si>
    <t>“脱欧”致五成欧盟大企业减少对英投资</t>
  </si>
  <si>
    <t>一项针对800名欧洲企业主管的调查显示，由于英国正式退出欧洲联盟后贸易安排有“不确定性”，欧盟其他成员国近一半大型企业已经削减在英投资。路透社25日报道，这项调查由贝克·麦坚时国际律师事务所发起，调查对象是法国、德国、瑞典、爱尔兰、西班牙和荷兰等国年销售?</t>
  </si>
  <si>
    <t>GE工业燃气电机业务即将易主</t>
  </si>
  <si>
    <t>据外媒报道，刚刚被道琼斯剔除出成分股的美国通用电气集团（GE）与私人股权公司Advent International接近达成交易，通用电气将以30亿美元以上的价格将旗下工业燃气电机业务卖给后者。美国《华尔街日报》的报道称，这是通用电气进行资产重组的又一次重大举措。该报援引未</t>
  </si>
  <si>
    <t>弘扬优秀企业家精神需多方面努力</t>
  </si>
  <si>
    <t>在农业社会，出于重农的需要，“商”位列士农工商之末。随着人类社会进入工业时代，工商企业成为推动社会的重要力量。美国经济学家约瑟夫·熊彼特的创新论断——即经济与社会发展靠创新，创新是生产要素的重新组合，创新的主体是企业家——长期被验证也被社会认同。2017</t>
  </si>
  <si>
    <t>美汽车关税威胁再度引全球担忧</t>
  </si>
  <si>
    <t>美国总统特朗普22日在社交媒体上威胁对从欧盟进口的汽车加征20%关税，欧盟官员对此予以激烈回应，同时，多国也计划出台更多对美反制措施。这再次引发各界对贸易战升级的忧虑，可能会出现的贸易环境恶化风险恐波及包括汽车产业在内的诸多行业。多国激烈回应美关税特</t>
  </si>
  <si>
    <t>冯江华：先进轨道交通“研究无人区”的拓荒者</t>
  </si>
  <si>
    <t>在“中国动力谷”湖南株洲田心工业园内，中车株洲电力机车研究所副总经理、总工程师冯江华每天早早地就和科研团队一起，开始了一天的工作。年复一年，冯江华不改初心，坚守在轨道交通大功率变频传动技术科研前沿，带领团队走进一个个“研究无人区”，不断打破西方国家技</t>
  </si>
  <si>
    <t>世行：改进重建可大幅降低自然灾害损失</t>
  </si>
  <si>
    <t>世界银行在《重建得更好：通过更强、更快和更具包容性的重建实现韧性》报告中指出，如果国家在自然灾害发生后重建得更快、更好、更具包容性，就能把自然灾害对民生及其福利的影响降低31%，就有可能把自然灾害给全球造成的年均损失从5550亿美元减少到3820亿美元。报告涵?</t>
  </si>
  <si>
    <t>国内成品油价或“压线”迎两连跌</t>
  </si>
  <si>
    <t>北京时间6月23日，OPEC成员国与包括俄罗斯在内的非OPEC主要产油国决定从7月起适当增加原油产量，此举有望使国际原油市场下半年日供应量增长近100万桶，但仍略低于外界预期。分析人士认为，在国际原油市场需求回暖的背景下，此增产幅度恐难改变市场供应趋紧的态势。在此?</t>
  </si>
  <si>
    <t>增产低于预期  国际油价上涨</t>
  </si>
  <si>
    <t>欧佩克及俄罗斯等主要产油国22日在奥地利首都维也纳举行为期两天的会议，讨论当前原油产量。据路透社消息，沙特阿拉伯表示欧佩克内部已经达成日均增产100万桶的共识，以缓解委内瑞拉等国减产带来的供给不足。但市场人士表示，欧佩克在发布的声明中并没有提到“100万桶”</t>
  </si>
  <si>
    <t>越南紧抓世界杯商机</t>
  </si>
  <si>
    <t>红河岸边的树荫下，十几座刚刚喷上金漆的“大力神杯”石膏模型正在慢慢晾干。这是越南首都河内市郊钵场村的一家石膏雕塑工坊，工坊主人王红日最近的生活常态是“忙并快乐着”。俄罗斯世界杯战况激烈，他的工坊生产的世界杯奖杯模型也因此持续热销，整个工坊加班加点，好</t>
  </si>
  <si>
    <t>欧盟财政改革计划遭多国反对</t>
  </si>
  <si>
    <t>德国总理默克尔与法国总统马克龙19日就欧盟改革达成一致。根据两人会面后发表的声明，欧元区将有自己的预算与财政框架，用于推动欧元区的投资项目，并促进19个成员国的经济一体化。但这一计划随后遭到部分国家的反对。德法公开声明称，同意为弥合欧盟内部贫富差距在2021</t>
  </si>
  <si>
    <t>欧盟对部分美国商品加征关税</t>
  </si>
  <si>
    <t>欧盟委员会20日发布公告，作为对美国加征钢铝产品关税的反制措施，欧盟将从本月22日起对自美国进口的价值28亿欧元的产品加征关税。美国在贸易政策方面频频采取的单边举措已经引发多方采取反制措施，也令全球经济恐受拖累的担忧不断升温。欧盟反制措施生效欧盟委员?</t>
  </si>
  <si>
    <t>一个社区医院的“特色发展经”</t>
  </si>
  <si>
    <t>在湘赣边界的湖南浏阳集里医院是一家有名的社区医院，但这里不仅有国家卫生行政主管部门挂牌的卒中中心，还有设备完善的重症监护室。这所地处湘赣边界的社区医院因神经内科特色而颇具声名，湖南省医改办常务副主任、湖南省卫计委副主任龙开超说，集里医院在“强基层”方面积?</t>
  </si>
  <si>
    <t>落实约堡峰会成果  中非强化务实合作</t>
  </si>
  <si>
    <t>自2015年底中非合作论坛约翰内斯堡峰会以来，中国和非洲不断加强全面战略合作伙伴关系，“中国梦”与“非洲梦”相映生辉，成为南南合作的典范。就中非经贸合作而言，最近几年，本着“非洲提出、非洲同意、非洲主导”原则，中非务实合作得以稳步推进，约堡峰会政策成果相</t>
  </si>
  <si>
    <t>澳通过最大规模个税减税法案</t>
  </si>
  <si>
    <t>据外媒21日报道，经过持续数日的博弈，澳大利亚议会批准了规模达1440亿澳元(合1060亿美元)的减税计划。据报道，这项法案是澳大利亚议会通过的最大规模个人所得税减税方案。议员们以37票赞成、33票反对的表决结果通过了这项减税方案。澳大利亚总理特恩布尔表示，这?</t>
  </si>
  <si>
    <t>在中国市场表现不佳  星巴克股价大跌9%</t>
  </si>
  <si>
    <t>由于中国等主要市场业绩不佳，咖啡连锁企业星巴克股价20日逆市大跌超过9%。公司还透露将关闭美国150家门店，加之公司高管即将离任等因素，部分市场机构调低了公司股票评级。星巴克19日发布公告预计，第三季度全球可比店铺销售额增长1%，远低于市场分析师预计的3%。对于?</t>
  </si>
  <si>
    <t>“积分制”超市让贫困户对未来更有奔头</t>
  </si>
  <si>
    <t>在吉林省延边朝鲜族自治州敦化市黄泥河镇爱心超市里，45岁的胡发英是一位特殊的消费者——不仅因为她是一名身高1米2的侏儒症患者，还缘于她购物用的不是钱而是政府发的积分券。“过去4个月攒了120分，换点洗衣粉、卫生纸等生活用品。”胡发英说，她和儿子相依为命，由于</t>
  </si>
  <si>
    <t>蒙内铁路实行本地化运营收效显著</t>
  </si>
  <si>
    <t>连接肯尼亚东部港口城市蒙巴萨与首都内罗毕的蒙内铁路去年5月31日正式开通，是肯尼亚独立以来的首条新铁路，由中国路桥工程有限责任公司承建，全线采用中国标准、中国技术、中国装备，并签订了为期10年的运营维护合同，是一条采用“中国标准”全方位运营维护的国际干线铁路。</t>
  </si>
  <si>
    <t>通用电气被剔除出道指成分股</t>
  </si>
  <si>
    <t>美国标普道琼斯指数公司当地时间19日宣布，通用电气将在26日之后不再是道琼斯指数成分股，取而代之的是美国医药连锁企业沃博联。通用电气是1896年道琼斯指数创立时的原始成分股之一，期间曾被剔除出道琼斯成分股，但自1907年以来，其成分股身份已延续111年，也是道琼斯?</t>
  </si>
  <si>
    <t>中国欧盟商会：近七成欧企在华业绩上升</t>
  </si>
  <si>
    <t>中国欧盟商会20日携咨询公司罗兰贝格共同发布2018年《商业信心调查》年度报告，报告显示，多数受访企业认可中国企业的创新能力，期待《中欧投资协定》成功签署打造更积极营商环境。报告显示，2017年，尽管面临着日益加剧的竞争，加上劳动力成本和生活成本不断上涨等其他挑战?</t>
  </si>
  <si>
    <t>南南合作中国贡献日益突出</t>
  </si>
  <si>
    <t>“南南合作”是发展中国家间的经济技术合作。它是国际多边合作中不可或缺的重要组成部分，为发展中国家的互助合作开辟了道路。中国积极参与南南合作倡议，并逐渐起到引领作用。官方发展援助在可持续发展中起着重要作用，全球每年对此的需求约在5万亿至7万亿美元之间。20</t>
  </si>
  <si>
    <t>产油国增产幅度现分歧</t>
  </si>
  <si>
    <t>石油输出国组织(欧佩克)会议22日将在维也纳召开，外界称此次会议将是7年来分歧最大的交锋。提前抵达会场的与会代表透露，会议将就每日约150万桶原油增产幅度进行商讨。增产幅度分歧巨大厄瓜多尔石油部长佩雷斯18日在维也纳表示，俄罗斯和沙特阿拉伯已经提议欧佩克?</t>
  </si>
  <si>
    <t>富士胶片起诉施乐索赔10亿美元</t>
  </si>
  <si>
    <t>日本富士胶片公司当地时间18日向美国曼哈顿地方法庭提起诉讼，指控施乐公司单方面撕毁并购交易，要求后者赔偿10亿美元。据《华尔街日报》报道，富士胶片起诉施乐，是因后者上月与激进投资者达成协议并单方面退出了与富士胶片的合并计划。富士胶片在声明中称，施乐违反合</t>
  </si>
  <si>
    <t>美钢铝关税政策引发各界忧虑</t>
  </si>
  <si>
    <t>美国对多国征收钢铝关税正使爆发全面贸易冲突的概率变得越来越大，其打击对象包括欧盟、日本这样的美国传统盟国，加拿大、墨西哥这两个主要邻国以及同为世界经济火车头的中国。对此，外国媒体认为，一个反复无常的政府，将是美国经济最大的难题，影响到美国经济的方方面面；?</t>
  </si>
  <si>
    <t>海信周厚健：激光电视正“重构”行业产业链</t>
  </si>
  <si>
    <t>第四届亚洲消费电子展6月13日至15日在上海举行。海信集团董事长周厚健在此间表示，电视产业当前仍处于变革时代，激光电视正在“重构”整个电视行业的上下游产业链，而产品和技术创新将永远是海信的主场。全球电视产业近年来一直处于不断的技术革新过程中。周厚健认为，?</t>
  </si>
  <si>
    <t>跨界转型需慎之又慎  卖壳坐地起价不再</t>
  </si>
  <si>
    <t>投资多领域鲜有成功 主业萎缩陷债务危机据媒体报道，富贵鸟由于欠债42亿元，深陷债务危机。继3月21日中国证监会对这家企业发出立案调查的通知后，中国证监会福建监管局于前不久又对其出具警示函，因其为公司关联方提供担保、违反了《公司法》的规定，并影响了公司偿债能</t>
  </si>
  <si>
    <t>香港资金盛宴接近尾声</t>
  </si>
  <si>
    <t>上周全球经济宏观层面发生两件比较重要的事，一是美联储宣布加息25个基点，并暗示下半年还有两次；一是欧洲央行宣布在年底停止QE。两大央行的举动加剧了资金从新兴市场撤离的风险。作为自由港的香港，资金利率蠢蠢欲动。虽然短期对香港资本市场冲击不会太大，但是香港市场多?</t>
  </si>
  <si>
    <t>中国中车轨道交通产品在印度赢赞誉</t>
  </si>
  <si>
    <t>“即使在印度极端高温的夏季也运行良好，它堪称全印度表现最好的地铁快线。”印度业主贾德亚近日接受记者采访时，提起中国轨道交通产品由衷点赞。印度铁路是全球最大的铁路体系之一，铁路网约6.4万公里，世界主要轨道交通装备制造企业都已在该国投资设厂。中国中车股份?</t>
  </si>
  <si>
    <t>美联储加息将引发全球金融再平衡</t>
  </si>
  <si>
    <t>本周三，美国联邦储备委员会宣布将联邦基金利率目标区间上调25个基点到1.75%至2%的水平，这是2015年底以来的第七次加息。虽然全球金融市场对此早有预期，但此次加息仍具里程碑意义，标志着美联储危机应对政策的退出，将引发全球金融市场再平衡。退出危机应对政策源于美?</t>
  </si>
  <si>
    <t>“脱欧”关键法案撕裂英国社会</t>
  </si>
  <si>
    <t>英国议会下院本周连续两天就《退出欧盟法案》进行辩论，并就上院提出的一系列修正案进行表决。这份关键的“脱欧”法案是对特雷莎·梅政府领导能力的检验，也是对“脱欧”深度撕裂英国社会的反映。在该法案表决过程中出现的英国政府与议会“脱欧”控制权之争，以及苏格兰</t>
  </si>
  <si>
    <t>美短期利率明年底将步入中性水平</t>
  </si>
  <si>
    <t>美国联邦储备委员会（美联储）当地时间13日宣布调高基准利率水平。这是美联储继3月份的会议后年内第二次加息，也是其进入加息周期后的第七次加息。根据美联储官员们的预测，年内仍有两次加息机会，暗示将加快加息节奏。两大目标接近实现美联储本次上调联邦基金利率</t>
  </si>
  <si>
    <t>中外资银行优势互补  共同支持“一带一路”</t>
  </si>
  <si>
    <t>中国银行近期在境外成功完成32亿美元等值“一带一路”主题债券发行定价，发行主体包括新加坡、卢森堡、悉尼分行和新西兰子行；中国工商银行日前和摩根大通银行签署备忘录将在支付结算、现金管理等多个方面扩大合作……随着“一带一路”倡议得到越来越多银行的响应，更熟</t>
  </si>
  <si>
    <t>欧洲央行年底退出欧版QE</t>
  </si>
  <si>
    <t>欧洲中央银行（欧洲央行）14日在结束货币政策决策会议后宣布，因其对欧元区经济增长和通胀走势持有信心，将在今年年底结束每个月执行的购债计划。据路透社报道，欧洲央行表示，从今年10月份起，将目前的购债规模削减一半至150亿欧元。不过，欧洲央行依旧将基准再融资利?</t>
  </si>
  <si>
    <t>大众汽车因“尾气门”向德检方认罚10亿欧元</t>
  </si>
  <si>
    <t>6月13日，针对大众汽车集团引发的“尾气门”事件，德国布伦瑞克检方对该公司开出10亿欧元的罚单。大众汽车集团当天表示认罚，并将承担相应的责任。德国布伦瑞克检方表示，从2007年至2015年，大众汽车集团在1070万车辆上安装了“违法软件功能”，检方依据德国《违反秩序?</t>
  </si>
  <si>
    <t>各方互指推高油价  欧佩克增产预期升温</t>
  </si>
  <si>
    <t>美国和石油输出国组织（欧佩克）成员国13日相互指责推高油价，随着需求增加和减产协议影响，油价自2017年开始大幅上涨，市场对于产油国制定增产方案的预期升温。美国总统特朗普13日在推特上再度抨击欧佩克，他表示油价过高，称欧佩克“又是幕后推手”。此举引发最新一波</t>
  </si>
  <si>
    <t>“中国经验”为非洲经贸园区建设提供“丰富养料”</t>
  </si>
  <si>
    <t>眼下，广州东送能源集团有限责任公司董事长吕伟东正在为4个月后的一件大事紧张忙碌着。在他的统筹下，中国（广东）—乌干达国际产能合作工业园一期工程将于今年10月9日投产。这将是一个汲取了中国工业发展和污染治理经验、高度重视环境保护的矿产资源开发工业园区。</t>
  </si>
  <si>
    <t>关键议案过关  英暂缓硬脱欧风险</t>
  </si>
  <si>
    <t>据外媒报道，英国首相特雷莎·梅12日在议会投票中以微弱优势击败了攻击其“脱欧”策略的对手，减小了“硬脱欧”的风险。针对英国的“脱欧”条款，英国议会内部仍存在严重分歧。在“脱欧”公投近两年后，一些棘手的问题仍未得到解决。修正案表决险胜特雷莎·梅在“?</t>
  </si>
  <si>
    <t>AT&amp;T收购时代华纳获法院批准</t>
  </si>
  <si>
    <t>据外媒报道，美国反垄断法院12日作出裁决，无条件批准AT&amp;T以850亿美元收购时代华纳的交易。本次合并完成后，一家横跨电影制作、电视频道、卫星、手机网络以及光纤电缆的新巨头将在媒体行业诞生。此次裁决是经过六周庭审后作出的。如果该并购案完成，新公司的市值将达到?</t>
  </si>
  <si>
    <t>特斯拉宣布大规模裁员计划</t>
  </si>
  <si>
    <t>美国电动汽车制造商特斯拉当地时间12日宣布，将在现有员工基础上裁员9%，意味着近4000人将失去“饭碗”。特斯拉创始人、首席执行官马斯克表示，本次裁员很艰难，但是必须的。本次裁员将波及工程、销售和其他一线工作岗位，但考虑到未来将投产特斯拉电动皮卡和紧凑型SUV?</t>
  </si>
  <si>
    <t>《欧盟通用数据保护条例》解读与启示</t>
  </si>
  <si>
    <t>在人工智能和大数据时代，人们常常会问如下问题：对企业疯狂采集个人数据的行为，作为公民个人，可以说“不”吗？企业采集的公民个人数据到底属于谁，企业还是个人？面对企业基于营销而完成的用户画像，个人可以说“不”吗？Facebook的数据“泄漏”事件为世人瞩目，扎克</t>
  </si>
  <si>
    <t>中国国际进口博览会缘何令法国人着迷</t>
  </si>
  <si>
    <t>将于今年11月在上海举办的中国国际进口博览会是中国首创的以进口为主题的专题性博览会，这一中国创举令法国各界颇感兴趣。在日前于巴黎举办的一个大型科技展览会上，来自法国重要城市里昂的一家初创企业的联合创始人路易·斯托克瑞斯表示，他的企业研发出一种手持便携型</t>
  </si>
  <si>
    <t>专家呼吁加快推进养老金全国统筹</t>
  </si>
  <si>
    <t>由中国社会保障学会主办，中国社会保障学会养老金分会、平安养老保险股份有限公司承办的首届全国养老金高峰论坛日前在京举行。与会专家认为，我国的养老金制度体系亟待通过科学的顶层设计走向定型，其中法定基本养老保险制度至关重要。国家应当加快推进全国统筹步伐，同时尽?</t>
  </si>
  <si>
    <t>美日欧央行相继议息引市场忐忑</t>
  </si>
  <si>
    <t>本周，美、日、欧三大央行将相继召开议息会议，金融市场对此颇为关注，预计美国和欧洲的中央银行有可能释放更为紧缩的信号，日本央行则更大概率按兵不动。美联储或再加息分析人士认为，本周的议息会议上，美国和欧洲的收紧政策方向将是一致的，但步幅并不相同。美?</t>
  </si>
  <si>
    <t>伦敦人工智能公司数量欧洲领先</t>
  </si>
  <si>
    <t>伦敦市长萨迪克汗11日发布一份报告说，伦敦目前有758家人工智能技术公司，远超巴黎和柏林等其他欧洲大城市。这份报告由萨迪克汗委托一家咨询公司完成并在伦敦科技周期间发布。报告介绍说，目前伦敦人工智能技术公司的数量是巴黎和柏林两地总量的两倍。2017年伦敦人工智?</t>
  </si>
  <si>
    <t>新疆实现中欧班列每天3列常态化开行</t>
  </si>
  <si>
    <t>中国自提出“一带一路”倡议以来，多个省区市均已开通国际货运班列，中欧班列已成为“一带一路”开放发展的重要抓手和平台。短短两年时间，凭借丝绸之路经济带核心区、境外段协调合作等诸多优势，新疆通过吸引、整合疆内外货源，实现了中欧班列运输规模从最初的每周1列发展为</t>
  </si>
  <si>
    <t>世界杯“赚钱机器”马力十足</t>
  </si>
  <si>
    <t>北京时间14日晚23时，东道主俄罗斯队与沙特阿拉伯队打响2018FIFA世界杯揭幕战，全球将正式步入“世界杯时间”。经过几十年发展，FIFA世界杯不仅是全球单项体育赛事中最具影响力的“体坛盛宴”，而且成长为马力十足的“赚钱机器”，从国际足联到承办国，从赞助商到转播公司，?</t>
  </si>
  <si>
    <t>中国跨境电商成韩企“香饽饽”</t>
  </si>
  <si>
    <t>在韩国“不夜城”东大门，一群举着自拍杆细瞄每件衣服、对着镜头用中文畅聊的人成了店家的“香饽饽”——熟悉海淘的消费者可能已猜到，这是“网红买手”透过镜头带人“扫货”。海淘扫货是中国电商在韩业务模式之一。自2015年起，阿里天猫、京东等中国跨境电商加速在韩布</t>
  </si>
  <si>
    <t>中国港湾参与基建促进巴新经济发展</t>
  </si>
  <si>
    <t>巴布亚新几内亚首都莫尔兹比港东北郊的拉洛基桥是一座全新的现代化公路桥，由中国港湾工程有限责任公司（中国港湾）承建，是连接巴新首都地区与外省的主要干道枢纽。记者近日实地探访了这座通车不久的巴新国家重点工程，感受到中资企业参与基础设施建设给当地经济民生带来的?</t>
  </si>
  <si>
    <t>“左右拉锯战”殃及拉美一体化进程</t>
  </si>
  <si>
    <t>在刚刚闭幕的美洲国家组织大会上，美国继续向委内瑞拉发难，拉拢一些国家拒绝承认委大选结果，并决定召开特别会议，讨论中止委内瑞拉的美洲国家组织成员国资格。分析人士指出，在拉美政局“右摆”趋势更加明显的背景下，美国正试图拉拢一些右翼国家选边站队，利用委内瑞</t>
  </si>
  <si>
    <t>扩进口政策密集出台释放多重红利</t>
  </si>
  <si>
    <t>8400平方米展馆内，来自中东欧国家257家参展商展出酒类、饮料、糕点、化妆护肤品、水晶等15个大类近千余种产品。来自辽宁、山东、四川等十多个省（市）350多家采购商不停地在各个展位穿梭、停留，客商相互介绍商品、询价比质，频频达成采购意向。这是《经济参考报》记者</t>
  </si>
  <si>
    <t>务实创新推进上合组织经济合作</t>
  </si>
  <si>
    <t>为期两天的上合组织青岛峰会作为扩员后的第一次峰会，取得了丰富的成果，全面规划了上合组织未来的发展战略。落实《上海合作组织成员国元首理事会青岛宣言》、《上海合作组织成员国元首关于贸易便利化的联合声明》等文件，探索更为多样、有效的合作途径，将使上合组织的未来?</t>
  </si>
  <si>
    <t>俄罗斯经济期待世界杯效应</t>
  </si>
  <si>
    <t>再过一周，全球将进入“世界杯时间”，东道主俄罗斯也将检验世界杯效应能否为本国经济增长添加新的活力。事实上，往届世界杯对主办国的经济拉动作用不能一概而论：回顾历届世界杯的主办国，1994年美国经济增长1.4%，1998年法国经济增长1.3%，2002年韩国和日本经济增长分</t>
  </si>
  <si>
    <t>“上海精神”引领上合组织经济合作走向纵深</t>
  </si>
  <si>
    <t>从1996年“上海五国”会晤机制正式建立，到2001年上海合作组织在上海正式成立，到2018年上海合作组织扩员后将在青岛首次召开峰会，上合组织进入发展关键期。以“互信、互利、平等、协商、尊重多样文明、谋求共同发展”为基本内容的“上海精神”，不但是上合组织的核心理念，?</t>
  </si>
  <si>
    <t>上合组织跨区域经济合作升级可期</t>
  </si>
  <si>
    <t>6月9日至10日，上海合作组织成员国元首理事会第十八次会议将在青岛举行，上合组织成立17年来推动跨区域合作取得显著成就，近年来在“一带一路”倡议等合作抓手作用下，更务实和更具潜力的跨区域经济合作项目受到各方期待。“一带一路”助推经济合作在“上海精神”?</t>
  </si>
  <si>
    <t>从青岛走出去——中企二次创业在印度</t>
  </si>
  <si>
    <t>“我们抱着二次创业的决心来到印度，经过十多年深耕，在印度市场的口碑和品牌算是立住了。”5月31日，在印度南部泰米尔纳德邦的古德洛尔电厂项目部，中国山东电力建设第三工程公司（以下称山东电建三公司）印度区域总裁段连斗这样说道。当天，由该公司承建的古德洛尔项?</t>
  </si>
  <si>
    <t>联合国报告：2017年全球FDI下降超两成</t>
  </si>
  <si>
    <t>联合国6月7日发布的《世界投资报告》指出，2017年全球跨国投资低迷。报告预计，2018年发达及转型经济体外资流入有望增长，流入发展中经济体的外国直接投资（FDI）将与2017年基本持平，但各发展中地区表现不一。报告显示，去年全球FDI下降23%，为1.43万亿美元。下降主要?</t>
  </si>
  <si>
    <t>美经济数据亮眼强化加息预期</t>
  </si>
  <si>
    <t>近期公布的一系列经济数据显示，美国经济继续稳步增长。6月12日，美联储将召开货币政策会议，表现良好的经济数据将进一步强化美联储加息预期。经济数据良好美国供应管理协会(ISM)公布的数据显示，5月服务业活动扩张提速，第二季度经济增长有望保持强劲，5月非制造?</t>
  </si>
  <si>
    <t>世行：今年全球经济增长维持3.1%  明年趋于放缓</t>
  </si>
  <si>
    <t>世界银行6月期《全球经济展望》（以下简称报告）认为，尽管最近出现疲软态势，2018年全球经济仍将保持3.1%的强劲增长势头，但在接下来两年，随着发达经济体增长减速和主要新兴市场及发展中经济体复苏渐趋平缓，全球增长将逐渐放慢。随着全球主要央行逐步取消货币刺激，2</t>
  </si>
  <si>
    <t>中英东盟商界热议跨区域合作</t>
  </si>
  <si>
    <t>“中国走向世界圆桌会议”日前在北京召开，英国约克公爵安德鲁王子作为特邀嘉宾出席。与会者探讨在“一带一路”倡议下，中国、英国、欧洲与东南亚国家加强合作的前景，纷纷建议通过深入人文交流提升互信合作。英国在东盟-英国关系中以往通过欧盟进行斡旋，然而随着英国?</t>
  </si>
  <si>
    <t>俄罗斯和欧盟有望加强经贸合作</t>
  </si>
  <si>
    <t>美俄关系不断恶化，俄罗斯和欧盟关系近期出现升温的势头。俄罗斯总统普京4日签署法律文件，反制美国等国针对俄罗斯的制裁措施。分析指出，普京自上月开始新的任期后，将发展经济作为执政的优先方向之一，目前，与欧盟等多方加快合作、油价持续上行以及世界杯效应等因素都将为</t>
  </si>
  <si>
    <t>上合青岛峰会引人期待</t>
  </si>
  <si>
    <t>上海合作组织成员国元首理事会第十八次会议将于6月9日至10日在山东省青岛市举行。青岛峰会是上合组织扩员后召开的首次峰会。分析人士认为，以青岛为新起点，上合组织将再度起航，续写欧亚地区安全与繁荣新篇章。中国国际问题研究院欧亚所代理所长李自国认为，青岛峰会的</t>
  </si>
  <si>
    <t>下半年基建投资有望止跌企稳</t>
  </si>
  <si>
    <t>年初以来，我国基建投资增速明显放缓，前4个月已较去年末下降了6.6个百分点。综合考虑贸易摩擦对我国经济潜在的负面冲击、本轮我国金融防风险加剧了信用收缩以及近期政策动向等因素，预计下半年我国基建投资有望止跌企稳，主要发力点可能会由东部沿海地区向中西部倾斜以及由?</t>
  </si>
  <si>
    <t>欧盟、加拿大、墨西哥宣布对美报复性措施</t>
  </si>
  <si>
    <t>美国6月1日开始对欧盟、加拿大和墨西哥的钢铝产品分别征收25%和10%的关税。这三方已经向世界贸易组织提出申诉，并纷纷宣布各自的报复性措施。欧盟和加拿大已于1日将美国钢铝关税措施诉诸世贸组织。墨西哥经济部4日发布公告说，墨西哥将就美国对其钢铝产品征收高关税诉诸</t>
  </si>
  <si>
    <t>统一立场：欧盟应对欧美经贸博弈的关键</t>
  </si>
  <si>
    <t>6月1日是美国暂时豁免对欧盟钢铝产品征收关税的最后期限，特朗普政府并未念及同盟之谊而手下留情。一石激起千层浪，欧盟委员会和主要国家领导人均表示要实施反制措施。从事态发展看，“美国优先”与“规则推动”两种贸易发展理念发生碰撞，美国以国家安全为由实施的关税措施?</t>
  </si>
  <si>
    <t>希腊将放松资本管制着手退出救助</t>
  </si>
  <si>
    <t>在经济逐渐企稳且金融形势日趋稳固的背景下，希腊政府将迈出放松国内资本管制的重要一步。据外媒报道，希腊政府将在本周将国内储户的提款额度提高一倍多，这意味着希腊银行系统距离正常运转越来越近。英国《卫报》援引希腊央行官员的话说，此举的重要意义不仅反映在经济</t>
  </si>
  <si>
    <t>巴西农企全产业链成长记</t>
  </si>
  <si>
    <t>巴西是农产品出口大国，2017年巴西农业的出口将创下新的纪录，中国已经成为巴西在亚洲最重要的出口市场。如果不是实地走访了几家巴西的农业企业，记者很难想象，同为发展中国家，巴西农业的现代化和集约化水平已经到了一定水准。尽管很多农业企业都是家族制，但巴西在打</t>
  </si>
  <si>
    <t>美联储拟放松“沃尔克规则”</t>
  </si>
  <si>
    <t>美国联邦储备委员会（美联储）日前公布了一项新提案，拟对“沃尔克规则”作出调整，力图既保持银行的健康度和安全性，又能促进它们更加灵活地向中小企业房贷。“沃尔克规则”是《多德-弗兰克法案》中的核心条款，起源于前美联储主席保罗·沃尔克在2009年提出的一系列禁?</t>
  </si>
  <si>
    <t>中国“鲶鱼”搅动美国新能源公交车市场</t>
  </si>
  <si>
    <t>5月末，美国人对中国汽车制造商比亚迪给出了截然相反的评价。一方面，美国地方政府、全球慈善组织等频频为比亚迪集团授奖，表彰其在推动中美合作、新能源技术发展、改善空气质量、促进地方经济等方面做出的贡献；另一方面，《洛杉矶时报》对这家总部位于深圳的公司连连?</t>
  </si>
  <si>
    <t>中国消费品借力“一带一路”走俏俄罗斯</t>
  </si>
  <si>
    <t>由中国商务部主办的第三届中国消费品品牌展日前在俄罗斯举行。随着“一带一路”倡议的不断推进，展会的规模、参展企业、产品品质以及到场专业观众数量等方面，都比之前大幅提升，再创新高。其中，家居用品、高端电子产品、配件配饰等中国消费品受到当地经销商消费者的热捧。$</t>
  </si>
  <si>
    <t>外资金融控股公司或将显现</t>
  </si>
  <si>
    <t>自新一轮开放“最强音”在博鳌亚洲论坛上释放以来，中国金融领域的对外开放正经历一场紧凑有序的深度提速。中国银行国际金融研究所30日发布《新一轮开放背景下外资银行发展及政策评估》报告(以下简称《报告》)认为，我国银行业对外开放仍将延续，其中，外资银行对证券、保险?</t>
  </si>
  <si>
    <t>风险情绪升温  债券收益率中期或下行</t>
  </si>
  <si>
    <t>近期中美贸易摩擦再起波澜，国际贸易是否拖累全球经济复苏进程的担忧情绪再起，在中长期不确定性的影响下，风险资产继续呈现“风格紊乱”的节奏，从年初以来频繁被打压的风险情绪会继续驱动资金涌入债券等传统避险资产。不过在市场焦点一次次被带到突发事件的同时，经济增长?</t>
  </si>
  <si>
    <t>江淮大众高效合作推出首款新能源车</t>
  </si>
  <si>
    <t>江淮大众首款量产新能源车型思皓E20X日前正式下线。该车型基于江淮汽车先进的新能源汽车技术框架打造，融合了西雅特品牌的设计精髓，并遵循大众汽车集团的质量管理流程，可以说是中德制造业合作的又一硕果。同时，双方未来还将在移动出行领域不断深化合作，为中国消费者提供?</t>
  </si>
  <si>
    <t>IMF：中国在一些关键领域改革取得进展</t>
  </si>
  <si>
    <t>国际货币基金组织亚太部门助理主任詹姆斯·丹尼尔先生率领的代表团于2018年5月17日至30日访问了北京和深圳。代表团与来自政府和中国人民银行的高层官员、私营部门代表和学术界人士进行了建设性的坦诚讨论，就经济前景、改革进展和挑战以及政策应对措施交换了看法，并提出一份</t>
  </si>
  <si>
    <t>美国司法部批准拜耳收购孟山都</t>
  </si>
  <si>
    <t>因德国拜耳公司同意剥离相关资产，美国司法部当地时间29日表示，同意该公司收购美国生物技术巨头孟山都。市场观察人士认为，继陶氏与杜邦合并、中国化工收购先正达后，拜耳如今朝着收购孟山都迈过关键的一道坎，全球农化行业集中度进一步提高，逐渐形成“拜耳-孟山都”“中化</t>
  </si>
  <si>
    <t>圣彼得堡经济论坛呼吁强化多边经贸机制</t>
  </si>
  <si>
    <t>第22届圣彼得堡国际经济论坛近日在俄罗斯第二大城市圣彼得堡举行，多国领导人聚集一堂，讨论当前世界经济面临的紧迫挑战，寻求建立健康平衡的世界经济体系的解决方案。这一有着“俄罗斯达沃斯”之称的论坛今年以“建立信任经济”为主题，吸引了来自70个国家约15000名与?</t>
  </si>
  <si>
    <t>东盟正成为中国服务业“一带一路”投资重点</t>
  </si>
  <si>
    <t>服务业不仅成为中国经济发展的主导产业，也是“走出去”的重点产业，尤其是东盟地区，在“一带一路”倡议的推动下，服务业对外直接投资实现快速增长，发展前景广阔。东盟成“一带一路”投资重点中国对东盟十国直接投资存量增长较快，是“一带一路”的重点投资区域?</t>
  </si>
  <si>
    <t>欧盟拟禁止使用一次性塑料制品</t>
  </si>
  <si>
    <t>据路透社消息，当地时间28日，欧盟委员会提议，将禁止使用棉签、塑胶吸管等一次性塑料产品，并由制造商承担清理废弃物的负担，以达到减少海洋垃圾的目的。欧盟委员会副主席弗兰斯·蒂默曼斯说：“塑料垃圾无疑是一个大问题，欧洲人需要共同采取行动来解决，因为塑料垃圾</t>
  </si>
  <si>
    <t>产油大国份额之争致油价震荡</t>
  </si>
  <si>
    <t>随着俄罗斯和沙特表示将会考虑增产100万桶/日，石油价格在创出了逾三年高点后出现快速回落，两日跌幅近10%。目前，市场对未来油价走势的看法出现了分歧。减产协议或松动沙特和俄罗斯这两个全球原油生产与出口大国暗示，将在6月22日维也纳会议上考虑增加产量100万桶</t>
  </si>
  <si>
    <t>中国AI产品惊艳法国科技展</t>
  </si>
  <si>
    <t>“您只要把想点的菜放到盘子里，再把盘子放到机器前，屏幕上就会立刻显示出食物所含的热量和您需要支付的金额”，来自上海一家科技企业的产品经理黄巍向法国女士萨比娜·弗莱谢热情地介绍着他们自主研发的人工智能产品。将信将疑的弗莱谢随手挑了几样模拟食品放到机器处</t>
  </si>
  <si>
    <t>王岐山：加强中白经济发展战略和规划对接</t>
  </si>
  <si>
    <t>应白俄罗斯政府邀请，国家副主席王岐山5月27日至29日访问白俄罗斯，在明斯克分别同卢卡申科总统、科比亚科夫总理举行会见会谈。会见卢卡申科时，王岐山首先转达了习近平主席的亲切问候和良好祝愿，表示习主席期待卢卡申科出席上海合作组织青岛峰会并再次会晤，为中白关?</t>
  </si>
  <si>
    <t>无人驾驶将大幅提高物流行业集中度</t>
  </si>
  <si>
    <t>据不完全统计，在中国的货运体系中，快递、快运和大宗货运的市场比例分别大约在10%、75%和15%左右。货运市场中快运的市场份额最大，但运输企业的落后程度也相对更严重。2017年的统计结果显示，快运行业营收前十名的企业市场份额仅占3%，与此形成鲜明对比的是，美国快运?</t>
  </si>
  <si>
    <t>意大利组阁失败加剧经济风险</t>
  </si>
  <si>
    <t>因意大利总统马塔雷拉否决了新内阁财政部长的提名，新任总理朱塞佩·孔特27日晚间决定放弃组阁。在3月份大选中获得32%支持率的五星运动表示将设法弹劾马塔雷拉。意大利再次陷入宪政困局，全球投资者担心，欧洲第三大经济体重演希腊债务危机的风险将逐步扩大。孔特缘何负</t>
  </si>
  <si>
    <t>数说以色列创新神话</t>
  </si>
  <si>
    <t>“创业国度”“中东硅谷”“科技强国”，以色列的别名还有很多，大多是盛赞以色列破茧成蝶的科技神话。近几年来，以色列初创企业融资和退出总额不断创出新高，人们形成一种“以色列高科技企业更易成功”的印象。以色列风投研究中心统计数据显示，2017年，以色列科技公司</t>
  </si>
  <si>
    <t>中白工业园打造两国经贸合作新平台</t>
  </si>
  <si>
    <t>在明斯克东部郊区，有一个名为“巨石”的中白工业园，这是白俄罗斯最大的招商引资项目，也是中白两国重要的合作项目。借助巨大的区位优势和税收优惠政策，搭乘“一带一路”建设的东风，中白工业园正在打造中国与白俄罗斯经贸合作的新平台。中白工业园紧邻明斯克国际机场</t>
  </si>
  <si>
    <t>法国威立雅升级在华发展战略</t>
  </si>
  <si>
    <t>全球资源优化管理企业威立雅集团（Veolia）总裁兼首席执行官安东尼·弗罗雷28日在京宣布，其在华战略将全面升级，未来将更注重同中国企业合作，实现可持续、高质量发展。弗罗雷在媒体会上展望了2040年时世界面对的一系列严峻挑战，人类社会必须对即将来临的食物短缺、能</t>
  </si>
  <si>
    <t>中国企业“走出去”要警惕舆论风险</t>
  </si>
  <si>
    <t>中国企业“走出去”风险重重，有政治风险、宗教风险、法律风险、财税风险等。《经济参考报》记者近日随一带一路采访团赴缅甸、新加坡、印度尼西亚等多个国家采访发现，中资企业、特别是中国国有企业在“走出去”进程中还有一种风险——舆论风险。分析舆论风险的原因，往</t>
  </si>
  <si>
    <t>中俄合作推动建设开放型世界经济</t>
  </si>
  <si>
    <t>应俄罗斯、白俄罗斯政府邀请，国家副主席王岐山于24日至29日赴俄罗斯出席第22届圣彼得堡国际经济论坛并访问白俄罗斯。分析人士指出，中俄关系继续保持高水平运行为两国稳步发展经贸合作提供了基础保障，随着中俄两国在丝绸之路经济带建设和欧亚经济联盟建设对接合作的持</t>
  </si>
  <si>
    <t>“世界杯效应”席卷俄旅游市场</t>
  </si>
  <si>
    <t>距离2018年俄罗斯世界杯正式开幕还剩不到一个月，赛前气氛日益浓厚，各国球迷们的兴奋指数也在不断攀升。作为主办国，俄罗斯的各项筹备工作已基本完成，普京也乐观表示，已准备好迎接这一盛大的国际赛事。为了球赛和周边活动的顺利进行，俄政府在各主办城市筹建和修缮了</t>
  </si>
  <si>
    <t>美单边主义让欧盟如鲠在喉</t>
  </si>
  <si>
    <t>最近一段时间，美国的单边主义做法令大西洋彼岸的传统盟友感到如鲠在喉。摆在德法等欧盟国家面前的，一是特朗普政府以维护国家安全为由公布的钢铝关税临时豁免权即将到期（6月1日）这一尴尬处境，二是美国退出奥巴马任期内签署的伊核协议并重启最高级别制裁。从最新进展</t>
  </si>
  <si>
    <t>中国与上合组织成员国生物医药产业合作加深</t>
  </si>
  <si>
    <t>阿米卡星是一种治疗多种细菌感染的抗生素，人口众多的印度对这种高质量原料药的需求量很大。位于山东济南的齐鲁制药集团拥有目前世界上最大的阿米卡星生产车间，其产品出口国外20年，如今已占据印度阿米卡星市场份额的80%，深受当地客户青睐。作为一家专业从事治疗肿瘤?</t>
  </si>
  <si>
    <t>美启动对进口汽车调查或致关税上调</t>
  </si>
  <si>
    <t>据多家外媒报道，美国商务部当地时间23日宣布，对进口汽车、SUV、轻型卡车以及厢型车启动232调查，调查将确定进口汽车是否对国内汽车行业造成损害、削弱国家安全。美国商务部称，进口车在美国汽车销量中的占比已经从20年前的三分之一上升至现在的近一半，而汽车行业的就</t>
  </si>
  <si>
    <t>法国努力念好旅游经</t>
  </si>
  <si>
    <t>法国旅游资源丰富，旅游业占法国国内生产总值的7.3%。去年，法国旅游业表现十分抢眼，接待外国游客创下8900万人次新高，稳居全球第一大旅游目的地国。在遭受恐袭影响后法国旅游业能保持这样的业绩实属不易。而法国更是雄心勃勃地希望在2020年实现每年接待一亿游客的目标。</t>
  </si>
  <si>
    <t>默克尔访华强化中德经贸合作</t>
  </si>
  <si>
    <t>德国总理默克尔24日至25日将访问中国，这是她成功连任后首次访华，也是就任总理以来第11次访华。默克尔在临行前表示，希望两国紧密合作，德国将与中国一起加强“多边主义”。增进全方位战略伙伴关系自3月14日正式连任德国总理，摆脱了近半年的组阁困局后，默克尔将</t>
  </si>
  <si>
    <t>“华龙一号”示范项目广西防城港3号机组成功“加冕”</t>
  </si>
  <si>
    <t>5月23日，我国自主三代核电技术“华龙一号”示范项目——中广核防城港核电二期工程3号机组穹顶吊装顺利完成，这标志着作为英国“华龙一号”核电项目参考电站的防城港3号机组从土建施工阶段全面转入设备安装阶段，为进一步高质量稳步推进工程建设奠定了基础。据广西防城?</t>
  </si>
  <si>
    <t>债市或处于“再通胀”向“通胀”模式切换的尽头</t>
  </si>
  <si>
    <t>债券市场的投资逻辑在近期国内外金融市场全局性变迁的带动下出现了些许变化。国际市场方面，4月份以来美元指数跟随和美债收益率暴涨，既有美国债券供需的负面影响，也和原油价格暴涨抬高通胀预期同步。欧元、英镑等发达经济体货币和财政赤字、对外贸易双逆差的新兴市场?</t>
  </si>
  <si>
    <t>2018年全球经济特点和政策考量</t>
  </si>
  <si>
    <t>2018年全球经济增长呈现两个主要特点：增长强劲，范围广泛。今年全球增速预计可达3.9%，远高于过去5年3.5%的平均增速，这也是自2008年金融危机以来，全球经济首次出现的广泛而强劲的增长。国际货币基金组织（IMF）和世界银行春季会议不久前在美国首都华盛顿召开。来自IM</t>
  </si>
  <si>
    <t>新加坡如何规划标志性建筑</t>
  </si>
  <si>
    <t>在新加坡，特征鲜明的标志性建筑令人过目难忘，既提升了城市的整体形象，又与自然很好地融为一体。早期的城市规划功不可没。八十高龄的刘太格先生是国际著名城市规划大师和建筑设计师，被誉为“新加坡规划之父”。讲述城市规划的门道时，他特别强调做城市规划不能操之过</t>
  </si>
  <si>
    <t>意大利政局动荡或拖累欧盟金融市场</t>
  </si>
  <si>
    <t>意大利反建制的五星运动和极右翼政党北方联盟21日提名总理人选，领导联合政府，意大利总统马塔雷拉没有立即支持他们的选择，而是要求暂缓，寻求进一步磋商。意大利政局对欧盟一体化的潜在风险导致股市债市震荡加剧。新获得总理提名的是一位名不见经传的法律学教授，引发</t>
  </si>
  <si>
    <t>美光宣布回购100亿美元股票  股价大涨4%</t>
  </si>
  <si>
    <t>据路透社报道，当地时间5月21日，美国芯片巨头美光科技宣布了该公司史上规模最大的股票回购计划，将回购最多100亿美元股票，相当于该公司当前市值的约16%。据美国财经媒体CNBC报道，当天，美光公布了第二财季的财报，此外还将截至5月份的第三财季的业绩预期进行了上调。</t>
  </si>
  <si>
    <t>巴西期待来自中国的基础设施投资</t>
  </si>
  <si>
    <t>巴西前驻华大使、巴西出口与投资促进局（Apex-Brasil）局长江豹（Roberto Jaguaribe）最近来华就如何扩大巴西在亚洲的出口和吸引更多的外商投资到巴西和中方进行交流。近日，记者就中巴贸易和投资问题采访了他。记者：近年来中国对巴西的投资逐年上升，目前巴西最希望在</t>
  </si>
  <si>
    <t>大学引领英国“锈带”城市转型</t>
  </si>
  <si>
    <t>谢菲尔德位于英格兰北部，是英国著名的“钢铁之城”，它曾是工业革命重镇，因技术创新与全球化而兴起，不锈钢和坩埚钢都在这里诞生。上世纪70年代，因国际竞争加剧、煤炭工业衰败、人工成本增加、环境污染严重等原因，谢菲尔德沦为英国“锈带”城市。近年来，谢菲尔德正</t>
  </si>
  <si>
    <t>中美经贸磋商取得共识  全球市场普涨</t>
  </si>
  <si>
    <t>受中美就经贸磋商发表联合声明的利好消息提振，全球多地股市和大宗商品市场21日出现集体上扬。海外各界人士和国际媒体普遍认为，中美达成共识可谓双赢，给两国乃至世界经济带来福音。由于中美两国就中国扩大从美国进口达成一致，多地市场出现上扬。21日，MSCI明晟?</t>
  </si>
  <si>
    <t>中美经贸只是暂时停战？外交部：不希望出现反复</t>
  </si>
  <si>
    <t>针对有一些美国官员称中美经贸磋商达成的协议只是暂时停战，外交部发言人陆慷21日在例行记者会上回答相关提问时说，中方当然不希望出现更多反复。他同时表示，只要是符合两国人民利益的事情，两国政府都应该有责任办好。陆慷说，中方从来不愿看到中美之间有任何紧张，包</t>
  </si>
  <si>
    <t>4月日本对美国贸易顺差增4.7%</t>
  </si>
  <si>
    <t>日本财务省21日发布的最新统计数据显示，日本4月份外贸整体实现6260亿日元顺差，同比增加30.9%，其中对美国顺差同比增长4.7%。据共同社报道，当月对美贸易收支顺差增加4.7%至6157亿日元（约56亿美元），时隔1个月再次同比增加。报道称，日本进口美国货物虽有所增加，但?</t>
  </si>
  <si>
    <t>丹麦如何养殖有机猪</t>
  </si>
  <si>
    <t>丹麦是著名的“养猪王国”，其养猪和猪肉加工产业在全球享有盛誉。丹麦的大约5000个农场每年养殖出约2800万头猪。其90%的猪肉产品用于出口，占该国农产品出口的一半，以及总出口的5%。近年来，随着全球有机农业的升温，丹麦大力发展有机猪养殖，在该领域的表现可谓独树一</t>
  </si>
  <si>
    <t>中国企业参与“一带一路”建设不是简单的“走出去”</t>
  </si>
  <si>
    <t>海航资本董事长汤亮在出席博鳌亚洲论坛年会期间，谈到“一带一路”建设、推进高质量发展等话题时表示，中国企业参与“一带一路”建设不是简单的“走出去”。汤亮说，当前中国正处于一个“大有可为的历史机遇期”。把握这个难得的历史机遇期，要求每个中国企业与时俱进，具有?</t>
  </si>
  <si>
    <t>海外业务“开花”  “中国动力”深耕“一带一路”市场</t>
  </si>
  <si>
    <t>每隔一段时间，装满发动机散件的集装箱，就会从中国东部的青岛港出发，穿太平洋、印度洋，跨越7200多海里，历时20余天，抵达印度那瓦西瓦港口。在印度浦那的中国公司工厂，当地工人把这些散件组装成一台台发动机，这些“心脏”被送往各大船厂，为印度渔船出海提供“中国?</t>
  </si>
  <si>
    <t>青岛正大制药：争当海洋制药领域“尖兵”</t>
  </si>
  <si>
    <t>今年4月10日，位于青岛中德生态园的正大制药（青岛）有限公司（青岛正大制药）新厂药品生产许可证获批，标志着新工厂已具备正式投产条件。同时，青岛正大制药的GMP证书也正在积极申请当中，有望近期获得批复。近年来，青岛正大制药不断发力创新，冲击世界海洋制药领域“?</t>
  </si>
  <si>
    <t>青岛布局高端智造国际合作示范区</t>
  </si>
  <si>
    <t>编者按中德生态园、中英创新产业园、中法工商创新基地、中日韩创新产业园、中芬（兰）中心、中瑞（士）中心、中俄地方合作园……近年来，青岛国际经济合作区正积极瞄准国际科技前沿，扩大国际合作，打造以智能制造为支撑的产业集聚区。众所周知，通过相互之间的溢出?</t>
  </si>
  <si>
    <t>警惕新兴市场货币潜在危机</t>
  </si>
  <si>
    <t>近期美元指数持续走高，不足一个月涨逾4%，并创去年12月底以来新高。随着美元这波“猝不及防”的反弹，新兴市场货币普遍承压，阿根廷比索、墨西哥比索、印度卢比等均出现了不同程度的贬值。其中，阿根廷比索较年初暴跌超过10%，并已开始寻求国际援助。表层来看，美元持?</t>
  </si>
  <si>
    <t>中医药在德国发展遭遇瓶颈</t>
  </si>
  <si>
    <t>伴随着社会的发展和世界人民日益增长的物质文化需要，西医的局限性日渐明显，德国人对此的认识也越来越深，他们转而研究中医，或者寻求西医和中医的最佳契合点。心脏科医生舍告诉记者，如今很多德国患者已不满足于简单的吃药和手术，而是需要医生提供更多关怀，同时为他</t>
  </si>
  <si>
    <t>弘扬“上海精神”  抵御保护主义</t>
  </si>
  <si>
    <t>2018年上合组织成员国元首理事会会议将于下月在青岛举行。过去17年中，上合组织成员国全面推进各领域合作，在国际和地区事务中积极发挥建设性作用，特别是在印度和巴基斯坦“入群”后，上合组织已成为人口最多、地域最广、潜力巨大的综合性区域组织。展望未来，上合组织将在?</t>
  </si>
  <si>
    <t>中广核湖山铀矿成为纳米比亚国家名片</t>
  </si>
  <si>
    <t>“开这辆矿车的感觉太棒了，我喜欢这份工作！”31岁的卡里比·普阿希说，她是中广核湖山铀矿上330吨矿用车的驾驶员。她说：“我的家人都为我的职业感到骄傲，我奶奶还问我，开那么大的车你不害怕吗？我说，我是世界上为数不多的能开比房子还大的矿车的女司机。”湖山铀?</t>
  </si>
  <si>
    <t>让更多巴西肉类食品走向世界</t>
  </si>
  <si>
    <t>巴西是传统农业大国，每年出口中食品食材占半数，其中又以肉类最多。在圣保罗举办的APAS（南美最大的食品及饮品展）展会期间，记者采访到了巴西动物蛋白协会副会长李嘉图·约翰·桑廷，听他介绍巴西肉类出口行业在食品安全方面所做的尝试。巴西动物蛋白协会代表着全巴西</t>
  </si>
  <si>
    <t>法国道达尔叫停伊朗天然气项目</t>
  </si>
  <si>
    <t>在美国退出伊核协议并重启对伊最高级别经济制裁后，已在伊朗开展业务的欧洲企业随即做出反应。法国能源巨头道达尔16日宣布停止在伊朗的天然气合作项目。据美国《华尔街日报》报道，道达尔等欧洲公司已开始撤出在伊朗的投资并放弃此前承诺，以应对美国上周有关年底前重新</t>
  </si>
  <si>
    <t>彼得森智库：新动能助推中国经济向好发展</t>
  </si>
  <si>
    <t>在日前中国财富传媒集团举办的与彼得森国际经济研究所对话活动上，多位美国专家就中国经济改革、科技金融发展等热点问题接受《经济参考报》记者专访。专家们表示，中国持续向好的金融市场环境和国企改革推进将支撑长期经济增长，科技金融的积极应用也将为经济增加活力。</t>
  </si>
  <si>
    <t>WTO：欧盟仍对空客非法补贴</t>
  </si>
  <si>
    <t>5月15日，世界贸易组织（WTO）发布上诉机构报告，裁定欧盟及其4个成员国未完全执行世贸组织争端解决机构之前作出的相关裁决，仍存在对空中客车公司进行违规补贴的行为。这是空客与波音14年来飞机补贴争端的又一最新消息。波音的胜利世贸组织发布的报告认为，欧盟非</t>
  </si>
  <si>
    <t>日本经济9个季度以来首现负增长</t>
  </si>
  <si>
    <t>日本内阁府16日公布2018年第一季度（1月至3月）国内生产总值（GDP）初值。数据显示，剔除物价变动因素后，第一季度GDP比上季实际减少0.2%，换成年率为萎缩0.6%，9个季度来首次呈现负增长。共同社的报道称，日本经济出现萎缩，是因为个人消费与企业设备投资减少，住宅投?</t>
  </si>
  <si>
    <t>中法人寿陷流动性困局</t>
  </si>
  <si>
    <t>中法人寿日前在中国保险行业协会网站发布公告称，与股东鸿商产业控股集团有限公司（下称“鸿商集团”）签署借款协议关联交易，借款金额为680万元，以应对流动性风险。据统计，这是2018年以来中法人寿第三次向鸿商集团借款，累计金额已达3020万元。在公布的2018年一季度偿付能</t>
  </si>
  <si>
    <t>中日经贸合作迸发新活力</t>
  </si>
  <si>
    <t>以中国国务院总理李克强访日为契机，中日两国政府达成诸多合作协议，这为两国地方和企业深化合作创造了条件和空间。分析人士普遍认为，此访将有效扩大和升级两国经贸合作的领域和层次，促进中日经贸合作迸发新的活力。中日是一衣带水的邻邦，地缘和经济互补优势显著，经</t>
  </si>
  <si>
    <t>议息周考验新兴经济体货币政策</t>
  </si>
  <si>
    <t>本周，多个新兴经济体和发展中国家的中央银行举行货币政策决策会议。在美国联邦储备委员会（美联储）连续加息、具有资金风向标意义的美国十年期国债收益率持续走高的背景下，新兴经济体和发展中国家正在感受来自资本市场的巨大压力。日前，阿根廷央行8天内加息3次?</t>
  </si>
  <si>
    <t>美官员称可能制裁与伊朗商业往来欧企</t>
  </si>
  <si>
    <t>据外媒报道，美国官员表示，美国可能制裁与伊朗有商业往来的欧洲企业。欧洲国家领导人本周将密切商讨对策，以避免本国企业在伊朗展开能源、交通、制造领域的贸易投资遭受损失。美国国家安全顾问博尔顿13日接受美国有线电视新闻网(CNN)节目访问，被问到欧洲企业如果继续?</t>
  </si>
  <si>
    <t>济南二机床争胜国际高端市场</t>
  </si>
  <si>
    <t>近日，济南二机床集团有限公司（以下简称“济南二机床”）为美国福特汽车提供的第9条大型高速冲压生产线顺利通过最终验收，各项技术和质量性能完全达到标准要求。福特公司负责这方面业务的主管，再次用他特有的方式表达对设备的满意，给济南二机床每位安装调试人员送了?</t>
  </si>
  <si>
    <t>供应收紧预期升温  油价周线两连阳</t>
  </si>
  <si>
    <t>截至5月11日收盘，纽约商品交易所6月交货的轻质原油期货价格下跌0.66美元，收于每桶70.70美元，跌幅为0.92%。虽然上周五油价收跌，但依然维持在逾三年高位。美国再次对伊朗实施制裁，令中东石油供应前景吃紧；全球原油产量仅与需求上升同步。与此同时，7月交货的伦敦布?</t>
  </si>
  <si>
    <t>巴西外贸出口的“中国期待”</t>
  </si>
  <si>
    <t>“我们对世界市场的需求保持常规性的关注，中国是巴西最重要的贸易合作伙伴，中国的需求是我们最为关注的方面。”巴西出口与投资促进局贸易推广官员拉斐尔（Rafael）在南美最大的食品及饮品展会APAS期间对《经济参考报》记者表示。拉斐尔表示，作为巴西外交部直属的贸易</t>
  </si>
  <si>
    <t>印度药企对中国市场充满期待</t>
  </si>
  <si>
    <t>由印度药品出口促进委员会组织的第六届印度国际医药保健博览会日前在印度首都新德里开幕，吸引了来自120多个国家和地区的300多家参展商出席。记者在博览会上发现，许多印度药企对中国减免药品关税的举措表示欢迎，称未来将致力于开拓包括中国在内的医药市场。中国商务部</t>
  </si>
  <si>
    <t>新疆：“东方肯尼亚”里的守望者</t>
  </si>
  <si>
    <t>清晨，阳光挥洒在阿尔金山国家级自然保护区的群山之间，吐逊·萨吾提爬上了高耸的瞭望塔，远处迁徙而来的候鸟清晰可见。今年，已是吐逊在这片野生动物“桃花源”中坚守的第25个年头。阿尔金山自然保护区是中国首个以保护高原生态类型与物种多样性为重点的国家级自?</t>
  </si>
  <si>
    <t>RBS认罚49亿美元与美政府达成和解</t>
  </si>
  <si>
    <t>北京时间10日早间消息，美国司法部周三表示，已与苏格兰皇家银行(RBS)在原则上达成协议，就该行2005年至2008年间不当销售抵押贷款支持证券(MBS)可能产生的民事索赔达成和解。消息一出，苏格兰皇家银行盘初飙涨6%。苏格兰皇家银行在一份声明中表示，根据拟议中的和解协议</t>
  </si>
  <si>
    <t>三方FTA与RCEP谈判步入快车道</t>
  </si>
  <si>
    <t>第七次中日韩领导人会议5月9日上午在东京迎宾馆举行，李克强总理与日本首相安倍晋三、韩国总统文在寅就中日韩合作以及地区和国际问题交换看法。三国领导人表示，将支持自由贸易和开放市场，促进区域发展，并确认将积极推动中日韩自由贸易协定(FTA)和区域全面经济伙伴关系协定</t>
  </si>
  <si>
    <t>集聚24家央企  央地融合发展平台在沪成立</t>
  </si>
  <si>
    <t>中国商飞、宝武集团、中国建材……从卢浦大桥眺望上海浦东的世博地区，一大串央企的招牌熠熠生辉。9日，上海自贸区央地融合发展平台在世博宣告成立，当日签约项目金额达240亿元。央企扎堆世博正在加快推进国际经济、金融、贸易、航运和全球科技创新中心建设的上海?</t>
  </si>
  <si>
    <t>阿根廷向国际货币基金组织寻求金融支持</t>
  </si>
  <si>
    <t>阿根廷总统马克里当地时间8日宣布，即日启动与国际货币基金组织(IMF)的谈判，寻求其金融支持以缓解阿根廷比索对美元持续贬值的压力。据彭博社报道，阿根廷向IMF寻求的信贷额度大约为300亿美元(约合220亿英镑)。马克里周二说：“鉴于新的国际形势，并出于预防性的目的，?</t>
  </si>
  <si>
    <t>普京签总统令规划俄6年发展蓝图</t>
  </si>
  <si>
    <t>当地时间5月7日，俄罗斯总统普京宣誓就职，正式开启了新一届为期6年的总统任期。当天，普京签署总统令，确定了2024年前俄罗斯在社会、经济、教育和科学等领域的国家发展目标和战略任务，其中包括要求俄罗斯2024年前成为全球五大经济体之一，并将贫困率减半等目标。普京?</t>
  </si>
  <si>
    <t>巴西消费市场初现“世界杯效应”</t>
  </si>
  <si>
    <t>距离俄罗斯世界杯开幕还有一个多月，但对热爱足球的巴西人民来说，世界杯已经来了。世界杯汉堡、各国家队球衣、世界杯主题酒店、前往俄罗斯的观赛机票……衣食住行各个方面，都点缀满了世界杯的元素。爱好为消费提供了窗口，这场即将开幕的足球盛宴对疲软的巴西消费市场来说?</t>
  </si>
  <si>
    <t>中国印尼经济合作步入新阶段</t>
  </si>
  <si>
    <t>伴随“一带一路”倡议下的项目在印度尼西亚落地开花，中国和印尼双边经贸关系发展换挡提速，合作领域不断拓展，合作层次不断提高，合作成果不断呈现，有力推动了两国经济合作步入新阶段。从中国五菱汽车在印尼获得好评，到OPPO美颜手机被抢购一空；从中国UC浏览器成为印</t>
  </si>
  <si>
    <t>沃尔玛或巨资购买印度电商</t>
  </si>
  <si>
    <t>尽管竞争对手亚马逊曾试图搅局，美国零售巨头沃尔玛可能最终还是会将印度电商菲利普卡特收入囊中。据印度媒体报道，本周稍晚时候，沃尔玛将宣布这桩价值高达150亿美元的交易。如果交易成功，这将是沃尔玛历史上最昂贵的一次并购。菲利普卡特成立于2007年，登记用户数量?</t>
  </si>
  <si>
    <t>中国与东亚区域合作提质升级</t>
  </si>
  <si>
    <t>国务院总理李克强日前开启了对印度尼西亚和日本的访问行程，中国将通过加强对话、升级工商经贸关系等形式与东盟和东亚国家深化合作。中国印尼经贸发展破浪前行据新华社报道，李克强6日到访印尼时表示，中国和印尼互为重要近邻，习近平主席2013年成功访问印尼以来，</t>
  </si>
  <si>
    <t>法国财长强硬表态重挫法航-荷航股价</t>
  </si>
  <si>
    <t>因法国财长布鲁诺·勒梅尔对法航薪资谈判纠纷持强硬立场，以及法航母公司法航-荷航集团董事长兼首席执行官让·马克·雅纳亚克宣布辞职，法航股价7日大跌。经过投票，法航工会拒绝了管理方提出的涨薪方案(4年涨薪7%)，继续要求今年内薪资增加5.1%，但管理方对此也未妥协?</t>
  </si>
  <si>
    <t>隐形冠军成就全球工业“奥斯卡”</t>
  </si>
  <si>
    <t>4月底的德国汉诺威，满城都是工业博览会的气息：上百万平方米的汉诺威展览中心里，云集了全球5000多家展商，而满眼的机器、炫目的科技和如潮的观众，无不显示这是一场顶尖科技的风云际会。汉诺威工博会为什么会成为全球工业领域的“奥斯卡”？除了西门子等大公司外，德?</t>
  </si>
  <si>
    <t>双立人：走进千家万户厨房的“隐形冠军”</t>
  </si>
  <si>
    <t>德国双立人公司1731年6月成立于德国西部城市索林根。按照西方的占星学，6月对应的是双子座，双立人商标由此诞生，并成为德国历史最悠久的商标之一。在18世纪，双立人公司的诞生地索林根市冶金业十分发达，刀剑工业尤其闻名。1855年，双立人刀具在巴黎世界博览会上获得了</t>
  </si>
  <si>
    <t>俄罗斯的“IP封锁战”何去何从</t>
  </si>
  <si>
    <t>素有“加密版微信”之称的俄罗斯即时通讯应用Telegram近日遭到俄罗斯政府封杀。原因是其多次拒绝向政府提交用户信息的加密钥匙，莫斯科法庭正式批准了媒体监管机构Roskomnadzor在俄境内封锁该应用的请求。“封杀令”执行了半个多月，Telegram靠着不断更换IP地址仍在持续活跃?</t>
  </si>
  <si>
    <t>克林贝格公司：齿轮加工业的世界领导者</t>
  </si>
  <si>
    <t>德国克林贝格（Klingelnberg）公司是一家铣齿和磨齿机床制造商。它的起源可以追溯到1863年，由于是一个家族企业，至今已传承到第七代传人。起初，克林贝格公司主要专注于在德国雷姆沙伊德（Remscheid）的工厂生产工具和各类刀片。1923年，该公司生产出了第一个锥齿轮滚?</t>
  </si>
  <si>
    <t>雅万高铁助力印尼发展更上一层楼</t>
  </si>
  <si>
    <t>印度尼西亚雅万高铁项目建设近日取得突破性进展，瓦利尼隧道、1号隧道、桥梁工程及大型临时设施等主要工程陆续开工。记者走访了雅万高铁项目瓦利尼隧道建设现场，看到中国技术人员与印尼工人正并肩工作，全速推进施工，在烈日下、群山间，展现了一幅炽热的劳动画卷。随?</t>
  </si>
  <si>
    <t>纽约油价逼近70美元关口</t>
  </si>
  <si>
    <t>因美国总统确定的修改伊朗核协议最后期限即将来临，国际油价继续走高，纽约油价逼近70美元关口。今年1月，特朗普在延长美国对伊核问题的制裁豁免期时，将5月12日定为修改伊核协议的最后期限，并表示如果届时没有令他满意的修改方案，美国将退出伊核协议。市场分析?</t>
  </si>
  <si>
    <t>电动直升机制造商Volocopter：打“飞的”不再是梦</t>
  </si>
  <si>
    <t>日前，德国电动直升机制造商Volocopter（“飞行的士”公司）宣布了一个令人神往的未来出行愿景：打造一个由“飞的站”网络（Volo-ports）组成的城市“空中出租车”系统。根据Volocopter方面的说法，“飞的站”网络一旦实现，该公司生产的2X型电动直升机，就能在摩天大楼</t>
  </si>
  <si>
    <t>巴菲特增持  苹果股价创历史新高</t>
  </si>
  <si>
    <t>据美国财经网站CNBC报道，受沃伦·巴菲特旗下伯克希尔哈撒韦公司第一季度购进7500万股苹果股票消息的推动，苹果股价当地时间5月4日(周五)收盘时创下了历史新高，超过了此前每股183.50美元的历史最高点。在纳斯达克股市周五的交易中，苹果股价收于183.83美元，较上一交易</t>
  </si>
  <si>
    <t>通胀将达标  美联储重申渐进加息</t>
  </si>
  <si>
    <t>与华尔街预期吻合，美国联邦储备委员会（美联储）当地时间5月2日决定将联邦基金利率目标区间维持在1.5%至1.75%的水平。在会后发布的声明中，美联储的措辞略有调整，尤其强调了美国当前通胀率已接近2%的目标水平。美国当地经济学家和市场人士普遍猜测，美联储将于6月份举行的?</t>
  </si>
  <si>
    <t>中国工程机械设备受到全球市场青睐</t>
  </si>
  <si>
    <t>在日前举行的2018年法国巴黎国际工程机械和技术展览会上，由徐工、中联重科、三一重工等130多家中国工程机械制造企业和零部件企业组成的中国品牌团队，成为展会上一个引人注目的焦点。这也是中国工程机械品牌继2017年拉斯维加斯工程机械展之后，第二次以集团形象亮相国际展会</t>
  </si>
  <si>
    <t>韩国央行研究发行数字货币可能性</t>
  </si>
  <si>
    <t>韩国中央银行（韩国央行）将公布数字加密货币政策指南，其中包括可能发行一种央行数字货币(CBDC)的计划。韩国央行在日前发布的一份声明中说，从今年1月起，一个工作组就对发行央行数字货币的可能性以及这种货币将在韩国金融领域发挥怎样的作用进行调研。由于数字加密货?</t>
  </si>
  <si>
    <t>商务部：对原产欧美日进口相纸征收反倾销税</t>
  </si>
  <si>
    <t>商务部网站3日消息，商务部日前发布公告，自2018年3月23日起，对原产于欧盟、美国和日本的进口相纸继续征收反倾销税，实施期限为5年。公告称，2012年3月22日，商务部发布2012年第10号公告，决定自2012年3月23日起，对原产于欧盟、美国和日本的进口相纸征收反倾销税，实?</t>
  </si>
  <si>
    <t>特斯拉亏损扩大  未来利润或受美关税影响</t>
  </si>
  <si>
    <t>科技公司特斯拉5月2日发布最新财报显示，公司出现创纪录季度亏损额。受美国施加钢铝制品关税引发原材料成本上升影响，公司主营业务利润可能下降，未来“烧钱”规模也将下降。根据财报，特斯拉在截至3月31日为止的第一季度亏损7.096亿美元，合每股亏损4.19美元，亏损额同</t>
  </si>
  <si>
    <t>北美自贸协定谈判“欲速难达”</t>
  </si>
  <si>
    <t>美国官员日前警告称，正在进行的更新北美自贸协定谈判面临因政治审批和选举带来的时间压力，并期待在未来两周内各方达成协议避免更多政治不确定性。政治时间表划定谈判截止日美国贸易代表莱特希泽5月1日表示，希望美国与加拿大、墨西哥能在5月完成更新北美自贸协定</t>
  </si>
  <si>
    <t>特斯拉电动卡车被控抄袭  遭20亿美元索赔</t>
  </si>
  <si>
    <t>据美国科技媒体网站The Verge报道，特斯拉汽车公司被氢电卡车初创公司尼古拉汽车公司起诉，后者指控特斯拉的电动半挂卡车抄袭其设计，侵犯了专利，并向特斯拉索赔20亿美元。尼古拉公司称，特斯拉在设计其电动卡车时故意抄袭了该公司的专利。特斯拉发言人回应称：“很明?</t>
  </si>
  <si>
    <t>业绩超预期  苹果公布千亿美元回购计划</t>
  </si>
  <si>
    <t>得益于产品销售和内容服务业绩双双上升，美国苹果公司5月1日公布了高达1000亿美元的股票回购计划。苹果公司1日公布的季度财报显示，在截至今年3月的财季中，公司营收达611亿美元，同比增长16%，为2015年以来最大增幅；盈利达到138亿美元，合每股2.73美元，同比增长25%。</t>
  </si>
  <si>
    <t>D股呼之欲出：为中国企业打开欧洲资本市场“大门”</t>
  </si>
  <si>
    <t>A股上市公司青岛海尔4月28日发布公告称，公司在中欧国际交易所（简称“中欧所”）发行不超过4亿股D股的议案获得临时股东大会审议通过。青岛海尔将成为D股市场的首位“尝鲜者”。呼之欲出的D股，正为中国企业打开欧洲资本市场的“大门”。作为首次中德高级别财金对?</t>
  </si>
  <si>
    <t>著名经济学家林毅夫：改革开放创40年经济增长奇迹</t>
  </si>
  <si>
    <t>到2030年之前，中国的经济规模将会超过美国，占全世界经济的比重应该在20%以上。届时，我国企业在财富500强中的数量将达到至少125家。——林毅夫由全国工商联主办，中国民营文化产业商会、全国工商联人才交流服务中心承办的德胜门大讲堂第一期活动近日在京举办。北大国?</t>
  </si>
  <si>
    <t>美欧钢铝关税豁免危机暂缓</t>
  </si>
  <si>
    <t>美国白宫当地时间4月30日发表声明说，特朗普政府已与阿根廷、澳大利亚和巴西就钢铝关税达成原则性一致，同时将与加拿大、墨西哥和欧盟的钢铝关税谈判延长30天。美国总统特朗普推迟关税的决定，暂缓了美欧之间的钢铝关税豁免危机。不过，欧盟方面5月1日发表声明说，美国?</t>
  </si>
  <si>
    <t>意大利顶级材料商的眼光之变</t>
  </si>
  <si>
    <t>对意大利顶级材料商Alcantara来说，中国汽车产业大刀阔斧地向中高端迈进，带给它的却是“幸福的烦恼”。一方面，这个潜力巨大的市场对高端环保材料的需求正井喷式增长；另一方面，公司过去更多的是与国际顶级车企合作，现在亟须突破产能瓶颈，才能迎合中国市场的强劲需求。</t>
  </si>
  <si>
    <t>“新加坡规划之父”眼中的以人为本</t>
  </si>
  <si>
    <t>已经步入耄耋之年的刘太格被称为“新加坡规划之父”，聆听老人家在城市规划方面的看法总会获益良多。满头银发但精神矍铄的刘太格笑称自己仍是“80后”，正劲头满满地带领团队走向城市规划设计事业的新征途。刘太格是国际著名城市规划大师和建筑设计师，目前他还兼任新加</t>
  </si>
  <si>
    <t>好莱坞模式可借鉴不可完全套用</t>
  </si>
  <si>
    <t>全球化智库（CCG）日前举办中国文化产业全球化路径研讨会。CCG特邀高级研究员、哥伦比亚大学法学博士刘裘蒂解析了“好莱坞模式”的历史性和局限性，并围绕21世纪的文化霸权、中国文化产业走出去的挑战等话题发表见解。刘裘蒂认为，中国电影要实现全球化，好莱坞模式并非</t>
  </si>
  <si>
    <t>利润上涨  部分钢企现扩产能冲动</t>
  </si>
  <si>
    <t>25日，全国工商联冶金商会会长张志祥在冶金商会2018年会上表示，中国钢铁行业形势出现了重要变化，供需矛盾从严重过剩转向相对平衡；产能利用率由2015年的70%提高到80%，进入合理区间。不过，张志祥透露，钢铁行业的主要矛盾和发展压力依然存在，供需平衡相对脆弱，中美</t>
  </si>
  <si>
    <t>全球主要工业国竞逐三大科技领域</t>
  </si>
  <si>
    <t>为期5天的2018年德国汉诺威工业博览会（以下简称“工博会”）将于27日落下帷幕。作为全球规模最大的工业展，此次工博会吸引了来自75个国家和地区的5000多家参展商，其中有6成参展商来自德国以外。中国参展商超过了1000家，展商数量仅次于德国。本届工博会以“融合的工业——?</t>
  </si>
  <si>
    <t>商务部：将降低汽车和部分日用消费品进口关税</t>
  </si>
  <si>
    <t>商务部新闻发言人高峰26日表示，目前，商务部正在会同有关部门积极研究扩大进口的有关政策措施，将进一步降低进口商品总体税率水平，降低汽车和部分日用消费品进口关税。高峰表示，博鳌亚洲论坛上宣布了中国进一步扩大开放的四个方面重大举措，其中一条就是主动扩大进口</t>
  </si>
  <si>
    <t>日本正积极步入人工智能时代</t>
  </si>
  <si>
    <t>东京街头随处可见各种便利店和超市，当地居民和游客购物很便利。值得注意的是，这些店面的收银员不少都来自越南等东南亚国家。这一现象跟日本社会老龄化日趋严重密切相关，长期以来，餐饮、零售、运输、邮电等劳动密集型行业人手始终处于匮乏状态。为解决日本服务业人员</t>
  </si>
  <si>
    <t>坚持底线思维，破解IT产业发展不平衡矛盾</t>
  </si>
  <si>
    <t>美国制裁中兴事件，给我们带来几个方面的思考。其一，短期来看对我国电子信息产业压力很大，长期来看利大于弊。要实现中华民族伟大复兴的“中国梦”总要经历一些磨难，我们要早抛弃幻想，早做好准备。美国制裁中兴事件再次印证了“在引进高新技术上不能抱任何幻想”的论</t>
  </si>
  <si>
    <t>谭晓生：网络安全面临空前挑战</t>
  </si>
  <si>
    <t>“我们赶上了一个伟大的时代，并且有机会站在潮头，虽然网络空间面临空前的安全挑战，但放弃绝不是选择。”在谈及参加今年的RSAC（全球信息安全大会）感受时，360集团技术总裁、首席安全官谭晓生这样感叹道。北京时间4月17日，一年一度的RSAC在美国旧金山开幕。作为全球</t>
  </si>
  <si>
    <t>美债收益率破高位敲响债务警钟</t>
  </si>
  <si>
    <t>作为全球资产定价之锚的美国10年期国债收益率，在当地时间24日盘中突破3%这一重要心理关口，随后在全球资本市场引发连锁反应。一旦10年期美债收益率继续保持上升趋势，将逐渐抬升全球政府、企业及普通居民的融资成本，债务风险敞口势必扩大，从长期看将抑制世界经济增长。</t>
  </si>
  <si>
    <t>欧盟将加入中国诉美国钢铝关税磋商阵营</t>
  </si>
  <si>
    <t>根据记者24日从世界贸易组织获得的文件，欧盟已于近日向世贸组织表示，请求加入中方日前针对美国钢铝关税提起的世贸组织争端解决机制下的磋商。欧盟近日向世贸组织递交文件，称美方采取的关税措施对欧盟的钢铝产品销售和出口可能产生重大影响，而磋商结果也将涉及欧盟的</t>
  </si>
  <si>
    <t>苹果向爱尔兰支付130亿欧元补缴税款</t>
  </si>
  <si>
    <t>据外媒报道，苹果公司和爱尔兰政府已经达成协议，苹果遵守欧盟委员会命令向爱尔兰补缴税款，从5月开始向都柏林代管账户转入约130亿欧元（约合159亿美元）。欧盟委员会于2016年8月认为，苹果公司因和爱尔兰政府达成两项税务协议，在爱尔兰低报利润逾10年。欧盟表示，这属</t>
  </si>
  <si>
    <t>脸书关停一批账户  以保护用户隐私</t>
  </si>
  <si>
    <t>美国脸书公司24日回应媒体称，关停一批兜售个人信息的账户和网页。美国“主板”网站24日报道，脸书不少账户和页面发布、叫卖个人信息，涉及社会保险号码、个人住址、电话号码、信用卡号码等，部分信息真实。这家网络杂志核实发现，一篇2014年7月上传的贴文包含个人</t>
  </si>
  <si>
    <t>美国：电动车逆袭未来汽车</t>
  </si>
  <si>
    <t>在政府的高额补贴和大量政策刺激下，原先被燃油车淘汰的电动汽车在美国市场上演了一场“复仇记”。美国政府公布的数据显示，2017年美国汽车市场总销量超过1400万辆，其中新能源车型销量占比约3%，总销量达47.7万辆，比上一年度增长5.6%。在新能源汽车中，纯电动汽车销量</t>
  </si>
  <si>
    <t>国际油价持续上涨引发市场担忧</t>
  </si>
  <si>
    <t>近来，国际油价延续缓步上涨态势，目前布伦特原油价格和纽约轻质原油价格徘徊在每桶70美元上下。产油国及相关生产商获利颇丰。从整体来看，受原油减产协议、中东地缘政治局势紧张等因素影响，近期国际油价涨势未尽，这引发一些机构的担忧。高油价引发市场关注国际?</t>
  </si>
  <si>
    <t>韩国：用“世界最高水准”补贴推广电动车</t>
  </si>
  <si>
    <t>而从区域发展格局来看，更具备政策支撑的区域成为美国新能源汽车市场发展最快的地区。从美国的电动汽车保有情况看，加州占了一半以上，其原因正是地方政府的大力支持。美国南加州空气质量管理局科技发展部副执行总裁马特·宫里曾在接受记者采访时说，加州政府的大力推动</t>
  </si>
  <si>
    <t>IMF的担忧</t>
  </si>
  <si>
    <t>国际货币基金组织（IMF）和世界银行春季年会日前在纽约落下帷幕。与以往不同的是，IMF多位官员流露出对目前贸易摩擦的担忧，呼吁通过对话和多边途径加以解决。IMF决策机构国际货币与金融委员会结束第37届部长级会议后发表公报警告说，金融脆弱性上升、贸易和地缘政治紧?</t>
  </si>
  <si>
    <t>美国对俄铝制裁放松  铝价跌幅超10%</t>
  </si>
  <si>
    <t>美国政府对俄罗斯铝业相关制裁放松，导致上周以来高涨的国际铝价不到两日下跌幅度超过10%。俄罗斯铝业是全球第二大铝生产商。市场人士称，美国已意识到对俄罗斯制裁带来的商业危害范围过于广泛。美国财政部23日表示，只要与克里姆林宫关系密切的亿万富翁德里帕斯卡出售?</t>
  </si>
  <si>
    <t>德国“隐形冠军”牢牢把控全球细分市场</t>
  </si>
  <si>
    <t>编者按森海塞尔耳机、贺利氏贵金属、克林贝格齿轮、卡赫清洁、Volocopter电动直升机、双立人刀具……和世界500强相比，这些企业看起来虽然规模不大，年销售额也不是很高，但在细分市场，他们的地位却不可撼动，有些企业在全球市场的份额甚至超过了90%。在德国，“?</t>
  </si>
  <si>
    <t>汉诺威工博会上看“工业4.0”</t>
  </si>
  <si>
    <t>以“融合的工业——互联协作”为主题的2018年汉诺威工业博览会（工博会）22日晚拉开帷幕。汉诺威工博会始创于1947年，目前是全球规模最大的工业展以及观察工业数字化转型的窗口。德国总理默克尔在当晚的开幕式上说，创办70多年来，汉诺威工博会体现着进步和创新，反映着未来?</t>
  </si>
  <si>
    <t>西部10省份共建中新南向通道</t>
  </si>
  <si>
    <t>重庆、广西、贵州、甘肃等10个西部省份20日共同提出合作共建中新互联互通项目南向通道的“重庆倡议”，将加强沟通、密切配合，将南向通道建设好，为我国加快形成“陆海内外联动、东西双向互济”的开放格局作出贡献。中新（重庆）战略性互联互通示范项目是中国和新加坡第</t>
  </si>
  <si>
    <t>法德首脑访美拟寻求关税永久豁免</t>
  </si>
  <si>
    <t>本周，法国总统马克龙与德国总理默克尔将相继访美。市场普遍认为，法德两国领导人此次访美的一个重要目的就是要求美国对欧盟钢铁和铝制品永久豁免关税。4月8日，美国总统特朗普宣布，包括欧盟、阿根廷、澳大利亚在内的数个经济体暂时得到豁免，豁免期将于今年5月1日结束</t>
  </si>
  <si>
    <t>耳机生产商森海塞尔公司：曾获艾美奖和格莱美奖的“隐形冠军”</t>
  </si>
  <si>
    <t>总部位于德国下萨克森州首府汉诺威的森海塞尔公司（Sennheiser），主营业务为麦克风和耳机的研发与生产，以及广播用无线通讯设备、电视电话会议设备、助听器和航空通信系统等。其中，在麦克风和耳机领域，森海塞尔公司已是全球翘楚。2014年，森海塞尔公司有员工2600人，</t>
  </si>
  <si>
    <t>拥有167年历史的贺利氏：从贵金属“隐形冠军”到世界500强</t>
  </si>
  <si>
    <t>法兰克福以东30公里的哈瑙市，是德国著名童话大师格林兄弟的故乡。在这座面积只有76平方公里、人口约10万的小城中，却坐落着一家拥有167年历史的家族企业——贺利氏的总部就设在这里。贺利氏的名字常与“隐形冠军”联系在一起，不仅因为“隐形冠军”之父赫尔曼·西蒙在?</t>
  </si>
  <si>
    <t>霍尼韦尔预计年底前完成业务分拆</t>
  </si>
  <si>
    <t>美国工业互联企业霍尼韦尔日前公布的2018年首季财报显示，因旗下多元化业务市场需求持续增长，公司业绩实现“开门红”。霍尼韦尔表示，交通系统和家居业务等两大业务的分拆计划正在有条不紊地进行，预期分拆将于年底之前结束。财报显示，2018年第一季度霍尼韦尔全球销售</t>
  </si>
  <si>
    <t>国企改革纵深推进冲入“前半场”</t>
  </si>
  <si>
    <t>“只在后半场踢球最好的结果是不输球，要想赢得胜利必须冲入前半场。”在国务院国资委研究中心副主任卢永真看来，在经济全球化的背景下，全球市场就像一个足球场，国内市场是后半场，国际市场是前半场，国际市场形势更为复杂，只有高质量发展，中国企业才能在全球竞争中脱颖?</t>
  </si>
  <si>
    <t>多方呼吁加强对话解决贸易摩擦</t>
  </si>
  <si>
    <t>在刚刚结束的国际货币基金组织（IMF）和世界银行年会、二十国集团（G20）财长和央行行长会议上，各界就如何解决大国间贸易摩擦展开讨论，呼吁各方加强多边对话并按规则处理事务。多方呼吁对话解决摩擦国际货币基金组织（IMF）总裁拉加德21日呼吁通过对话和以规则为</t>
  </si>
  <si>
    <t>易纲：中国金融风险总体可控</t>
  </si>
  <si>
    <t>中国人民银行行长易纲21日在华盛顿表示，中国经济基本面强劲，金融风险总体可控，同时拥有充足的政策工具防范系统性风险。国际货币基金组织决策机构国际货币与金融委员会当天在华盛顿结束第37届部长级会议。易纲在提交给此次会议的书面声明中说，2017年中国非金融部门杠</t>
  </si>
  <si>
    <t>安监、环保风暴再起  地炼燃料油夹缝求生</t>
  </si>
  <si>
    <t>2017年的环保大潮还未退去，新旧动能转换已经提上日程。限产、限排、关停，令无数企业如鲠在喉，尤其是地炼众多的山东地区。山东地炼又将迎来一场“血雨腥风”。山东省政府官方消息称，原定于今年年底完成的安全生产巡查第一轮全覆盖将提前至上半年完成，其中，上合组织</t>
  </si>
  <si>
    <t>美欧紧急检测客机发动机防风险</t>
  </si>
  <si>
    <t>美国和欧洲民航监管部门近日下令，在三周内紧急检测大约680台飞机发动机，以防再次发生险情。本月17日，美国西南航空公司一架波音737-700型飞机一台发动机桨叶脱落，砸破舷窗，致使一名女乘客被吸出机舱外身亡。客机航班号为1380号，原定从纽约飞往达拉斯，后来在费城国</t>
  </si>
  <si>
    <t>“兴奋点”不同  美日博弈暗中较劲</t>
  </si>
  <si>
    <t>因两国在贸易领域上难以形成主要共识，日本首相安倍晋三的美国之旅未能画上完美句号。根据美日两国首脑当地时间18日在新闻发布会上的表态，两国同意为达成“以自由、公正、互惠为目标的贸易协定”进行磋商，但在谈判方向上，双方各执一词，今后两国将侧重双边自由贸易协定（F</t>
  </si>
  <si>
    <t>美国“卡脖子”倒逼“中国创新”</t>
  </si>
  <si>
    <t>据外媒报道，继之前一连串重拳后，美国又拟阻止本国通信运营商使用联邦补贴购买中国产设备；几乎同时，美国贸易代表办公室表示考虑禁止中国企业在美提供云计算等高科技服务。就是说，美国在高技术出口和进口的双向车道，同时对中国设卡立障。这些“卡脖子”色彩浓厚的个</t>
  </si>
  <si>
    <t>机构：政策性因素至中美双向投资下降</t>
  </si>
  <si>
    <t>美中关系全国委员会和荣鼎咨询集团19日在京联合发布《中美外商直接投资报告》。报告显示，2017年中美两国双向直接投资额约为430亿美元，较前一年下降约28%，投资额大幅下降的主要原因是政策性因素导致中国企业在美直接投资的下降。报告显示，2017年中国企业在美直接投资</t>
  </si>
  <si>
    <t>中国经济新开放助力世界经济稳定向好</t>
  </si>
  <si>
    <t>“实践证明，过去40年中国经济发展是在开放条件下取得的，未来中国经济实现高质量发展也必须在更加开放条件下进行。这是中国基于发展需要作出的战略抉择，同时也是在以实际行动推动经济全球化造福世界各国人民。”博鳌亚洲论坛2018年年会开幕式上，中国领导人再次向世界释放?</t>
  </si>
  <si>
    <t>商务部：中美尚未就301调查进行任何双边谈判</t>
  </si>
  <si>
    <t>商务部新闻发言人高峰在4月19日的例行新闻发布会上表示，目前，双方尚未就美国“301条款”调查和美国对中国征税产品建议清单问题进行任何双边谈判。高峰表示，美方依据其“301条款”，公布对中国征税产品建议清单的措施，完全抛弃了多边规则，是典型的单边主义、贸易保?</t>
  </si>
  <si>
    <t>中国发展为世界带来六大机遇</t>
  </si>
  <si>
    <t>针对近期中美贸易摩擦，中国国家信息中心经济预测部副主任牛犁日前在接受记者采访时表示，中国是经济全球化的受益者，更是贡献者，中国的发展是世界的机遇。他说，多年来，中国经济增长是全球经济增长的动力之源、稳定之锚。近14亿人的广阔市场空间、上亿人次出国旅游以</t>
  </si>
  <si>
    <t>日本：新能源车从单极走向多极</t>
  </si>
  <si>
    <t>通过制定行业新标准、突破技术瓶颈等举措，日本新能源汽车产业的发展正从单极走向多极。驱动方式日益多元谈论日本的新能源车，估计十有八九的人首先想到的是以丰田公司普锐斯为代表的混合动力车。丰田公司从20世纪60年代起就开展了混合动力技术的研究，1997年</t>
  </si>
  <si>
    <t>德国：汽车大国的电动车之痛</t>
  </si>
  <si>
    <t>1886年1月29日，当卡尔·奔驰制造出世界上第一辆燃油汽车，他或许知道德国将由此走入汽车大国的黄金时代，但他或许不知道在汽车业经历电动化变革大潮的今天，德国会陷入如此深重的危机感。令人欣慰的是，为了培育电动汽车市场，德国政府打出组合拳多维度促发展；德国车企也纷</t>
  </si>
  <si>
    <t>360数据驱动安全理念落地实现</t>
  </si>
  <si>
    <t>在日前举行的美国RSA信息安全大会（RSA大会）期间，360企业安全集团的终端安全响应系统（EDR）获得美国知名网络安全杂志CDM的前沿技术（Cutting Edge）奖项。中国企业在世界网络安全领域的话语权进一步增强。据悉，CDM杂志的前沿技术（Cutting Edge）奖项由一批全球水平</t>
  </si>
  <si>
    <t>发改委：贸易摩擦影响有限  可实现既定目标</t>
  </si>
  <si>
    <t>国家发改委18日表示，中美贸易摩擦对中国经济运行的影响有限、影响可控，中国经济完全可以实现既定的发展目标。同时，今年以来，中国经济在供需关系、经济结构、新旧动能转换等五大方面持续优化和改善，也将推动未来社会经济发展持续向好。发改委新闻发言人严鹏程表示，</t>
  </si>
  <si>
    <t>扩大对外开放  应对贸易摩擦</t>
  </si>
  <si>
    <t>2018年以来，中美贸易摩擦逐渐升级，特别是近期美国政府的一系列保护主义政策组合所传递的信息，引发了各界对中美贸易战的广泛担忧。为此，南开大学经济学院组织召开了“中美贸易战？——前景与影响”学术研讨会，多位国际贸易和世界经济领域知名学者围绕当前中美贸易摩擦的?</t>
  </si>
  <si>
    <t>加快创新型国家建设是化解中美贸易摩擦根本之道</t>
  </si>
  <si>
    <t>中美贸易摩擦起因于美方认为在与中国的贸易中存在巨额逆差，为此要扭转这一局面。此前局部冲突一直不断，2017年开始至今摩擦逐步升级，美国利用232和301调查，明确提高关税加强贸易保护以削减逆差。前者以危害“国家安全”为由向中国的钢材和铝材征收25%和10%关税，后者针对?</t>
  </si>
  <si>
    <t>中国汽车产业加速“标准走出去”</t>
  </si>
  <si>
    <t>中国汽车技术研究中心和上汽通用五菱公司共同发起的中国东盟汽车标准法规研究中心日前在印度尼西亚西爪哇省正式揭牌成立。中心将进一步推动中国与东盟各国在汽车标准法规领域的深入交流与合作，也是中国汽车产业推进标准走出去的一个重要内容。据介绍，研究中心设立有专</t>
  </si>
  <si>
    <t>欧盟在WTO就美钢铝关税提起磋商请求</t>
  </si>
  <si>
    <t>世界贸易组织（WTO）17日向媒体证实，欧盟已于16日向WTO就美国最近实施的钢铝关税提起磋商请求。WTO文件显示，欧盟表示，尽管美方声称近期实施的钢铝关税是为维护国家安全利益而采取的措施，但其实质是保障措施。欧盟不接受美国以“国家安全”为由征收上述关税，称</t>
  </si>
  <si>
    <t>金融开放以实际行动推动经济全球化</t>
  </si>
  <si>
    <t>国家主席习近平在博鳌亚洲论坛2018年年会开幕式主旨演讲中指出，中国将大幅度放宽市场准入，在服务业特别是金融业方面，要确保落实对外资持股比例限制的放宽。随后中国人民银行行长易纲在博鳌分论坛“货币政策的正常化”上宣布了11项开放措施。这是基于中国经济高质量发展要?</t>
  </si>
  <si>
    <t>外资银行拟加快开设分行  为发展蓄力</t>
  </si>
  <si>
    <t>近日召开的博鳌亚洲论坛释放出一系列中国金融业对外开放的强烈信号。中国人民银行行长易纲在博鳌亚洲论坛2018年年会“货币政策的正常化”分论坛上，宣布了包括取消银行和金融资产管理公司的外资持股比例限制等金融领域开放的六大措施，今年6月30日之前大部分措施将会落实。</t>
  </si>
  <si>
    <t>牛津校长的“脱欧”忧虑</t>
  </si>
  <si>
    <t>路易斯·理查森是牛津大学建校800多年来首个女校长，她也是牛津大学历史上首个为英国“脱欧”伤脑筋的校长。牛津大学是一块磁石，吸引大批精英人才前来任教或读书。一组数据能说明牛津大学与欧洲的关系有多紧密：约有25%的牛津教研人员是非英国籍的欧盟公民，15%的学生?</t>
  </si>
  <si>
    <t>走在丝路上的“新”骆驼</t>
  </si>
  <si>
    <t>4月的新疆福海解特阿热勒乡还见不到绿意，四周依旧是戈壁独有的土黄色，但阿曼·木哈买提暗紫色的“袷袢”长袍和红色荣誉证书却成了一抹艳丽的色彩。“这是牧民养驼表彰大会上发的，我的一个，爸爸一个，我们两个人还拿了3万元奖金。”刚刚参加完第三届边疆牧民养驼表彰</t>
  </si>
  <si>
    <t>发改委：实体经济等指标持续走高</t>
  </si>
  <si>
    <t>国家发展和改革委员会16日透露，今年以来经济运行质量效益不断提升，实体经济、用电量、消费等指标持续走高。众多国际机构普遍看好中国经济形势，认为中国经济增长的重点正在由数量转向质量，创业创新能力显著提升。据统计，制造业采购经理指数连续20个月位于50%以上的?</t>
  </si>
  <si>
    <t>国产手机抢滩海外高端市场</t>
  </si>
  <si>
    <t>随着销量触碰到天花板，国内手机市场开始从增量市场向存量市场转变，品牌集中度进一步加大，整个行业的马太效应初露端倪。在此背景下，去海外市场寻求新的增长点成为行业共识，而利润最高、品质要求最高的欧洲高端市场便成为中国军团的“最后一块高地”。国产品牌密集发</t>
  </si>
  <si>
    <t>中日近八年来首度重启经济对话</t>
  </si>
  <si>
    <t>根据中国商务部网站消息，中日双方商定，第四次中日经济高层对话于4月16日在日本东京举行。中国国务委员兼外交部长王毅和日本外务大臣河野太郎将共同主持此次对话，两国政府相关部门负责人将出席对话。此次是中日高层近八年来首度重启经济对话。种种迹象显示，在中日和?</t>
  </si>
  <si>
    <t>天津港高起点上再出发  跑出转型“加速度”</t>
  </si>
  <si>
    <t>天安门东南160公里，渤海湾浪潮激荡，一个饱经沧桑的北方大港正鼓浪前行。作为我国北方综合性大港，近年来，天津港在天津滨海新区政府的积极推动和直接支持下，按下转型“快进键”、高起点上再出发。一个快速成长的“智慧港口”“绿色港口”“平安港口”，在京津冀协同?</t>
  </si>
  <si>
    <t>内外兼修  精准风控助力国企“远航”</t>
  </si>
  <si>
    <t>从广西一安的泰国乌泰他尼糖厂喜获全国首个境外EPC糖厂项目鲁班奖，到350万吨联合钢铁项目落户马中关丹产业园，再到柳工集团覆盖100多个国家，囊括178家海外经销商的国际经营网络的构建，广西已有超1/3的国有企业在“一带一路”倡议的引领下，在国际市场展现出中国企业的风采</t>
  </si>
  <si>
    <t>内地金融开放搅动港岛一池春水</t>
  </si>
  <si>
    <t>本来，在外部环境作用下，香港股市这轮上涨已眼看要进入尾声。但博鳌亚洲论坛给香港资本市场送来了阵阵暖风，恒生指数一扫美联储加息和贸易摩擦带来的寒意，连番上涨，四日累升1379点。本届博鳌亚洲论坛因其成为新一轮对外开放和政策发布平台而令世人瞩目。4月11日，中?</t>
  </si>
  <si>
    <t>国企“走出去”将带动全球市场活力</t>
  </si>
  <si>
    <t>博鳌亚洲论坛2018年年会上传递出中国扩大开放的政策信号，国企也将响应政策号召更加深入参与国际竞争。与会人士认为，在高质量发展、市场化原则框架下，国企将带动全球市场活力。“中国扩大开放的政策具有标志性意义，中国将迎来新一轮对外合作和经济增长。”在论坛上，</t>
  </si>
  <si>
    <t>广药集团：与世界交融  以创新驱动</t>
  </si>
  <si>
    <t>在博鳌亚洲论坛2018年年会上，广州医药集团有限公司董事长李楚源接受记者采访时表示，新时代的勇于创新和改革开放新举措，助力企业加速发展壮大，驱动企业与世界交融。“创新”和“开放”，是今年博鳌亚洲论坛年会主题的关键词。广药集团始终坚持创新发展和对外开放。李</t>
  </si>
  <si>
    <t>京东金融陈生强：数字化时代  大融合带来大机会</t>
  </si>
  <si>
    <t>京东金融CEO陈生强在博鳌亚洲论坛2018年年会期间表示，数字经济正在成为整个国民经济的最大增长点，成为下一时代的主导模式，“这是新时代给我们这些科技公司一个最大的机会。”开放型经济会得到加速发展改革开放是决定当代中国命运的关键抉择，这一主题也在本届博</t>
  </si>
  <si>
    <t>博鳌智慧为全球提供合作共赢机遇</t>
  </si>
  <si>
    <t>博鳌亚洲论坛2018年年会11日闭幕。论坛凝聚了大量共识，成果丰硕，各界对中国和亚洲的经济主张更加认可，在“一带一路”等具有包容性的合作项目上，多国政商界期待分享共赢机遇。智慧盛宴孕育全球化思路博鳌亚洲论坛秘书长周文重在论坛闭幕式上表示，此次论坛凝聚?</t>
  </si>
  <si>
    <t>警惕贸易争端背后的规则博弈</t>
  </si>
  <si>
    <t>执意发布毫无事实依据的301报告等行动已经揭开了美国“自由贸易倡导者”的伪装：美国一意孤行挑起对华贸易争端，连基本贸易规则都不顾，正在以一个规则破坏者的角色直接冲撞全球贸易框架。且不说美方发布的301调查报告中论据不足，充斥各种莫须有的“证人证言或问卷反馈</t>
  </si>
  <si>
    <t>国企将率先落实扩大开放新举措</t>
  </si>
  <si>
    <t>4月11日，在博鳌亚洲论坛2018年年会期间举办的国企改革分论坛上，国务院国资委主任肖亚庆表示，中国进一步扩大开放新征程的开启，吹响了中国企业和全球经济融合发展的号角，中国的中央企业和国有企业将率先实现高质量发展，率先扩大开放，落实相关举措。据透露，未来将?</t>
  </si>
  <si>
    <t>在博鳌论坛体验科技改变生活</t>
  </si>
  <si>
    <t>4月的博鳌，处处弥漫着智慧的气息、科技的元素，在对前沿技术和应用展示和研讨中，令与会者提前感知未来生活场景。博鳌亚洲论坛2018年年会与会嘉宾入住的酒店门口，两排整齐停放的新能源共享汽车吸引了不少目光。记者走上前去，立即有工作人员过来讲解如何使用车辆，一?</t>
  </si>
  <si>
    <t>资本市场开放再加码  沪伦通争取年内开通</t>
  </si>
  <si>
    <t>4月11日，央行行长易纲在出席博鳌亚洲论坛时宣布了多项金融业的重大开放措施，其中涉及资本市场对外开放引发市场关注。易纲表示，经过中英双方共同努力，目前沪伦通的准备工作进展顺利，争取在2018年年内开通沪伦通。他同时宣布，从今年5月1日起把互联互通每日的额度扩?</t>
  </si>
  <si>
    <t>三江平原生态改善成“候鸟天堂”</t>
  </si>
  <si>
    <t>冬雪渐渐消融，黑龙江宝清七星河国家级自然保护区一扫往日的寂静，候鸟成群北归，几乎将保护区内干枯的芦苇荡“包围”。三江平原是中国重要的候鸟迁徙停歇地和繁殖栖息地之一。来自长江流域等地的候鸟往往经由这里飞往俄罗斯境内，也有部分鸟类留下“安营扎寨”，其中不</t>
  </si>
  <si>
    <t>贸易摩擦担忧缓和  道指收高近430点</t>
  </si>
  <si>
    <t>中国在博鳌亚洲论坛释放出继续推进开放创新的信号，这安抚了市场对中美贸易摩擦可能升级的担忧情绪，受此影响，10日美国三大股指全线大涨。截至收盘，道指收涨428.90点，涨幅1.79%，其中早盘一度涨超500点，报24408.00点；纳指收涨2.07%，报7094.30点，标普500指数收涨1</t>
  </si>
  <si>
    <t>预防全球货币政策转向的冲击</t>
  </si>
  <si>
    <t>2008年全球金融危机后主要发达经济体采取降息和实施大规模资产购买计划，造成主要央行资产负债表规模迅速扩大。在全球经济逐渐复苏的背景下，主要央行的货币政策开始发生转向，美联储已通过降息、缩表等收紧货币政策，加拿大、英国、韩国等国纷纷跟随美国开始加息步伐，欧央?</t>
  </si>
  <si>
    <t>美国制裁重创俄罗斯金融市场</t>
  </si>
  <si>
    <t>由于美国财政部上周宣布对俄部分机构和个人实施经济制裁，俄罗斯两大股指——俄罗斯交易系统指数和莫斯科银行间外汇交易所指数9日收盘大幅下挫，外汇市场卢布兑美元与欧元汇率也跌至近几个月来的低点。莫斯科证券交易所数据显示，俄罗斯交易系统指数(RTS Index)当天收于</t>
  </si>
  <si>
    <t>坚定不移将改革开放进行到底</t>
  </si>
  <si>
    <t>“中国改革开放必然成功，也一定能够成功!”4月10日，习近平主席出席博鳌亚洲论坛2018年年会开幕式并发表主旨演讲，深刻总结中国改革开放的伟大成就、重要经验和启示、世界意义和影响，提出一系列新的改革开放重大举措，向世界宣示了新时代中国坚定不移深化改革、扩大开放的?</t>
  </si>
  <si>
    <t>日本的“旅游立国”生意经</t>
  </si>
  <si>
    <t>2020年日本将迎来奥运会。日本以此为契机确立“旅游立国”战略，作为经济发展重要支柱，提出将在2020年吸引外国游客4000万人次、实现旅游消费8万亿日元的目标。本月9日，日本财务省公布的2月份国际收支统计结果显示，受中国春节期间来日旅行游客大增的影响，2月份日本旅</t>
  </si>
  <si>
    <t>多项标志性开放举措划定时间表</t>
  </si>
  <si>
    <t>10日，博鳌亚洲论坛释放出新一轮开放的明确信号，并划定了多项开放举措的落地时间表，包括今年银行、证券等放松外资股比限制将确保落地，外商投资负面清单将在今年上半年完成修订，今年相当幅度降低汽车进口关税等。下一步，包括加快保险行业开放进程，放宽外资金融机构</t>
  </si>
  <si>
    <t>博鳌亚洲论坛热议新技术新产业</t>
  </si>
  <si>
    <t>正在进行的博鳌亚洲论坛2018年年会议题“科技范”十足，数场以未来为主线的分论坛，不仅引导各界人士感受到5至10年后的生活场景，也成为业界探讨未来产业布局的思想平台。不过，与会人士也提醒，企业应重视数据安全防范、人工智能应用、社会思潮变动等因素，以免商业和社会效</t>
  </si>
  <si>
    <t>胜利原油成为中国原油期货唯一可交割国产油种</t>
  </si>
  <si>
    <t>上海期货交易所原油期货日前鸣锣上市，胜利原油作为国内唯一的交割油种受到市场关注。分析称，胜利原油可效仿期货市场体系成熟的布伦特原油，建立短线市场合约，在国内原油定价体系中打造标杆，在国际原油定价体系中抢占一席之地。与国际上具有广泛影响力的美国西德克萨</t>
  </si>
  <si>
    <t>“博鳌时间”彰显中国自主开放胸怀</t>
  </si>
  <si>
    <t>10日上午，博鳌亚洲论坛2018年年会在海南省博鳌开幕。中国国家主席习近平出席开幕式并发表主旨演讲，强调各国要顺应时代潮流，坚持开放共赢，勇于变革创新，向着构建人类命运共同体的目标不断迈进；中国将坚持改革开放不动摇，继续推出扩大开放新的重大举措，同亚洲和世界各?</t>
  </si>
  <si>
    <t>警惕贸易摩擦升级背后的金融风险</t>
  </si>
  <si>
    <t>近日来，美国挑起的这轮贸易摩擦有愈演愈烈之势，并可能触及贸易之外领域，尤其是金融领域。相比贸易，金融是一个没有硝烟的战场，我们应当统筹兼顾、未雨绸缪，守住不发生系统性金融风险的底线，切实维护国家金融安全。回头来看，就在我国果断出台500亿美元对等规模的?</t>
  </si>
  <si>
    <t>竞合才是大国博弈主旋律</t>
  </si>
  <si>
    <t>从手段到诉求，美国政府近期对华经贸博弈，预示着21世纪之后的国际关系到了一个新的时间节点。此情此景引人反思——当今时代，大国博弈究竟应在哪个方向发力？从道理上说，在世界经济大变局下，大国博弈应该是改革政策孰优孰劣的竞赛。近年来，以减税计划为代表的?</t>
  </si>
  <si>
    <t>多地打响乡村振兴战略“第一枪”</t>
  </si>
  <si>
    <t>农业农村部部长韩长赋9日在博鳌亚洲论坛2018年年会“转型中的农民与农村”分论坛上表示，未来农业农村部将从推进农业的高质量发展、推进农村基础设施建设等五个方面大力推进乡村振兴战略的实施。《经济参考报》记者了解到，为落实中央决策部署，近日多地陆续召开2018年?</t>
  </si>
  <si>
    <t>长江经济带着力打造铁水公空运输大通道</t>
  </si>
  <si>
    <t>站在依山而建的重庆果园港眺望，一幅物流图景徐徐展开：上层的铁路货场，一列满载货物的中欧班列从铁路专用线缓缓驶出，12天后就能到达目的地——德国杜伊斯堡；下方的码头泊位上，一艘艘集装箱货轮鸣响长笛，顺着长江这条内河航道一路向东，货物经上海洋山港出海驶往世界各?</t>
  </si>
  <si>
    <t>“脱欧”为英国带来边境线问题</t>
  </si>
  <si>
    <t>这条500公里长的曲折国界可能是目前全世界最受关注的一条边境线。它是大不列颠及北爱尔兰联合王国与爱尔兰共和国的边界。爱尔兰共和国是欧盟成员国，因此在明年3月英国正式退出欧盟后，这条边境也将从目前的国境线变成“欧盟区与非欧盟区”的界限。英国与欧盟即将开始第</t>
  </si>
  <si>
    <t>博鳌论坛呼吁协作抵御保护主义</t>
  </si>
  <si>
    <t>为期四天的博鳌亚洲论坛2018年年会8日在海南博鳌举行，本次年会主题为“开放创新的亚洲，繁荣发展的世界”。当日发布的报告显示，主要新兴经济体经济复苏势头显著，但在贸易保护主义上升的背景下，发展前景面临较大不确定性。与会各界嘉宾表示，在中国改革和各项利好政策推动</t>
  </si>
  <si>
    <t>贸易霸凌无赢家  美国经济难幸免</t>
  </si>
  <si>
    <t>一场不期而至的“倒春寒”正在席卷美国经济的每个角落。因美国政府对华连挥贸易保护重拳，而中国坚决予以回击，令美国农业、畜牧业、制造业、零售业、服装业以及金融市场等体验到了切肤之痛。美国很多产业联合会或打广告或联名致信，呼吁特朗普政府以“建设性”的姿态与中国?</t>
  </si>
  <si>
    <t>博鳌掀起反贸易保护主义声浪</t>
  </si>
  <si>
    <t>编者按：从即日起，本报特设“博鳌笔记”专栏，由博鳌亚洲论坛报道团队撰写，与您共享一年一度的思想盛宴。博鳌小镇8日迎来了拨云见日的好天气，春风带来的温暖驱走了连日阴雨的寒意。各国人士协作共赢的呼声有如这股春风，及时冲淡盘旋在全球上空的贸易保护主义阴</t>
  </si>
  <si>
    <t>保持定力  沉着应对美国贸易讹诈</t>
  </si>
  <si>
    <t>在过去的几天里，从毫无事实依据的301报告，到发布500亿美元征税建议清单，再到气急败坏地喊出再加1000亿美元征税，美方蛮不讲理行径背后的不怀好意已经昭然若揭，也将会把中美贸易引向歧途。从美东时间4月3日，美方根据301报告公布的征税建议清单来看，500亿美元出口额</t>
  </si>
  <si>
    <t>韩国力争2022年跻身全球出口四强</t>
  </si>
  <si>
    <t>据韩联社日前报道，韩国产业通商资源部近日表示，正在制定经贸新政，争取于2022年赶超日本成为全球第四大出口强国。为此，韩国将降低对主要贸易伙伴的出口依存度，通过推进“新北方、新南方政策”，不断开拓新兴市场。截至2017年底，韩国出口额为5737亿美元，规模不及日</t>
  </si>
  <si>
    <t>以共享经济推进公共服务均等化</t>
  </si>
  <si>
    <t>共享经济正深度影响着我国经济形态，改变着民众社会生活的各方面。而各国发展共享经济各具特色。日本以共享经济模式推动资源利用和环境保护效果显著。欧盟借助共享经济既提供出更多的就业机会，又达到了促进经济增长的积极作用，还满足了消费者对社会互动、服务和商品选择的?</t>
  </si>
  <si>
    <t>“亚马逊风波”增加美股连跌风险</t>
  </si>
  <si>
    <t>美国总统特朗普当地时间2日再次通过社交媒体“推特”向美国在线零售巨头亚马逊公司开火，指责亚马逊一直在占美国邮政系统的便宜，损害了纳税人的利益，并承诺将采取行动扭转目前的局面。这一言论迅速在美国股市上发酵，引发三大股指相继暴跌，其中标普500指数跌破200日?</t>
  </si>
  <si>
    <t>俄罗斯与西方制裁战互有多少牌可打？</t>
  </si>
  <si>
    <t>因一起前特工被毒的公案，欧美近三十个国家联合驱逐俄罗斯外交官，数量高达150人。面对西方的咄咄逼人，俄罗斯终于忍无可忍，毅然实施对等反击，掀起了这场外交战的小高潮。事情起因于一个月前，被俄罗斯判定为英国间谍的前俄罗斯情报官员斯克里帕尔和他的女儿被发现在?</t>
  </si>
  <si>
    <t>软银阿里4.45亿美元注资印度电商Paytm</t>
  </si>
  <si>
    <t>据路透社报道，周一公布的一份监管文件显示，印度电商Paytm E-Commerce获得日本软银集团4亿美元投资，另一位投资者阿里巴巴则在次轮融资中增投4500万美元。目前，Paytm E-Commerce市场估值已经达到19亿美元。软银集团是正在迅速增长中的印度电商行业中的主要投资者之一?</t>
  </si>
  <si>
    <t>上海首开跨境电商中欧班列</t>
  </si>
  <si>
    <t>跨境电商的强劲增长，正引领中国进入新贸易时代。与此同时，随着“一带一路”倡议的推行，中欧班列近年来成为各地抢滩国际市场以及“稳增长”的主要抓手之一。而跨境电商与中欧班列的协同发展也成为业界努力探索的新方向。近日，一带一路跨境电商中欧班列（沪欧通）在上</t>
  </si>
  <si>
    <t>瑞典如何减少食物浪费</t>
  </si>
  <si>
    <t>据当地媒体报道，有关方面统计，一个瑞典人平均每年扔掉约19公斤完全可以食用的食物，并从水槽中倒掉约26公斤食物和饮料。食物的浪费不仅增加了家庭开支，还对环境产生了负面影响。面对巨大的食物浪费，瑞典不仅制订了多部门多层面的、复杂综合的反食物浪费规定与倡议体</t>
  </si>
  <si>
    <t>听证风暴将至  脸书难破失信困局</t>
  </si>
  <si>
    <t>欧美国家本周将继续对脸书（Facebook）公司涉嫌滥用用户数据的行为展开调查，脸书高管也将准备相继接受各国当局的公开听证。分析人士称，此举可能令脸书已处在“失信边缘”的公众形象进一步承压。监管层调查升级据彭博社2日报道，美国密苏里州检察官霍雷加入了多个</t>
  </si>
  <si>
    <t>日本企业信心两年来首次下降</t>
  </si>
  <si>
    <t>日本央行4月2日公布的调查报告显示，日本1-3月企业信心两年来首次出现恶化。原材料和劳动力成本上升，给本该稳定复苏的日本经济带来压力。季度短观调查报告显示，日本3月大型制造业景气判断指数下降2个点至正24，市场预估中值为正25。大型非制造业景气判断指数下降2个点</t>
  </si>
  <si>
    <t>一季度全球并购交易迎史上最大开门红</t>
  </si>
  <si>
    <t>据路透社消息，汤森路透初步数据显示，2018年第一季度，全球并购交易迎来史上最大开门红。交易总额达到1.2万亿美元，同比增长67%，因为美国税改及欧洲经济增长加速释放出很多公司的交易热情。除此之外，并购分析师表示，股市债市走强以及公司现金日益增多也提振了企业高</t>
  </si>
  <si>
    <t>多地政策加码  房地产转向精准调控</t>
  </si>
  <si>
    <t>3月31日，海南省住建厅发布《关于做好稳定房地产市场工作的通知》指出，全省加强购房资格审查，海南非本省户籍居民家庭限购1套。同日，成都市房管局公布新政，成都刚需家庭购买商品房将享受优先摇号，以支持刚需家庭自住购房需求。中原地产研究中心统计显示，自3月下旬?</t>
  </si>
  <si>
    <t>美股震荡下挫  中概股集体“破发”</t>
  </si>
  <si>
    <t>受美国股市整体震荡、当地投资者对中国品牌认知有限等因素影响，上周（3月26日-30日）在美国上市的中概股均出现“破发”（首发个交易日股价低于发行价）。当周，爱奇艺、哔哩哔哩、精锐教育、格林豪泰、尚德机构在美国股市上市，首日均出现“破发”，部分股价跌幅甚至超</t>
  </si>
  <si>
    <t>中国商务部：有底气有信心应对贸易保护主义</t>
  </si>
  <si>
    <t>近期，在一片反对声中，美国总统特朗普签署备忘录，宣布依据所谓“301调查”结果，拟大规模限制中国对美贸易和投资。商务部29日召开的例行发布会上，中美贸易争端也成为焦点话题。商务部新闻发言人高峰在发布会上针对近期的一系列热点问题作出回应。针对有声音质疑中国?</t>
  </si>
  <si>
    <t>三巨头争霸全球农化行业</t>
  </si>
  <si>
    <t>欧盟反垄断部门近日批准了德国拜耳以625亿美元收购美国农业生物技术公司孟山都。欧盟的放行意味着继陶氏与杜邦合并、中国化工收购先正达后，全球农化行业向三巨头争霸格局又迈进了最为关键的一步。拜耳公司表示，获得欧盟批准是这项交易的里程碑事件，拜耳与孟山都也在?</t>
  </si>
  <si>
    <t>税收政策恐有变化  亚马逊股价暴跌</t>
  </si>
  <si>
    <t>据路透社报道，因有消息传出特朗普目前正在讨论更改对亚马逊的征税方式，美国时间28日收盘，亚马逊股价大跌7.4%，报收1431.42美元，市值缩水536亿美元。在亚马逊超过谷歌母公司Alphabet成为全球第二大公司之后，又被其超越。周三收盘时，谷歌母公司Alphabet市值为6988.9</t>
  </si>
  <si>
    <t>以开放共享促“一带一路”行稳致远</t>
  </si>
  <si>
    <t>“一带一路”倡议提出至今已有5年。中国和相关国家的双边合作积极推进，产能和投资合作得到加强，一批重大标志性项目相继落地，体现出“一带一路”与他国战略对接的成效。倡议所提“五通”的每一个方面，都有大量成果落地。在过去五年中，中国通过共建“一带一路”，成为参与</t>
  </si>
  <si>
    <t>全球资本市场“美元荒”困局加剧</t>
  </si>
  <si>
    <t>自去年年底以来，外汇融资市场的“美元荒”不仅没有得到缓解，反而愈演愈烈。据万得数据显示，截至27日，3个月期美元Libor涨至2.3020%，创2008年11月以来新高。美国3个月期Libor-OIS利差升破60个基点，刷新2009年5月以来最大。由于Libor-OIS利差一直被视为衡量美元流动性松紧</t>
  </si>
  <si>
    <t>剑桥无围墙</t>
  </si>
  <si>
    <t>剑桥大学做了一个颇具争议性的决定——将校长一职交给加拿大人杜思齐。于是，他成为这所大学建校800多年来第一个非英国籍校长。这个决定正逢英国“脱欧”，在民族主义情绪激荡的英国引起不小反响；少数英国议员公开批评这一决定不恰当。不过剑桥的师生似乎比较赞成，欢?</t>
  </si>
  <si>
    <t>今年二季度增长略显下行压力</t>
  </si>
  <si>
    <t>预计2018年一季度我国经济增长6.9%，经济企稳向好态势继续保持。受供给侧结构的持续推动，经济高质量发展的迹象初步显现，经济增长韧性加强，经济风险得到有效控制。二季度受外部冲击影响，美联储加息提高我国货币政策操作难度；中美贸易摩擦为中美贸易带来阴影，美国经济周?</t>
  </si>
  <si>
    <t>人民币原油期货上市  深度分析很重要</t>
  </si>
  <si>
    <t>人民币原油期货于3月26日在上海国际能源交易中心挂牌交易，这是中国推出的第一个国际化期货品种，意义重大，影响深远。人民币原油期货的推出是金融服务实体经济和进一步改革开放的需要。2017年，中国超过美国首次成为全球第一大原油进口国，原油对外依存度超过68%。而全</t>
  </si>
  <si>
    <t>德银：仅以贸易逆差判断中美商业关系是片面的</t>
  </si>
  <si>
    <t>德意志银行中国首席经济学家张智威就中美贸易战发表研究报告称，仅以贸易逆差判断中美两国商业关系是片面的。美国在华利益远大于两国贸易数据所能体现的规模，贸易战的隐现将损害这些商业利益。去年通用汽车在华销售量高于其本土市场销售量。中国目前使用中的苹果手机多</t>
  </si>
  <si>
    <t>应对贸易摩擦要保持战略定力</t>
  </si>
  <si>
    <t>年初以来，美国频频发起贸易战，并于近期以“301调查”为由对中国发起贸易制裁。贸易保护是特朗普的一贯主张。越是复杂多变的环境，中国越要保持战略定力，坚持深化改革、扩大开放和供给侧结构性改革的大方向，把外部压力转化为内部改革的动力。直观来看，特朗普对中国?</t>
  </si>
  <si>
    <t>多国寻求与美谈判解决贸易问题</t>
  </si>
  <si>
    <t>由美国特朗普政府单方面宣布征收关税等一系列措施引发的美国与各国的贸易摩擦透露出一丝曙光。美国将与各国走向谈判桌，为避免贸易战展开一场博弈，但结果仍有待观察。而在金融市场上，股市、油价等都因此而经历了大幅波动。美国：释放谈判信号正当各国对美国宣布?</t>
  </si>
  <si>
    <t>美加息不会干扰中国货币政策步调</t>
  </si>
  <si>
    <t>美联储日前宣布加息25个基点，这是美国2018年第一次加息，也是美联储主席鲍威尔上任以来首次加息。美国加息是其货币政策正常化的表现。我国应密切关注主要经济体货币政策正常化进程，但无需紧随美国等步伐，目前我国并无加息的必要。美国本次加息获得全票通过，符合市场</t>
  </si>
  <si>
    <t>“地价门”发酵  日本经济复苏成谜</t>
  </si>
  <si>
    <t>“森友学园地价门”丑闻持续发酵。当地时间25日，日本自民党在东京召开第85届党大会，作为自民党总裁，首相安倍晋三就“森友学园”低价购买国有土地相关审批文件遭篡改一事再次道歉。受丑闻影响，安倍内阁支持率暴跌。随着“地价门”丑闻这第一块“多米诺骨牌”的倒下，包括?</t>
  </si>
  <si>
    <t>甘肃国际班列开行密度不断加大</t>
  </si>
  <si>
    <t>进入3月下旬，甘肃兰州国际陆港已经呈现出一派繁忙的景象。记者看到，一列满载广东、安徽等地家电产品的中亚班列整装待发，将于下周启程发往哈萨克斯坦，工作人员正在进行出发前的检查。“像这样的班列高峰时期每周能开行4列。”这趟班列的运营商、兰州捷时特物流有限公</t>
  </si>
  <si>
    <t>生意之外的另一个中国</t>
  </si>
  <si>
    <t>中国“70后”作家路内应邀来到英国，参加利兹大学一个中国文学项目活动。路内曾在《收获》和《人民文学》等杂志发表长篇小说。他善于描绘上世纪八九十年代的三线城市，写那里的工厂、工人。路内自己就曾是个工人，技校毕业后在糖精厂工作，见证了国企改制，十几年前开始</t>
  </si>
  <si>
    <t>世行亚行关注中国未来发展面临的挑战</t>
  </si>
  <si>
    <t>在国务院发展研究中心主办的中国发展高层论坛上，世界银行首席执行官克里斯塔利娜·格奥尔基耶娃和亚洲开发银行行长中尾武彦分别从不同角度阐述了他们认为当前中国面临三大挑战。克里斯塔利娜·格奥尔基耶娃说，中国金融部门面临三大挑战。格奥尔基耶娃表示，金融部门改</t>
  </si>
  <si>
    <t>贸易磋商信号助全球市场企稳</t>
  </si>
  <si>
    <t>由于媒体报出中国和美国可能就贸易摩擦问题进行谈判，26日全球股市止住了连跌态势，主要股指纷纷企稳小幅反弹。美国《华尔街日报》26日报道称，美国财长姆努钦将访华。有外媒记者26日就此向中国外交部提问“中方是否愿意提出邀请？”中国外交部发言人华春莹说，关于中美</t>
  </si>
  <si>
    <t>中美贸易争端扰动全球市场</t>
  </si>
  <si>
    <t>在刚刚过去的周末，美国不断升级的贸易保护行为使得贸易战硝烟愈加浓厚。我国商务部发布了针对美国进口钢铁和铝产品232措施的中止减让产品清单，该清单涉及美对华约30亿美元出口。商务部、外交部等也在近日密集发布回应，若美一意孤行挑起贸易战，我将奉陪到底。一意孤?</t>
  </si>
  <si>
    <t>做大数据时代的先锋“匠人”</t>
  </si>
  <si>
    <t>这是改革开放40年标刻在中国信息技术史的时代印记——1983年，浪潮以自主研发的我国第一台电脑，拉开中国IT业大发展的序幕；1993年，打破西方技术封锁，浪潮推出我国第一台基于10颗处理器的服务器SMP2000，实现中国服务器产业零的突破。2013年，我国第一台基?</t>
  </si>
  <si>
    <t>国产品牌领跑高端服务器市场</t>
  </si>
  <si>
    <t>长久以来，惠普、戴尔、IBM都是服务器市场的“老三样”，但云计算时代的到来，使得服务器行业的竞争格局发生了翻天覆地的变化，国产品牌正从追赶者转变为引领者。国产服务器品牌发力高端国产品牌正在全球高端服务器领域发挥着越来越重要的作用。美国当地时间3</t>
  </si>
  <si>
    <t>保护主义赢不了经济规律</t>
  </si>
  <si>
    <t>美国挑起贸易战的单边行动在持续升级。22日，美国总统特朗普签署了对中国产品加征惩罚性关税的备忘录，拟对价值约600亿美元的中国商品征收关税。据悉，这份征税清单将在签署备忘录后的15天内发布，涉及产业或将包括航天、信息和通讯技术、机械行业等高新技术领域。在单?</t>
  </si>
  <si>
    <t>美国将对600亿美元中国商品征收关税</t>
  </si>
  <si>
    <t>据新华社报道，美国总统特朗普22日签署总统备忘录，依据“301调查”结果，将对从中国进口的商品大规模征收关税，并限制中国企业对美投资并购。特朗普在白宫签字前对媒体说，涉及征税的中国商品规模可达600亿美元。中国商务部此前表示，中方绝不会坐视合法权益受到损害，必将?</t>
  </si>
  <si>
    <t>脸书深陷“数据门”  扎克伯格首度回应</t>
  </si>
  <si>
    <t>据外媒报道，面对美国和欧盟对脸书公司（Facebook）滥用用户数据的调查，脸书公司首席执行官扎克伯格在沉默数天后首度公开作出回应。扎克伯格承诺，对外部公司处置该公司用户数据一事进行深入调查。他21日在脸书上发文称，该公司最近几年已采取很多措施来解决用户隐私问</t>
  </si>
  <si>
    <t>中国钢铁业完胜美337调查案</t>
  </si>
  <si>
    <t>《经济参考报》记者22日从商务部获悉，美国国际贸易委员会（ITC）3月19日发布公告，决定终止碳钢与合金钢337案反垄断指控调查。委员会裁定，原告要证明因被告的垄断行为而受到损害，因原告无法证明，所以不具有诉讼资格。至此，历经三年，中国钢铁企业在337调查案反垄断、窃?</t>
  </si>
  <si>
    <t>磁共振成像有助于诊断前列腺癌</t>
  </si>
  <si>
    <t>英国伦敦大学学院日前发布一项研究说，将磁共振成像技术应用到前列腺癌检测中，诊断效率高于现有标准方法，且可避免患者进行不必要的活检。当前标准的前列腺癌活体检测，或称活检，需要从患者的前列腺取出可能癌变的细胞样本进行检测。磁共振成像技术是非侵入性的，不需</t>
  </si>
  <si>
    <t>英国拟加大禁塑步伐</t>
  </si>
  <si>
    <t>英国财政大臣哈蒙德最近放出风声，表示要考虑对一次性使用的塑料产品征税。据称，一生专注于自然与科学探索节目制作而封爵的老爷子大卫·艾登堡说服了女王，要首先在自己的私人地盘上禁止使用一次性的塑料吸管。艾登堡之所以有此想法，缘于对海洋生物惨遭塑料垃圾困扰的</t>
  </si>
  <si>
    <t>英欧就“脱欧”过渡期初步达成协议</t>
  </si>
  <si>
    <t>欧盟与英国19日公布了一份有关英国“脱欧”过渡期安排的协议草案，宣布已就其中大部分条款达成一致，有望在欧盟春季峰会上获得通过。但多数商界人士仍担忧“脱欧”可能造成的混乱，撤出英国业务的步伐持续，对英国未来经济增长前景将造成影响。八成条款达成一致欧?</t>
  </si>
  <si>
    <t>伦敦书市火爆的秘密</t>
  </si>
  <si>
    <t>伦敦是爱书人的天堂，不仅因为这里有数不清的书店和大大小小的书展，有“书虫”扎堆的查令十字街旧书店区，也因为在这里你总能找到有相同爱好的藏书人。英国作家、诗人塞缪尔·约翰逊说：“如果你厌倦了伦敦，你就厌倦了人生，因为生活所能给你的一切，伦敦都有。”对爱</t>
  </si>
  <si>
    <t>澳联储对经济增长预期持观察态度</t>
  </si>
  <si>
    <t>尽管3月6日澳联储连续第十七次维持现金利率不变符合市场预期，但20日公布的澳联储3月货币政策会议纪要还是透露出了一些新的信息，尤其是在对经济增长的预测方面。全球范围内随着经济的逐步改善，已有多国央行退出货币刺激政策，但由于澳大利亚家庭长期维持高债务、薪资?</t>
  </si>
  <si>
    <t>普京能否续写俄罗斯大国传奇</t>
  </si>
  <si>
    <t>俄罗斯大选尘埃落定，普京毫无悬念地高票当选新一任俄罗斯总统，开启他政治生涯中第四个总统任期。不出意外的话，他将一直任职至2024年。在发表胜利宣言时，普京说从选举结果看到了“人民的信心和希望”，还说由支持他的选民组成的这支“庞大的国家队”正迈向胜利。他呼</t>
  </si>
  <si>
    <t>助推科创中心建设  上海资本市场拥抱新经济</t>
  </si>
  <si>
    <t>上海璞泰来新能源科技股份有限公司近日发布重大资产重组进展公告，拟以发行股份及支付现金方式收购广东省东莞市超业精密设备有限公司100%股权。此次收购旨在进一步延伸璞泰来锂电池生产设备业务链。璞泰来曾于2017年5月发行上海地区首单“双创债”。2017年11月初挂牌上?</t>
  </si>
  <si>
    <t>G20会议代表探讨扫除贸易保护主义</t>
  </si>
  <si>
    <t>二十国集团(G20)今年首次财长和央行行长会议于19日在阿根廷首都布宜诺斯艾利斯举行。针对美国不久前宣布的钢铝关税及其他保护主义动向，众多与会代表表示，反对贸易保护主义措施、推崇自由贸易、寻求合作发展应是会议主旋律。日前，美国宣布将从23日起对进口钢铁和铝产?</t>
  </si>
  <si>
    <t>美联储将启动年内首次加息</t>
  </si>
  <si>
    <t>美国联邦储备委员会(美联储)定于当地时间20至21日举行年内第二次货币政策决策会议。华尔街普遍预计，在本次会议上，美联储将加息25个基点，将联邦基金利率推升到1.50%至1.75%区间，同时继续削减资产负债表规模，继续逐步退出金融危机后出台的超宽松货币政策。从目前形势看，?</t>
  </si>
  <si>
    <t>中国需求波动  日本出口增势迎挑战</t>
  </si>
  <si>
    <t>日本财务省19日发布的2月份贸易数据显示，日本出口额实现连续15个月正增长。受中国需求波动和美国贸易政策影响，业内人士预计日本出口增长趋势可能迎来挑战，时隔两个月重现的贸易顺差可能较难维持。2月份日本贸易顺差为34亿日元，时隔两个月再次出现贸易顺差，但顺差额</t>
  </si>
  <si>
    <t>普京优势明显  连任无悬念</t>
  </si>
  <si>
    <t>当地时间3月18日，2018年俄罗斯总统大选投票正式启动。此次共有8名候选人参加总统选举，其中包括俄罗斯现任总统普京、俄联邦共产党推荐的格鲁季宁、俄自由民主党主席日里诺夫斯基等。分析人士认为，由于普京优势明显，其他候选人难以比肩，此次选举结果几乎没有悬念。逾</t>
  </si>
  <si>
    <t>市场担忧产能增加  油价仍受全球局势支撑</t>
  </si>
  <si>
    <t>原油市场当周两大能源机构发布的原油市场月度报告，都对原油产量增加尤其是美国页岩油产量的增加有所担忧，油价一度逼近60整数关口，但最终由于当周全球局势有所升温，帮助油价收复全部跌幅。美国能源资料协会(EIA)上周二(3月13日)公布的月报显示，预计2018年美国原油产</t>
  </si>
  <si>
    <t>欧盟公布对美报复性关税草案</t>
  </si>
  <si>
    <t>据外电报道，欧盟委员会于当地时间16日发布一项草案，针锋相对地反击美国特朗普政府即将执行的钢铝关税措施。欧盟委员会就一系列拟议开征关税的美国产品征求了成员国相关行业的意见，并将美国产摩托车、威士忌等列为征税对象，名单中还包括烟草、橙汁、大米、玉米等农产</t>
  </si>
  <si>
    <t>下半年国际油价面临下跌风险  OPEC减产计划受到威胁</t>
  </si>
  <si>
    <t>自3月7日起，国际油价出现了剧烈的震荡局势，WTI连续三天的单日涨跌幅均超过了1美元/桶，目前在60美元/桶的位置受到支撑。令油价出现如此反复波动的主要原因，是来自美国的经济政策及石油数据，尤其是来自美国产量创纪录的高位，令今年下半年国际油价的下跌风险迅速加剧。由?</t>
  </si>
  <si>
    <t>美参院批准修订《多德-弗兰克法案》</t>
  </si>
  <si>
    <t>美国参议院14日晚以67票对31票的结果批准了一项议案，修订金融危机时期颁布的《多德-弗兰克法案》的部分内容，放松金融监管，为银行业“减负”。重大举措3月14日，正是贝尔斯登公司倒闭10周年之际，而此事是2008年金融危机一个关键转折点，是美国金融危机的真正的?</t>
  </si>
  <si>
    <t>欧盟拟征数字税  美科技巨头受多重压力</t>
  </si>
  <si>
    <t>欧盟已拟定草案对大型网络科技公司收入征税，3%至5%的税率将打击多家美国公司。此前德国、法国、英国正在各自拟定相关征税规则。媒体称欧盟此举能够统一欧洲主要国家的意见和征税规则。据英国《金融时报》15日报道,根据一份来自欧盟的起草报告,显示欧盟正在考虑制定“数</t>
  </si>
  <si>
    <t>在希斯罗与英国立约</t>
  </si>
  <si>
    <t>对大多数人而言，来英国的首站是希斯罗。在这个全欧洲最繁忙的机场，第一次感受英国，第一次爱或者恨这个国家。初来者睁着满是血丝的眼睛，拖着行李箱，略有些兴奋地在航站楼里开始寻找期待中的英国。所有指示牌都是英文——英国人为世界贡献的通用语言——绝无第二种；</t>
  </si>
  <si>
    <t>“女版乔布斯”涉嫌欺诈被SEC重罚</t>
  </si>
  <si>
    <t>当地时间14日，美国证券交易委员会(SEC)指控硅谷初创公司Theranos及其创始人兼首席执行官伊丽莎白·霍姆斯涉嫌在其所谓突破性的血液检测技术上欺骗投资者，在2013年下旬到2015年间从投资者处募集了至少7亿美元资金。SEC与Theranos达成了民事欺诈指控的和解。创始人霍姆?</t>
  </si>
  <si>
    <t>默克尔新任期面临新课题</t>
  </si>
  <si>
    <t>德国总理默克尔领导的联盟党(由基民盟和基社盟组成)日前与社会民主党(下称“社民党”)正式签署了组成大联合政府的协议，德国联邦议院于14日选举默克尔出任总理，开启其第四个总理任期。同样是组建大联合政府，同样是默克尔担任总理，德国在经历去年9月联邦议院选举以来?</t>
  </si>
  <si>
    <t>建设制造强国必须培育工匠精神</t>
  </si>
  <si>
    <t>“我国正在由制造大国向制造强国转变，在加快制造业转型升级的过程中，离不开两大驱动力，一是科技创新，二是工匠精神。”全国政协常委、全国工商联副主席、中国民营经济国际合作商会会长、中非民间商会监事长、赣商联合总会会长、科瑞集团董事局主席郑跃文在接受《经济参考?</t>
  </si>
  <si>
    <t>英国上调今年经济增长预期至1.5%</t>
  </si>
  <si>
    <t>英国财政大臣哈蒙德13日公布2018年春季财政报告，将今年英国经济增长预期从此前的1.4%上调至1.5%，对于当前英国财政状况予以肯定，表示未来有可能停止财政紧缩，扩大支出。哈蒙德表示，英国经济已经出现转折，“隧道尽头微光乍现”。政府可能放松对公共支出的控制，但仍</t>
  </si>
  <si>
    <t>“地价门”再发酵  或重创安倍政权</t>
  </si>
  <si>
    <t>日本财务省12日在向国会提交的调查报告中承认，森友学园“地价门”去年遭曝光后，财务省对14份相关文件进行了篡改，其中包括删除日首相安倍晋三夫人安倍昭惠及多位政治家的名字。分析人士指出，“地价门”丑闻如继续发酵恐对首相安倍晋三政权造成沉重打击，甚至可能对修</t>
  </si>
  <si>
    <t>美国页岩油产量望达新高  油价下挫约1%</t>
  </si>
  <si>
    <t>美国页岩油产量预计将成为近期主导国际油价和石油输出国组织(欧佩克)减产协议的关键。受美国页岩油产量4月份可能达纪录高点影响，12日国际油价下挫约1%。美国能源信息局(EIA)12日在月度报告中称，美国4月主要页岩油产区的原油产量预计将较前月增加13.1万桶/日，至695万?</t>
  </si>
  <si>
    <t>多国与美谋求豁免钢铝关税</t>
  </si>
  <si>
    <t>上周四，美国总统特朗普不顾国内外反对声音，签署了征收钢铝关税的公告，正式宣布对进口钢铁和铝产品征收25%和10%的高额关税，15天后生效。政策宣布后，一些国家纷纷寻求豁免美国的钢铝关税。美国与欧日第一回合的激烈辩论，并未就钢铝关税豁免事项达成结果，谈判本周还将继?</t>
  </si>
  <si>
    <t>英国脱欧导致伦敦房价大跌</t>
  </si>
  <si>
    <t>据英国《卫报》报道，最新数据显示，在英国脱欧公投的影响下，曾经一度处于英国房地产业最繁荣的伦敦地区房价在过去的一年中已经下跌高达15%。英国哈里法克斯银行(Halifax)上周公布的数据也显示出，英国房价年增长率已降至1.8%，为近5年来的最低水平。英国一家大型</t>
  </si>
  <si>
    <t>前副首相的悲观预言</t>
  </si>
  <si>
    <t>英国前副首相尼克·克莱格做出了他的悲观预言——“脱欧”将让英国陷入“二战以来的最大危机”。克莱格发布会这天正逢英国遭遇极寒，伦敦飘起少见的大雪，公共交通几近瘫痪。主持人说，克莱格一定不会迟到，因为他曾在大学毕业后的“间隔年”到奥地利做滑雪指导，这点雪</t>
  </si>
  <si>
    <t>中国生物技术三领域寻求全球“领跑”力量</t>
  </si>
  <si>
    <t>数据显示，2017年，我国在工业生物技术领域技术专利申请、核心期刊论文发表均超越美国等发达国家，居世界首位，在该领域已经成为名副其实的技术大国。记者从科技部和中科院了解到，在生物技术领域，中国的干细胞、精准医疗、基因编辑等正在培养领跑世界的技术与产业。技</t>
  </si>
  <si>
    <t>法印全面深化战略伙伴关系</t>
  </si>
  <si>
    <t>正在印度访问的法国总统马克龙与印度总理莫迪一起出席了两国达成14项合作协议的签字仪式。双方未来将围绕经贸、气候、反恐、防务等领域深化合作。马克龙在新德里表示，法国希望成为印度在欧洲的最佳伙伴。根据法国官方公布的日程安排，马克龙在9日至12日期间访问印度，?</t>
  </si>
  <si>
    <t>法国制造借汉诺威工博会进军国际市场</t>
  </si>
  <si>
    <t>在法国商务投资署与未来工业联盟的支持下，法国展团将入驻2018年汉诺威工业博览会8号“数字工厂”及“综合自动化、运动和驱动”展厅，展示法国工业的创新发展，体现法国工业的专业技艺，证明“未来工业”计划中法国企业创新能力的重要价值。诞生于1947年的汉诺威工业博?</t>
  </si>
  <si>
    <t>油价已站在趋势性上扬的风口</t>
  </si>
  <si>
    <t>近日，据境外媒体报道，美国监管机构正在考虑调整“沃克尔规则”。其中一项重要内容是银行等金融机构可以开展自营业务，不再对其限制包括期货在内的自营业务。这一消息今后的演变与发展，对国际油价的长期走势具有深远意义。如果“沃克尔规则”中禁止银行等金融机构自营</t>
  </si>
  <si>
    <t>平昌冬奥会的经济账应该怎么算</t>
  </si>
  <si>
    <t>当地时间3月9日，2018冬季残奥会将在韩国平昌拉开帷幕，“开启为期十天的全世界残疾人运动员冰雪盛典”。同样的场馆，同样的赛道，同样的奥运村，刚刚结束的冬奥会给本届冬季残奥会留下了丰富的“奥运遗产”。目前公布的统计数字表明，无论从经济效益、社会效益还是政治效益?</t>
  </si>
  <si>
    <t>可口可乐将在日本推出首款酒精饮料</t>
  </si>
  <si>
    <t>北京时间3月7日，据《金融时报》报道，可口可乐为了拓展新营收来源，决定打破创业125年来专攻软性饮料市场的传统，将在日本推出首款酒精饮料，抢攻日本近年快速成长的“Chu-Hi”罐装气泡调酒市场。去年底富国银行分析师就曾表示，可口可乐或许在近期宣布进攻酒精饮料市?</t>
  </si>
  <si>
    <t>欧盟拒绝英国金融业特殊待遇</t>
  </si>
  <si>
    <t>据英国路透社报道，欧盟7日发布的英国脱欧后双方自由贸易关系准则草案与英国首相特雷莎·梅的期望相差甚远，特别是对英国的金融行业而言。草案显示，欧盟希望与英国建立紧密的合作伙伴关系，但因英国自身希望退出欧盟单一市场和关税同盟，双方关系将受到限制。草案文本?</t>
  </si>
  <si>
    <t>乐高年度业绩13年来首次下滑</t>
  </si>
  <si>
    <t>丹麦积木玩具制造商乐高当地时间6日表示，2017年公司全球销售业绩下滑，但2018年开年后情况已有所改善。数字显示，2017年，乐高全球营收下挫8%至350亿丹麦克朗(约58亿美元)，这是最近13年来公司年度销售额首次下滑。此外，当年乐高税前利润下滑18%至104亿丹麦克朗。税后</t>
  </si>
  <si>
    <t>柴油车禁令将引发德国汽车业变革</t>
  </si>
  <si>
    <t>德国联邦行政法院最近作出终审判决，驳回巴登－符滕堡州和北莱茵－威斯特法伦州政府的上诉请求，维持地方法院的判决，裁定德国城市有权实施柴油车禁令，以减少空气污染。分析认为，这为德国各地实施柴油车禁令扫除了法律障碍，可能引发德国相关立法和汽车行业的重大变革。</t>
  </si>
  <si>
    <t>韩版微信Kakao进军区块链  拟赴海外ICO</t>
  </si>
  <si>
    <t>据路透社报道，韩国最大的即时通讯软件运营商Kakao周一表示，计划于本月成立一个新的专注于区块链技术的部门，并计划为该部门进行一次初始代币发行(ICO)以筹集资金。据悉，Kakao计划最早于本月成立一家新的附属公司，暂定名为“Kakao区块链”(Kakao Blockchain)，尽管具</t>
  </si>
  <si>
    <t>C919已获815架订单  “929”后续型号正在路上</t>
  </si>
  <si>
    <t>6日下午，十三届全国人大一次会议上海代表团举行全团会议并对媒体开放，全国人大代表、国产大飞机C919总设计师吴光辉在回答记者提问时说，C919已取得国际国内28个用户的815架订单，未来将会出现命名为“929”等更多国产大飞机。吴光辉说，目前中国商飞公司正全力以赴加?</t>
  </si>
  <si>
    <t>德组阁在望  欧盟应对能力或提高</t>
  </si>
  <si>
    <t>德国4日扫清了组建“大联合政府”的障碍，国内政坛的不安定因素暂时平息。在即将开启第四次总理任期的安格拉·默克尔领导下，德国不仅将推行更多改革措施，还将与法国一道应对欧盟各项政策挑战，包括与英国“脱欧”谈判、移民安置、国际贸易摩擦、欧元区财政改革等。德?</t>
  </si>
  <si>
    <t>欧盟列出对美贸易报复清单</t>
  </si>
  <si>
    <t>据外媒5日报道，欧盟已列出一份美国产品清单，如果美国总统特朗普对进口钢铁和铝全面课征关税的计划付诸行动，欧盟就将对这些美国产品开刀。欧盟消息人士称，欧盟正考虑向大约35亿美元美国进口商品征收25%关税，以“重新平衡”欧盟和美国之间的双边贸易。在这35亿美元商</t>
  </si>
  <si>
    <t>与英国灵魂作家布莱森聊“脱欧”</t>
  </si>
  <si>
    <t>比尔·布莱森是英语世界作家里一个响当当的名字。他是美国人，在英国生活了40年，写出了好几本幽默游记。他的《小岛札记》一书被英国读者推选为“最能深刻传达英国灵魂的作品”。在英美几乎每一家书店的畅销书书架上，你都能轻松找到布莱森的书。他是当今英语世界最多产</t>
  </si>
  <si>
    <t>西门子医疗部门即将上市  估值低于预期</t>
  </si>
  <si>
    <t>北京时间3月5日凌晨，据路透社消息，德国工程巨头西门子4日为旗下医疗成像和诊断业务部门(西门子医疗业务部门)的IPO设定了价格区间，西门子计划以每股26欧元至31欧元的价格，出售至多15%的股份，或至多1.5亿股。据悉，新股将于3月6日至15日招股，于3月16日上市。西门子已经指</t>
  </si>
  <si>
    <t>多因素致港元汇率见新低</t>
  </si>
  <si>
    <t>上周五(3月2日)下午约5时，港元兑美元跌破7.83关口后，一度低见7.8315，创下2005年香港金管局引入双向兑换保证以来最低位。近期港元汇率一直在往下走，其中原因比较复杂，归纳起来，大致有这么几点：一是美联储新掌门鲍威尔的首秀表态坐实了美国将加快加息步伐，而</t>
  </si>
  <si>
    <t>国际油价宽幅震荡</t>
  </si>
  <si>
    <t>上周，国际市场上，油价在创出了3周高点后，又创出了一周的低点。油价上窜下跳显示了市场对于油市走向的不确定性，而随着欧佩克和美国之间角逐的加剧，这一趋势或更加明显。分析人士表示，市场担忧美政府对进口钢铝制品征税可能引发贸易战。受此影响，国际油价2日早盘下</t>
  </si>
  <si>
    <t>流媒体商集中上市  扭亏任重道远</t>
  </si>
  <si>
    <t>美国证券交易委员会(SEC)上周公布了多家流媒体公司的招股说明书，包括Spotify、爱奇艺、哔哩哔哩这些行业领先公司寻求上市之际，连年亏损和盈利难的商业模式受到投资者关注，公司背后来自“BAT”资金支撑的股权变化也成为市场焦点。这些业界主流公司的招股说明书显示，?</t>
  </si>
  <si>
    <t>中国水务获亚行2亿美元贷款</t>
  </si>
  <si>
    <t>亚洲开发银行日前批准了一项价值2亿美元的贷款，旨在帮助中国水务集团有限公司(中国水务)在中国改善废水管理，提高供应清洁和可靠用水。此项协议由中国水务董事长段传良和亚行私营部门业务局副局长克里斯托弗·蒂姆在北京签署。亚行的援助包含两部分，即1亿美元贷款和1?</t>
  </si>
  <si>
    <t>严寒令英国政府应对能力面临大考</t>
  </si>
  <si>
    <t>据英国《卫报》报道，受西伯利亚冷空气影响，英国最近一周蒙受重大经济损失，有可能导致2018年第一季度GDP增长率比预期减半。有分析人士称，自2月26日开始席卷英国各地的降雪降温天气，造成交通中断、施工停工、游客减少、零售业萧条，每天至少损失10亿英镑(约合人民币9</t>
  </si>
  <si>
    <t>英国酝酿“最深最广”脱欧新政</t>
  </si>
  <si>
    <t>这又是一个“脱欧”进程中的重要节点。英国首相特雷莎·梅再次发表关键讲话，旨在向外界阐明英国希望在“脱欧”后与自己最大的贸易伙伴欧盟达成何种贸易关系。因为历史上少见的大风雪，首相原本计划在英格兰北部城市纽卡斯尔的讲话被迫移至伦敦。仓促确定的新演讲地点是</t>
  </si>
  <si>
    <t>意大利大选影响欧洲政治经济走势</t>
  </si>
  <si>
    <t>欧元区重要经济体意大利将于4日迎来议会选举。从最新选情看，中右翼联盟领先，但中左翼联盟以及近年来崛起的民粹主义政党——五星运动党支持率也不低。分析人士指出，意大利议会选举及随后的组阁情况不仅关系该国未来的走向，还会影响到欧洲政治经济走势，因此备受欧洲?</t>
  </si>
  <si>
    <t>铁路改革提速混改试点扩围</t>
  </si>
  <si>
    <t>3月3日，全国政协委员、中国铁路总公司（下称“铁总”）原副总经理卢春房在接受《经济参考报》记者采访时表示，铁总公司制改革方案已经上报国务院，等批复下来会抓紧实施。而这只是2018年铁路改革提速的第一步。根据铁总工作会议披露的信息，今年将落实公司制改革“三步</t>
  </si>
  <si>
    <t>英飞凌上汽合资建厂  主攻功率模块</t>
  </si>
  <si>
    <t>全球半导体科技巨擘德国英飞凌科技股份公司与上海汽车集团股份有限公司2日宣布成立合资企业，针对中国电动汽车市场携手制造功率模块。据悉，合资公司命名为“上汽英飞凌汽车功率半导体(上海)有限公司”，上汽持股51%，英飞凌持股49%。公司总部设在上海，生产基地位于英?</t>
  </si>
  <si>
    <t>美国加大对数字加密货币融资监管</t>
  </si>
  <si>
    <t>据美国《华尔街日报》报道，美国证券交易委员会(SEC)正在加强对数字加密货币市场融资的监管。知情人士称，美国证券交易委员会已经向涉及虚拟货币市场的科技公司和顾问发出几十张传票以及信息提供要求。这场大范围的调查使得规模达到数十亿美元的虚拟货币融资市场所</t>
  </si>
  <si>
    <t>强势美元会否卷土重来</t>
  </si>
  <si>
    <t>在美国财长和美联储主席的共同“背书”之下，美元指数刷出一个5周来的高位，从月线上看，大体与2014年底美元处于上涨周期的中部位置持平，而所谓的“强势美元”也再次进入全球投资者的视野。不过，较之以往，这次显得相对脆弱与低调。美联储新任主席鲍威尔在国会作证时?</t>
  </si>
  <si>
    <t>中德两国搭建企业创新平台</t>
  </si>
  <si>
    <t>记者从2月27日至28日举行的第五届中德创新大会上了解到，目前中德两国间已搭建11个创新合作平台，涵盖了电动汽车、生命科学、清洁水、智能制造、交通轻量化、清洁能源等多个领域。在这次中德创新大会上，工业互联网和智能制造作为重要议题，被摆在了与会中德双方代表的?</t>
  </si>
  <si>
    <t>英国怒拒欧盟“脱欧”草案</t>
  </si>
  <si>
    <t>英国首相特雷莎·梅2月28日强烈拒绝欧洲联盟为英国脱离欧洲联盟准备的协议草案，愤怒声明绝不会允许欧盟损害英国的“宪法完整性”。惹怒特雷莎·梅的草案当天由欧盟方面公布，主要涉及英国北爱尔兰地区与欧盟边界安排。欧盟建议，如英方无更好方案，英国“脱欧”后北爱?</t>
  </si>
  <si>
    <t>谁动了英国大学教授的养老金？</t>
  </si>
  <si>
    <t>大清早赶时间叫了出租车，出租车司机说，大学教授们在罢工。果然没错。一些英国大学教职员工要罢工的消息已经流传很久。在诺丁汉大学的校门口，有一些人拿着标语牌表达诉求：“我们的养老金惨遭削减”。规模罕见的大学教职员工罢工究竟是为了什么？关键词是养老年?</t>
  </si>
  <si>
    <t>我国科技创新迎更大力度司法保障</t>
  </si>
  <si>
    <t>2月28日，在国新办新闻发布会上，最高人民法院副院长陶凯元就近日中办国办印发的《关于加强知识产权审判领域改革创新若干问题的意见》（以下简称《意见》）做了有关情况介绍。陶凯元称，《意见》是两办印发的第一个专门面向知识产权审判的里程碑式的纲领性文件，确立了新时代</t>
  </si>
  <si>
    <t>5G网络有望2020年如期商用</t>
  </si>
  <si>
    <t>当地时间2月26日，2018年世界移动通信大会（MWC）在西班牙巴塞罗那举行。本届大会上，高通、华为、中兴、爱立信、诺基亚等知名电信企业展示了大量成熟5G技术，以及包括移动通讯、物联网、车联网在内的多项5G应用。业内普遍认为，成熟的5G技术和应用集中亮相具有全球产业风向?</t>
  </si>
  <si>
    <t>微软与美国司法部对簿最高法院</t>
  </si>
  <si>
    <t>根据多家外国媒体报道，当地时间2月27日，美国微软公司与美国司法部对峙于美国最高法院，就海外数据隐私权问题展开辩论。对簿公堂美国最高法院27日宣布受理微软与美国司法部之间的一场重大隐私权案，微软对美国司法部的一桩重大隐私权案将在最高法院开庭。美?</t>
  </si>
  <si>
    <t>一辆宝马车的“脱欧”之旅</t>
  </si>
  <si>
    <t>英国人正逐渐意识到：从欧盟退出可能远比他们此前想象的要复杂。欧盟是英国最大的贸易伙伴，英欧贸易额大约占英国对外贸易总额的一半，因此英欧之间在“脱欧”后形成什么样的贸易关系成为现阶段“脱欧”谈判的关键议题。一辆宝马迷你车的制造过程就可以向你展示英?</t>
  </si>
  <si>
    <t>欧盟拟改变对科技巨头征税方法  税率最高为5%</t>
  </si>
  <si>
    <t>当地时间2月26日，据路透社消息，欧盟一份文件草案显示，欧盟委员会计划改变大型数字科技公司征税的计算方法，由按总部所在地营收计算改为按用户所在地营收计算，税率为1%至5%。路透社所看到的文件内容显示，这份提案旨在提高对亚马逊、谷歌和Facebook等公司的税费。</t>
  </si>
  <si>
    <t>国债收益率大涨  高盛预警美股风险</t>
  </si>
  <si>
    <t>2018年初以来，海量供应以及美联储紧缩步伐的渐渐加快，导致美国国债收益率“水涨船高”。上周，美国国债拍卖总规模超过2500亿美元，中标利率纷纷创下近年来新高。2月22日，10年期美债收益率达到2.95%以上水平，创2014年1月以来的新高。目前众多权威机构普遍预期，美国10年期</t>
  </si>
  <si>
    <t>移动支付加快挺进法国商家</t>
  </si>
  <si>
    <t>法国巴黎奥斯曼大街最大的两个商场——春天百货和老佛爷百货的商铺柜台上，支付宝和微信支付的标识已经随处可见。春节期间，计划漫游欧洲的王进从德国转到法国，碰到笔者时他跟女友提着大包小包在春天百货购物。王进说：“在德国购物全都是刷支付宝，现在我知道在春天百</t>
  </si>
  <si>
    <t>英特尔公布5G领域全新产业合作计划</t>
  </si>
  <si>
    <t>2018世界移动通信大会（MWC2018）于西班牙当地时间26日拉开帷幕。美国英特尔公司此前一天率先公布了面向5G领域的全新产业合作计划，一方面展示了与全球合作伙伴在5G领域取得的各项成果，另一方面对未来5G时代的丰富可能性进行了展望。5G即第五代移动通信，以超高速率、?</t>
  </si>
  <si>
    <t>全球电动车全产业链竞争加剧</t>
  </si>
  <si>
    <t>吉利集团近日宣布，已通过旗下海外企业主体收购德国车企戴姆勒股份公司9.69%具有表决权的股份。全球汽车厂商近期对电动车布局呈现加速之势，除了自身加大研发投入和生产，全球车企之间的合作日渐频繁。在全球政策层面不断助推、市场需求持续上升等利好背景下，稀有金属原材料</t>
  </si>
  <si>
    <t>英国“脱欧”前路漫漫</t>
  </si>
  <si>
    <t>还有一个月，英国正式启动“脱欧”程序就将满一年。回顾一年时间，英国与欧盟“一拍两散各生欢喜”的浪漫从未出现。经过冗长艰难复杂的谈判，目前“离婚”双方终于就爱尔兰边界、欧盟在英公民权利、“分手费”等核心议题达成协议，第二阶段关于“后脱欧时代”英欧贸易关</t>
  </si>
  <si>
    <t>美国年内加息大概率增至4次</t>
  </si>
  <si>
    <t>美国白宫21日向国会提交了特朗普政府第一份总统年度经济报告，报告预计今年美国经济增速将升至3.1%。与此同时，美联储和官员对经济前景和通胀乐观情绪也在增加，经济前景利好令越来越多的市场人士预计美国年内加息增至4次的可能性增加。白宫预计经济增速达3%这份接</t>
  </si>
  <si>
    <t>欧盟峰会将聚焦英国“脱欧”后预算案</t>
  </si>
  <si>
    <t>据英国媒体报道，欧盟27国领导人23日召开非正式峰会，预计英国“脱欧”后预算案及欧盟委员会下届主席人选等问题将成为主要的议题，欧盟将尽力避免2019年英国“脱欧”可能带来的不良后果。英国以外的欧盟领导人届时将表态是否同意扩增欧盟下个七年的预算规模，以应付安全</t>
  </si>
  <si>
    <t>英特尔计划未来三年在以色列投资50亿美元</t>
  </si>
  <si>
    <t>以色列当地财经媒体《环球报》21日报道称，2018年-2020年英特尔将在以色列投资50亿美元，用于扩大其在以色列的生产规模和技术升级换代。报道称，当天以色列经济和产业部长埃利·科亨会见了英特尔高管，双方就该投资计划展开会谈。据悉，位于以色列南部的凯尔耶特盖</t>
  </si>
  <si>
    <t>世行：中国应推进更包容和可持续发展</t>
  </si>
  <si>
    <t>世界银行集团22日发表的《中国系统性国别诊断》表示，中国在推进经济快速增长和减少贫困方面取得了史无前例的成就。快速经济增长使广泛改革成为可能。中国若在广泛领域协调推进改革，使发展效应达到最大化，并应对发展挑战，就能实现更加包容、更可持续的发展。中国经济</t>
  </si>
  <si>
    <t>美欧贸易战或一触即发</t>
  </si>
  <si>
    <t>2月20日，就在美国总统特朗普权衡是否对进口钢铁和铝产品征收关税之际，欧洲联盟重申，将对该国可能的贸易保护主义措施做出“迅速”反应。欧盟宣布随时准备还击当地时间20日，欧盟发言人在新闻发布会上表示，“我们已经明确向美国政府的最高层表示，我们会对影响欧</t>
  </si>
  <si>
    <t>中国移动支付海外“落地生根”仍需关键一步</t>
  </si>
  <si>
    <t>2017年可谓中国移动支付集体“出海”年，从东南亚到欧洲的数十个国家都有了中国移动支付的身影。法国巴黎奥斯曼大街最大的两个商场——春天百货和老佛爷百货的商铺柜台上，支付宝和微信支付的标识随处可见。春天百货集团首席执行官保罗·德塞萨尔说，春天百货现在?</t>
  </si>
  <si>
    <t>高通提高收购恩智浦报价至440亿美元</t>
  </si>
  <si>
    <t>据路透社报道，当地时间20日，美国芯片制造商高通公司屈服于投资者压力，提高了对恩智浦半导体公司的收购报价，希望以440亿美元将这笔旷日持久的交易敲定，并加强其抵御博通敌意收购的能力。在艾略特管理公司等对冲基金持续数月施压，要求提高收购出价后，高通同意将其?</t>
  </si>
  <si>
    <t>中国方案推动全球经济治理变革</t>
  </si>
  <si>
    <t>中国的发展离不开以全球化为代表的外部环境和以多边主义为支撑的国际秩序。无疑，多边层面、主要机构将是中国引领全球经济治理改革的一个重点。如何重振WTO的活力，使之成为自由贸易的推手；如何推动IMF新的份额改革，使中国和其他新兴经济体的代表性得到更充分的体现，“以?</t>
  </si>
  <si>
    <t>贸易战不是中美双方理性选择</t>
  </si>
  <si>
    <t>最近一段时间，美国频频拿起贸易保护大棒挥向中国产品，包括反倾销反补贴、全球保障措施、301、307等调查轮番发起，尽管特朗普上台后并未对华产品普遍征收高关税，也没有将中国列为汇率操纵国，不过，频繁滥用贸易救济的手段，依然引发市场对美点燃贸易战的担忧。之所以</t>
  </si>
  <si>
    <t>我国光热熔盐市场发展潜力巨大</t>
  </si>
  <si>
    <t>记者从青海盐湖工业股份有限公司了解到，其旗下的青海盐湖硝酸盐业股份有限公司于2017年底向西班牙Sener（赛能）集团出口的首单熔盐产品，日前已分批次到达赛能集团在非洲的光热项目基地。业内人士分析，随着全球太阳能发电产业逐渐壮大，储能熔盐作为一种低成本、长寿?</t>
  </si>
  <si>
    <t>防范化解重大风险需政府和市场形成合力</t>
  </si>
  <si>
    <t>中国财政科学研究院院长刘尚希在出席该院与世界银行发展预测局共同举办的“全球经济展望与经济风险形势分析”研讨会时表示，风险是无界的，而且相互之间可以转化，因此要完成好中央经济工作会议提出的防范化解重大风险的攻坚任务首先要从整体去评估和认识风险，政府和市场要?</t>
  </si>
  <si>
    <t>中日对待人才流动的不同做法</t>
  </si>
  <si>
    <t>从古至今，人才的重要性不容置疑。在科技迅猛发展的当今世界，人才争夺战愈演愈烈，大有得人才者得天下的势头。人才已经成为衡量一个国家综合国力的重要指标，谁能培养和吸引更多优秀人才，谁就能在竞争中占据优势。招贤纳士，即吸引和挽留人才，该如何做?近日日本一则?</t>
  </si>
  <si>
    <t>利好政策渐明朗  全球股市回暖</t>
  </si>
  <si>
    <t>受12日美国股市走高的提振，全球主要股市集体回暖，上周大跌引发的市场恐慌情绪缓解。多家投行和市场分析人士称，全球股市大幅波动，但利好因素不可忽视，资金面的相对宽裕、短期回调有助修正了部分市场估值、主要经济体较好的经济政策前景等。普涨缓解担忧情绪12?</t>
  </si>
  <si>
    <t>滴滴与软银成立合资企业  进军日本市场</t>
  </si>
  <si>
    <t>据路透社9日消息，滴滴出行和软银集团宣布成立合资公司，预备于今年下半年进入日本出租车市场。这是滴滴继巴西之后宣布要进驻的第二个海外市场。据悉，下一步将是墨西哥市场。据报道，双方将利用滴滴先进的人工智能技术搭建网约车平台，提高日本出租车行业和司机的运营?</t>
  </si>
  <si>
    <t>力促基建支出  特朗普将公布预算提案</t>
  </si>
  <si>
    <t>美国白宫11日透露，美国总统特朗普将于本周公布最新预算提案，预计将包含2000亿美元的基础设施支出。路透社援引美国白宫预算管理局(OMB)局长马瓦尼表态称，此次预算案将提议未来10年通过一系列意在遏制浪费性开支的激进支出改革措施，将赤字削减3万亿美元。马瓦尼?</t>
  </si>
  <si>
    <t>“中国造”蒙内铁路激活东非商业版图</t>
  </si>
  <si>
    <t>东起肯尼亚东部港口蒙巴萨西至首都内罗毕的蒙内铁路全长约480公里，已于2017年5月31日正式通车。这是肯尼亚独立以来首条新铁路，由中国路桥工程有限责任公司承建，全线采用中国标准。同时，蒙内铁路也是海外首条采用“中国标准”全方位运营维护的国际干线铁路。蒙内铁路</t>
  </si>
  <si>
    <t>美国民众点赞中车</t>
  </si>
  <si>
    <t>“我想和CRRC击掌庆贺，他们说到做到，既支持了当地经济，又创造了工作机会。”2017年10月，当中国中车股份有限公司（CRRC）设在美国马萨诸塞州春田市的轨道交通装备制造厂投产时，马萨诸塞州州长查理·贝克亲临现场见证了这一历史时刻，并特地发推文为中车点赞。?</t>
  </si>
  <si>
    <t>英国市场将回归正常逻辑</t>
  </si>
  <si>
    <t>美国债券收益率曲线上，30年长期债券收益率终于上扬到了3%上方。在金融危机十年之后，回归正常。英国的债券收益率走势类似，只不过迟缓一些。接下来的股市，应该也会继续向正常逻辑回归，当然还会夹杂着非常规手段的回撤。英国的30年债券收益率目前在1.95%，接近2%的长?</t>
  </si>
  <si>
    <t>俄罗斯央行下调利率至7.5%</t>
  </si>
  <si>
    <t>俄罗斯央行日前宣布降息25个基点至7.5%，符合预期。俄罗斯央行同时表示，将考虑今年进一步降息。此前，一项路透社调查也显示，俄罗斯央行今年或将继续降息，以带动消费者需求和整体经济。调查显示，到今年年底时，该行将把指标利率下调至7%。因通胀率下滑至其目标4</t>
  </si>
  <si>
    <t>汉代西域都护府遗址今何在</t>
  </si>
  <si>
    <t>过去漫长的岁月中，新疆巴音郭楞蒙古自治州轮台县境内发现有十余处距今约两千年的古城遗迹，经考证，汉代西域都护府就隐匿于其间。历经两千多年的岁月刻蚀、风沙掩埋，古城仅存的少量土垒遗迹都被掩盖在荒漠植被红柳和梭梭之下，不易靠近，又难以辨认。考古学界也一直没</t>
  </si>
  <si>
    <t>日本消费金融是如何走上正轨的</t>
  </si>
  <si>
    <t>日本消费金融业从过去的高利率、过剩融资和暴力追讨“三恶横行”，引发多重债务等社会问题，甚至导致一些还不起债的借款者自杀，到今天的行业大洗牌，中小消费金融机构不断被淘汰，大型机构投靠大银行门下，消费金融逐渐走上健康、规范的发展道路，主要依靠制定和完善相关法?</t>
  </si>
  <si>
    <t>动乱挫伤马尔代夫最大支柱产业</t>
  </si>
  <si>
    <t>素以旅游胜地闻名的马尔代夫，近期由于国内的紧张局势成为国际社会关注焦点。该国的政局动荡令中国、印度和英美等多国发出旅游警告，更可能令当地错失中国春节旅游商机。2月5日，中国外交部针对马尔代夫旅游发出提醒，建议正在马尔代夫的中国游客密切关注安全形势，加强安全?</t>
  </si>
  <si>
    <t>Airbnb助力平昌提振冬奥经济</t>
  </si>
  <si>
    <t>在韩国平昌冬季奥运会举行前夕，全球共享住宿平台爱彼迎（Airbnb）公布的数字显示，冬季奥运会给韩国江原道等地带来的经济效应正在逐渐显现。根据Airbnb公布的数字，截至2月6日，全球将有9000名Airbnb房客在冬奥会期间抵达平昌市所在的江原道，与去年同期相比增长260%。</t>
  </si>
  <si>
    <t>丹麦欲加强与我科技外交</t>
  </si>
  <si>
    <t>随着中国与欧盟国家间科技合作升温，丹麦首任科技大使日前在北京设立办事处，并表示将通过加深科技往来，进一步促进丹麦与中国全面战略伙伴关系。作为世界首创，丹麦将从科技业的交流上升到外交政策层面，并建立平台，以期在全球推进这种新形态外交事务。谈及为何?</t>
  </si>
  <si>
    <t>国内油价将迎七个多月来首次下调</t>
  </si>
  <si>
    <t>《经济参考报》记者从多家社会监测机构了解到，2月9日国内成品油价格将迎来新一轮调整窗口，预计下调是大概率事件，这是年内首次下调，也是7个多月来的首次下调，预计幅度将超百元，届时春节假期出行成本小幅收窄。1月26日国内成品油价上调落地以来，美国原油产量进一步</t>
  </si>
  <si>
    <t>欧盟：英国离开单一市场难避贸易壁垒</t>
  </si>
  <si>
    <t>欧盟委员会英国“脱欧”谈判首席代表米歇尔·巴尼耶5日在伦敦表示，英国如果离开欧盟关税同盟和单一市场，将面临“不可避免”的贸易壁垒。巴尼耶5日到访伦敦，针对“脱欧”过渡期和下一阶段“脱欧”谈判相关议题，与英国首相特雷莎·梅、英国“脱欧”事务大臣戴维·戴维</t>
  </si>
  <si>
    <t>恐慌性抛盘席卷全球股市</t>
  </si>
  <si>
    <t>继美股遭遇“黑色星期五”之后，全球股市本周迎来恐慌性抛售大潮。全球主要股市5日相继遭遇“黑色星期一”，6日亚太股市继续上演雪崩行情。在股市剧烈波动的背景下，杰伊·鲍威尔宣誓就任美联储新一任主席，誓言维护美国金融体系的弹性。本轮全球股市相继暴跌，皆由美股</t>
  </si>
  <si>
    <t>Waymo诉Uber窃密案开审  事关自动驾驶未来</t>
  </si>
  <si>
    <t>当地时间周一，Waymo控告Uber窃取商业机密案在美国旧金山法院开庭。据悉，Waymo是谷歌母公司Alphabet旗下的自动驾驶部门。这场号称硅谷史上最大的一场官司，或将对自动驾驶的未来产生重大影响。这起诉讼的起因是Uber在2016年8月以6.8亿美元的价格收购了一家名为Otto的无</t>
  </si>
  <si>
    <t>黑田东彦：日本央行将维持超宽松货币政策</t>
  </si>
  <si>
    <t>日本央行（日本银行）行长黑田东彦5日重申，考虑到日本国内通胀水平与日本央行设定的目标（2%）相距甚远，日本央行必须继续执行超宽松货币政策。黑田东彦当日在国会进行政策陈述时表示，日本央行致力于将通胀水平推升到2%的目标水平，因此需要保持政策定力，维持现行的?</t>
  </si>
  <si>
    <t>美国酝酿虚拟货币监管路线图</t>
  </si>
  <si>
    <t>当地时间2月6日上午10点，美国参议院银行、住房及城市事务委员会将举行一场有关虚拟货币的听证会。美国媒体认为，这场名为“虚拟货币：美国证监会（SEC）和商品期货交易委员会（CFTC）的监督作用”的听证会，将成为虚拟货币面临的一个关键时刻。美监管机构聚焦虚拟货币$</t>
  </si>
  <si>
    <t>巴西移动网络建设“掉队”了</t>
  </si>
  <si>
    <t>坐在里约的地铁中，很少看到沉迷于手机世界的“低头族”。治安不好，让人们不敢掏出手机；网络不稳，让人们懒得掏出手机。2017年，巴西4G网络速度在全球77个国家中排名第42位，尚不及中等水平。不仅如此，4G信号的覆盖率也被阿根廷、秘鲁等拉美国家远远甩在后面。信号时有时?</t>
  </si>
  <si>
    <t>索尼史上最年轻社长平井一夫将退位</t>
  </si>
  <si>
    <t>当地时间2月2日，据日本共同社报道，索尼公司发布最新人事安排，自4月1日起，现任副社长兼首席财务官吉田宪一郎升任社长，现任社长兼首席执行官平井一夫出任不具企业代表权的董事长。索尼公司指出，上述人事案由平井一夫向索尼指名委员会提案，并经由指名委员会审议后于</t>
  </si>
  <si>
    <t>短租巨头Airbnb的多元化路线图</t>
  </si>
  <si>
    <t>短租巨头Airbnb盈利能力及何时上市话题一直是文旅行业关注的焦点。对于外界Airbnb2018年上市的传言，Airbnb CEO布莱恩切斯基上个月表示，公司会尽快准备，负起责任，但不会急于上市。不过，最近切斯基在一封公开信中宣布美国运通CEO切诺特加入Airbnb董事会传递出包括推?</t>
  </si>
  <si>
    <t>广西柳州：从“内陆腹地”到“开放前沿”</t>
  </si>
  <si>
    <t>在印度、印度尼西亚、波兰、巴西等国建厂，经销商遍布世界各地，柳产汽车、工程机械、欧维姆锚具远销各大洲……在我国西南工业重镇广西柳州，当地企业乘着“一带一路”建设的东风，“抱团出海”，加速布局海外市场，实体经济的硬实力和影响力与日俱增。按照中央给广西的</t>
  </si>
  <si>
    <t>美联储按兵不动  三月加息信号增强</t>
  </si>
  <si>
    <t>美国联邦储备委员会2月1日召开货币政策会议，这也是耶伦在美联储主席任上主持的最后一次会议。会议决定维持利率不变，但上调了近期的通胀预期，业内预计，美联储3月加息概率较大。乐观评估经济预期耶伦主持了新年第一次议息会议，也是她在任内主持的最后一次议息会</t>
  </si>
  <si>
    <t>国双与诺德比翼节能科技签署战略合作框架</t>
  </si>
  <si>
    <t>国双科技日前与诺德比翼节能科技（北京）有限公司（Bee China）签署战略合作框架协议，双方将聚焦能源系统优化和智能建筑设施开展深度合作，共同拓展市场。Bee是世界领先的能源系统管理及优化领域技术和服务提供商，2009年创建于美国德克萨斯州奥斯汀市，并迅速成长为美</t>
  </si>
  <si>
    <t>特朗普国情咨文描绘经济政策走向</t>
  </si>
  <si>
    <t>当地时间1月30日，美国总统特朗普在国会联席会议上发表2018年国情咨文演讲，这是特朗普就任以来的首次国情咨文演讲。在长达80分钟的演讲中，特朗普回顾了一年来的执政成果、新的执政理念以及未来的政策方向，透露出“美国优先”的种种新设想。基建计划将走向前台特</t>
  </si>
  <si>
    <t>波动率回归常态  关注高贝塔系数债券品种</t>
  </si>
  <si>
    <t>在毫无波澜的经济基本面环境下，全球债券市场再度迎来暴跌。美国10年期国债收益率上破2.70%关键阻力位，标志着美国债券市场30年来的下行趋势线被击破，利率冲击蔓延至风险资产，美国VIX指数显著抬升，上破2016年以来的下行趋势线；德国10年期国债收益率上升至两年新高的0.625</t>
  </si>
  <si>
    <t>贝索斯、巴菲特联手摩根大通进入医疗保健市场</t>
  </si>
  <si>
    <t>1月30日，亚马逊、摩根大通以及伯克希尔·哈撒韦公司在一份联合声明中表示，未来三家公司计划成立一家新的独立医疗公司，将以更透明、更低成本为员工及家人提供医疗保健服务。受此消息影响，美国医疗保健类股票集体下跌，包括健康保险公司、分销商、制药商等股票都有不?</t>
  </si>
  <si>
    <t>当前我国财政政策空间仍然较充裕</t>
  </si>
  <si>
    <t>财政政策在中国的宏观调控体系中一直占据主导地位，不管是应对1998年亚洲金融危机、2008年国际金融危机，还是应对“新常态”以来的经济下行压力，积极财政政策都发挥了重要作用。而且，自2010年以来，中央经济工作会议已经连续八年定调“积极的财政政策+稳健的货币政策”，财</t>
  </si>
  <si>
    <t>版权：下一个产业发展风口</t>
  </si>
  <si>
    <t>很多人会说，版权是个小众的概念，能翻起多大的浪，引起多大的战争？我们来看一组数据：美国国际知识产权联盟发布了《美国经济中的版权产业：2016年度报告》。《报告》显示，美国全部版权产业为美国经济贡献了近2.1万亿美元的增加值，是无可争议的美国经济支柱产业，甚至已经</t>
  </si>
  <si>
    <t>2018，俄石油产业重回黄金时代？</t>
  </si>
  <si>
    <t>国际能源署近期公布的石油市场最新报告显示，石油输出国组织（欧佩克）与非欧佩克主要产油国达成的石油减产协议已初见成效，得益于油价回升，去年各产油国在产量减少的情况下反而赚得更多，其中俄罗斯平均每天多赚1.17亿美元，成为减产协议最大赢家。对于一个以石油为经</t>
  </si>
  <si>
    <t>央行银监会向欧盟提交意见书</t>
  </si>
  <si>
    <t>记者1月30日从央行网站获悉，人民银行、银监会针对欧盟拟出台的中间母公司监管新规向欧洲议会、欧盟理事会及欧盟委员会递交了联合意见书，希望欧盟当局能够重新考虑非欧盟金融集团设立中间母公司的相关要求。欧盟委员会于2016年11月发表了《关于进一步增强欧盟银行业风?</t>
  </si>
  <si>
    <t>下行45基点  人民币中间价结束七连涨</t>
  </si>
  <si>
    <t>据中国外汇交易中心数据，1月30日人民币兑美元中间价小幅回调45个基点，报6.3312，终结此前七日连升。当日人民币对美元即期收盘价报6.3415，较上一交易日收盘价下跌149个基点。业内人士表示，本周市场将迎来美联储议息决议和美国1月非农数据，且前期美元指数连续下跌后?</t>
  </si>
  <si>
    <t>中哈合作开辟中欧班列新通道</t>
  </si>
  <si>
    <t>中国自提出“一带一路”倡议以来，多个省区均已开通国际货运班列。如今，一列列“钢铁驼队”正成为中国与“一带一路”沿线国家贸易互通的重要桥梁。为不断优化中欧班列运输效率，今年1月中哈两国合作开辟中欧班列新通道，通过铁海联运，班列途径土耳其直达欧洲，为中国通往欧</t>
  </si>
  <si>
    <t>警惕“美国优先”转向贸易领域</t>
  </si>
  <si>
    <t>岁末年初，美国一连串政策都体现出特朗普总统“美国优先”原则。种种迹象表明，在对内完成税改承诺后，2018年，美国可能在贸易政策方面奉行“美国优先”的动作更多、力度更大，由此引发的贸易摩擦或日趋激烈。中国需要保持警惕，充分评估可能遇到的困难和压力，以便从容应对?</t>
  </si>
  <si>
    <t>全球并购交易创新世纪最强开局</t>
  </si>
  <si>
    <t>据英国《金融时报》29日报道称，Dealogic数据显示，2018年迄今，全球并购交易额总计2730亿美元，成为2000年互联网泡沫时期以来成交量最高的1月。全球并购交易出现自世纪之交以来的最强劲开局，反映出美国税改、全球经济增强以及股市飙升给企业决策层带来的信心。全球并?</t>
  </si>
  <si>
    <t>日本巨额数字货币被盗  凸显监管漏洞</t>
  </si>
  <si>
    <t>日本虚拟货币交易所运营商Coincheck日前表示，公司网站1月26日遭黑客攻击，交易平台保管的26万用户价值580亿日元（约5.3亿美元）新经币（NEM）被洗劫一空，涉案金额创下历史最高纪录。尽管Coincheck负责人28日承诺将动用公司自有资金460亿日元赔偿所有新经币持有者的损失，这</t>
  </si>
  <si>
    <t>英国去年经济增速放缓至五年来最低</t>
  </si>
  <si>
    <t>英国国家统计局日前公布数据显示，2017年英国国内生产总值（GDP）增速初步统计为1.8%，为2012年以来增长最慢的一年。但是，四季度经济环比增速有所回升，保留了些许乐观情绪。英国国家统计局的数据显示，2017年经济增长速度比2016年的1.9%有所放慢，全年经济增速放缓至?</t>
  </si>
  <si>
    <t>土耳其中企商会致力推动中土经贸合作</t>
  </si>
  <si>
    <t>土耳其中资企业商会（中企商会）28日举行2017－2018年度会员大会，会上中企商会表示将继续致力于为驻土中资企业营造良好营商环境，推动两国进行更多经贸合作。本次年会在土耳其爱琴海之滨的博德鲁姆举行，中国驻土耳其大使郁红阳出席，40余家驻土中资企业代表参会，会上</t>
  </si>
  <si>
    <t>国际油价延续年初升势</t>
  </si>
  <si>
    <t>受美元指数下跌等因素影响，国际油价当周大涨，维持了今年年初以来的涨势，但存在较大回调压力。当周美元指数触及三年低点，支撑原油期货走强。布伦特原油期货大涨近2.7%，美国原油期货涨幅达到4.3%。通用电气旗下能源服务公司贝克休斯公布数据，当周美国活跃钻机?</t>
  </si>
  <si>
    <t>日本惊现史上最大数字货币被盗案</t>
  </si>
  <si>
    <t>据共同社27日报道，日本虚拟货币交易所的运营巨头Coincheck26日发布消息称，价值约580亿日元（约合34亿元人民币，5.3亿美元）的虚拟货币新经币（NEM）因非法访问流向了外部。从交易所的受损额来看，超过2014年2月Mt.Gox曝光的约480亿日元，为迄今最大规模。Coincheck停止了虚</t>
  </si>
  <si>
    <t>社保扩围再提速  全民参保最后“攻坚”</t>
  </si>
  <si>
    <t>继2亿多农民工逐步纳入社保保障后，特殊贫困群体、新业态从业者开始成为社保扩围的新发力点，全民参保进入最后“攻坚期”。人社部新闻发言人卢爱红日前在2017年第四季度新闻发布会上指出，目前我国基本养老保险覆盖人数超过9亿人，全民医保基本实现。下一步将全面实施全</t>
  </si>
  <si>
    <t>达沃斯热切关注中国主张</t>
  </si>
  <si>
    <t>1月24日，中共中央政治局委员、中央财经领导小组办公室主任刘鹤出席达沃斯世界经济论坛2018年年会并发表致辞，展示了中国在推动经济全球化进程中的实际行动和贡献。中国在经济全球化、全球环境治理等方面的行动吸引了越来越多国家的携手参与。在此次世界经济论坛上，来?</t>
  </si>
  <si>
    <t>通用电气遭美国证监会调查</t>
  </si>
  <si>
    <t>通用电气公司（GE）1月24日发布2017年四季度财务报表，公司出现巨亏。同一天，通用电气宣布该公司正在接受美国证监会（SEC）调查。这也是2009年以来，通用电气再次遭到SEC调查。通用电气四季报显示，亏损达98.26亿美元，四季报远低于华尔街预期。通用电气披露，在第四财</t>
  </si>
  <si>
    <t>遭欧盟反垄断重罚  高通拟上诉</t>
  </si>
  <si>
    <t>因触犯欧盟反垄断法规，高通24日被欧盟处以9.97亿欧元（约合12.3亿美元）巨额罚款。高通对此裁决提出质疑，决定上诉至欧盟高等法院。据美国《华尔街日报》报道，欧盟对高通采取制裁行动，理由是高通为了削弱竞争对手而非法向苹果支付数十亿美元。欧盟竞争事务执委维斯塔</t>
  </si>
  <si>
    <t>美式保护主义惊扰全球</t>
  </si>
  <si>
    <t>24日，美国官员在达沃斯发表公开讲话，传递出很强的贸易保护主义信号。市场认为美国将陆续公布更多贸易制裁措施，也乐于利用美元汇率走低提振贸易。这与倡导全球化、自由贸易的达沃斯论坛理念背道而驰。美国财政部长姆努钦周三在达沃斯一场记者会上表示，“显然美元贬值</t>
  </si>
  <si>
    <t>中国在落实2030年可持续发展目标中处于领先位置</t>
  </si>
  <si>
    <t>联合国负责经济和社会事务的副秘书长刘振民23日在瑞士达沃斯接受记者专访时表示，中国在落实消除贫困等2030年可持续发展目标中处于领先位置。刘振民说，从全球范围看，实现可持续发展目标如消除贫困等都面临很大挑战。中国将在2020年有望实现全面脱贫，这对全球来说具有</t>
  </si>
  <si>
    <t>中国对东盟投资布局需更理性</t>
  </si>
  <si>
    <t>随着中国与东盟投资合作升温，中国-东盟商务理事会执行理事长许宁宁日前提醒说，中国企业在东盟国家投资布局时需注意当地产业导向、第三方竞争对手等因素，让投资更具理性，以推动中国东盟经济合作深化且良性的发展。在中国-东盟商务理事会和东盟北京委员会23日在京共同</t>
  </si>
  <si>
    <t>吹响捍卫全球化的号角</t>
  </si>
  <si>
    <t>第48届世界经济论坛年会于瑞士达沃斯当地时间23日正式开启大幕。印度总理莫迪在大会开幕式上发表演说，旗帜鲜明地抨击了目前愈演愈烈的保护主义趋势。实际上，在这个冰天雪地的瑞士小镇里，誓言捍卫全球化的并非莫迪一人，在他之后，还有加拿大总理特鲁多、法国总统马克龙等?</t>
  </si>
  <si>
    <t>美保护性关税措施引韩墨等国不满</t>
  </si>
  <si>
    <t>据外媒报道，美国对进口大型家用洗衣机及进口光伏产品征收保护性关税的消息引发韩国和墨西哥等国不满。分析认为，这表明美国总统特朗普将承诺已久的“美国优先”贸易政策进一步付诸实施。有市场人士批评称，此举或引发贸易战风险。据悉，美国对这两种进口产品征收的保护</t>
  </si>
  <si>
    <t>中国携印尼打造“亚太油气合作区”</t>
  </si>
  <si>
    <t>国家能源局在《2017年能源工作指导意见》中明确，“中国将推进中亚—俄罗斯、中东、非洲、美洲和亚太五大油气合作区开发建设，加大与重点国家油气合作开发力度。”“建设五大油气合作区，是中石油近年来推进国际能源合作提出的战略规划。”中油国际（印尼）有限责任公司</t>
  </si>
  <si>
    <t>中国首个全盘LEED铂金认证住宅出炉</t>
  </si>
  <si>
    <t>1月16日，中赫置地旗下万柳书院项目通过LEED铂金认证。这是大中华区第一个整体楼盘全面申请LEED铂金认证的住宅项目。据悉，万柳书院委托全球专业工程顾问公司，同时也是美国绿色建筑委员会（USGBC）铂金会员单位的科进北京团队为全项目14栋建筑进行LEED-NC铂金级认证，?</t>
  </si>
  <si>
    <t>达沃斯呼吁全球共同消弭分化</t>
  </si>
  <si>
    <t>被冰雪覆盖的瑞士小镇达沃斯再次成为全球瞩目的焦点。世界经济论坛第48届年会23日至26日在这里举行，今年的主题是“在分化的世界中打造共同命运”。世界经济向好伴随风险走高根据世界经济论坛发布的声明，本届达沃斯年会希望在各国地缘战略竞争加剧的背景下重申国?</t>
  </si>
  <si>
    <t>平行进口汽车售后服务保障平台启动</t>
  </si>
  <si>
    <t>由中国欧洲经济技术合作协会平行进口汽车分会主办的“平行进口汽车政策解读暨全国售后服务保障平台启动大会”日前在北京举行。数据显示，2017年1至11月，全国平行进口汽车数量达15.8万台，同比增长40%，整体呈现出良好发展态势。而已经启动的全国售后服务保障平台将进一步规?</t>
  </si>
  <si>
    <t>德国组阁谈判现转机  或利好欧盟经济</t>
  </si>
  <si>
    <t>1月21日，德国组阁谈判出现一丝转机。德国社会民主党代表会议投票决定，支持正式启动与总理默克尔所属的保守派举行谈判。在周日晚的投票中，56%的社民党代表同意和基督教民主联盟进行下一轮谈判。默克尔所在的德国基督教民主联盟和巴伐利亚基督教社会联盟目前无法组阁。</t>
  </si>
  <si>
    <t>美政府“关门”风波扰动市场情绪</t>
  </si>
  <si>
    <t>美国国会参议院19日未能通过联邦政府临时拨款法案，联邦政府非核心部门从当地时间20日零时起开始“关门”，而这一天正是美国总统特朗普上任一周年纪念日。这是自2013年10月以来联邦政府再次出现“关门”风波。美媒认为，联邦政府机构“关门”将对社会、经济造成广泛影响。但?</t>
  </si>
  <si>
    <t>德国央行的人民币情结</t>
  </si>
  <si>
    <t>德国央行已于去年决定将人民币资产纳入外汇储备，德国联邦银行（央行）董事会成员安德烈亚斯·东布雷日前在香港披露的这一消息引起市场广泛关注。分析人士认为，在中德、中欧经贸往来日益活跃的背景下，德国央行此举反映了其对自身外汇储备多样化的需要，也反映了其对人</t>
  </si>
  <si>
    <t>“银色经济”掀康养旅游投资热潮</t>
  </si>
  <si>
    <t>近日，商务部宣布与法国签署关于“银色经济”合作的谅解备忘录，这意味着中法养老领域合作领域将得到拓展，同时也表明中国养老产业正迎来新的增长契机。而作为幸福产业之首的旅游业，也将在我国养老事业发展中扮演着重要角色。养老产业属于朝阳的现代服务业。随着我国居</t>
  </si>
  <si>
    <t>轻井泽，世界级度假旅游目的地</t>
  </si>
  <si>
    <t>轻井泽，日本东京附近的一个小镇。日本明仁天皇与皇后美智子、披头士约翰·列侬和妻子小野洋子都在此邂逅、定情。这样一个古老、浪漫、静谧的小镇，迅速崛起为“世界顶级度假胜地”，定居和接待人数在日本总人口下降的大势下连年攀高，世界各地的游客慕名而往、络绎不绝。作?</t>
  </si>
  <si>
    <t>特朗普执政一周年扭转美内外政策</t>
  </si>
  <si>
    <t>1月20日，美国总统特朗普执政满一年，美国的内外政策都出现不少巨大的变化。这些变化将对未来美国的经济产生影响。签署税收改革方案自去年就任总统后，无论是对内还是对外政策，特朗普都在试图翻转奥巴马时期的政策。在对内政策的改变方面，特朗普签署了美国3</t>
  </si>
  <si>
    <t>防范数字加密货币炒作需厘清认识误区</t>
  </si>
  <si>
    <t>尽管以比特币为首的数字加密货币交易以及ICO被中国监管当局下了“逐客令”，但数字加密货币在境外依然被狂炒，引发多国监管当局警惕。在境内，最近出现了以IMO（以矿机为核心发行虚拟数字资产）模式。这种十分明显的投机行为难以禁止，究其原因还是投资者认识模糊和暴富心态?</t>
  </si>
  <si>
    <t>全球监管升级  韩欲关停虚拟货币平台</t>
  </si>
  <si>
    <t>韩国政府官员18日表示，将考虑关停国内所有虚拟货币交易平台，此举令其加入多国打击利用虚拟货币洗钱和非法交易的阵营。近日主流虚拟货币价格几乎距高点腰斩，市场人士正密切关注3月份二十国集团（G20）峰会上各国讨论应对虚拟货币措施。韩国财政部部长18日表示，政府正</t>
  </si>
  <si>
    <t>美国学者看好中国经济前景</t>
  </si>
  <si>
    <t>新年伊始，中国经济未来走势再次成为华尔街专家讨论和关注的焦点。分析人士普遍认为，中国经济将继续从改革中获得动力，中国未来将继续是全球经济增长的贡献者，中国经济保持强劲增长对世界经济稳健复苏具有重要意义。耶鲁大学高级研究员史蒂芬·罗奇日前在接受笔者专访</t>
  </si>
  <si>
    <t>苹果宣布把巨额现金转回美国国内  需缴税380亿美元</t>
  </si>
  <si>
    <t>北京时间18日凌晨彭博消息称，苹果公司宣布把巨额海外现金转回美国国内，预计缴税380亿美元。苹果在一份声明中表示，该公司已经是美国纳税最多的企业，在当前新税法的规定下，此次资金的转回预计将给美国带来380亿美元的税收。新税法规定的企业应缴税率为15.5%，那么苹?</t>
  </si>
  <si>
    <t>大公国际下调美国主权信用等级</t>
  </si>
  <si>
    <t>1月16日，信用评级机构大公国际将美国本、外币主权信用等级由A-下调至BBB+，评级展望负面。大公国际称，上层建筑对经济基础的长期负向作用使美国中央政府偿债来源继续恶化，且这一趋势因政府大规模减税呈加速之势，对债务经济模式的愈加依赖将持续削弱中央政府偿债能力。</t>
  </si>
  <si>
    <t>雀巢出售美国糖果业务</t>
  </si>
  <si>
    <t>瑞士食品集团雀巢16日宣布，将美国糖果业务以28亿美元出售给意大利费列罗公司。这是雀巢首席执行官施耐德的首个出售大动作，也被业界解读为该集团向更健康产品道路迈出的一小步。雀巢是全球最大的包装食品企业。该集团曾称，这项业务在美国实力较弱是其出售的原因。雀巢</t>
  </si>
  <si>
    <t>巴西人为何向往海外移居？</t>
  </si>
  <si>
    <t>最近，生活在巴西利亚的埃德加多先生正在考虑是否要办理意大利移民。身为意大利后裔，他成功移民的概率很大，但是考虑到工作岗位在巴西，他还迟迟没有做出决定。与埃德加多类似，正在观望是否要出国定居的巴西人不少，其中也有不少人已经走上了出国之路。巴西联邦税务局数据?</t>
  </si>
  <si>
    <t>防止“专利流氓”对创新的阻碍</t>
  </si>
  <si>
    <t>“专利流氓”通常不直接将专利投入使用，具有不经专利许可谈判即轻率起诉或滥诉、较少投入研发支持、持有专利质量较低等特点，通常会给被诉人造成较大困扰。当前，虽然“专利流氓”在中国产生的影响远不及美国，但已有一些中国企业受到“专利流氓”的侵扰。根据Patent F</t>
  </si>
  <si>
    <t>德法宣布将人民币纳入外汇储备</t>
  </si>
  <si>
    <t>德国和法国15日宣布已经将人民币纳入外汇储备，欧元区两大经济体对人民币投下信任票，显示人民币在国际舞台上结算、储备地位进一步上升。德法将人民币纳入外储德国联邦银行（央行）董事会成员安德烈亚斯·东布雷15日在香港表示，继欧洲央行去年6月宣布增加等值5亿?</t>
  </si>
  <si>
    <t>务必走好亚投行的“长征路”</t>
  </si>
  <si>
    <t>16日，是亚投行正式开业运营两周年纪念日。作为亚投行首任行长，金立群接受记者专访，解码这家新兴多边金融机构的发展动能和未来趋向。“两年筹备、两载运营，我们稳扎稳打、步步为营。”金立群言语中自信而谦逊，“我们刚刚迈出了第一步，走得再扎实、步子再大，也只是</t>
  </si>
  <si>
    <t>英国建筑巨头Carillion宣布破产</t>
  </si>
  <si>
    <t>北京时间周一，据路透社报道，英国建筑巨头——综合性服务支持及建筑公司Carillion宣布破产。该公司周末与银行进行的谈判破裂，银行方面拒绝向该公司提供任何进一步的财政支持，迫使其进入破产清算。报道称，Carillion公司欠债及拖欠员工退休金总额22亿英镑（约30亿美元</t>
  </si>
  <si>
    <t>从快递“老哥”看英国互联网经济</t>
  </si>
  <si>
    <t>在英国大小城镇，送快递的明显比以前多了。当然，比起中国大街小巷穿梭的快递小哥和外卖小哥来说，这里的快递人员明显要少很多，尤其是外卖派送服务基本上很少。实际上，送快递的人岁数也明显比国内的快递行业从业人员大，基本上算是快递老哥和大姐。快递老哥一般?</t>
  </si>
  <si>
    <t>日本央行行长：超宽松货币政策将延续</t>
  </si>
  <si>
    <t>日本央行行长黑田东彦15日指出，当前日本正朝着2%的通胀目标前进，超宽松的货币政策将延续，在日本经济持续扩张的背景下，该言论为即将到来的议息会议发出了“暂不退出”超宽松措施的信号。黑田东彦当天在东京召开的日本央行全国分行行长会议上作出如上表示，当前日本通</t>
  </si>
  <si>
    <t>极端天气打乱世界经济增长步调</t>
  </si>
  <si>
    <t>进入2018年，地球南北两端的一些国家经受了极端天气的洗礼，美国、加拿大多地遭遇低温严寒，而澳大利亚则遭遇热浪，多个城市地表温度达到史上最高……极端天气对当地居民生活、商业运营及生态环境造成严重影响，可能打乱全球经济整体复苏的步调。极端天气屡破纪录2</t>
  </si>
  <si>
    <t>科技+资本+娱乐：英特尔的危机应对之道</t>
  </si>
  <si>
    <t>全球4000多家企业的创意产品，大批言必“人工智能”的初创公司，宣布将谷歌和苹果当作对手的汽车厂，因手机在美销售计划无辜受阻而“有火难发”的中国企业，近20万电子发烧友云集以及一场有点反讽的停电事件——2018年美国消费电子展（CES）就这样落下帷幕。若说什么令人难忘</t>
  </si>
  <si>
    <t>德国组阁试探性对话各方达成原则一致</t>
  </si>
  <si>
    <t>德国联盟党和社会民主党（社民党）就组阁问题展开的试探性对话近日达成原则一致，并公布了试探性对话的最终成果文件。双方11日开始的最后一轮对话持续到12日结束。双方在各自提出的主张上都作出较大让步。联盟党和社民党领导人建议各自党员同意该党在此成果基础上进行正</t>
  </si>
  <si>
    <t>北美自贸协定修订谈判阻力重重</t>
  </si>
  <si>
    <t>加拿大10日在世界贸易组织就美国在反倾销和反补贴（“双反”）调查中屡次采用的计算方法和广泛实施的贸易规则等提起磋商请求。同日还传出美国要退出北美自贸协定（NAFTA）的消息。业内专家警告，北美自贸协定修订谈判若终结，未来拉美经济和美国自身经济均面临负面影响的挑战</t>
  </si>
  <si>
    <t>开润股份：互联网赋能下的质造升级</t>
  </si>
  <si>
    <t>当地时间2018年1月9日，在美国拉斯维加斯城举行的国际消费类电子产品展览会(International Consumer Electronics Show，简称CES)上，开润股份（股票代码：300577）旗下90分品牌首次亮相，发布了其最新概念版智能跟随旅行箱（90FUN Puppy1），并宣布正式版将会以具有市场竞争?</t>
  </si>
  <si>
    <t>澜湄合作领导人会议发表《金边宣言》</t>
  </si>
  <si>
    <t>澜沧江－湄公河合作第二次领导人会议10日在柬埔寨首都金边举行，此次会议的主题是“我们的和平与可持续发展之河”。会议发表了《澜湄合作第二次领导人会议金边宣言》，为澜湄合作机制指明未来十年发展进程。宣言说，在短短不到两年时间里，澜湄合作机制已从萌芽期发展为</t>
  </si>
  <si>
    <t>日本经团联迎来新掌门</t>
  </si>
  <si>
    <t>日本经济团体联合会(简称经团联)会长榊原定征本月9日正式宣布，日立制作所会长中西宏明将在今年5月底接替他成为经团联新掌门人。经团联成立于1946年，2002年与日本经营者团体联盟合并而成今天的经团联，目前共有1350家大企业加盟，与代表中小企业的日本商工会议所和经济</t>
  </si>
  <si>
    <t>如何看马克龙访华经贸“成绩单”？</t>
  </si>
  <si>
    <t>9日，中法经贸合作多项新成果在北京揭晓，法国总统马克龙访华的“重头戏”水落石出。中法双方此次没有公布经贸订单总额，个别传统合作领域似乎也缺乏震撼性消息。这是否说明，马克龙此次访华的经贸“成绩单”成色不足呢？并非如此。一方面，注重务实的马克龙在接受法国?</t>
  </si>
  <si>
    <t>伊朗动荡或成冲击全球经济的中期风险</t>
  </si>
  <si>
    <t>新年伊始，全球把目光投向伊朗国内局势上。按照“蝴蝶效应”逻辑，石油出口大国伊朗国内动荡，可能成为新一轮国际油价暴涨的“导火索”，由此将产生一系列连锁反应，近则辐射中东，远则波及全球，最终对短期内呈现全面增长态势的世界经济造成影响。实际上，类似的政治风险正?</t>
  </si>
  <si>
    <t>法国政府调查苹果手机“降速门”丑闻</t>
  </si>
  <si>
    <t>苹果手机“降速门”丑闻持续发酵。当地时间星期一，一名司法界消息人士透露，在一家消费者权益保护机构进行投诉后，法国政府已经就欺诈和产品计划报废问题对苹果展开初步调查。根据法国的法律，故意缩短产品的寿命从而让顾客购买新一代产品是一种犯罪行为。苹果公?</t>
  </si>
  <si>
    <t>世行提高经济增长预期至3.1%</t>
  </si>
  <si>
    <t>1月10日，世界银行在《2018年全球经济展望》1月期中表示，随着投资、制造业和贸易持续复苏，出口大宗商品的发展中国家得益于大宗商品价格回升，全球经济增长在2017年明显好于预期之后，2018年将小幅加快至3.1%。2018年有望成为金融危机以来全球经济满负荷或接近满负荷运</t>
  </si>
  <si>
    <t>多项大单落地  中法产业互动升级</t>
  </si>
  <si>
    <t>法国总统马克龙10日结束对我国为期3天的国事访问。马克龙此行经贸成果丰富，双方产业互动覆盖面广，业务和技术合作走向纵深，为日后中法经济关系进一步深化铺平道路。9日，中法两国在北京发布联合声明，决定在相互信任、互惠互利原则的基础上进一步提升紧密持久的中法全</t>
  </si>
  <si>
    <t>全球多地股市连创新高</t>
  </si>
  <si>
    <t>受全球经济增长趋势持续、主要央行加息时点未迫近等因素提振，美国、日本、香港、印度等地股市出现持续攀高，分别创下历史或数十年纪录高点。东京股市9日延续今年以来涨势，继续上攻，新年前三个交易日实现三连阳。截至收盘，日经225指数报23849.99点，上涨135.46点，涨</t>
  </si>
  <si>
    <t>货币政策收紧重构全球资本流向</t>
  </si>
  <si>
    <t>刚刚过去的2017年，包括美国在内的一些发达经济体结束了口水加息，以更为实质性的行动演绎货币正常化进程。美联储加息三次，并于去年10月启动缩表；欧洲中央银行宣布延长量化宽松9个月的同时，计划于2018年1月开始减少国债购买规模，向货币政策正常化靠近了一步；加拿大央行?</t>
  </si>
  <si>
    <t>我国制造业服务化成新趋势</t>
  </si>
  <si>
    <t>继高端化、智能化之后，服务化成全球制造业发展新趋势正日益凸显。《经济参考报》记者调研了解到，目前我国东部沿海地区推进服务型制造已初显成效，越来越多的企业开始从提供产品向提供全生命周期管理转变、从提供设备向提供系统解决方案转变。企业人士及专家表示，发展服务?</t>
  </si>
  <si>
    <t>中法经贸和产业合作有望升级</t>
  </si>
  <si>
    <t>法国总统马克龙于8日开启对中国为期3天的国事访问，加深与中国全面战略伙伴关系是此行重点。在应对气候变化、改善全球治理、经贸和产业合作领域，预计双方将进一步加强共识，并取得实质进展。“国际色彩”浓厚的会晤据法国总统府4日召开的闭门吹风会透露，马克龙首</t>
  </si>
  <si>
    <t>瑞典：从“纸币先驱”到“轻现金社会”</t>
  </si>
  <si>
    <t>早在17世纪，瑞典就成为欧洲首个发行纸币的国家。近年来，随着电子支付等业务的迅速发展，瑞典正在从“纸币发行先驱”迈向“轻现金社会”。身上没有现金对瑞典民众而言，早已习以为常：无论是公交出行，还是商场购物，电子钱包和银行卡支付早已成为主流，就连以前需要投</t>
  </si>
  <si>
    <t>制造业：海外订单纷至沓来</t>
  </si>
  <si>
    <t>在三一重工的智能制造生产车间，泵车生产线干净明亮，工人正熟练又紧张地进行着不同工序。公司副总经理陈静说，自2017年开春起，公司生产线24小时不断运转，依然无法满足订单需求，来自马来西亚、缅甸等几十个国家海外订单的工期已排到2017年年底。受国内基建步伐放缓、</t>
  </si>
  <si>
    <t>俄杜马官员呼吁俄中开展中医药合作</t>
  </si>
  <si>
    <t>俄罗斯国家杜马（议会下院）人文健康委员会第一副主席杜姆索夫日前表示，中俄两国关系密切，不仅要发展全方位经济关系，也应致力于包括中医药在内的各领域全方位合作。由上海合作组织实业家委员会、俄罗斯中医师协会、俄罗斯（莫斯科）中国传统医学实践发展中心共同发起</t>
  </si>
  <si>
    <t>新时期全面深化国有企业改革须扫清政策与实践之间的障碍</t>
  </si>
  <si>
    <t>当前，实质性推进国有企业改革更加具有必要性和急迫性。当务之急是要扫清改革政策与改革实践之间的障碍，建立改革激励相容机制，紧密围绕改革实践中的重点和难点问题来开展综合性的改革工作并取得实效，使得更多国有企业能够真正成为落实新发展理念、振兴实体经济和实施国家?</t>
  </si>
  <si>
    <t>张瑞敏：生活X.0将重新定义高端智造</t>
  </si>
  <si>
    <t>以海尔为代表的中国高端智造的崛起，正在全球成为一个现象：在以高端产品闻名的德国，海尔的产品售价比当地的高端品牌还高；不仅如此，海尔模式还PK 掉了美国、德国、日本企业，成为大规模定制的通用国际标准……在全球制造业向高端智造转型的过程中，海尔走出了一条怎样的道</t>
  </si>
  <si>
    <t>中国高端智造重塑全球工业地缘结构</t>
  </si>
  <si>
    <t>中国制造的崛起是一个非常抽象的概念，最直观的感觉就是，我们向全球供应了中国制造的产品。2011年，中国的工业产值就超过了美国，成为全球第一大工业国。在此之前，美国的工业产值稳坐全球第一达一个世纪之久。现在，中国工业继续保持相对较高的增长速度，而欧洲、日本</t>
  </si>
  <si>
    <t>中国需求成澳企提升国际化动力</t>
  </si>
  <si>
    <t>中国电商市场的高速发展，不仅迎合了国内居民消费升级的需求，也吸引到越来越多的澳大利亚新兴厂商借助此渠道拓展中国市场。“澳大利亚零售市场基本上被两家大型连锁店垄断，新产品推广的营销和渠道成本很高。与此相反，在中国市场，不仅电商平台愈加成熟，庞大且多元的</t>
  </si>
  <si>
    <t>津冀港口深度合作仍受制约</t>
  </si>
  <si>
    <t>由于区位相近、腹地交叉，渤海湾津冀港口间长期存在同质化竞争问题。记者日前在黄骅港、曹妃甸港调研了解到，京津冀协同发展以来，津冀港口协同也迈出步伐，尤其是集装箱合作已取得实质进展。业内人士指出，目前来看，津冀港口间的协同仍相对初级，深度合作仍存一些制约因素?</t>
  </si>
  <si>
    <t>200亿元总规模面向区域特色产业</t>
  </si>
  <si>
    <t>站在产业链、创新链、资金链的上游，让创新项目与资本“无缝连接”。作为“一带一路”的节点城市连云港，正在创新区域基金发展区域特色产业，助力“一带一路”建设。联通亚欧海陆的大物流战略，提升经济质量的大科技构想，支撑区域特色产业的大金融体系，上合组织（连云</t>
  </si>
  <si>
    <t>桂台谋划打造新台资聚集区深化合作</t>
  </si>
  <si>
    <t>刚刚过去的2017年，广西与台湾两地经贸文化交流不断深化，在“老牌”合作论坛常态化举办的同时，新增交流项目不断涌现，桂台两地交流合作更加充实。推动更多产业合作区落户广西，打造新的台资集聚区，已经成为桂台两地企业界人士的新期盼。去年12月，海峡两岸科技?</t>
  </si>
  <si>
    <t>长江上游国际物流通道体系成型</t>
  </si>
  <si>
    <t>在加快省市交通枢纽建设、完善区域互联互通的同时，长江上游地区近年来搭乘国家开放战略快车，不断开辟向西、向南的国际物流新通道，助力内陆开放型经济发展。目前，以中欧班列和南向国际公路、国际铁海联运为主的国际物流通道体系已初步形成。“渝新欧”“蓉欧”班列牵</t>
  </si>
  <si>
    <t>金融机构备战欧盟新监管法规MiFID  Ⅱ</t>
  </si>
  <si>
    <t>1月3日，欧盟金融工具市场法规(MiFID Ⅱ)正式生效，这一更为严格的金融监管法规将会对欧盟范围内金融系统各方面产生影响，迫使其做出调整，保护投资者利益。MiFID（Markets in Financial Instruments Directive）是指《欧盟金融市场工具指导》，是欧盟创立于2007年、用?</t>
  </si>
  <si>
    <t>“贫油”大国的华丽转身</t>
  </si>
  <si>
    <t>最近美国能源信息管理会发布了2017年全球石油产量排行榜，上榜的除了美国、沙特阿拉伯、俄罗斯等老牌石油产量大国外，新秀巴西崭露头角。巴西石油产量超越拉美产油大国委内瑞拉和墨西哥，位列拉美首位、全球第九。十年前，巴西还是个“贫油”的石油进口国。2005年，贫油</t>
  </si>
  <si>
    <t>沙特、阿联酋开征增值税  补贴石油财政</t>
  </si>
  <si>
    <t>沙特阿拉伯、阿拉伯联合酋长国2018年1月1日起开始征收税率为5%的增值税，以增加政府财政收入，减少国际油价长期低位带来的负面影响。海湾国家的“免税天堂”将成为历史，预计绝大部分的商品价格将会出现不同程度的上涨。这一增值税应用范围包括食品、服装、汽油、水、电</t>
  </si>
  <si>
    <t>国际油价创三年来最好新年开局</t>
  </si>
  <si>
    <t>国际油价1月2日创下2014年以来最强劲新年开盘表现，伦敦和纽约主要品种双双超过每桶60美元。市场人士称，伊朗爆发示威冲突和石油输出国组织（欧佩克）国家的减产行动导致了油价的高企。当日盘中，美国西德克萨斯轻质油期货上涨0.21美元或0.4%，报每桶60.63美元，当日早?</t>
  </si>
  <si>
    <t>“互联网+”重塑江苏现代农业优势</t>
  </si>
  <si>
    <t>逾20万沭阳花农“攀网结线”销售花卉苗木，从“看天吃饭”到销量千万；丁蜀物联网农业小镇农民穿着西装、喝着咖啡也能种地，从“望天收”到“望网收”；赣榆小泥鳅乘着互联网东风占领韩国餐桌，从“泥沟翻腾”到“海外掀巨浪”……如今，“互联网+”正深度重塑江苏现代农业发</t>
  </si>
  <si>
    <t>国际金价表现七年最佳  开年有望续升</t>
  </si>
  <si>
    <t>国际金价在2017年最后一个交易日收高，并一举突破每盎司1300美元关口。纵观2017年，国际金价涨幅近14%。展望2018年，国际金价仍将受美国等主要经济体的货币政策以及地缘政治风险等因素影响，一些分析师认为有可能继续走高。回顾2017年，国际金价以每盎司1147.5美元开局?</t>
  </si>
  <si>
    <t>苹果第一财季收入利润双降</t>
  </si>
  <si>
    <t>美国苹果公司29日公布的财报显示，其第一财季收入和利润双双出现下降，这是10多年来12月财季业绩首次下滑。美国苹果公司当日发布的2018年10月到12月财季财报显示，销售额同比减少5%至843.1亿美元，利润微幅下降至200亿美元。从不同地区来看，大中华地区的销售额减少27%?</t>
  </si>
  <si>
    <t>一汽-大众新品牌揭开“面纱”</t>
  </si>
  <si>
    <t>近日，一汽-大众董事、总经理刘亦功宣布，一汽-大众的新品牌将于2019年2月下旬在德国狼堡正式亮相。2019年，一汽-大众会向市场投放28款新产品。其中，奥迪品牌18款，大众品牌8款，新品牌2款车型问世。据了解，新品牌是大众集团旗下除大众和奥迪外的第三品牌，计划于今年</t>
  </si>
  <si>
    <t>掌舵英国大学的女经济学家</t>
  </si>
  <si>
    <t>伦敦政治经济学院校长妮玛特·沙菲克办公室的书架上摆放着一本本经济学著作，书旁还有一顶白色的塑料安全帽，那是她的丈夫在她上任校长第一天送给她的礼物。我猜那是让这个经济学家做好准备，在“颠簸的”转型路上注意安全。沙菲克曾担任国际货币基金组织副总裁、英格兰</t>
  </si>
  <si>
    <t>增长担忧下主要央行慎言加息</t>
  </si>
  <si>
    <t>据外媒报道，欧洲央行行长德拉吉28日表示，在必要时可重启量化宽松政策（QE），但今年不太可能。德拉吉的表态再次显示出对于收紧货币政策的谨慎立场。目前全球经济面临多重不确定因素，包括欧洲央行和美联储在内的全球主要央行在制定货币政策时都对加息问题更趋谨慎。德</t>
  </si>
  <si>
    <t>全面深化改革重构政府与市场关系</t>
  </si>
  <si>
    <t>当前，我国正面临着复杂多变的国际国内形势。在国内，人民日益增长的美好生活需要和不平衡不充分的发展之间的矛盾业已成为当前社会最主要的矛盾；在国际上，近年来贸易保护主义和单边主义抬头，冲击着大国关系与国际秩序。在此背景下，如何处理好处于微妙变化之中的政府与市?</t>
  </si>
  <si>
    <t>美股市IPO申请大量延期</t>
  </si>
  <si>
    <t>美国总统特朗普近日宣布与国会达成协议，为受影响的联邦政府部门提供三周的资金支持，标志着创纪录的35天联邦政府关门结束。一个多月以来，政府关门带来的影响逐步在社会经济层面显现，美国股票市场不得不暂停IPO（首次公开募股）进程，多个中国公司的上市也受到连累。?</t>
  </si>
  <si>
    <t>亚投行：亚洲跨境联通项目存在巨大机会</t>
  </si>
  <si>
    <t>亚洲基础设施投资银行（亚投行）29日发布《2019亚洲基础设施融资报告》称，在跨境互联互通方面的基础设施项目存在巨大的投资机会，对于亚洲的长期发展十分关键，但私营部门在参与基础设施融资方面的潜力远未充分释放，私营部门投资的重要性将在未来几年日益显现。这是亚</t>
  </si>
  <si>
    <t>日本核电站输出战略走入死胡同</t>
  </si>
  <si>
    <t>日立制作所近日宣布，正式冻结在英国中西部地区安格尔西岛新建核电站的计划。至此，由安倍政府主导的官民并举大力推进的核电站出口计划全面败北，日本基础设施海外战略遭重创。日立制作所于2012年收购了英国当地的一家从事核能发电事业的公司，决定在安格尔西岛新建拥有</t>
  </si>
  <si>
    <t>美科技巨头本周扎堆发布财报  市场高度关注</t>
  </si>
  <si>
    <t>本周，美国股市市值排名靠前的科技公司苹果、微软、亚马逊和脸谱等将分别公布财报。分析认为，这些科技巨头的财报对投资者具有重要的参考意义，如果财报数据不及市场预期，很可能在投资者的心理层面造成巨大负面影响。美股财报季本周仍将持续，将有约四分之一的标普500?</t>
  </si>
  <si>
    <t>马克龙劝说维持日法汽车联盟平衡发展</t>
  </si>
  <si>
    <t>法国总统马克龙27日就日本仍在拘留日产和雷诺汽车联盟前董事长戈恩表示不满，称此事件需要平衡处理。与此同时，日产因戈恩涉嫌瞒报收入引发的麻烦仍在发酵，该公司28日称收到美国证券交易委员会的调查通知。马克龙27日在公开场合表示，法国将谨慎维系雷诺与日产联盟的内</t>
  </si>
  <si>
    <t>国企董事会治理：实重于形</t>
  </si>
  <si>
    <t>截止到2018年9月，94%的国企完成了公司制改制，建立了董事会，但很多国有公司，甚至一些上市公司，仍存在董事会治理的形式化问题。国企董事会治理中存在的问题直接关系着国企董事会治理的效率和水平。董事会治理必须实现形式上和实质上的高度统一，才能有效发挥作?</t>
  </si>
  <si>
    <t>美政府重启三周  关门成本料翻番</t>
  </si>
  <si>
    <t>当地时间1月25日，美国总统特朗普在白宫宣布，他将签署临时拨款法案以结束“关门”，并维持联邦政府运作至2月15日，这意味着长达35天的美国联邦政府最长停摆暂告结束。此次风波对美国政治、经济、民生等方面的影响不断加深，白宫方面近日将政府“关门”的经济成本预估提高一?</t>
  </si>
  <si>
    <t>英国“脱欧”延迟可能性加大</t>
  </si>
  <si>
    <t>据外媒报道，英国工党有可能支持防止无协议“脱欧”的修正案，“脱欧”推迟的概率加大。目前，英国政府仍在努力避免“无协议脱欧”的情况发生，同时，应对“无协议脱欧”的准备工作也在抓紧推进。脱欧延迟可能性上升路透社的报道称，英国在野的工党发言人约翰·麦?</t>
  </si>
  <si>
    <t>达沃斯热议新一轮全球化路径</t>
  </si>
  <si>
    <t>全球化近期遭遇贸易保护主义逆风，许多政治家和工商界人士担忧情绪加重。参加2019年世界经济论坛年会的政商界人士普遍认为，推行结构性改革、拥抱数字技术、坚持多边主义将是新一轮全球化的必由之路。在世界经济论坛年会上，中国声音和中国方案给与会的各界人士吃下了定</t>
  </si>
  <si>
    <t>赵令欢：中国数字经济与跨境投资大有可为</t>
  </si>
  <si>
    <t>在22日开幕的2019年达沃斯论坛上，弘毅投资董事长、总裁赵令欢接受美国财经媒体CNBC采访时表示，看好快速增长的中国数字经济与跨境投资。赵令欢认为，当今世界经济特别是中美经济相互依存，尽管两国经济领域存在短期需要解决的“阵痛”，但我们需要将目光看长远。眼下的</t>
  </si>
  <si>
    <t>贸易摩擦效应发酵  多国经济受干扰</t>
  </si>
  <si>
    <t>年初以来，受全球贸易摩擦冲击，多国经贸受到不同程度影响。其中，日本23日公布了贸易数据，时隔三年出现年度贸易逆差。为防止贸易和经济下滑，多国正抓紧合作，巩固双边和多边贸易关系。日本出现年度逆差日本财务省23日发布的统计数据显示，由于能源价格高企、贸?</t>
  </si>
  <si>
    <t>英法领导人缺席背后的思考</t>
  </si>
  <si>
    <t>今年的达沃斯论坛少了几位引人注目的常客，其中包括英国首相特雷莎·梅和法国总统马克龙这样的重量级人物。达沃斯论坛开幕前夕，英国议会下院否决了特雷莎·梅的“脱欧”计划，“脱欧”前景顿时变得扑朔迷离。特雷莎·梅不得不专心处理“脱欧”事务，爽约达沃斯论坛。近</t>
  </si>
  <si>
    <t>美参院两党同意就政府关门两提案投票</t>
  </si>
  <si>
    <t>美国国会参议院共和、民主两党领袖22日共同宣布，同意24日就结束联邦政府部分“停摆”的两项提案进行投票表决。22日是美国联邦政府部分“停摆”第32天。国会参议院多数党（共和党）领袖麦康奈尔和少数党（民主党）领袖舒默共同宣布，同意就两项提案举行投票表决。其中一</t>
  </si>
  <si>
    <t>戴森总部将从英国迁至新加坡</t>
  </si>
  <si>
    <t>据英国《卫报》报道，当地时间周二，戴森公司宣布将总部从英国迁移至新加坡，以满足亚洲业务急剧增长的需求。戴森公司目前主要生产吸尘器和吹风机，同时也在筹备研发和生产电动汽车。戴森在财务报告中称，“戴森的大部分客户和生产业务都在亚洲地区。随着戴森将电动汽车</t>
  </si>
  <si>
    <t>全球化开启4.0时代</t>
  </si>
  <si>
    <t>世界经济论坛年会22日在瑞士达沃斯拉开帷幕。从去年的“在分化的世界中打造共同命运”，到本届年会的主题“全球化4.0：打造第四次工业革命时代的全球结构”，这一全球瞩目的盛会传递出清晰信号：全球治理正面临严峻挑战和深刻变革，要用积极的价值观引导世界进入新的全球化4.</t>
  </si>
  <si>
    <t>塑造包容合作的经济全球化4.0</t>
  </si>
  <si>
    <t>瑞士小镇达沃斯再度迎来一年一度的世界经济论坛。3000多位嘉宾将在为期四天的会议间，共同探讨世界经济的发展趋势、全球经济新的治理格局以及人类未来命运的走向。在全球化体系处于裂变时期、全球经济增长减速的情况下，如何让第四次工业革命成为全球经济转型升级的有效动力?</t>
  </si>
  <si>
    <t>英国欲广结双边自贸协定对冲“脱欧”风险</t>
  </si>
  <si>
    <t>英国首相特雷莎·梅于21日向英国议会下院提交新的“脱欧”方案，但被认为是“B计划”的方案变化调整有限，仍具有较大不确定性，无协议“脱欧”的可能性加大。与此同时，为对冲“脱欧”带来的冲击，英国计划广泛缔结双边自贸协定。特雷莎·梅在与反对派议员会谈时明确表?</t>
  </si>
  <si>
    <t>春节前油价或现“两连涨”</t>
  </si>
  <si>
    <t>《经济参考报》记者从多家社会监测机构了解到，1月28日新一轮国内油价调整窗口将开启，从目前的原油震荡走势来看，届时将大概率兑现“两连涨”，广大车主春节出行支出恐再次增加。本轮计价周期以来，原油走势较为震荡，其中欧佩克减产行动的积极进展以及美国石油钻井数?</t>
  </si>
  <si>
    <t>谷歌因数据保护违规遭法国重罚5000万欧元</t>
  </si>
  <si>
    <t>法国国家信息与自由委员会21日发布公告称，由于美国谷歌公司违反了数据隐私保护相关规定，法国将对其处以5000万欧元罚款。这是依据去年新生效的欧盟《通用数据保护条例》开出的首个罚单。2018年5月，两家欧洲非营利性隐私和数字权利组织相继向法国国家信息与自由委员会?</t>
  </si>
  <si>
    <t>美政府关门“满月”  雇员利益严重受损</t>
  </si>
  <si>
    <t>截至21日，美国政府关门已超过30天，继续刷新美国历史最长政府关门纪录。由于两党仍在拨款方面存在巨大分歧，政府开门日期难定，数十万政府相关部门的雇员面临消费吃紧、贷款无力偿还的风险。拨款谈判陷入僵局美国总统特朗普19日在白宫公布一份方案，试图解决谈判?</t>
  </si>
  <si>
    <t>中欧班列为中国人带来“洋年货”</t>
  </si>
  <si>
    <t>作为中华民族最隆重的传统佳节，农历猪年春节即将到来，38岁的重庆人陈丽琼将采购年货的事宜提上日程。与往年不同的是，陈丽琼并没有到普通超市购买年货，而是来到自家附近的重庆保税商品展示交易中心购买“洋货”。经过两个多小时的精挑细选，陈丽琼采购了俄罗斯?</t>
  </si>
  <si>
    <t>英国汽车业未雨绸缪应对“硬脱欧”</t>
  </si>
  <si>
    <t>据外媒报道，英国汽车业正在加快为英国“硬脱欧”做预备，将把一部分监管审批程序从英国移往欧洲其他地方，并增加汽车零件的库存。据英国《卫报》报道，英国汽车制造商正在准备替代的监管审批方案。在英国正式“脱欧”的日期临近之时，英国汽车行业的担忧也在增加。丰田</t>
  </si>
  <si>
    <t>法国拟将雷诺与日产合并</t>
  </si>
  <si>
    <t>据《日本经济新闻》报道，法国政府代表团日前访问日本，向日本政府表达了以共同持股公司的方式对法国雷诺和日产汽车进行经营合并的意向。作为雷诺最大的股东，法国政府要求推进两家企业的一体化运营，而日产方面则反对由法方主导的合并构想。此外，法国方面还提出，希望由雷?</t>
  </si>
  <si>
    <t>风雪达沃斯</t>
  </si>
  <si>
    <t>位于阿尔卑斯山间的瑞士小镇达沃斯是克劳斯·施瓦布的家乡，故乡被冬日冰雪覆盖后所呈现的高冷气质对外来游客来说极具吸引力，这位世界经济论坛的创始人兼执行主席深谙此道。于是，每年1月隆冬时节，他选择在这里举办世界经济论坛年会，迎接八方来客，世界经济论坛年会的别名</t>
  </si>
  <si>
    <t>宁波海关打造一流口岸营商环境</t>
  </si>
  <si>
    <t>今年1月3日，货值约为2亿元的2300辆宝腾X70汽车经宁波海关隶属梅山海关快速接单、审核、放行后，由巴拿马籍滚装船装载，运往“21世纪海上丝绸之路”的沿线国家——马来西亚，为今年宁波口岸国产车出口带来开门红。这批汽车申报时间临近2019年元旦，涉及海关审单、现场接单以?</t>
  </si>
  <si>
    <t>世界经济论坛将商讨全球合作新框架</t>
  </si>
  <si>
    <t>一年一度的世界经济论坛将于1月22日至25日在瑞士达沃斯-克洛斯特斯举行。在为期四天的会议上，各国政商界领袖将围绕“全球化4.0：打造第四次工业革命时代的全球结构”的主题，共商企业、政府乃至国际层面的治理方式和合作新框架。变革赋予全球化新内涵据报道，2019</t>
  </si>
  <si>
    <t>英国“脱欧”是否会推迟？</t>
  </si>
  <si>
    <t>英国“脱欧”一波三折。当英国议会下院投票否决了英国政府此前与欧盟达成的“脱欧”协议，许多人就开始猜测，按时在3月29日之前完成“脱欧”的希望越来越渺茫。英国政界已经有人提出，政府应要求欧盟推迟英国“脱欧”，从而留下充裕时间，让政府与欧盟商议出一份新协议?</t>
  </si>
  <si>
    <t>政府“停摆”成为美国经济增长新阻力</t>
  </si>
  <si>
    <t>美国总统特朗普19日在白宫宣布一份方案，包括暂缓部分移民遣返计划等，以图解决与民主党谈判僵局，结束联邦政府关门。但民主党方面对此并不买账。根据特朗普提出的方案，他仍要求国会拨款57亿美元用于在美国与墨西哥边境修建隔离墙，建造钢制屏障。此外，他还要求拨款8.</t>
  </si>
  <si>
    <t>中国东盟政商界期待挖掘更多共赢潜力</t>
  </si>
  <si>
    <t>在日前召开的2019年东盟商机对话会上，来自中国和东盟国家的政商界代表纷纷表示，区域经济持续增长扩大了合作需求，双方经济互补也为今年创造更多共赢机遇。中国—东盟商务理事会执行理事长许宁宁在致辞中表示，以合作应对世界经济不稳定性是中国与东盟的共同需要及现实</t>
  </si>
  <si>
    <t>全球三大指数公司均有动作  外资涌入A股势头显现</t>
  </si>
  <si>
    <t>外资正在大规模流入A股。WIND统计数据显示，1月18日，互联互通机制下的北向资金净流入达到84.21亿元，其中沪股通净流入51.36亿元，为2018年11月以来新高；深股通净流入32.85亿元，为开通以来第三高。2019年开年以来的13个交易日中，沪股通深股通净流入资金已累计达到341.32亿</t>
  </si>
  <si>
    <t>南瑞：绽放在“一带一路”</t>
  </si>
  <si>
    <t>“THANKS，NARI！”（谢谢南瑞人的努力工作！）“NARI，LUCKY！”（非常幸运南瑞是我们的总包商！）这是南瑞在泰国规模最大的室内终端站项目——邦瑟终端站总包项目业主方经常挂在嘴边的两句话。该项目是南瑞连续8批次批量中标泰国城市电力公司（MEA）90座变电站改造及新建项</t>
  </si>
  <si>
    <t>在川国企融入“一带一路”打造“中国名片”</t>
  </si>
  <si>
    <t>每天清晨9点，一列满载货物的列车从位于四川成都国际铁路港的集装箱站台缓缓驶出，伴随着鸣笛声奔赴远方。2013年，为响应国家“一带一路”倡议，第一列中欧班列蓉欧快铁从这里发出，架起了快捷畅通的“亚欧大陆桥”。“目前，每天从成都至欧洲之间往返的班列不少于3列。</t>
  </si>
  <si>
    <t>重庆海关：中欧班列(渝新欧)数量质量实现“双高”增长</t>
  </si>
  <si>
    <t>“2018年，中欧班列（渝新欧）一共开行1400多班次，开行数接近前七年的总和。”看着手里的统计报表，渝州海关关长张涛开心地说道。在刚刚过去的2018年，这个全国最早开行的中欧班列在重庆到欧洲的铁路线上共往返了1442次、运载进出口货物11.08万标箱，同比分别增长1.1倍</t>
  </si>
  <si>
    <t>美联储褐皮书：经济温和增长  企业信心下降</t>
  </si>
  <si>
    <t>美国联邦储备委员会16日发布的“褐皮书”显示，去年12月初至今年1月上旬，美国经济继续温和扩张，但企业对经济前景的乐观程度有所下降，美国经济也出现放缓迹象。分析人士表示，该报告为美联储在加息问题上转向更具“耐心”的策略，提供了新的依据。经济数据的下滑也强化了分</t>
  </si>
  <si>
    <t>英国“脱欧”柳暗难花明</t>
  </si>
  <si>
    <t>1月16日，英国议会下院高票否决了首相特雷莎·梅与欧盟签署的“脱欧”协议草案，“脱欧”之路再陷僵局。2019年全球经济一大“灰犀牛”已经在年初露头。此次英国与欧盟“脱欧”协议草案被否，凸显英国国内就“脱欧”问题存在分歧。未来能否有序、平稳地“脱欧”，英国各?</t>
  </si>
  <si>
    <t>世园会将带来哪些惊喜</t>
  </si>
  <si>
    <t>2019年中国北京世界园艺博览会已经进入倒计时100天。始于1960年的世界园艺博览会（世园会）至今已经在欧洲、美洲和亚洲国家举办了30多届。它不但是世界各国园林园艺精品、奇花异草的大联展，也是增进各国相互交流，展示文化成就与科技成果的重要机会，是人类社会发展的真实记</t>
  </si>
  <si>
    <t>中广核四项改革试点齐发动  争创“世界一流”</t>
  </si>
  <si>
    <t>“2018年，中国广核集团（下称‘中广核’）先后被国务院国资委确定为落实董事会职权试点单位、国有资本投资公司试点单位和创建世界一流示范企业，三家成员公司入选国企改革‘双百行动’，是唯一一家同时获得四项改革试点的中央企业。”近日中广核在北京和深圳同步召开2019年?</t>
  </si>
  <si>
    <t>英国“脱欧”乱局加剧经济风险</t>
  </si>
  <si>
    <t>经过5天辩论后，英国议会下院15日投票否决了“脱欧”协议。反对党工党还提出对政府的不信任投票动议，英国首相特雷莎·梅将面临更大压力。距离3月末法定“脱欧日”仅剩10周，英国“脱欧”前景更加扑朔迷离，外界担忧其经济将因此遭遇重创。“脱欧”协议投票遭否英?</t>
  </si>
  <si>
    <t>比亚迪日本逆袭成功靠什么</t>
  </si>
  <si>
    <t>一场大雪过后，来自中国车企比亚迪的3台电动巴士本月12日在日本东北地区福岛县境内著名的观光地会津若松站举行了交接仪式，正式交付给日方客户会津乘合自动车株式会社。这也是比亚迪继京都和冲绳之后第三次在日本成功交付电动巴士。喷涂一新的比亚迪电动巴士显得格外环?</t>
  </si>
  <si>
    <t>经济弱于预期  欧洲央行难弃宽松政策</t>
  </si>
  <si>
    <t>1月15日，欧洲央行行长德拉吉在欧洲议会发言时表示，近期欧元区经济发展势头弱于预期，全球风险带来的不确定性仍然突出，仍需要维持货币宽松刺激政策。德拉吉称，“这段时间经济数据弱于预期，这比我们几个月前预计的时间更长。”“仍然需要大量货币刺激政策来支撑国内?</t>
  </si>
  <si>
    <t>沙特敦促俄罗斯加快原油减产步伐</t>
  </si>
  <si>
    <t>国际油价14日下跌超过2%，在近期反弹行情后稍作调整。据外媒报道，沙特官员近日对原油市场的走势表达了信心，并敦促俄罗斯加快减产步伐，以帮助原油市场尽快恢复供需平衡。分析指出，目前投资者再次忧虑全球经济放缓会减少原油需求，这将打压原油价格。截至14日收盘，纽</t>
  </si>
  <si>
    <t>一叶知秋!北美国际车展折射业界“心病”</t>
  </si>
  <si>
    <t>北美国际汽车展1月14日在底特律拉开帷幕。汽车业界认为，受全球主要市场经济增长缓慢、贸易争端频发、贷款利率上调、消费者信心下挫等因素的影响，行业调整将成必然，而贸易争端则给这种调整带来不确定性因素。行业面临转型有业界人士认为，2018年，全球车市迎来一</t>
  </si>
  <si>
    <t>“脱欧”之后伦敦房产保值几何</t>
  </si>
  <si>
    <t>2016年“脱欧”公投后，英国房地产市场陷入低迷，经济前景的不确定性让购房者开始观望，上市交易的房产数量也处于历史低位。然而，对海外投资者而言，贬值近15%的英镑汇率，让英国房价看起来更加“诱人”。尤其是在最具投资价值的伦敦核心区房价下挫10%以上的形势下，国</t>
  </si>
  <si>
    <t>德国2018年经济增速放缓</t>
  </si>
  <si>
    <t>德国联邦统计局15日公布的数据显示，2018年德国国内生产总值增长1.5%，低于前一年的2.2%。这是德国经济连续第9年增长，但增长势头比之前两年大幅减弱。数据显示，2018年德国经济增长动力主要来自国内。全年国内个人消费支出增长1.0%，政府支出增长1.1%。经价格调整后，?</t>
  </si>
  <si>
    <t>进一步融入世界：中国改革开放永远在路上</t>
  </si>
  <si>
    <t>国际金融论坛（IFF）第15届全球年会不久前在广州召开，IFF现任主席、中国人民银行原行长周小川，IFF联合主席、欧盟委员会前主席、葡萄牙前总理巴罗佐等多位中外嘉宾,围绕全球化变革的关键时期中国如何通过扩大改革开放，进一步融入世界展开讨论。改革开放是中国发展成功</t>
  </si>
  <si>
    <t>美国部分政府机构关门凸显美债危机</t>
  </si>
  <si>
    <t>美国部分政府部门关门已创下记录，且尚未结束，其负面影响将逐渐显现。美国政府历次关门事件的具体原因各不相同，此次关门事件的直接诱因虽是特朗普政府关于边境墙的支出要求未获得通过，但笔者以为，公共债务得不到根本解决，则始终是背后最重要的原因。虽然美国股市走</t>
  </si>
  <si>
    <t>美部分政府部门关张将拖累经济增长</t>
  </si>
  <si>
    <t>14日，美国联邦政府关门进入第24天，创下关门时长纪录，加剧了市场的担忧。分析认为，如果政府关门的时间继续延长，经济因此遭受的潜在损失或难以估量。有经济学家测算，关门每持续两周将使经济增长下滑0.1个百分点，支出与投资的延迟还会进一步拖累经济增长。关门可能?</t>
  </si>
  <si>
    <t>兖州煤业博弈资本市场</t>
  </si>
  <si>
    <t>2018年12月6日，偏居鲁南的孟子故里邹城雪后初晴。兖矿集团旗下的兖州煤业股份有限公司（下称“兖州煤业”）办公大楼里人迹寥寥，工作人员分批乘车下矿后，大院复归平静。此时，远在千里之外的香港联交所却是人头攒动，兖州煤业澳大利亚公司（下称“兖煤澳洲”）正在这?</t>
  </si>
  <si>
    <t>英国“脱欧”会不会二次公投</t>
  </si>
  <si>
    <t>一拖再拖的“脱欧”最终走向有望揭晓。15日，在英国议会下院将对“脱欧”协议进行投票，这份协议能否通过，将决定英国“脱欧”的最终命运。英国舆论认为，协议要在议会通过有阻力，但并非无望。这份“脱欧”协议可能在许多人眼中并非最好的选择，但的确是“最不坏”的选</t>
  </si>
  <si>
    <t>“脱欧”冲击在即  英国商界未雨绸缪</t>
  </si>
  <si>
    <t>一度推迟的“脱欧”协议投票表决将于15日在英国议会下院举行。英国首相特雷莎·梅13日发文警告，若协议不获国会通过，会为英国带来灾难性的影响。在各种不确定因素带来的风险下，英国商界担忧“脱欧”冲击，纷纷做出最坏打算，未雨绸缪。“菜篮子”将受影响特雷莎?</t>
  </si>
  <si>
    <t>非遗文化传承：千年汴绣“跨界”焕新生</t>
  </si>
  <si>
    <t>远看是欧洲宫廷油画，走近才发现竟是用细如发丝的绣线绣出来的。这样一幅惟妙惟肖的“油画”需要2个绣娘耗时10个月完成，售价近13万元。中国非物质文化遗产——汴绣，正在不断“跨界”，带给世人更多美的享受。“汴绣源于北宋都城汴京，也就是今天的河南开封。”40岁的?</t>
  </si>
  <si>
    <t>模式+技术：新加坡如何解决水污染</t>
  </si>
  <si>
    <t>中国正在努力解决水污染问题，新加坡的一些做法或许可资借鉴。新加坡国立大学化学系兼职教授、新中科技交流促进协会常务副会长蓝伟光表示，在新加坡，一个水处理项目挂牌招标，最先考虑的是技术与工艺方案，发标方要先请专家选择确认技术与工艺等软体方案后，才确定硬体</t>
  </si>
  <si>
    <t>2018年英国新车销量创十年最大降幅</t>
  </si>
  <si>
    <t>据外媒报道，英国汽车制造商与经销商协会近日公布的数据显示，2018年全年英国新车销量下降了6.8%达237万辆，创下自2008年全球金融危机以来的最大降幅。数据显示，2018年英国新车销量大幅减少，主要受柴油汽车需求锐减以及英国脱欧打击消费者信心等拖累。2018年，英国柴?</t>
  </si>
  <si>
    <t>“洋景漂”将中国陶瓷文化传播全球</t>
  </si>
  <si>
    <t>“匠从八方来，器成天下走”的景德镇以出产优质陶瓷而闻名世界。如今景德镇依旧是全世界陶艺家的“圣地”，每年来到景德镇的外国艺术家超过5000人，其中不乏英国皇家艺术学院的教授、哈佛大学的博士，以及国际陶艺界“泰斗”等。许多外国人甚至在景德镇建立了自己的工作室。$</t>
  </si>
  <si>
    <t>撒南非洲经济整体突围  企稳向好</t>
  </si>
  <si>
    <t>2019年尼日利亚、南非等撒哈拉以南非洲主要经济体将面临总统大选。可以确定的是，选情将会给这两个正艰难走出经济困境的国家的经济发展增加不确定性，也会给整个地区的发展带来一定程度的震荡。但是，在地区内多数国家宏观经济环境得到改善的大背景下，外界普遍对这一地区201</t>
  </si>
  <si>
    <t>厦门市台商政协委员：台商应积极融入“一带一路”建设</t>
  </si>
  <si>
    <t>在8日开幕的厦门市政协十三届三次会议上，多位厦门市台商政协委员表示，厦门台商要抓住机遇，积极融入“一带一路”建设，分享“一带一路”红利。厦门市台商政协委员陈岱桦认为，厦门作为海上丝绸之路的起点城市之一，与东南亚国家有着深厚的渊源。厦门台商可以透过“一?</t>
  </si>
  <si>
    <t>美政府“停摆”僵局难解  负面影响逐渐显现</t>
  </si>
  <si>
    <t>美国联邦政府关门已经进入第19天。当地时间8日晚，美国总统特朗普和国会民主党领袖先后就边境安全、联邦政府“停摆”等发表讲话，双方并未释放妥协信号。这意味着，美国联邦政府“停摆”状态仍将持续。此次“停摆”影响美国国土安全部、国务院、农业部、内政部、交通部等内阁</t>
  </si>
  <si>
    <t>中德双向投资热度不减</t>
  </si>
  <si>
    <t>年初以来，弥漫于全球的保护主义阴霾仍未消退，但业内人士指出，中德双方产业合作需求旺盛，长期来看投资合作还会保持相当热度。2018年12月底，德国内阁会议通过《对外贸易条例》修正草案并提交议会，加大对外资审查力度。根据该修正草案，德国政府将更容易地审查并在必</t>
  </si>
  <si>
    <t>拉美经济复苏脆弱机遇犹存</t>
  </si>
  <si>
    <t>国际货币基金组织预计，2018年拉美地区经济将总体增长1.2%，连续两年经济的正增长正式宣告拉美摆脱了经济衰退的泥潭。然而，拉美交出的经济答卷并未达到各机构年初预计的水平，拉美经济复苏仍在低位徘徊。拉美地区大国2018年的经济表现乏善可陈。中国现代国际关系研究院</t>
  </si>
  <si>
    <t>四位院士将亮相物联网安全论坛</t>
  </si>
  <si>
    <t>备受关注的“2019首届中国物联网安全高峰论坛”将于1月19日在北京四季青中关村军民融合产业园举行。据论坛主办方介绍，此次活动可谓群星闪耀，科技大咖云集。届时，包括中国工程院院士柴洪峰、沈昌祥、中国科学院院士王小云和加拿大工程院院士杨恩辉等在内的众多专家学者将莅</t>
  </si>
  <si>
    <t>三星业绩下滑  股价未现暴跌</t>
  </si>
  <si>
    <t>受中国市场萎缩影响，韩国三星电子公布了两年来首份业绩下滑预估，但与竞争对手苹果公司不同，三星的股价9日在小幅震荡后上扬，未出现“苹果式”约30%幅度的下跌。该公司估计，其2018年第四季度的营业利润为10.8万亿韩元（合96亿美元），同比下降28.7%，较第三季度17.5?</t>
  </si>
  <si>
    <t>沉闷的日本经济或迎来新生机</t>
  </si>
  <si>
    <t>环顾2018年，受美国贸易保护主义和自然灾害等因素影响，日本部分经济指标曾一度下滑，但就整体而言，日本经济并未停止“温和复苏”。展望2019年，日本经济尽管仍继续面临增长压力，但专家预测再次出现经济萎缩甚至发生经济萧条的风险不大，有望呈现小幅回升并保持中低速</t>
  </si>
  <si>
    <t>“脱欧”让英国消费者难再“剁手”</t>
  </si>
  <si>
    <t>随着英国正式退出欧盟的日子一天天临近，“脱欧”对英国消费者的影响也逐渐显露。当“无协议脱欧”这把达摩克利斯之剑悬在英国人头上，英国人的消费意愿不振，零售业、特别是街头的实体店可能不得不挨过一段难熬的冬季。每年“节礼日”当天的销售情况也被视为外界?</t>
  </si>
  <si>
    <t>欧美日密集会晤  拟互建双边自贸协定</t>
  </si>
  <si>
    <t>本周欧美日领导人和官员将安排多场会晤活动，就自由贸易协定、钢铝进口关税等议题展开磋商，力争弥合分歧，为架构起多项双边自贸协定奠定基础。但业内人士称，不同于欧日的意见和节奏，美国可能将“放慢”各项贸易合作议题进度。安倍出访英荷主打“贸易”牌日本政?</t>
  </si>
  <si>
    <t>瑞典青睐环保式贺新年：激光表演、火焰秀、看电影</t>
  </si>
  <si>
    <t>围绕新年烟花传统庆祝形式所带来诸多弊端的辩论，促使瑞典多个城市在2019年的新年庆祝中已开始尝试新的替代解决方案——激光表演、火焰秀和电影。为了更加环保以及回应越来越多市民对传统烟花会惊吓动物的呼声，瑞典多个城市放弃了传统的新年庆祝活动，转而采用激光表演</t>
  </si>
  <si>
    <t>“脱欧”不确定性持续拖累英国经济增长</t>
  </si>
  <si>
    <t>英国首相特雷莎·梅当地时间1月6日就英国脱离欧盟事宜发表讲话，否认将再次推迟议会下院表决“脱欧”协议的日期。早前，特雷莎·梅将原定于2018年12月11日的英国下议院“脱欧”协议投票推迟到2019年1月14日。数据显示，“脱欧”使英国企业面临30年来最严重的劳动力短缺，同时</t>
  </si>
  <si>
    <t>宽松预期提振全球多地股市</t>
  </si>
  <si>
    <t>受宽松预期提振，7日全球市场迎来普涨，日本股市更一度涨幅达3%。市场人士称，新兴市场有望从近10年低估值反弹，引领因担忧经济前景而持续疲弱的全球市场。当天，日经指数收高2.4%至20038.97点，从上周五开年首个交易日便重挫2.3%展开大幅反弹。东证股价指数收高2.8%至1</t>
  </si>
  <si>
    <t>法国改革难题背后的诉求冲突</t>
  </si>
  <si>
    <t>“黄马甲”运动持续在法国发酵，给马克龙力推的改革增添了阻力。人们对这一抗议浪潮评价不一，认为症结在于法国民众生活困顿超过外界想象者有之，认为根源在于法国人好逸恶劳、不愿改变者亦有之。真相究竟如何呢？记者近一个月来多次走上街头，采访多位“黄马甲”示威者</t>
  </si>
  <si>
    <t>“脱欧”风险：2019英国经济挥之不去的阴影</t>
  </si>
  <si>
    <t>英国将在2019年3月29日脱离欧盟。然而，英国国内迄今仍未就如何“脱欧”达成一致。英国执政的保守党内部处于分裂状态。政府与议会在“脱欧”问题上矛盾重重；欧盟在这一问题上则态度强硬，寸步不让，这使得英国首相特雷莎·梅在推动议会通过“脱欧”协议方面的活动空间受到严</t>
  </si>
  <si>
    <t>美股涨幅尽失  2019似非坦途</t>
  </si>
  <si>
    <t>美国股市在2018年第四季度大幅下跌，截至2018年12月31日，道琼斯工业平均指数、标准普尔500种股票指数和纳斯达克综合指数与年初相比下跌5.63%、6.24%和3.88%，回吐了2018年前三季度的涨幅，纳斯达克指数则跌入熊市。尽管市场尚未就是否进入熊市形成一致意见，但在近期深</t>
  </si>
  <si>
    <t>经济下行风险或致欧洲动荡加剧</t>
  </si>
  <si>
    <t>经历了2017年“异常强劲”的增长，2018年欧洲经济扩张动能减弱，预计2019年下行压力进一步增大，欧洲社会或更动荡不安。与2018年年初相比，各机构已纷纷下调2019年欧元区经济增长预期。其中，欧盟委员会、欧洲央行、国际货币基金组织分别预计2019年欧元区经济增长1.9%、</t>
  </si>
  <si>
    <t>强势美元2019年或失色</t>
  </si>
  <si>
    <t>2018年，美元指数走势整体上行，总体看仍处于2014年年中开启的强势周期。数据显示，截至2018年12月21日，美元指数当年累计涨幅为5.1%，11月中旬曾达到97.693的高点，相比年初88.253的低点增长10.69%。不过，由于美国加息周期接近尾声，美国经济增长开始减速，美元的强势</t>
  </si>
  <si>
    <t>Category</t>
  </si>
  <si>
    <t>Bh</t>
  </si>
  <si>
    <t>Abstract</t>
  </si>
  <si>
    <t>Date</t>
  </si>
  <si>
    <t>Title</t>
  </si>
  <si>
    <t>Count</t>
  </si>
  <si>
    <t>Name</t>
  </si>
  <si>
    <t>All_JJCK</t>
  </si>
  <si>
    <t xml:space="preserve"> 2000-06-13</t>
  </si>
  <si>
    <t xml:space="preserve"> 2000-06-26</t>
  </si>
  <si>
    <t xml:space="preserve"> 2000-06-29</t>
  </si>
  <si>
    <t xml:space="preserve"> 2000-06-30</t>
  </si>
  <si>
    <t xml:space="preserve"> 2000-07-03</t>
  </si>
  <si>
    <t xml:space="preserve"> 2000-07-04</t>
  </si>
  <si>
    <t xml:space="preserve"> 2000-07-11</t>
  </si>
  <si>
    <t xml:space="preserve"> 2000-07-12</t>
  </si>
  <si>
    <t xml:space="preserve"> 2000-07-14</t>
  </si>
  <si>
    <t xml:space="preserve"> 2000-07-15</t>
  </si>
  <si>
    <t xml:space="preserve"> 2000-07-18</t>
  </si>
  <si>
    <t xml:space="preserve"> 2000-07-21</t>
  </si>
  <si>
    <t xml:space="preserve"> 2000-07-22</t>
  </si>
  <si>
    <t xml:space="preserve"> 2000-07-24</t>
  </si>
  <si>
    <t xml:space="preserve"> 2000-07-25</t>
  </si>
  <si>
    <t xml:space="preserve"> 2000-07-26</t>
  </si>
  <si>
    <t xml:space="preserve"> 2000-07-27</t>
  </si>
  <si>
    <t xml:space="preserve"> 2000-07-28</t>
  </si>
  <si>
    <t xml:space="preserve"> 2000-07-29</t>
  </si>
  <si>
    <t xml:space="preserve"> 2000-08-04</t>
  </si>
  <si>
    <t xml:space="preserve"> 2000-08-05</t>
  </si>
  <si>
    <t xml:space="preserve"> 2000-08-07</t>
  </si>
  <si>
    <t xml:space="preserve"> 2000-08-09</t>
  </si>
  <si>
    <t xml:space="preserve"> 2000-08-11</t>
  </si>
  <si>
    <t xml:space="preserve"> 2000-08-12</t>
  </si>
  <si>
    <t xml:space="preserve"> 2000-08-14</t>
  </si>
  <si>
    <t xml:space="preserve"> 2000-08-15</t>
  </si>
  <si>
    <t xml:space="preserve"> 2000-08-16</t>
  </si>
  <si>
    <t xml:space="preserve"> 2000-08-18</t>
  </si>
  <si>
    <t xml:space="preserve"> 2000-08-19</t>
  </si>
  <si>
    <t xml:space="preserve"> 2000-08-21</t>
  </si>
  <si>
    <t xml:space="preserve"> 2000-08-22</t>
  </si>
  <si>
    <t xml:space="preserve"> 2000-08-23</t>
  </si>
  <si>
    <t xml:space="preserve"> 2000-08-24</t>
  </si>
  <si>
    <t xml:space="preserve"> 2000-08-25</t>
  </si>
  <si>
    <t xml:space="preserve"> 2000-08-30</t>
  </si>
  <si>
    <t xml:space="preserve"> 2000-09-01</t>
  </si>
  <si>
    <t xml:space="preserve"> 2000-09-03</t>
  </si>
  <si>
    <t xml:space="preserve"> 2000-09-04</t>
  </si>
  <si>
    <t xml:space="preserve"> 2000-09-05</t>
  </si>
  <si>
    <t xml:space="preserve"> 2000-09-14</t>
  </si>
  <si>
    <t xml:space="preserve"> 2000-09-19</t>
  </si>
  <si>
    <t xml:space="preserve"> 2000-09-20</t>
  </si>
  <si>
    <t xml:space="preserve"> 2000-09-21</t>
  </si>
  <si>
    <t xml:space="preserve"> 2000-09-22</t>
  </si>
  <si>
    <t xml:space="preserve"> 2000-09-25</t>
  </si>
  <si>
    <t xml:space="preserve"> 2000-09-28</t>
  </si>
  <si>
    <t xml:space="preserve"> 2000-09-29</t>
  </si>
  <si>
    <t xml:space="preserve"> 2000-09-30</t>
  </si>
  <si>
    <t xml:space="preserve"> 2000-10-09</t>
  </si>
  <si>
    <t xml:space="preserve"> 2000-10-10</t>
  </si>
  <si>
    <t xml:space="preserve"> 2000-10-11</t>
  </si>
  <si>
    <t xml:space="preserve"> 2000-10-12</t>
  </si>
  <si>
    <t xml:space="preserve"> 2000-10-16</t>
  </si>
  <si>
    <t xml:space="preserve"> 2000-10-17</t>
  </si>
  <si>
    <t xml:space="preserve"> 2000-10-18</t>
  </si>
  <si>
    <t xml:space="preserve"> 2000-10-19</t>
  </si>
  <si>
    <t xml:space="preserve"> 2000-10-21</t>
  </si>
  <si>
    <t xml:space="preserve"> 2000-10-23</t>
  </si>
  <si>
    <t xml:space="preserve"> 2000-10-25</t>
  </si>
  <si>
    <t xml:space="preserve"> 2000-10-26</t>
  </si>
  <si>
    <t xml:space="preserve"> 2000-10-27</t>
  </si>
  <si>
    <t xml:space="preserve"> 2000-10-28</t>
  </si>
  <si>
    <t xml:space="preserve"> 2000-10-30</t>
  </si>
  <si>
    <t xml:space="preserve"> 2000-11-01</t>
  </si>
  <si>
    <t xml:space="preserve"> 2000-11-04</t>
  </si>
  <si>
    <t xml:space="preserve"> 2000-11-06</t>
  </si>
  <si>
    <t xml:space="preserve"> 2000-11-07</t>
  </si>
  <si>
    <t xml:space="preserve"> 2000-11-08</t>
  </si>
  <si>
    <t xml:space="preserve"> 2000-11-10</t>
  </si>
  <si>
    <t xml:space="preserve"> 2000-11-13</t>
  </si>
  <si>
    <t xml:space="preserve"> 2000-11-15</t>
  </si>
  <si>
    <t xml:space="preserve"> 2000-11-17</t>
  </si>
  <si>
    <t xml:space="preserve"> 2000-11-18</t>
  </si>
  <si>
    <t xml:space="preserve"> 2000-11-20</t>
  </si>
  <si>
    <t xml:space="preserve"> 2000-11-21</t>
  </si>
  <si>
    <t xml:space="preserve"> 2000-11-22</t>
  </si>
  <si>
    <t xml:space="preserve"> 2000-11-23</t>
  </si>
  <si>
    <t xml:space="preserve"> 2000-11-27</t>
  </si>
  <si>
    <t xml:space="preserve"> 2000-11-28</t>
  </si>
  <si>
    <t xml:space="preserve"> 2000-11-29</t>
  </si>
  <si>
    <t xml:space="preserve"> 2000-11-30</t>
  </si>
  <si>
    <t xml:space="preserve"> 2000-12-02</t>
  </si>
  <si>
    <t xml:space="preserve"> 2000-12-05</t>
  </si>
  <si>
    <t xml:space="preserve"> 2000-12-06</t>
  </si>
  <si>
    <t xml:space="preserve"> 2000-12-07</t>
  </si>
  <si>
    <t xml:space="preserve"> 2000-12-08</t>
  </si>
  <si>
    <t xml:space="preserve"> 2000-12-09</t>
  </si>
  <si>
    <t xml:space="preserve"> 2000-12-15</t>
  </si>
  <si>
    <t xml:space="preserve"> 2000-12-16</t>
  </si>
  <si>
    <t xml:space="preserve"> 2000-12-20</t>
  </si>
  <si>
    <t xml:space="preserve"> 2000-12-21</t>
  </si>
  <si>
    <t xml:space="preserve"> 2000-12-22</t>
  </si>
  <si>
    <t xml:space="preserve"> 2000-12-26</t>
  </si>
  <si>
    <t xml:space="preserve"> 2000-12-28</t>
  </si>
  <si>
    <t xml:space="preserve"> 2000-12-29</t>
  </si>
  <si>
    <t xml:space="preserve"> 2001-01-03</t>
  </si>
  <si>
    <t xml:space="preserve"> 2001-01-09</t>
  </si>
  <si>
    <t xml:space="preserve"> 2001-01-12</t>
  </si>
  <si>
    <t xml:space="preserve"> 2001-01-19</t>
  </si>
  <si>
    <t xml:space="preserve"> 2001-01-22</t>
  </si>
  <si>
    <t xml:space="preserve"> 2001-02-09</t>
  </si>
  <si>
    <t xml:space="preserve"> 2001-02-10</t>
  </si>
  <si>
    <t xml:space="preserve"> 2001-02-13</t>
  </si>
  <si>
    <t xml:space="preserve"> 2001-02-14</t>
  </si>
  <si>
    <t xml:space="preserve"> 2001-02-16</t>
  </si>
  <si>
    <t xml:space="preserve"> 2001-02-21</t>
  </si>
  <si>
    <t xml:space="preserve"> 2001-02-27</t>
  </si>
  <si>
    <t xml:space="preserve"> 2001-02-28</t>
  </si>
  <si>
    <t xml:space="preserve"> 2001-03-01</t>
  </si>
  <si>
    <t xml:space="preserve"> 2001-03-02</t>
  </si>
  <si>
    <t xml:space="preserve"> 2001-03-03</t>
  </si>
  <si>
    <t xml:space="preserve"> 2001-03-10</t>
  </si>
  <si>
    <t xml:space="preserve"> 2001-03-13</t>
  </si>
  <si>
    <t xml:space="preserve"> 2001-03-15</t>
  </si>
  <si>
    <t xml:space="preserve"> 2001-03-16</t>
  </si>
  <si>
    <t xml:space="preserve"> 2001-03-19</t>
  </si>
  <si>
    <t xml:space="preserve"> 2001-03-20</t>
  </si>
  <si>
    <t xml:space="preserve"> 2001-03-21</t>
  </si>
  <si>
    <t xml:space="preserve"> 2001-03-23</t>
  </si>
  <si>
    <t xml:space="preserve"> 2001-03-24</t>
  </si>
  <si>
    <t xml:space="preserve"> 2001-03-26</t>
  </si>
  <si>
    <t xml:space="preserve"> 2001-03-29</t>
  </si>
  <si>
    <t xml:space="preserve"> 2001-03-30</t>
  </si>
  <si>
    <t xml:space="preserve"> 2001-03-31</t>
  </si>
  <si>
    <t xml:space="preserve"> 2001-04-03</t>
  </si>
  <si>
    <t xml:space="preserve"> 2001-04-04</t>
  </si>
  <si>
    <t xml:space="preserve"> 2001-04-06</t>
  </si>
  <si>
    <t xml:space="preserve"> 2001-04-08</t>
  </si>
  <si>
    <t xml:space="preserve"> 2001-04-09</t>
  </si>
  <si>
    <t xml:space="preserve"> 2001-04-11</t>
  </si>
  <si>
    <t xml:space="preserve"> 2001-04-12</t>
  </si>
  <si>
    <t xml:space="preserve"> 2001-04-16</t>
  </si>
  <si>
    <t xml:space="preserve"> 2001-04-20</t>
  </si>
  <si>
    <t xml:space="preserve"> 2001-04-22</t>
  </si>
  <si>
    <t xml:space="preserve"> 2001-04-26</t>
  </si>
  <si>
    <t xml:space="preserve"> 2001-04-27</t>
  </si>
  <si>
    <t xml:space="preserve"> 2001-05-09</t>
  </si>
  <si>
    <t xml:space="preserve"> 2001-05-11</t>
  </si>
  <si>
    <t xml:space="preserve"> 2001-05-16</t>
  </si>
  <si>
    <t xml:space="preserve"> 2001-05-17</t>
  </si>
  <si>
    <t xml:space="preserve"> 2001-05-18</t>
  </si>
  <si>
    <t xml:space="preserve"> 2001-05-20</t>
  </si>
  <si>
    <t xml:space="preserve"> 2001-05-21</t>
  </si>
  <si>
    <t xml:space="preserve"> 2001-05-22</t>
  </si>
  <si>
    <t xml:space="preserve"> 2001-05-23</t>
  </si>
  <si>
    <t xml:space="preserve"> 2001-05-24</t>
  </si>
  <si>
    <t xml:space="preserve"> 2001-05-25</t>
  </si>
  <si>
    <t xml:space="preserve"> 2001-05-30</t>
  </si>
  <si>
    <t xml:space="preserve"> 2001-05-31</t>
  </si>
  <si>
    <t xml:space="preserve"> 2001-06-01</t>
  </si>
  <si>
    <t xml:space="preserve"> 2001-06-05</t>
  </si>
  <si>
    <t xml:space="preserve"> 2001-06-06</t>
  </si>
  <si>
    <t xml:space="preserve"> 2001-06-13</t>
  </si>
  <si>
    <t xml:space="preserve"> 2001-06-15</t>
  </si>
  <si>
    <t xml:space="preserve"> 2001-06-18</t>
  </si>
  <si>
    <t xml:space="preserve"> 2001-06-19</t>
  </si>
  <si>
    <t xml:space="preserve"> 2001-06-20</t>
  </si>
  <si>
    <t xml:space="preserve"> 2001-06-21</t>
  </si>
  <si>
    <t xml:space="preserve"> 2001-06-22</t>
  </si>
  <si>
    <t xml:space="preserve"> 2001-06-25</t>
  </si>
  <si>
    <t xml:space="preserve"> 2001-06-26</t>
  </si>
  <si>
    <t xml:space="preserve"> 2001-06-27</t>
  </si>
  <si>
    <t xml:space="preserve"> 2001-06-28</t>
  </si>
  <si>
    <t xml:space="preserve"> 2001-06-29</t>
  </si>
  <si>
    <t xml:space="preserve"> 2001-07-04</t>
  </si>
  <si>
    <t xml:space="preserve"> 2001-07-05</t>
  </si>
  <si>
    <t xml:space="preserve"> 2001-07-06</t>
  </si>
  <si>
    <t xml:space="preserve"> 2001-07-10</t>
  </si>
  <si>
    <t xml:space="preserve"> 2001-07-12</t>
  </si>
  <si>
    <t xml:space="preserve"> 2001-07-13</t>
  </si>
  <si>
    <t xml:space="preserve"> 2001-07-18</t>
  </si>
  <si>
    <t xml:space="preserve"> 2001-07-19</t>
  </si>
  <si>
    <t xml:space="preserve"> 2001-07-20</t>
  </si>
  <si>
    <t xml:space="preserve"> 2001-07-21</t>
  </si>
  <si>
    <t xml:space="preserve"> 2001-07-22</t>
  </si>
  <si>
    <t xml:space="preserve"> 2001-07-25</t>
  </si>
  <si>
    <t xml:space="preserve"> 2001-07-27</t>
  </si>
  <si>
    <t xml:space="preserve"> 2001-07-28</t>
  </si>
  <si>
    <t xml:space="preserve"> 2001-07-29</t>
  </si>
  <si>
    <t xml:space="preserve"> 2001-07-30</t>
  </si>
  <si>
    <t xml:space="preserve"> 2001-08-01</t>
  </si>
  <si>
    <t xml:space="preserve"> 2001-08-02</t>
  </si>
  <si>
    <t xml:space="preserve"> 2001-08-05</t>
  </si>
  <si>
    <t xml:space="preserve"> 2001-08-06</t>
  </si>
  <si>
    <t xml:space="preserve"> 2001-08-08</t>
  </si>
  <si>
    <t xml:space="preserve"> 2001-08-09</t>
  </si>
  <si>
    <t xml:space="preserve"> 2001-08-10</t>
  </si>
  <si>
    <t xml:space="preserve"> 2001-08-12</t>
  </si>
  <si>
    <t xml:space="preserve"> 2001-08-15</t>
  </si>
  <si>
    <t xml:space="preserve"> 2001-08-17</t>
  </si>
  <si>
    <t xml:space="preserve"> 2001-08-19</t>
  </si>
  <si>
    <t xml:space="preserve"> 2001-08-24</t>
  </si>
  <si>
    <t xml:space="preserve"> 2001-08-27</t>
  </si>
  <si>
    <t xml:space="preserve"> 2001-08-29</t>
  </si>
  <si>
    <t xml:space="preserve"> 2001-08-30</t>
  </si>
  <si>
    <t xml:space="preserve"> 2001-08-31</t>
  </si>
  <si>
    <t xml:space="preserve"> 2001-09-02</t>
  </si>
  <si>
    <t xml:space="preserve"> 2001-09-03</t>
  </si>
  <si>
    <t xml:space="preserve"> 2001-09-11</t>
  </si>
  <si>
    <t xml:space="preserve"> 2001-09-12</t>
  </si>
  <si>
    <t xml:space="preserve"> 2001-09-16</t>
  </si>
  <si>
    <t xml:space="preserve"> 2001-09-18</t>
  </si>
  <si>
    <t xml:space="preserve"> 2001-09-19</t>
  </si>
  <si>
    <t xml:space="preserve"> 2001-09-20</t>
  </si>
  <si>
    <t xml:space="preserve"> 2001-09-21</t>
  </si>
  <si>
    <t xml:space="preserve"> 2001-09-28</t>
  </si>
  <si>
    <t xml:space="preserve"> 2001-10-09</t>
  </si>
  <si>
    <t xml:space="preserve"> 2001-10-10</t>
  </si>
  <si>
    <t xml:space="preserve"> 2001-10-11</t>
  </si>
  <si>
    <t xml:space="preserve"> 2001-10-12</t>
  </si>
  <si>
    <t xml:space="preserve"> 2001-10-13</t>
  </si>
  <si>
    <t xml:space="preserve"> 2001-10-17</t>
  </si>
  <si>
    <t xml:space="preserve"> 2001-10-19</t>
  </si>
  <si>
    <t xml:space="preserve"> 2001-10-23</t>
  </si>
  <si>
    <t xml:space="preserve"> 2001-10-24</t>
  </si>
  <si>
    <t xml:space="preserve"> 2001-10-25</t>
  </si>
  <si>
    <t xml:space="preserve"> 2001-10-27</t>
  </si>
  <si>
    <t xml:space="preserve"> 2001-10-28</t>
  </si>
  <si>
    <t xml:space="preserve"> 2001-10-31</t>
  </si>
  <si>
    <t xml:space="preserve"> 2001-11-01</t>
  </si>
  <si>
    <t xml:space="preserve"> 2001-11-02</t>
  </si>
  <si>
    <t xml:space="preserve"> 2001-11-05</t>
  </si>
  <si>
    <t xml:space="preserve"> 2001-11-09</t>
  </si>
  <si>
    <t xml:space="preserve"> 2001-11-14</t>
  </si>
  <si>
    <t xml:space="preserve"> 2001-11-15</t>
  </si>
  <si>
    <t xml:space="preserve"> 2001-11-18</t>
  </si>
  <si>
    <t xml:space="preserve"> 2001-11-23</t>
  </si>
  <si>
    <t xml:space="preserve"> 2001-11-24</t>
  </si>
  <si>
    <t xml:space="preserve"> 2001-11-27</t>
  </si>
  <si>
    <t xml:space="preserve"> 2001-11-29</t>
  </si>
  <si>
    <t xml:space="preserve"> 2001-12-01</t>
  </si>
  <si>
    <t xml:space="preserve"> 2001-12-03</t>
  </si>
  <si>
    <t xml:space="preserve"> 2001-12-04</t>
  </si>
  <si>
    <t xml:space="preserve"> 2001-12-06</t>
  </si>
  <si>
    <t xml:space="preserve"> 2001-12-07</t>
  </si>
  <si>
    <t xml:space="preserve"> 2001-12-10</t>
  </si>
  <si>
    <t xml:space="preserve"> 2001-12-11</t>
  </si>
  <si>
    <t xml:space="preserve"> 2001-12-12</t>
  </si>
  <si>
    <t xml:space="preserve"> 2001-12-13</t>
  </si>
  <si>
    <t xml:space="preserve"> 2001-12-14</t>
  </si>
  <si>
    <t xml:space="preserve"> 2001-12-17</t>
  </si>
  <si>
    <t xml:space="preserve"> 2001-12-18</t>
  </si>
  <si>
    <t xml:space="preserve"> 2001-12-19</t>
  </si>
  <si>
    <t xml:space="preserve"> 2001-12-20</t>
  </si>
  <si>
    <t xml:space="preserve"> 2001-12-21</t>
  </si>
  <si>
    <t xml:space="preserve"> 2001-12-22</t>
  </si>
  <si>
    <t xml:space="preserve"> 2001-12-24</t>
  </si>
  <si>
    <t xml:space="preserve"> 2001-12-25</t>
  </si>
  <si>
    <t xml:space="preserve"> 2001-12-26</t>
  </si>
  <si>
    <t xml:space="preserve"> 2001-12-28</t>
  </si>
  <si>
    <t xml:space="preserve"> 2001-12-31</t>
  </si>
  <si>
    <t xml:space="preserve"> 2002-01-04</t>
  </si>
  <si>
    <t xml:space="preserve"> 2002-01-07</t>
  </si>
  <si>
    <t xml:space="preserve"> 2002-01-10</t>
  </si>
  <si>
    <t xml:space="preserve"> 2002-01-16</t>
  </si>
  <si>
    <t xml:space="preserve"> 2002-01-18</t>
  </si>
  <si>
    <t xml:space="preserve"> 2002-01-21</t>
  </si>
  <si>
    <t xml:space="preserve"> 2002-01-23</t>
  </si>
  <si>
    <t xml:space="preserve"> 2002-01-31</t>
  </si>
  <si>
    <t xml:space="preserve"> 2002-02-02</t>
  </si>
  <si>
    <t xml:space="preserve"> 2002-02-09</t>
  </si>
  <si>
    <t xml:space="preserve"> 2002-02-11</t>
  </si>
  <si>
    <t xml:space="preserve"> 2002-02-19</t>
  </si>
  <si>
    <t xml:space="preserve"> 2002-02-20</t>
  </si>
  <si>
    <t xml:space="preserve"> 2002-02-22</t>
  </si>
  <si>
    <t xml:space="preserve"> 2002-02-25</t>
  </si>
  <si>
    <t xml:space="preserve"> 2002-03-01</t>
  </si>
  <si>
    <t xml:space="preserve"> 2002-03-02</t>
  </si>
  <si>
    <t xml:space="preserve"> 2002-03-04</t>
  </si>
  <si>
    <t xml:space="preserve"> 2002-03-06</t>
  </si>
  <si>
    <t xml:space="preserve"> 2002-03-09</t>
  </si>
  <si>
    <t xml:space="preserve"> 2002-03-11</t>
  </si>
  <si>
    <t xml:space="preserve"> 2002-03-12</t>
  </si>
  <si>
    <t xml:space="preserve"> 2002-03-14</t>
  </si>
  <si>
    <t xml:space="preserve"> 2002-03-15</t>
  </si>
  <si>
    <t xml:space="preserve"> 2002-03-16</t>
  </si>
  <si>
    <t xml:space="preserve"> 2002-03-28</t>
  </si>
  <si>
    <t xml:space="preserve"> 2002-03-29</t>
  </si>
  <si>
    <t xml:space="preserve"> 2002-03-30</t>
  </si>
  <si>
    <t xml:space="preserve"> 2002-04-01</t>
  </si>
  <si>
    <t xml:space="preserve"> 2002-04-02</t>
  </si>
  <si>
    <t xml:space="preserve"> 2002-04-04</t>
  </si>
  <si>
    <t xml:space="preserve"> 2002-04-08</t>
  </si>
  <si>
    <t xml:space="preserve"> 2002-04-10</t>
  </si>
  <si>
    <t xml:space="preserve"> 2002-04-15</t>
  </si>
  <si>
    <t xml:space="preserve"> 2002-04-18</t>
  </si>
  <si>
    <t xml:space="preserve"> 2002-04-19</t>
  </si>
  <si>
    <t xml:space="preserve"> 2002-04-20</t>
  </si>
  <si>
    <t xml:space="preserve"> 2002-04-22</t>
  </si>
  <si>
    <t xml:space="preserve"> 2002-04-24</t>
  </si>
  <si>
    <t xml:space="preserve"> 2002-04-25</t>
  </si>
  <si>
    <t xml:space="preserve"> 2002-04-27</t>
  </si>
  <si>
    <t xml:space="preserve"> 2002-05-08</t>
  </si>
  <si>
    <t xml:space="preserve"> 2002-05-10</t>
  </si>
  <si>
    <t xml:space="preserve"> 2002-05-11</t>
  </si>
  <si>
    <t xml:space="preserve"> 2002-05-13</t>
  </si>
  <si>
    <t xml:space="preserve"> 2002-05-14</t>
  </si>
  <si>
    <t xml:space="preserve"> 2002-05-15</t>
  </si>
  <si>
    <t xml:space="preserve"> 2002-05-16</t>
  </si>
  <si>
    <t xml:space="preserve"> 2002-05-18</t>
  </si>
  <si>
    <t xml:space="preserve"> 2002-05-21</t>
  </si>
  <si>
    <t xml:space="preserve"> 2002-05-22</t>
  </si>
  <si>
    <t xml:space="preserve"> 2002-05-23</t>
  </si>
  <si>
    <t xml:space="preserve"> 2002-05-24</t>
  </si>
  <si>
    <t xml:space="preserve"> 2002-05-25</t>
  </si>
  <si>
    <t xml:space="preserve"> 2002-05-27</t>
  </si>
  <si>
    <t xml:space="preserve"> 2002-05-29</t>
  </si>
  <si>
    <t xml:space="preserve"> 2002-06-01</t>
  </si>
  <si>
    <t xml:space="preserve"> 2002-06-04</t>
  </si>
  <si>
    <t xml:space="preserve"> 2002-06-05</t>
  </si>
  <si>
    <t xml:space="preserve"> 2002-06-06</t>
  </si>
  <si>
    <t xml:space="preserve"> 2002-06-10</t>
  </si>
  <si>
    <t xml:space="preserve"> 2002-06-12</t>
  </si>
  <si>
    <t xml:space="preserve"> 2002-06-15</t>
  </si>
  <si>
    <t xml:space="preserve"> 2002-06-18</t>
  </si>
  <si>
    <t xml:space="preserve"> 2002-06-19</t>
  </si>
  <si>
    <t xml:space="preserve"> 2002-06-20</t>
  </si>
  <si>
    <t xml:space="preserve"> 2002-06-21</t>
  </si>
  <si>
    <t xml:space="preserve"> 2002-06-22</t>
  </si>
  <si>
    <t xml:space="preserve"> 2002-06-25</t>
  </si>
  <si>
    <t xml:space="preserve"> 2002-06-26</t>
  </si>
  <si>
    <t xml:space="preserve"> 2002-06-27</t>
  </si>
  <si>
    <t xml:space="preserve"> 2002-06-28</t>
  </si>
  <si>
    <t xml:space="preserve"> 2002-06-29</t>
  </si>
  <si>
    <t xml:space="preserve"> 2002-07-02</t>
  </si>
  <si>
    <t xml:space="preserve"> 2002-07-05</t>
  </si>
  <si>
    <t xml:space="preserve"> 2002-07-06</t>
  </si>
  <si>
    <t xml:space="preserve"> 2002-07-10</t>
  </si>
  <si>
    <t xml:space="preserve"> 2002-07-11</t>
  </si>
  <si>
    <t xml:space="preserve"> 2002-07-12</t>
  </si>
  <si>
    <t xml:space="preserve"> 2002-07-15</t>
  </si>
  <si>
    <t xml:space="preserve"> 2002-07-16</t>
  </si>
  <si>
    <t xml:space="preserve"> 2002-07-17</t>
  </si>
  <si>
    <t xml:space="preserve"> 2002-07-18</t>
  </si>
  <si>
    <t xml:space="preserve"> 2002-07-24</t>
  </si>
  <si>
    <t xml:space="preserve"> 2002-07-25</t>
  </si>
  <si>
    <t xml:space="preserve"> 2002-07-27</t>
  </si>
  <si>
    <t xml:space="preserve"> 2002-07-29</t>
  </si>
  <si>
    <t xml:space="preserve"> 2002-07-30</t>
  </si>
  <si>
    <t xml:space="preserve"> 2002-07-31</t>
  </si>
  <si>
    <t xml:space="preserve"> 2002-08-01</t>
  </si>
  <si>
    <t xml:space="preserve"> 2002-08-02</t>
  </si>
  <si>
    <t xml:space="preserve"> 2002-08-03</t>
  </si>
  <si>
    <t xml:space="preserve"> 2002-08-05</t>
  </si>
  <si>
    <t xml:space="preserve"> 2002-08-08</t>
  </si>
  <si>
    <t xml:space="preserve"> 2002-08-09</t>
  </si>
  <si>
    <t xml:space="preserve"> 2002-08-10</t>
  </si>
  <si>
    <t xml:space="preserve"> 2002-08-12</t>
  </si>
  <si>
    <t xml:space="preserve"> 2002-08-13</t>
  </si>
  <si>
    <t xml:space="preserve"> 2002-08-16</t>
  </si>
  <si>
    <t xml:space="preserve"> 2002-08-20</t>
  </si>
  <si>
    <t xml:space="preserve"> 2002-08-21</t>
  </si>
  <si>
    <t xml:space="preserve"> 2002-08-22</t>
  </si>
  <si>
    <t xml:space="preserve"> 2002-08-23</t>
  </si>
  <si>
    <t xml:space="preserve"> 2002-08-24</t>
  </si>
  <si>
    <t xml:space="preserve"> 2002-08-26</t>
  </si>
  <si>
    <t xml:space="preserve"> 2002-08-27</t>
  </si>
  <si>
    <t xml:space="preserve"> 2002-08-28</t>
  </si>
  <si>
    <t xml:space="preserve"> 2002-08-29</t>
  </si>
  <si>
    <t xml:space="preserve"> 2002-08-30</t>
  </si>
  <si>
    <t xml:space="preserve"> 2002-08-31</t>
  </si>
  <si>
    <t xml:space="preserve"> 2002-09-02</t>
  </si>
  <si>
    <t xml:space="preserve"> 2002-09-03</t>
  </si>
  <si>
    <t xml:space="preserve"> 2002-09-04</t>
  </si>
  <si>
    <t xml:space="preserve"> 2002-09-05</t>
  </si>
  <si>
    <t xml:space="preserve"> 2002-09-07</t>
  </si>
  <si>
    <t xml:space="preserve"> 2002-09-09</t>
  </si>
  <si>
    <t xml:space="preserve"> 2002-09-10</t>
  </si>
  <si>
    <t xml:space="preserve"> 2002-09-13</t>
  </si>
  <si>
    <t xml:space="preserve"> 2002-09-14</t>
  </si>
  <si>
    <t xml:space="preserve"> 2002-09-16</t>
  </si>
  <si>
    <t xml:space="preserve"> 2002-09-20</t>
  </si>
  <si>
    <t xml:space="preserve"> 2002-09-21</t>
  </si>
  <si>
    <t xml:space="preserve"> 2002-09-23</t>
  </si>
  <si>
    <t xml:space="preserve"> 2002-09-24</t>
  </si>
  <si>
    <t xml:space="preserve"> 2002-09-25</t>
  </si>
  <si>
    <t xml:space="preserve"> 2002-09-26</t>
  </si>
  <si>
    <t xml:space="preserve"> 2002-09-27</t>
  </si>
  <si>
    <t xml:space="preserve"> 2002-09-28</t>
  </si>
  <si>
    <t xml:space="preserve"> 2002-09-30</t>
  </si>
  <si>
    <t xml:space="preserve"> 2002-10-01</t>
  </si>
  <si>
    <t xml:space="preserve"> 2002-10-08</t>
  </si>
  <si>
    <t xml:space="preserve"> 2002-10-09</t>
  </si>
  <si>
    <t xml:space="preserve"> 2002-10-11</t>
  </si>
  <si>
    <t xml:space="preserve"> 2002-10-12</t>
  </si>
  <si>
    <t xml:space="preserve"> 2002-10-14</t>
  </si>
  <si>
    <t xml:space="preserve"> 2002-10-16</t>
  </si>
  <si>
    <t xml:space="preserve"> 2002-10-17</t>
  </si>
  <si>
    <t xml:space="preserve"> 2002-10-18</t>
  </si>
  <si>
    <t xml:space="preserve"> 2002-10-19</t>
  </si>
  <si>
    <t xml:space="preserve"> 2002-10-21</t>
  </si>
  <si>
    <t xml:space="preserve"> 2002-10-22</t>
  </si>
  <si>
    <t xml:space="preserve"> 2002-10-23</t>
  </si>
  <si>
    <t xml:space="preserve"> 2002-10-24</t>
  </si>
  <si>
    <t xml:space="preserve"> 2002-10-25</t>
  </si>
  <si>
    <t xml:space="preserve"> 2002-10-26</t>
  </si>
  <si>
    <t xml:space="preserve"> 2002-10-28</t>
  </si>
  <si>
    <t xml:space="preserve"> 2002-10-29</t>
  </si>
  <si>
    <t xml:space="preserve"> 2002-10-30</t>
  </si>
  <si>
    <t xml:space="preserve"> 2002-10-31</t>
  </si>
  <si>
    <t xml:space="preserve"> 2002-11-01</t>
  </si>
  <si>
    <t xml:space="preserve"> 2002-11-02</t>
  </si>
  <si>
    <t xml:space="preserve"> 2002-11-05</t>
  </si>
  <si>
    <t xml:space="preserve"> 2002-11-06</t>
  </si>
  <si>
    <t xml:space="preserve"> 2002-11-07</t>
  </si>
  <si>
    <t xml:space="preserve"> 2002-11-08</t>
  </si>
  <si>
    <t xml:space="preserve"> 2002-11-12</t>
  </si>
  <si>
    <t xml:space="preserve"> 2002-11-13</t>
  </si>
  <si>
    <t xml:space="preserve"> 2002-11-14</t>
  </si>
  <si>
    <t xml:space="preserve"> 2002-11-15</t>
  </si>
  <si>
    <t xml:space="preserve"> 2002-11-16</t>
  </si>
  <si>
    <t xml:space="preserve"> 2002-11-19</t>
  </si>
  <si>
    <t xml:space="preserve"> 2002-11-21</t>
  </si>
  <si>
    <t xml:space="preserve"> 2002-11-22</t>
  </si>
  <si>
    <t xml:space="preserve"> 2002-11-23</t>
  </si>
  <si>
    <t xml:space="preserve"> 2002-11-26</t>
  </si>
  <si>
    <t xml:space="preserve"> 2002-11-28</t>
  </si>
  <si>
    <t xml:space="preserve"> 2002-11-29</t>
  </si>
  <si>
    <t xml:space="preserve"> 2002-11-30</t>
  </si>
  <si>
    <t xml:space="preserve"> 2002-12-02</t>
  </si>
  <si>
    <t xml:space="preserve"> 2002-12-03</t>
  </si>
  <si>
    <t xml:space="preserve"> 2002-12-04</t>
  </si>
  <si>
    <t xml:space="preserve"> 2002-12-05</t>
  </si>
  <si>
    <t xml:space="preserve"> 2002-12-06</t>
  </si>
  <si>
    <t xml:space="preserve"> 2002-12-07</t>
  </si>
  <si>
    <t xml:space="preserve"> 2002-12-09</t>
  </si>
  <si>
    <t xml:space="preserve"> 2002-12-10</t>
  </si>
  <si>
    <t xml:space="preserve"> 2002-12-12</t>
  </si>
  <si>
    <t xml:space="preserve"> 2002-12-14</t>
  </si>
  <si>
    <t xml:space="preserve"> 2002-12-16</t>
  </si>
  <si>
    <t xml:space="preserve"> 2002-12-18</t>
  </si>
  <si>
    <t xml:space="preserve"> 2002-12-19</t>
  </si>
  <si>
    <t xml:space="preserve"> 2002-12-20</t>
  </si>
  <si>
    <t xml:space="preserve"> 2002-12-21</t>
  </si>
  <si>
    <t xml:space="preserve"> 2002-12-23</t>
  </si>
  <si>
    <t xml:space="preserve"> 2002-12-26</t>
  </si>
  <si>
    <t xml:space="preserve"> 2002-12-27</t>
  </si>
  <si>
    <t xml:space="preserve"> 2002-12-28</t>
  </si>
  <si>
    <t xml:space="preserve"> 2002-12-31</t>
  </si>
  <si>
    <t xml:space="preserve"> 2003-01-01</t>
  </si>
  <si>
    <t xml:space="preserve"> 2003-01-03</t>
  </si>
  <si>
    <t xml:space="preserve"> 2003-01-04</t>
  </si>
  <si>
    <t xml:space="preserve"> 2003-01-07</t>
  </si>
  <si>
    <t xml:space="preserve"> 2003-01-08</t>
  </si>
  <si>
    <t xml:space="preserve"> 2003-01-09</t>
  </si>
  <si>
    <t xml:space="preserve"> 2003-01-10</t>
  </si>
  <si>
    <t xml:space="preserve"> 2003-01-11</t>
  </si>
  <si>
    <t xml:space="preserve"> 2003-01-13</t>
  </si>
  <si>
    <t xml:space="preserve"> 2003-01-17</t>
  </si>
  <si>
    <t xml:space="preserve"> 2003-01-18</t>
  </si>
  <si>
    <t xml:space="preserve"> 2003-01-20</t>
  </si>
  <si>
    <t xml:space="preserve"> 2003-01-21</t>
  </si>
  <si>
    <t xml:space="preserve"> 2003-01-22</t>
  </si>
  <si>
    <t xml:space="preserve"> 2003-01-23</t>
  </si>
  <si>
    <t xml:space="preserve"> 2003-01-24</t>
  </si>
  <si>
    <t xml:space="preserve"> 2003-01-25</t>
  </si>
  <si>
    <t xml:space="preserve"> 2003-01-27</t>
  </si>
  <si>
    <t xml:space="preserve"> 2003-01-29</t>
  </si>
  <si>
    <t xml:space="preserve"> 2003-01-30</t>
  </si>
  <si>
    <t xml:space="preserve"> 2003-01-31</t>
  </si>
  <si>
    <t xml:space="preserve"> 2003-02-08</t>
  </si>
  <si>
    <t xml:space="preserve"> 2003-02-10</t>
  </si>
  <si>
    <t xml:space="preserve"> 2003-02-11</t>
  </si>
  <si>
    <t xml:space="preserve"> 2003-02-13</t>
  </si>
  <si>
    <t xml:space="preserve"> 2003-02-14</t>
  </si>
  <si>
    <t xml:space="preserve"> 2003-02-15</t>
  </si>
  <si>
    <t xml:space="preserve"> 2003-02-17</t>
  </si>
  <si>
    <t xml:space="preserve"> 2003-02-18</t>
  </si>
  <si>
    <t xml:space="preserve"> 2003-02-19</t>
  </si>
  <si>
    <t xml:space="preserve"> 2003-02-20</t>
  </si>
  <si>
    <t xml:space="preserve"> 2003-02-21</t>
  </si>
  <si>
    <t xml:space="preserve"> 2003-02-22</t>
  </si>
  <si>
    <t xml:space="preserve"> 2003-02-25</t>
  </si>
  <si>
    <t xml:space="preserve"> 2003-02-26</t>
  </si>
  <si>
    <t xml:space="preserve"> 2003-02-27</t>
  </si>
  <si>
    <t xml:space="preserve"> 2003-02-28</t>
  </si>
  <si>
    <t xml:space="preserve"> 2003-03-01</t>
  </si>
  <si>
    <t xml:space="preserve"> 2003-03-04</t>
  </si>
  <si>
    <t xml:space="preserve"> 2003-03-05</t>
  </si>
  <si>
    <t xml:space="preserve"> 2003-03-06</t>
  </si>
  <si>
    <t xml:space="preserve"> 2003-03-07</t>
  </si>
  <si>
    <t xml:space="preserve"> 2003-03-08</t>
  </si>
  <si>
    <t xml:space="preserve"> 2003-03-10</t>
  </si>
  <si>
    <t xml:space="preserve"> 2003-03-12</t>
  </si>
  <si>
    <t xml:space="preserve"> 2003-03-13</t>
  </si>
  <si>
    <t xml:space="preserve"> 2003-03-14</t>
  </si>
  <si>
    <t xml:space="preserve"> 2003-03-18</t>
  </si>
  <si>
    <t xml:space="preserve"> 2003-03-19</t>
  </si>
  <si>
    <t xml:space="preserve"> 2003-03-20</t>
  </si>
  <si>
    <t xml:space="preserve"> 2003-03-21</t>
  </si>
  <si>
    <t xml:space="preserve"> 2003-03-22</t>
  </si>
  <si>
    <t xml:space="preserve"> 2003-03-24</t>
  </si>
  <si>
    <t xml:space="preserve"> 2003-03-25</t>
  </si>
  <si>
    <t xml:space="preserve"> 2003-03-26</t>
  </si>
  <si>
    <t xml:space="preserve"> 2003-03-28</t>
  </si>
  <si>
    <t xml:space="preserve"> 2003-04-01</t>
  </si>
  <si>
    <t xml:space="preserve"> 2003-04-04</t>
  </si>
  <si>
    <t xml:space="preserve"> 2003-04-05</t>
  </si>
  <si>
    <t xml:space="preserve"> 2003-04-07</t>
  </si>
  <si>
    <t xml:space="preserve"> 2003-04-08</t>
  </si>
  <si>
    <t xml:space="preserve"> 2003-04-09</t>
  </si>
  <si>
    <t xml:space="preserve"> 2003-04-11</t>
  </si>
  <si>
    <t xml:space="preserve"> 2003-04-12</t>
  </si>
  <si>
    <t xml:space="preserve"> 2003-04-15</t>
  </si>
  <si>
    <t xml:space="preserve"> 2003-04-16</t>
  </si>
  <si>
    <t xml:space="preserve"> 2003-04-17</t>
  </si>
  <si>
    <t xml:space="preserve"> 2003-04-18</t>
  </si>
  <si>
    <t xml:space="preserve"> 2003-04-19</t>
  </si>
  <si>
    <t xml:space="preserve"> 2003-04-21</t>
  </si>
  <si>
    <t xml:space="preserve"> 2003-04-23</t>
  </si>
  <si>
    <t xml:space="preserve"> 2003-04-29</t>
  </si>
  <si>
    <t xml:space="preserve"> 2003-04-30</t>
  </si>
  <si>
    <t xml:space="preserve"> 2003-05-06</t>
  </si>
  <si>
    <t xml:space="preserve"> 2003-05-08</t>
  </si>
  <si>
    <t xml:space="preserve"> 2003-05-09</t>
  </si>
  <si>
    <t xml:space="preserve"> 2003-05-10</t>
  </si>
  <si>
    <t xml:space="preserve"> 2003-05-12</t>
  </si>
  <si>
    <t xml:space="preserve"> 2003-05-13</t>
  </si>
  <si>
    <t xml:space="preserve"> 2003-05-14</t>
  </si>
  <si>
    <t xml:space="preserve"> 2003-05-15</t>
  </si>
  <si>
    <t xml:space="preserve"> 2003-05-16</t>
  </si>
  <si>
    <t xml:space="preserve"> 2003-05-17</t>
  </si>
  <si>
    <t xml:space="preserve"> 2003-05-21</t>
  </si>
  <si>
    <t xml:space="preserve"> 2003-05-23</t>
  </si>
  <si>
    <t xml:space="preserve"> 2003-05-24</t>
  </si>
  <si>
    <t xml:space="preserve"> 2003-05-27</t>
  </si>
  <si>
    <t xml:space="preserve"> 2003-05-28</t>
  </si>
  <si>
    <t xml:space="preserve"> 2003-05-29</t>
  </si>
  <si>
    <t xml:space="preserve"> 2003-05-30</t>
  </si>
  <si>
    <t xml:space="preserve"> 2003-05-31</t>
  </si>
  <si>
    <t xml:space="preserve"> 2003-06-03</t>
  </si>
  <si>
    <t xml:space="preserve"> 2003-06-05</t>
  </si>
  <si>
    <t xml:space="preserve"> 2003-06-06</t>
  </si>
  <si>
    <t xml:space="preserve"> 2003-06-07</t>
  </si>
  <si>
    <t xml:space="preserve"> 2003-06-09</t>
  </si>
  <si>
    <t xml:space="preserve"> 2003-06-11</t>
  </si>
  <si>
    <t xml:space="preserve"> 2003-06-12</t>
  </si>
  <si>
    <t xml:space="preserve"> 2003-06-13</t>
  </si>
  <si>
    <t xml:space="preserve"> 2003-06-14</t>
  </si>
  <si>
    <t xml:space="preserve"> 2003-06-18</t>
  </si>
  <si>
    <t xml:space="preserve"> 2003-06-19</t>
  </si>
  <si>
    <t xml:space="preserve"> 2003-06-20</t>
  </si>
  <si>
    <t xml:space="preserve"> 2003-06-21</t>
  </si>
  <si>
    <t xml:space="preserve"> 2003-06-23</t>
  </si>
  <si>
    <t xml:space="preserve"> 2003-06-24</t>
  </si>
  <si>
    <t xml:space="preserve"> 2003-06-25</t>
  </si>
  <si>
    <t xml:space="preserve"> 2003-06-27</t>
  </si>
  <si>
    <t xml:space="preserve"> 2003-06-28</t>
  </si>
  <si>
    <t xml:space="preserve"> 2003-06-30</t>
  </si>
  <si>
    <t xml:space="preserve"> 2003-07-01</t>
  </si>
  <si>
    <t xml:space="preserve"> 2003-07-02</t>
  </si>
  <si>
    <t xml:space="preserve"> 2003-07-04</t>
  </si>
  <si>
    <t xml:space="preserve"> 2003-07-05</t>
  </si>
  <si>
    <t xml:space="preserve"> 2003-07-07</t>
  </si>
  <si>
    <t xml:space="preserve"> 2003-07-08</t>
  </si>
  <si>
    <t xml:space="preserve"> 2003-07-09</t>
  </si>
  <si>
    <t xml:space="preserve"> 2003-07-10</t>
  </si>
  <si>
    <t xml:space="preserve"> 2003-07-11</t>
  </si>
  <si>
    <t xml:space="preserve"> 2003-07-14</t>
  </si>
  <si>
    <t xml:space="preserve"> 2003-07-15</t>
  </si>
  <si>
    <t xml:space="preserve"> 2003-07-16</t>
  </si>
  <si>
    <t xml:space="preserve"> 2003-07-17</t>
  </si>
  <si>
    <t xml:space="preserve"> 2003-07-18</t>
  </si>
  <si>
    <t xml:space="preserve"> 2003-07-19</t>
  </si>
  <si>
    <t xml:space="preserve"> 2003-07-22</t>
  </si>
  <si>
    <t xml:space="preserve"> 2003-07-23</t>
  </si>
  <si>
    <t xml:space="preserve"> 2003-07-25</t>
  </si>
  <si>
    <t xml:space="preserve"> 2003-07-28</t>
  </si>
  <si>
    <t xml:space="preserve"> 2003-07-29</t>
  </si>
  <si>
    <t xml:space="preserve"> 2003-07-30</t>
  </si>
  <si>
    <t xml:space="preserve"> 2003-08-01</t>
  </si>
  <si>
    <t xml:space="preserve"> 2003-08-02</t>
  </si>
  <si>
    <t xml:space="preserve"> 2003-08-05</t>
  </si>
  <si>
    <t xml:space="preserve"> 2003-08-06</t>
  </si>
  <si>
    <t xml:space="preserve"> 2003-08-07</t>
  </si>
  <si>
    <t xml:space="preserve"> 2003-08-08</t>
  </si>
  <si>
    <t xml:space="preserve"> 2003-08-09</t>
  </si>
  <si>
    <t xml:space="preserve"> 2003-08-11</t>
  </si>
  <si>
    <t xml:space="preserve"> 2003-08-12</t>
  </si>
  <si>
    <t xml:space="preserve"> 2003-08-13</t>
  </si>
  <si>
    <t xml:space="preserve"> 2003-08-14</t>
  </si>
  <si>
    <t xml:space="preserve"> 2003-08-15</t>
  </si>
  <si>
    <t xml:space="preserve"> 2003-08-16</t>
  </si>
  <si>
    <t xml:space="preserve"> 2003-08-19</t>
  </si>
  <si>
    <t xml:space="preserve"> 2003-08-20</t>
  </si>
  <si>
    <t xml:space="preserve"> 2003-08-21</t>
  </si>
  <si>
    <t xml:space="preserve"> 2003-08-22</t>
  </si>
  <si>
    <t xml:space="preserve"> 2003-08-23</t>
  </si>
  <si>
    <t xml:space="preserve"> 2003-08-27</t>
  </si>
  <si>
    <t xml:space="preserve"> 2003-08-28</t>
  </si>
  <si>
    <t xml:space="preserve"> 2003-08-29</t>
  </si>
  <si>
    <t xml:space="preserve"> 2003-09-01</t>
  </si>
  <si>
    <t xml:space="preserve"> 2003-09-02</t>
  </si>
  <si>
    <t xml:space="preserve"> 2003-09-03</t>
  </si>
  <si>
    <t xml:space="preserve"> 2003-09-04</t>
  </si>
  <si>
    <t xml:space="preserve"> 2003-09-05</t>
  </si>
  <si>
    <t xml:space="preserve"> 2003-09-06</t>
  </si>
  <si>
    <t xml:space="preserve"> 2003-09-08</t>
  </si>
  <si>
    <t xml:space="preserve"> 2003-09-12</t>
  </si>
  <si>
    <t xml:space="preserve"> 2003-09-13</t>
  </si>
  <si>
    <t xml:space="preserve"> 2003-09-16</t>
  </si>
  <si>
    <t xml:space="preserve"> 2003-09-17</t>
  </si>
  <si>
    <t xml:space="preserve"> 2003-09-19</t>
  </si>
  <si>
    <t xml:space="preserve"> 2003-09-20</t>
  </si>
  <si>
    <t xml:space="preserve"> 2003-09-22</t>
  </si>
  <si>
    <t xml:space="preserve"> 2003-09-24</t>
  </si>
  <si>
    <t xml:space="preserve"> 2003-09-25</t>
  </si>
  <si>
    <t xml:space="preserve"> 2003-09-26</t>
  </si>
  <si>
    <t xml:space="preserve"> 2003-10-09</t>
  </si>
  <si>
    <t xml:space="preserve"> 2003-10-10</t>
  </si>
  <si>
    <t xml:space="preserve"> 2003-10-11</t>
  </si>
  <si>
    <t xml:space="preserve"> 2003-10-14</t>
  </si>
  <si>
    <t xml:space="preserve"> 2003-10-16</t>
  </si>
  <si>
    <t xml:space="preserve"> 2003-10-18</t>
  </si>
  <si>
    <t xml:space="preserve"> 2003-10-20</t>
  </si>
  <si>
    <t xml:space="preserve"> 2003-10-21</t>
  </si>
  <si>
    <t xml:space="preserve"> 2003-10-22</t>
  </si>
  <si>
    <t xml:space="preserve"> 2003-10-24</t>
  </si>
  <si>
    <t xml:space="preserve"> 2003-10-25</t>
  </si>
  <si>
    <t xml:space="preserve"> 2003-10-28</t>
  </si>
  <si>
    <t xml:space="preserve"> 2003-10-30</t>
  </si>
  <si>
    <t xml:space="preserve"> 2003-10-31</t>
  </si>
  <si>
    <t xml:space="preserve"> 2003-11-01</t>
  </si>
  <si>
    <t xml:space="preserve"> 2003-11-04</t>
  </si>
  <si>
    <t xml:space="preserve"> 2003-11-05</t>
  </si>
  <si>
    <t xml:space="preserve"> 2003-11-07</t>
  </si>
  <si>
    <t xml:space="preserve"> 2003-11-08</t>
  </si>
  <si>
    <t xml:space="preserve"> 2003-11-11</t>
  </si>
  <si>
    <t xml:space="preserve"> 2003-11-12</t>
  </si>
  <si>
    <t xml:space="preserve"> 2003-11-13</t>
  </si>
  <si>
    <t xml:space="preserve"> 2003-11-14</t>
  </si>
  <si>
    <t xml:space="preserve"> 2003-11-15</t>
  </si>
  <si>
    <t xml:space="preserve"> 2003-11-17</t>
  </si>
  <si>
    <t xml:space="preserve"> 2003-11-18</t>
  </si>
  <si>
    <t xml:space="preserve"> 2003-11-19</t>
  </si>
  <si>
    <t xml:space="preserve"> 2003-11-21</t>
  </si>
  <si>
    <t xml:space="preserve"> 2003-11-22</t>
  </si>
  <si>
    <t xml:space="preserve"> 2003-11-26</t>
  </si>
  <si>
    <t xml:space="preserve"> 2003-11-28</t>
  </si>
  <si>
    <t xml:space="preserve"> 2003-11-29</t>
  </si>
  <si>
    <t xml:space="preserve"> 2003-12-02</t>
  </si>
  <si>
    <t xml:space="preserve"> 2003-12-03</t>
  </si>
  <si>
    <t xml:space="preserve"> 2003-12-04</t>
  </si>
  <si>
    <t xml:space="preserve"> 2003-12-05</t>
  </si>
  <si>
    <t xml:space="preserve"> 2003-12-06</t>
  </si>
  <si>
    <t xml:space="preserve"> 2003-12-10</t>
  </si>
  <si>
    <t xml:space="preserve"> 2003-12-12</t>
  </si>
  <si>
    <t xml:space="preserve"> 2003-12-13</t>
  </si>
  <si>
    <t xml:space="preserve"> 2003-12-15</t>
  </si>
  <si>
    <t xml:space="preserve"> 2003-12-19</t>
  </si>
  <si>
    <t xml:space="preserve"> 2003-12-20</t>
  </si>
  <si>
    <t xml:space="preserve"> 2003-12-23</t>
  </si>
  <si>
    <t xml:space="preserve"> 2003-12-24</t>
  </si>
  <si>
    <t xml:space="preserve"> 2003-12-27</t>
  </si>
  <si>
    <t xml:space="preserve"> 2003-12-30</t>
  </si>
  <si>
    <t xml:space="preserve"> 2003-12-31</t>
  </si>
  <si>
    <t xml:space="preserve"> 2004-01-02</t>
  </si>
  <si>
    <t xml:space="preserve"> 2004-01-03</t>
  </si>
  <si>
    <t xml:space="preserve"> 2004-01-05</t>
  </si>
  <si>
    <t xml:space="preserve"> 2004-01-06</t>
  </si>
  <si>
    <t xml:space="preserve"> 2004-01-09</t>
  </si>
  <si>
    <t xml:space="preserve"> 2004-01-10</t>
  </si>
  <si>
    <t xml:space="preserve"> 2004-01-13</t>
  </si>
  <si>
    <t xml:space="preserve"> 2004-01-14</t>
  </si>
  <si>
    <t xml:space="preserve"> 2004-01-15</t>
  </si>
  <si>
    <t xml:space="preserve"> 2004-01-16</t>
  </si>
  <si>
    <t xml:space="preserve"> 2004-01-19</t>
  </si>
  <si>
    <t xml:space="preserve"> 2004-01-20</t>
  </si>
  <si>
    <t xml:space="preserve"> 2004-01-29</t>
  </si>
  <si>
    <t xml:space="preserve"> 2004-01-30</t>
  </si>
  <si>
    <t xml:space="preserve"> 2004-01-31</t>
  </si>
  <si>
    <t xml:space="preserve"> 2004-02-03</t>
  </si>
  <si>
    <t xml:space="preserve"> 2004-02-04</t>
  </si>
  <si>
    <t xml:space="preserve"> 2004-02-05</t>
  </si>
  <si>
    <t xml:space="preserve"> 2004-02-06</t>
  </si>
  <si>
    <t xml:space="preserve"> 2004-02-07</t>
  </si>
  <si>
    <t xml:space="preserve"> 2004-02-09</t>
  </si>
  <si>
    <t xml:space="preserve"> 2004-02-11</t>
  </si>
  <si>
    <t xml:space="preserve"> 2004-02-12</t>
  </si>
  <si>
    <t xml:space="preserve"> 2004-02-13</t>
  </si>
  <si>
    <t xml:space="preserve"> 2004-02-16</t>
  </si>
  <si>
    <t xml:space="preserve"> 2004-02-17</t>
  </si>
  <si>
    <t xml:space="preserve"> 2004-02-18</t>
  </si>
  <si>
    <t xml:space="preserve"> 2004-02-19</t>
  </si>
  <si>
    <t xml:space="preserve"> 2004-02-20</t>
  </si>
  <si>
    <t xml:space="preserve"> 2004-02-21</t>
  </si>
  <si>
    <t xml:space="preserve"> 2004-02-23</t>
  </si>
  <si>
    <t xml:space="preserve"> 2004-02-26</t>
  </si>
  <si>
    <t xml:space="preserve"> 2004-03-03</t>
  </si>
  <si>
    <t xml:space="preserve"> 2004-03-07</t>
  </si>
  <si>
    <t xml:space="preserve"> 2004-03-08</t>
  </si>
  <si>
    <t xml:space="preserve"> 2004-03-10</t>
  </si>
  <si>
    <t xml:space="preserve"> 2004-03-12</t>
  </si>
  <si>
    <t xml:space="preserve"> 2004-03-13</t>
  </si>
  <si>
    <t xml:space="preserve"> 2004-03-14</t>
  </si>
  <si>
    <t xml:space="preserve"> 2004-03-15</t>
  </si>
  <si>
    <t xml:space="preserve"> 2004-03-16</t>
  </si>
  <si>
    <t xml:space="preserve"> 2004-03-17</t>
  </si>
  <si>
    <t xml:space="preserve"> 2004-03-18</t>
  </si>
  <si>
    <t xml:space="preserve"> 2004-03-19</t>
  </si>
  <si>
    <t xml:space="preserve"> 2004-03-20</t>
  </si>
  <si>
    <t xml:space="preserve"> 2004-03-22</t>
  </si>
  <si>
    <t xml:space="preserve"> 2004-03-24</t>
  </si>
  <si>
    <t xml:space="preserve"> 2004-03-25</t>
  </si>
  <si>
    <t xml:space="preserve"> 2004-03-29</t>
  </si>
  <si>
    <t xml:space="preserve"> 2004-03-30</t>
  </si>
  <si>
    <t xml:space="preserve"> 2004-04-01</t>
  </si>
  <si>
    <t xml:space="preserve"> 2004-04-03</t>
  </si>
  <si>
    <t xml:space="preserve"> 2004-04-05</t>
  </si>
  <si>
    <t xml:space="preserve"> 2004-04-06</t>
  </si>
  <si>
    <t xml:space="preserve"> 2004-04-07</t>
  </si>
  <si>
    <t xml:space="preserve"> 2004-04-09</t>
  </si>
  <si>
    <t xml:space="preserve"> 2004-04-10</t>
  </si>
  <si>
    <t xml:space="preserve"> 2004-04-12</t>
  </si>
  <si>
    <t xml:space="preserve"> 2004-04-14</t>
  </si>
  <si>
    <t xml:space="preserve"> 2004-04-15</t>
  </si>
  <si>
    <t xml:space="preserve"> 2004-04-16</t>
  </si>
  <si>
    <t xml:space="preserve"> 2004-04-17</t>
  </si>
  <si>
    <t xml:space="preserve"> 2004-04-19</t>
  </si>
  <si>
    <t xml:space="preserve"> 2004-04-20</t>
  </si>
  <si>
    <t xml:space="preserve"> 2004-04-21</t>
  </si>
  <si>
    <t xml:space="preserve"> 2004-04-23</t>
  </si>
  <si>
    <t xml:space="preserve"> 2004-04-24</t>
  </si>
  <si>
    <t xml:space="preserve"> 2004-04-26</t>
  </si>
  <si>
    <t xml:space="preserve"> 2004-04-29</t>
  </si>
  <si>
    <t xml:space="preserve"> 2004-04-30</t>
  </si>
  <si>
    <t xml:space="preserve"> 2004-05-08</t>
  </si>
  <si>
    <t xml:space="preserve"> 2004-05-10</t>
  </si>
  <si>
    <t xml:space="preserve"> 2004-05-11</t>
  </si>
  <si>
    <t xml:space="preserve"> 2004-05-12</t>
  </si>
  <si>
    <t xml:space="preserve"> 2004-05-13</t>
  </si>
  <si>
    <t xml:space="preserve"> 2004-05-14</t>
  </si>
  <si>
    <t xml:space="preserve"> 2004-05-15</t>
  </si>
  <si>
    <t xml:space="preserve"> 2004-05-17</t>
  </si>
  <si>
    <t xml:space="preserve"> 2004-05-19</t>
  </si>
  <si>
    <t xml:space="preserve"> 2004-05-20</t>
  </si>
  <si>
    <t xml:space="preserve"> 2004-05-21</t>
  </si>
  <si>
    <t xml:space="preserve"> 2004-05-25</t>
  </si>
  <si>
    <t xml:space="preserve"> 2004-05-26</t>
  </si>
  <si>
    <t xml:space="preserve"> 2004-05-27</t>
  </si>
  <si>
    <t xml:space="preserve"> 2004-05-31</t>
  </si>
  <si>
    <t xml:space="preserve"> 2004-06-01</t>
  </si>
  <si>
    <t xml:space="preserve"> 2004-06-02</t>
  </si>
  <si>
    <t xml:space="preserve"> 2004-06-03</t>
  </si>
  <si>
    <t xml:space="preserve"> 2004-06-04</t>
  </si>
  <si>
    <t xml:space="preserve"> 2004-06-05</t>
  </si>
  <si>
    <t xml:space="preserve"> 2004-06-07</t>
  </si>
  <si>
    <t xml:space="preserve"> 2004-06-08</t>
  </si>
  <si>
    <t xml:space="preserve"> 2004-06-09</t>
  </si>
  <si>
    <t xml:space="preserve"> 2004-06-10</t>
  </si>
  <si>
    <t xml:space="preserve"> 2004-06-12</t>
  </si>
  <si>
    <t xml:space="preserve"> 2004-06-14</t>
  </si>
  <si>
    <t xml:space="preserve"> 2004-06-15</t>
  </si>
  <si>
    <t xml:space="preserve"> 2004-06-16</t>
  </si>
  <si>
    <t xml:space="preserve"> 2004-06-17</t>
  </si>
  <si>
    <t xml:space="preserve"> 2004-06-18</t>
  </si>
  <si>
    <t xml:space="preserve"> 2004-06-19</t>
  </si>
  <si>
    <t xml:space="preserve"> 2004-06-21</t>
  </si>
  <si>
    <t xml:space="preserve"> 2004-06-22</t>
  </si>
  <si>
    <t xml:space="preserve"> 2004-06-24</t>
  </si>
  <si>
    <t xml:space="preserve"> 2004-06-25</t>
  </si>
  <si>
    <t xml:space="preserve"> 2004-06-26</t>
  </si>
  <si>
    <t xml:space="preserve"> 2004-06-28</t>
  </si>
  <si>
    <t xml:space="preserve"> 2004-06-29</t>
  </si>
  <si>
    <t xml:space="preserve"> 2004-07-01</t>
  </si>
  <si>
    <t xml:space="preserve"> 2004-07-03</t>
  </si>
  <si>
    <t xml:space="preserve"> 2004-07-05</t>
  </si>
  <si>
    <t xml:space="preserve"> 2004-07-07</t>
  </si>
  <si>
    <t xml:space="preserve"> 2004-07-10</t>
  </si>
  <si>
    <t xml:space="preserve"> 2004-07-12</t>
  </si>
  <si>
    <t xml:space="preserve"> 2004-07-14</t>
  </si>
  <si>
    <t xml:space="preserve"> 2004-07-15</t>
  </si>
  <si>
    <t xml:space="preserve"> 2004-07-16</t>
  </si>
  <si>
    <t xml:space="preserve"> 2004-07-17</t>
  </si>
  <si>
    <t xml:space="preserve"> 2004-07-19</t>
  </si>
  <si>
    <t xml:space="preserve"> 2004-07-21</t>
  </si>
  <si>
    <t xml:space="preserve"> 2004-07-23</t>
  </si>
  <si>
    <t xml:space="preserve"> 2004-07-26</t>
  </si>
  <si>
    <t xml:space="preserve"> 2004-07-29</t>
  </si>
  <si>
    <t xml:space="preserve"> 2004-07-30</t>
  </si>
  <si>
    <t xml:space="preserve"> 2004-08-02</t>
  </si>
  <si>
    <t xml:space="preserve"> 2004-08-03</t>
  </si>
  <si>
    <t xml:space="preserve"> 2004-08-04</t>
  </si>
  <si>
    <t xml:space="preserve"> 2004-08-05</t>
  </si>
  <si>
    <t xml:space="preserve"> 2004-08-07</t>
  </si>
  <si>
    <t xml:space="preserve"> 2004-08-09</t>
  </si>
  <si>
    <t xml:space="preserve"> 2004-08-10</t>
  </si>
  <si>
    <t xml:space="preserve"> 2004-08-11</t>
  </si>
  <si>
    <t xml:space="preserve"> 2004-08-13</t>
  </si>
  <si>
    <t xml:space="preserve"> 2004-08-14</t>
  </si>
  <si>
    <t xml:space="preserve"> 2004-08-16</t>
  </si>
  <si>
    <t xml:space="preserve"> 2004-08-18</t>
  </si>
  <si>
    <t xml:space="preserve"> 2004-08-20</t>
  </si>
  <si>
    <t xml:space="preserve"> 2004-08-21</t>
  </si>
  <si>
    <t xml:space="preserve"> 2004-08-23</t>
  </si>
  <si>
    <t xml:space="preserve"> 2004-08-24</t>
  </si>
  <si>
    <t xml:space="preserve"> 2004-08-25</t>
  </si>
  <si>
    <t xml:space="preserve"> 2004-08-28</t>
  </si>
  <si>
    <t xml:space="preserve"> 2004-08-31</t>
  </si>
  <si>
    <t xml:space="preserve"> 2004-09-01</t>
  </si>
  <si>
    <t xml:space="preserve"> 2004-09-03</t>
  </si>
  <si>
    <t xml:space="preserve"> 2004-09-06</t>
  </si>
  <si>
    <t xml:space="preserve"> 2004-09-09</t>
  </si>
  <si>
    <t xml:space="preserve"> 2004-09-14</t>
  </si>
  <si>
    <t xml:space="preserve"> 2004-09-16</t>
  </si>
  <si>
    <t xml:space="preserve"> 2004-09-18</t>
  </si>
  <si>
    <t xml:space="preserve"> 2004-09-20</t>
  </si>
  <si>
    <t xml:space="preserve"> 2004-09-27</t>
  </si>
  <si>
    <t xml:space="preserve"> 2004-09-29</t>
  </si>
  <si>
    <t xml:space="preserve"> 2004-09-30</t>
  </si>
  <si>
    <t xml:space="preserve"> 2004-10-11</t>
  </si>
  <si>
    <t xml:space="preserve"> 2004-10-14</t>
  </si>
  <si>
    <t xml:space="preserve"> 2004-10-21</t>
  </si>
  <si>
    <t xml:space="preserve"> 2004-10-22</t>
  </si>
  <si>
    <t xml:space="preserve"> 2004-10-28</t>
  </si>
  <si>
    <t xml:space="preserve"> 2004-10-29</t>
  </si>
  <si>
    <t xml:space="preserve"> 2004-10-30</t>
  </si>
  <si>
    <t xml:space="preserve"> 2004-11-01</t>
  </si>
  <si>
    <t xml:space="preserve"> 2004-11-02</t>
  </si>
  <si>
    <t xml:space="preserve"> 2004-11-03</t>
  </si>
  <si>
    <t xml:space="preserve"> 2004-11-06</t>
  </si>
  <si>
    <t xml:space="preserve"> 2004-11-08</t>
  </si>
  <si>
    <t xml:space="preserve"> 2004-11-09</t>
  </si>
  <si>
    <t xml:space="preserve"> 2004-11-15</t>
  </si>
  <si>
    <t xml:space="preserve"> 2004-11-16</t>
  </si>
  <si>
    <t xml:space="preserve"> 2004-11-22</t>
  </si>
  <si>
    <t xml:space="preserve"> 2004-11-23</t>
  </si>
  <si>
    <t xml:space="preserve"> 2004-11-24</t>
  </si>
  <si>
    <t xml:space="preserve"> 2004-11-25</t>
  </si>
  <si>
    <t xml:space="preserve"> 2004-11-29</t>
  </si>
  <si>
    <t xml:space="preserve"> 2004-12-01</t>
  </si>
  <si>
    <t xml:space="preserve"> 2004-12-02</t>
  </si>
  <si>
    <t xml:space="preserve"> 2004-12-06</t>
  </si>
  <si>
    <t xml:space="preserve"> 2004-12-08</t>
  </si>
  <si>
    <t xml:space="preserve"> 2004-12-09</t>
  </si>
  <si>
    <t xml:space="preserve"> 2004-12-13</t>
  </si>
  <si>
    <t xml:space="preserve"> 2004-12-16</t>
  </si>
  <si>
    <t xml:space="preserve"> 2004-12-17</t>
  </si>
  <si>
    <t xml:space="preserve"> 2004-12-18</t>
  </si>
  <si>
    <t xml:space="preserve"> 2004-12-20</t>
  </si>
  <si>
    <t xml:space="preserve"> 2004-12-21</t>
  </si>
  <si>
    <t xml:space="preserve"> 2004-12-25</t>
  </si>
  <si>
    <t xml:space="preserve"> 2004-12-27</t>
  </si>
  <si>
    <t xml:space="preserve"> 2004-12-31</t>
  </si>
  <si>
    <t xml:space="preserve"> 2005-01-03</t>
  </si>
  <si>
    <t xml:space="preserve"> 2005-01-05</t>
  </si>
  <si>
    <t xml:space="preserve"> 2005-01-06</t>
  </si>
  <si>
    <t xml:space="preserve"> 2005-01-07</t>
  </si>
  <si>
    <t xml:space="preserve"> 2005-01-10</t>
  </si>
  <si>
    <t xml:space="preserve"> 2005-01-12</t>
  </si>
  <si>
    <t xml:space="preserve"> 2005-01-15</t>
  </si>
  <si>
    <t xml:space="preserve"> 2005-01-18</t>
  </si>
  <si>
    <t xml:space="preserve"> 2005-01-20</t>
  </si>
  <si>
    <t xml:space="preserve"> 2005-01-21</t>
  </si>
  <si>
    <t xml:space="preserve"> 2005-01-22</t>
  </si>
  <si>
    <t xml:space="preserve"> 2005-01-24</t>
  </si>
  <si>
    <t xml:space="preserve"> 2005-01-27</t>
  </si>
  <si>
    <t xml:space="preserve"> 2005-01-28</t>
  </si>
  <si>
    <t xml:space="preserve"> 2005-01-29</t>
  </si>
  <si>
    <t xml:space="preserve"> 2005-01-31</t>
  </si>
  <si>
    <t xml:space="preserve"> 2005-02-01</t>
  </si>
  <si>
    <t xml:space="preserve"> 2005-02-02</t>
  </si>
  <si>
    <t xml:space="preserve"> 2005-02-03</t>
  </si>
  <si>
    <t xml:space="preserve"> 2005-02-05</t>
  </si>
  <si>
    <t xml:space="preserve"> 2005-02-07</t>
  </si>
  <si>
    <t xml:space="preserve"> 2005-02-08</t>
  </si>
  <si>
    <t xml:space="preserve"> 2005-02-16</t>
  </si>
  <si>
    <t xml:space="preserve"> 2005-02-17</t>
  </si>
  <si>
    <t xml:space="preserve"> 2005-02-19</t>
  </si>
  <si>
    <t xml:space="preserve"> 2005-02-21</t>
  </si>
  <si>
    <t xml:space="preserve"> 2005-02-22</t>
  </si>
  <si>
    <t xml:space="preserve"> 2005-02-23</t>
  </si>
  <si>
    <t xml:space="preserve"> 2005-02-24</t>
  </si>
  <si>
    <t xml:space="preserve"> 2005-02-25</t>
  </si>
  <si>
    <t xml:space="preserve"> 2005-02-26</t>
  </si>
  <si>
    <t xml:space="preserve"> 2005-02-28</t>
  </si>
  <si>
    <t xml:space="preserve"> 2005-03-02</t>
  </si>
  <si>
    <t xml:space="preserve"> 2005-03-03</t>
  </si>
  <si>
    <t xml:space="preserve"> 2005-03-04</t>
  </si>
  <si>
    <t xml:space="preserve"> 2005-03-05</t>
  </si>
  <si>
    <t xml:space="preserve"> 2005-03-07</t>
  </si>
  <si>
    <t xml:space="preserve"> 2005-03-08</t>
  </si>
  <si>
    <t xml:space="preserve"> 2005-03-09</t>
  </si>
  <si>
    <t xml:space="preserve"> 2005-03-10</t>
  </si>
  <si>
    <t xml:space="preserve"> 2005-03-13</t>
  </si>
  <si>
    <t xml:space="preserve"> 2005-03-14</t>
  </si>
  <si>
    <t xml:space="preserve"> 2005-03-21</t>
  </si>
  <si>
    <t xml:space="preserve"> 2005-03-22</t>
  </si>
  <si>
    <t xml:space="preserve"> 2005-03-23</t>
  </si>
  <si>
    <t xml:space="preserve"> 2005-03-24</t>
  </si>
  <si>
    <t xml:space="preserve"> 2005-03-26</t>
  </si>
  <si>
    <t xml:space="preserve"> 2005-03-28</t>
  </si>
  <si>
    <t xml:space="preserve"> 2005-03-29</t>
  </si>
  <si>
    <t xml:space="preserve"> 2005-04-01</t>
  </si>
  <si>
    <t xml:space="preserve"> 2005-04-04</t>
  </si>
  <si>
    <t xml:space="preserve"> 2005-04-05</t>
  </si>
  <si>
    <t xml:space="preserve"> 2005-04-06</t>
  </si>
  <si>
    <t xml:space="preserve"> 2005-04-07</t>
  </si>
  <si>
    <t xml:space="preserve"> 2005-04-08</t>
  </si>
  <si>
    <t xml:space="preserve"> 2005-04-09</t>
  </si>
  <si>
    <t xml:space="preserve"> 2005-04-11</t>
  </si>
  <si>
    <t xml:space="preserve"> 2005-04-12</t>
  </si>
  <si>
    <t xml:space="preserve"> 2005-04-14</t>
  </si>
  <si>
    <t xml:space="preserve"> 2005-04-15</t>
  </si>
  <si>
    <t xml:space="preserve"> 2005-04-18</t>
  </si>
  <si>
    <t xml:space="preserve"> 2005-04-20</t>
  </si>
  <si>
    <t xml:space="preserve"> 2005-04-22</t>
  </si>
  <si>
    <t xml:space="preserve"> 2005-04-23</t>
  </si>
  <si>
    <t xml:space="preserve"> 2005-04-25</t>
  </si>
  <si>
    <t xml:space="preserve"> 2005-04-26</t>
  </si>
  <si>
    <t xml:space="preserve"> 2005-04-28</t>
  </si>
  <si>
    <t xml:space="preserve"> 2005-04-29</t>
  </si>
  <si>
    <t xml:space="preserve"> 2005-05-09</t>
  </si>
  <si>
    <t xml:space="preserve"> 2005-05-10</t>
  </si>
  <si>
    <t xml:space="preserve"> 2005-05-11</t>
  </si>
  <si>
    <t xml:space="preserve"> 2005-05-12</t>
  </si>
  <si>
    <t xml:space="preserve"> 2005-05-13</t>
  </si>
  <si>
    <t xml:space="preserve"> 2005-05-16</t>
  </si>
  <si>
    <t xml:space="preserve"> 2005-05-18</t>
  </si>
  <si>
    <t xml:space="preserve"> 2005-05-19</t>
  </si>
  <si>
    <t xml:space="preserve"> 2005-05-20</t>
  </si>
  <si>
    <t xml:space="preserve"> 2005-05-21</t>
  </si>
  <si>
    <t xml:space="preserve"> 2005-05-23</t>
  </si>
  <si>
    <t xml:space="preserve"> 2005-05-24</t>
  </si>
  <si>
    <t xml:space="preserve"> 2005-05-25</t>
  </si>
  <si>
    <t xml:space="preserve"> 2005-05-28</t>
  </si>
  <si>
    <t xml:space="preserve"> 2005-05-30</t>
  </si>
  <si>
    <t xml:space="preserve"> 2005-05-31</t>
  </si>
  <si>
    <t xml:space="preserve"> 2005-06-03</t>
  </si>
  <si>
    <t xml:space="preserve"> 2005-06-04</t>
  </si>
  <si>
    <t xml:space="preserve"> 2005-06-06</t>
  </si>
  <si>
    <t xml:space="preserve"> 2005-06-07</t>
  </si>
  <si>
    <t xml:space="preserve"> 2005-06-08</t>
  </si>
  <si>
    <t xml:space="preserve"> 2005-06-10</t>
  </si>
  <si>
    <t xml:space="preserve"> 2005-06-13</t>
  </si>
  <si>
    <t xml:space="preserve"> 2005-06-15</t>
  </si>
  <si>
    <t xml:space="preserve"> 2005-06-16</t>
  </si>
  <si>
    <t xml:space="preserve"> 2005-06-17</t>
  </si>
  <si>
    <t xml:space="preserve"> 2005-06-18</t>
  </si>
  <si>
    <t xml:space="preserve"> 2005-06-20</t>
  </si>
  <si>
    <t xml:space="preserve"> 2005-06-21</t>
  </si>
  <si>
    <t xml:space="preserve"> 2005-06-22</t>
  </si>
  <si>
    <t xml:space="preserve"> 2005-06-24</t>
  </si>
  <si>
    <t xml:space="preserve"> 2005-06-25</t>
  </si>
  <si>
    <t xml:space="preserve"> 2005-06-27</t>
  </si>
  <si>
    <t xml:space="preserve"> 2005-06-30</t>
  </si>
  <si>
    <t xml:space="preserve"> 2005-07-02</t>
  </si>
  <si>
    <t xml:space="preserve"> 2005-07-04</t>
  </si>
  <si>
    <t xml:space="preserve"> 2005-07-05</t>
  </si>
  <si>
    <t xml:space="preserve"> 2005-07-06</t>
  </si>
  <si>
    <t xml:space="preserve"> 2005-07-08</t>
  </si>
  <si>
    <t xml:space="preserve"> 2005-07-09</t>
  </si>
  <si>
    <t xml:space="preserve"> 2005-07-11</t>
  </si>
  <si>
    <t xml:space="preserve"> 2005-07-12</t>
  </si>
  <si>
    <t xml:space="preserve"> 2005-07-13</t>
  </si>
  <si>
    <t xml:space="preserve"> 2005-07-14</t>
  </si>
  <si>
    <t xml:space="preserve"> 2005-07-15</t>
  </si>
  <si>
    <t xml:space="preserve"> 2005-07-16</t>
  </si>
  <si>
    <t xml:space="preserve"> 2005-07-18</t>
  </si>
  <si>
    <t xml:space="preserve"> 2005-07-19</t>
  </si>
  <si>
    <t xml:space="preserve"> 2005-07-21</t>
  </si>
  <si>
    <t xml:space="preserve"> 2005-07-22</t>
  </si>
  <si>
    <t xml:space="preserve"> 2005-07-23</t>
  </si>
  <si>
    <t xml:space="preserve"> 2005-07-25</t>
  </si>
  <si>
    <t xml:space="preserve"> 2005-07-26</t>
  </si>
  <si>
    <t xml:space="preserve"> 2005-07-27</t>
  </si>
  <si>
    <t xml:space="preserve"> 2005-07-28</t>
  </si>
  <si>
    <t xml:space="preserve"> 2005-07-30</t>
  </si>
  <si>
    <t xml:space="preserve"> 2005-08-01</t>
  </si>
  <si>
    <t xml:space="preserve"> 2005-08-02</t>
  </si>
  <si>
    <t xml:space="preserve"> 2005-08-03</t>
  </si>
  <si>
    <t xml:space="preserve"> 2005-08-05</t>
  </si>
  <si>
    <t xml:space="preserve"> 2005-08-06</t>
  </si>
  <si>
    <t xml:space="preserve"> 2005-08-08</t>
  </si>
  <si>
    <t xml:space="preserve"> 2005-08-09</t>
  </si>
  <si>
    <t xml:space="preserve"> 2005-08-10</t>
  </si>
  <si>
    <t xml:space="preserve"> 2005-08-11</t>
  </si>
  <si>
    <t xml:space="preserve"> 2005-08-12</t>
  </si>
  <si>
    <t xml:space="preserve"> 2005-08-13</t>
  </si>
  <si>
    <t xml:space="preserve"> 2005-08-15</t>
  </si>
  <si>
    <t xml:space="preserve"> 2005-08-19</t>
  </si>
  <si>
    <t xml:space="preserve"> 2005-08-20</t>
  </si>
  <si>
    <t xml:space="preserve"> 2005-08-22</t>
  </si>
  <si>
    <t xml:space="preserve"> 2005-08-24</t>
  </si>
  <si>
    <t xml:space="preserve"> 2005-08-25</t>
  </si>
  <si>
    <t xml:space="preserve"> 2005-08-26</t>
  </si>
  <si>
    <t xml:space="preserve"> 2005-08-29</t>
  </si>
  <si>
    <t xml:space="preserve"> 2005-08-30</t>
  </si>
  <si>
    <t xml:space="preserve"> 2005-08-31</t>
  </si>
  <si>
    <t xml:space="preserve"> 2005-09-01</t>
  </si>
  <si>
    <t xml:space="preserve"> 2005-09-03</t>
  </si>
  <si>
    <t xml:space="preserve"> 2005-09-05</t>
  </si>
  <si>
    <t xml:space="preserve"> 2005-09-06</t>
  </si>
  <si>
    <t xml:space="preserve"> 2005-09-07</t>
  </si>
  <si>
    <t xml:space="preserve"> 2005-09-08</t>
  </si>
  <si>
    <t xml:space="preserve"> 2005-09-09</t>
  </si>
  <si>
    <t xml:space="preserve"> 2005-09-10</t>
  </si>
  <si>
    <t xml:space="preserve"> 2005-09-12</t>
  </si>
  <si>
    <t xml:space="preserve"> 2005-09-13</t>
  </si>
  <si>
    <t xml:space="preserve"> 2005-09-15</t>
  </si>
  <si>
    <t xml:space="preserve"> 2005-09-16</t>
  </si>
  <si>
    <t xml:space="preserve"> 2005-09-17</t>
  </si>
  <si>
    <t xml:space="preserve"> 2005-09-19</t>
  </si>
  <si>
    <t xml:space="preserve"> 2005-09-20</t>
  </si>
  <si>
    <t xml:space="preserve"> 2005-09-21</t>
  </si>
  <si>
    <t xml:space="preserve"> 2005-09-22</t>
  </si>
  <si>
    <t xml:space="preserve"> 2005-09-23</t>
  </si>
  <si>
    <t xml:space="preserve"> 2005-09-24</t>
  </si>
  <si>
    <t xml:space="preserve"> 2005-09-26</t>
  </si>
  <si>
    <t xml:space="preserve"> 2005-09-28</t>
  </si>
  <si>
    <t xml:space="preserve"> 2005-09-29</t>
  </si>
  <si>
    <t xml:space="preserve"> 2005-09-30</t>
  </si>
  <si>
    <t xml:space="preserve"> 2005-10-08</t>
  </si>
  <si>
    <t xml:space="preserve"> 2005-10-10</t>
  </si>
  <si>
    <t xml:space="preserve"> 2005-10-11</t>
  </si>
  <si>
    <t xml:space="preserve"> 2005-10-12</t>
  </si>
  <si>
    <t xml:space="preserve"> 2005-10-13</t>
  </si>
  <si>
    <t xml:space="preserve"> 2005-10-14</t>
  </si>
  <si>
    <t xml:space="preserve"> 2005-10-15</t>
  </si>
  <si>
    <t xml:space="preserve"> 2005-10-17</t>
  </si>
  <si>
    <t xml:space="preserve"> 2005-10-18</t>
  </si>
  <si>
    <t xml:space="preserve"> 2005-10-19</t>
  </si>
  <si>
    <t xml:space="preserve"> 2005-10-20</t>
  </si>
  <si>
    <t xml:space="preserve"> 2005-10-21</t>
  </si>
  <si>
    <t xml:space="preserve"> 2005-10-24</t>
  </si>
  <si>
    <t xml:space="preserve"> 2005-10-25</t>
  </si>
  <si>
    <t xml:space="preserve"> 2005-10-26</t>
  </si>
  <si>
    <t xml:space="preserve"> 2005-10-28</t>
  </si>
  <si>
    <t xml:space="preserve"> 2005-10-29</t>
  </si>
  <si>
    <t xml:space="preserve"> 2005-10-31</t>
  </si>
  <si>
    <t xml:space="preserve"> 2005-11-01</t>
  </si>
  <si>
    <t xml:space="preserve"> 2005-11-02</t>
  </si>
  <si>
    <t xml:space="preserve"> 2005-11-03</t>
  </si>
  <si>
    <t xml:space="preserve"> 2005-11-04</t>
  </si>
  <si>
    <t xml:space="preserve"> 2005-11-05</t>
  </si>
  <si>
    <t xml:space="preserve"> 2005-11-07</t>
  </si>
  <si>
    <t xml:space="preserve"> 2005-11-09</t>
  </si>
  <si>
    <t xml:space="preserve"> 2005-11-11</t>
  </si>
  <si>
    <t xml:space="preserve"> 2005-11-12</t>
  </si>
  <si>
    <t xml:space="preserve"> 2005-11-14</t>
  </si>
  <si>
    <t xml:space="preserve"> 2005-11-15</t>
  </si>
  <si>
    <t xml:space="preserve"> 2005-11-16</t>
  </si>
  <si>
    <t xml:space="preserve"> 2005-11-17</t>
  </si>
  <si>
    <t xml:space="preserve"> 2005-11-18</t>
  </si>
  <si>
    <t xml:space="preserve"> 2005-11-21</t>
  </si>
  <si>
    <t xml:space="preserve"> 2005-11-22</t>
  </si>
  <si>
    <t xml:space="preserve"> 2005-11-24</t>
  </si>
  <si>
    <t xml:space="preserve"> 2005-11-26</t>
  </si>
  <si>
    <t xml:space="preserve"> 2005-11-28</t>
  </si>
  <si>
    <t xml:space="preserve"> 2005-11-29</t>
  </si>
  <si>
    <t xml:space="preserve"> 2005-12-01</t>
  </si>
  <si>
    <t xml:space="preserve"> 2005-12-03</t>
  </si>
  <si>
    <t xml:space="preserve"> 2005-12-05</t>
  </si>
  <si>
    <t xml:space="preserve"> 2005-12-07</t>
  </si>
  <si>
    <t xml:space="preserve"> 2005-12-08</t>
  </si>
  <si>
    <t xml:space="preserve"> 2005-12-09</t>
  </si>
  <si>
    <t xml:space="preserve"> 2005-12-10</t>
  </si>
  <si>
    <t xml:space="preserve"> 2005-12-12</t>
  </si>
  <si>
    <t xml:space="preserve"> 2005-12-13</t>
  </si>
  <si>
    <t xml:space="preserve"> 2005-12-14</t>
  </si>
  <si>
    <t xml:space="preserve"> 2005-12-17</t>
  </si>
  <si>
    <t xml:space="preserve"> 2005-12-19</t>
  </si>
  <si>
    <t xml:space="preserve"> 2005-12-21</t>
  </si>
  <si>
    <t xml:space="preserve"> 2005-12-24</t>
  </si>
  <si>
    <t xml:space="preserve"> 2005-12-26</t>
  </si>
  <si>
    <t xml:space="preserve"> 2005-12-27</t>
  </si>
  <si>
    <t xml:space="preserve"> 2005-12-30</t>
  </si>
  <si>
    <t xml:space="preserve"> 2005-12-31</t>
  </si>
  <si>
    <t xml:space="preserve"> 2006-01-04</t>
  </si>
  <si>
    <t xml:space="preserve"> 2006-01-05</t>
  </si>
  <si>
    <t xml:space="preserve"> 2006-01-06</t>
  </si>
  <si>
    <t xml:space="preserve"> 2006-01-07</t>
  </si>
  <si>
    <t xml:space="preserve"> 2006-01-09</t>
  </si>
  <si>
    <t xml:space="preserve"> 2006-01-10</t>
  </si>
  <si>
    <t xml:space="preserve"> 2006-01-11</t>
  </si>
  <si>
    <t xml:space="preserve"> 2006-01-12</t>
  </si>
  <si>
    <t xml:space="preserve"> 2006-01-13</t>
  </si>
  <si>
    <t xml:space="preserve"> 2006-01-14</t>
  </si>
  <si>
    <t xml:space="preserve"> 2006-01-16</t>
  </si>
  <si>
    <t xml:space="preserve"> 2006-01-17</t>
  </si>
  <si>
    <t xml:space="preserve"> 2006-01-18</t>
  </si>
  <si>
    <t xml:space="preserve"> 2006-01-19</t>
  </si>
  <si>
    <t xml:space="preserve"> 2006-01-20</t>
  </si>
  <si>
    <t xml:space="preserve"> 2006-01-21</t>
  </si>
  <si>
    <t xml:space="preserve"> 2006-01-23</t>
  </si>
  <si>
    <t xml:space="preserve"> 2006-01-24</t>
  </si>
  <si>
    <t xml:space="preserve"> 2006-01-25</t>
  </si>
  <si>
    <t xml:space="preserve"> 2006-01-26</t>
  </si>
  <si>
    <t xml:space="preserve"> 2006-01-27</t>
  </si>
  <si>
    <t xml:space="preserve"> 2006-01-28</t>
  </si>
  <si>
    <t xml:space="preserve"> 2006-02-06</t>
  </si>
  <si>
    <t xml:space="preserve"> 2006-02-07</t>
  </si>
  <si>
    <t xml:space="preserve"> 2006-02-08</t>
  </si>
  <si>
    <t xml:space="preserve"> 2006-02-09</t>
  </si>
  <si>
    <t xml:space="preserve"> 2006-02-10</t>
  </si>
  <si>
    <t xml:space="preserve"> 2006-02-11</t>
  </si>
  <si>
    <t xml:space="preserve"> 2006-02-13</t>
  </si>
  <si>
    <t xml:space="preserve"> 2006-02-14</t>
  </si>
  <si>
    <t xml:space="preserve"> 2006-02-16</t>
  </si>
  <si>
    <t xml:space="preserve"> 2006-02-17</t>
  </si>
  <si>
    <t xml:space="preserve"> 2006-02-18</t>
  </si>
  <si>
    <t xml:space="preserve"> 2006-02-20</t>
  </si>
  <si>
    <t xml:space="preserve"> 2006-02-21</t>
  </si>
  <si>
    <t xml:space="preserve"> 2006-02-22</t>
  </si>
  <si>
    <t xml:space="preserve"> 2006-02-23</t>
  </si>
  <si>
    <t xml:space="preserve"> 2006-02-24</t>
  </si>
  <si>
    <t xml:space="preserve"> 2006-02-25</t>
  </si>
  <si>
    <t xml:space="preserve"> 2006-02-27</t>
  </si>
  <si>
    <t xml:space="preserve"> 2006-02-28</t>
  </si>
  <si>
    <t xml:space="preserve"> 2006-03-01</t>
  </si>
  <si>
    <t xml:space="preserve"> 2006-03-02</t>
  </si>
  <si>
    <t xml:space="preserve"> 2006-03-03</t>
  </si>
  <si>
    <t xml:space="preserve"> 2006-03-04</t>
  </si>
  <si>
    <t xml:space="preserve"> 2006-03-07</t>
  </si>
  <si>
    <t xml:space="preserve"> 2006-03-08</t>
  </si>
  <si>
    <t xml:space="preserve"> 2006-03-09</t>
  </si>
  <si>
    <t xml:space="preserve"> 2006-03-10</t>
  </si>
  <si>
    <t xml:space="preserve"> 2006-03-11</t>
  </si>
  <si>
    <t xml:space="preserve"> 2006-03-13</t>
  </si>
  <si>
    <t xml:space="preserve"> 2006-03-14</t>
  </si>
  <si>
    <t xml:space="preserve"> 2006-03-15</t>
  </si>
  <si>
    <t xml:space="preserve"> 2006-03-16</t>
  </si>
  <si>
    <t xml:space="preserve"> 2006-03-17</t>
  </si>
  <si>
    <t xml:space="preserve"> 2006-03-18</t>
  </si>
  <si>
    <t xml:space="preserve"> 2006-03-20</t>
  </si>
  <si>
    <t xml:space="preserve"> 2006-03-21</t>
  </si>
  <si>
    <t xml:space="preserve"> 2006-03-22</t>
  </si>
  <si>
    <t xml:space="preserve"> 2006-03-23</t>
  </si>
  <si>
    <t xml:space="preserve"> 2006-03-24</t>
  </si>
  <si>
    <t xml:space="preserve"> 2006-03-25</t>
  </si>
  <si>
    <t xml:space="preserve"> 2006-03-27</t>
  </si>
  <si>
    <t xml:space="preserve"> 2006-03-28</t>
  </si>
  <si>
    <t xml:space="preserve"> 2006-03-29</t>
  </si>
  <si>
    <t xml:space="preserve"> 2006-03-30</t>
  </si>
  <si>
    <t xml:space="preserve"> 2006-03-31</t>
  </si>
  <si>
    <t xml:space="preserve"> 2006-04-01</t>
  </si>
  <si>
    <t xml:space="preserve"> 2006-04-03</t>
  </si>
  <si>
    <t xml:space="preserve"> 2006-04-04</t>
  </si>
  <si>
    <t xml:space="preserve"> 2006-04-05</t>
  </si>
  <si>
    <t xml:space="preserve"> 2006-04-06</t>
  </si>
  <si>
    <t xml:space="preserve"> 2006-04-07</t>
  </si>
  <si>
    <t xml:space="preserve"> 2006-04-08</t>
  </si>
  <si>
    <t xml:space="preserve"> 2006-04-10</t>
  </si>
  <si>
    <t xml:space="preserve"> 2006-04-11</t>
  </si>
  <si>
    <t xml:space="preserve"> 2006-04-12</t>
  </si>
  <si>
    <t xml:space="preserve"> 2006-04-13</t>
  </si>
  <si>
    <t xml:space="preserve"> 2006-04-14</t>
  </si>
  <si>
    <t xml:space="preserve"> 2006-04-15</t>
  </si>
  <si>
    <t xml:space="preserve"> 2006-04-17</t>
  </si>
  <si>
    <t xml:space="preserve"> 2006-04-18</t>
  </si>
  <si>
    <t xml:space="preserve"> 2006-04-19</t>
  </si>
  <si>
    <t xml:space="preserve"> 2006-04-20</t>
  </si>
  <si>
    <t xml:space="preserve"> 2006-04-21</t>
  </si>
  <si>
    <t xml:space="preserve"> 2006-04-22</t>
  </si>
  <si>
    <t xml:space="preserve"> 2006-04-24</t>
  </si>
  <si>
    <t xml:space="preserve"> 2006-04-25</t>
  </si>
  <si>
    <t xml:space="preserve"> 2006-04-26</t>
  </si>
  <si>
    <t xml:space="preserve"> 2006-04-27</t>
  </si>
  <si>
    <t xml:space="preserve"> 2006-04-28</t>
  </si>
  <si>
    <t xml:space="preserve"> 2006-04-29</t>
  </si>
  <si>
    <t xml:space="preserve"> 2006-05-08</t>
  </si>
  <si>
    <t xml:space="preserve"> 2006-05-09</t>
  </si>
  <si>
    <t xml:space="preserve"> 2006-05-10</t>
  </si>
  <si>
    <t xml:space="preserve"> 2006-05-11</t>
  </si>
  <si>
    <t xml:space="preserve"> 2006-05-12</t>
  </si>
  <si>
    <t xml:space="preserve"> 2006-05-13</t>
  </si>
  <si>
    <t xml:space="preserve"> 2006-05-15</t>
  </si>
  <si>
    <t xml:space="preserve"> 2006-05-16</t>
  </si>
  <si>
    <t xml:space="preserve"> 2006-05-17</t>
  </si>
  <si>
    <t xml:space="preserve"> 2006-05-18</t>
  </si>
  <si>
    <t xml:space="preserve"> 2006-05-19</t>
  </si>
  <si>
    <t xml:space="preserve"> 2006-05-20</t>
  </si>
  <si>
    <t xml:space="preserve"> 2006-05-22</t>
  </si>
  <si>
    <t xml:space="preserve"> 2006-05-23</t>
  </si>
  <si>
    <t xml:space="preserve"> 2006-05-24</t>
  </si>
  <si>
    <t xml:space="preserve"> 2006-05-25</t>
  </si>
  <si>
    <t xml:space="preserve"> 2006-05-26</t>
  </si>
  <si>
    <t xml:space="preserve"> 2006-05-27</t>
  </si>
  <si>
    <t xml:space="preserve"> 2006-05-29</t>
  </si>
  <si>
    <t xml:space="preserve"> 2006-05-30</t>
  </si>
  <si>
    <t xml:space="preserve"> 2006-05-31</t>
  </si>
  <si>
    <t xml:space="preserve"> 2006-06-01</t>
  </si>
  <si>
    <t xml:space="preserve"> 2006-06-02</t>
  </si>
  <si>
    <t xml:space="preserve"> 2006-06-03</t>
  </si>
  <si>
    <t xml:space="preserve"> 2006-06-05</t>
  </si>
  <si>
    <t xml:space="preserve"> 2006-06-06</t>
  </si>
  <si>
    <t xml:space="preserve"> 2006-06-07</t>
  </si>
  <si>
    <t xml:space="preserve"> 2006-06-08</t>
  </si>
  <si>
    <t xml:space="preserve"> 2006-06-09</t>
  </si>
  <si>
    <t xml:space="preserve"> 2006-06-10</t>
  </si>
  <si>
    <t xml:space="preserve"> 2006-06-12</t>
  </si>
  <si>
    <t xml:space="preserve"> 2006-06-13</t>
  </si>
  <si>
    <t xml:space="preserve"> 2006-06-14</t>
  </si>
  <si>
    <t xml:space="preserve"> 2006-06-15</t>
  </si>
  <si>
    <t xml:space="preserve"> 2006-06-16</t>
  </si>
  <si>
    <t xml:space="preserve"> 2006-06-17</t>
  </si>
  <si>
    <t xml:space="preserve"> 2006-06-19</t>
  </si>
  <si>
    <t xml:space="preserve"> 2006-06-20</t>
  </si>
  <si>
    <t xml:space="preserve"> 2006-06-21</t>
  </si>
  <si>
    <t xml:space="preserve"> 2006-06-22</t>
  </si>
  <si>
    <t xml:space="preserve"> 2006-06-23</t>
  </si>
  <si>
    <t xml:space="preserve"> 2006-06-24</t>
  </si>
  <si>
    <t xml:space="preserve"> 2006-06-26</t>
  </si>
  <si>
    <t xml:space="preserve"> 2006-06-27</t>
  </si>
  <si>
    <t xml:space="preserve"> 2006-06-28</t>
  </si>
  <si>
    <t xml:space="preserve"> 2006-06-29</t>
  </si>
  <si>
    <t xml:space="preserve"> 2006-06-30</t>
  </si>
  <si>
    <t xml:space="preserve"> 2006-07-03</t>
  </si>
  <si>
    <t xml:space="preserve"> 2006-07-04</t>
  </si>
  <si>
    <t xml:space="preserve"> 2006-07-05</t>
  </si>
  <si>
    <t xml:space="preserve"> 2006-07-06</t>
  </si>
  <si>
    <t xml:space="preserve"> 2006-07-07</t>
  </si>
  <si>
    <t xml:space="preserve"> 2006-07-10</t>
  </si>
  <si>
    <t xml:space="preserve"> 2006-07-11</t>
  </si>
  <si>
    <t xml:space="preserve"> 2006-07-12</t>
  </si>
  <si>
    <t xml:space="preserve"> 2006-07-13</t>
  </si>
  <si>
    <t xml:space="preserve"> 2006-07-14</t>
  </si>
  <si>
    <t xml:space="preserve"> 2006-07-17</t>
  </si>
  <si>
    <t xml:space="preserve"> 2006-07-18</t>
  </si>
  <si>
    <t xml:space="preserve"> 2006-07-19</t>
  </si>
  <si>
    <t xml:space="preserve"> 2006-07-20</t>
  </si>
  <si>
    <t xml:space="preserve"> 2006-07-21</t>
  </si>
  <si>
    <t xml:space="preserve"> 2006-07-24</t>
  </si>
  <si>
    <t xml:space="preserve"> 2006-07-25</t>
  </si>
  <si>
    <t xml:space="preserve"> 2006-07-26</t>
  </si>
  <si>
    <t xml:space="preserve"> 2006-07-27</t>
  </si>
  <si>
    <t xml:space="preserve"> 2006-07-28</t>
  </si>
  <si>
    <t xml:space="preserve"> 2006-07-31</t>
  </si>
  <si>
    <t xml:space="preserve"> 2006-08-01</t>
  </si>
  <si>
    <t xml:space="preserve"> 2006-08-02</t>
  </si>
  <si>
    <t xml:space="preserve"> 2006-08-03</t>
  </si>
  <si>
    <t xml:space="preserve"> 2006-08-04</t>
  </si>
  <si>
    <t xml:space="preserve"> 2006-08-07</t>
  </si>
  <si>
    <t xml:space="preserve"> 2006-08-08</t>
  </si>
  <si>
    <t xml:space="preserve"> 2006-08-09</t>
  </si>
  <si>
    <t xml:space="preserve"> 2006-08-10</t>
  </si>
  <si>
    <t xml:space="preserve"> 2006-08-11</t>
  </si>
  <si>
    <t xml:space="preserve"> 2006-08-14</t>
  </si>
  <si>
    <t xml:space="preserve"> 2006-08-15</t>
  </si>
  <si>
    <t xml:space="preserve"> 2006-08-16</t>
  </si>
  <si>
    <t xml:space="preserve"> 2006-08-17</t>
  </si>
  <si>
    <t xml:space="preserve"> 2006-08-18</t>
  </si>
  <si>
    <t xml:space="preserve"> 2006-08-21</t>
  </si>
  <si>
    <t xml:space="preserve"> 2006-08-22</t>
  </si>
  <si>
    <t xml:space="preserve"> 2006-08-23</t>
  </si>
  <si>
    <t xml:space="preserve"> 2006-08-24</t>
  </si>
  <si>
    <t xml:space="preserve"> 2006-08-25</t>
  </si>
  <si>
    <t xml:space="preserve"> 2006-08-28</t>
  </si>
  <si>
    <t xml:space="preserve"> 2006-08-29</t>
  </si>
  <si>
    <t xml:space="preserve"> 2006-08-30</t>
  </si>
  <si>
    <t xml:space="preserve"> 2006-08-31</t>
  </si>
  <si>
    <t xml:space="preserve"> 2006-09-01</t>
  </si>
  <si>
    <t xml:space="preserve"> 2006-09-04</t>
  </si>
  <si>
    <t xml:space="preserve"> 2006-09-05</t>
  </si>
  <si>
    <t xml:space="preserve"> 2006-09-06</t>
  </si>
  <si>
    <t xml:space="preserve"> 2006-09-07</t>
  </si>
  <si>
    <t xml:space="preserve"> 2006-09-08</t>
  </si>
  <si>
    <t xml:space="preserve"> 2006-09-11</t>
  </si>
  <si>
    <t xml:space="preserve"> 2006-09-12</t>
  </si>
  <si>
    <t xml:space="preserve"> 2006-09-13</t>
  </si>
  <si>
    <t xml:space="preserve"> 2006-09-14</t>
  </si>
  <si>
    <t xml:space="preserve"> 2006-09-15</t>
  </si>
  <si>
    <t xml:space="preserve"> 2006-09-18</t>
  </si>
  <si>
    <t xml:space="preserve"> 2006-09-19</t>
  </si>
  <si>
    <t xml:space="preserve"> 2006-09-20</t>
  </si>
  <si>
    <t xml:space="preserve"> 2006-09-21</t>
  </si>
  <si>
    <t xml:space="preserve"> 2006-09-22</t>
  </si>
  <si>
    <t xml:space="preserve"> 2006-09-25</t>
  </si>
  <si>
    <t xml:space="preserve"> 2006-09-26</t>
  </si>
  <si>
    <t xml:space="preserve"> 2006-09-27</t>
  </si>
  <si>
    <t xml:space="preserve"> 2006-09-28</t>
  </si>
  <si>
    <t xml:space="preserve"> 2006-09-29</t>
  </si>
  <si>
    <t xml:space="preserve"> 2006-10-08</t>
  </si>
  <si>
    <t xml:space="preserve"> 2006-10-09</t>
  </si>
  <si>
    <t xml:space="preserve"> 2006-10-10</t>
  </si>
  <si>
    <t xml:space="preserve"> 2006-10-11</t>
  </si>
  <si>
    <t xml:space="preserve"> 2006-10-12</t>
  </si>
  <si>
    <t xml:space="preserve"> 2006-10-13</t>
  </si>
  <si>
    <t xml:space="preserve"> 2006-10-16</t>
  </si>
  <si>
    <t xml:space="preserve"> 2006-10-17</t>
  </si>
  <si>
    <t xml:space="preserve"> 2006-10-18</t>
  </si>
  <si>
    <t xml:space="preserve"> 2006-10-19</t>
  </si>
  <si>
    <t xml:space="preserve"> 2006-10-20</t>
  </si>
  <si>
    <t xml:space="preserve"> 2006-10-23</t>
  </si>
  <si>
    <t xml:space="preserve"> 2006-10-24</t>
  </si>
  <si>
    <t xml:space="preserve"> 2006-10-25</t>
  </si>
  <si>
    <t xml:space="preserve"> 2006-10-26</t>
  </si>
  <si>
    <t xml:space="preserve"> 2006-10-27</t>
  </si>
  <si>
    <t xml:space="preserve"> 2006-10-30</t>
  </si>
  <si>
    <t xml:space="preserve"> 2006-10-31</t>
  </si>
  <si>
    <t xml:space="preserve"> 2006-11-01</t>
  </si>
  <si>
    <t xml:space="preserve"> 2006-11-02</t>
  </si>
  <si>
    <t xml:space="preserve"> 2006-11-03</t>
  </si>
  <si>
    <t xml:space="preserve"> 2006-11-06</t>
  </si>
  <si>
    <t xml:space="preserve"> 2006-11-07</t>
  </si>
  <si>
    <t xml:space="preserve"> 2006-11-08</t>
  </si>
  <si>
    <t xml:space="preserve"> 2006-11-09</t>
  </si>
  <si>
    <t xml:space="preserve"> 2006-11-10</t>
  </si>
  <si>
    <t xml:space="preserve"> 2006-11-13</t>
  </si>
  <si>
    <t xml:space="preserve"> 2006-11-14</t>
  </si>
  <si>
    <t xml:space="preserve"> 2006-11-15</t>
  </si>
  <si>
    <t xml:space="preserve"> 2006-11-16</t>
  </si>
  <si>
    <t xml:space="preserve"> 2006-11-17</t>
  </si>
  <si>
    <t xml:space="preserve"> 2006-11-20</t>
  </si>
  <si>
    <t xml:space="preserve"> 2006-11-21</t>
  </si>
  <si>
    <t xml:space="preserve"> 2006-11-22</t>
  </si>
  <si>
    <t xml:space="preserve"> 2006-11-23</t>
  </si>
  <si>
    <t xml:space="preserve"> 2006-11-24</t>
  </si>
  <si>
    <t xml:space="preserve"> 2006-11-27</t>
  </si>
  <si>
    <t xml:space="preserve"> 2006-11-28</t>
  </si>
  <si>
    <t xml:space="preserve"> 2006-11-29</t>
  </si>
  <si>
    <t xml:space="preserve"> 2006-11-30</t>
  </si>
  <si>
    <t xml:space="preserve"> 2006-12-01</t>
  </si>
  <si>
    <t xml:space="preserve"> 2006-12-04</t>
  </si>
  <si>
    <t xml:space="preserve"> 2006-12-05</t>
  </si>
  <si>
    <t xml:space="preserve"> 2006-12-06</t>
  </si>
  <si>
    <t xml:space="preserve"> 2006-12-07</t>
  </si>
  <si>
    <t xml:space="preserve"> 2006-12-08</t>
  </si>
  <si>
    <t xml:space="preserve"> 2006-12-11</t>
  </si>
  <si>
    <t xml:space="preserve"> 2006-12-12</t>
  </si>
  <si>
    <t xml:space="preserve"> 2006-12-13</t>
  </si>
  <si>
    <t xml:space="preserve"> 2006-12-14</t>
  </si>
  <si>
    <t xml:space="preserve"> 2006-12-15</t>
  </si>
  <si>
    <t xml:space="preserve"> 2006-12-18</t>
  </si>
  <si>
    <t xml:space="preserve"> 2006-12-19</t>
  </si>
  <si>
    <t xml:space="preserve"> 2006-12-20</t>
  </si>
  <si>
    <t xml:space="preserve"> 2006-12-21</t>
  </si>
  <si>
    <t xml:space="preserve"> 2006-12-22</t>
  </si>
  <si>
    <t xml:space="preserve"> 2006-12-25</t>
  </si>
  <si>
    <t xml:space="preserve"> 2006-12-26</t>
  </si>
  <si>
    <t xml:space="preserve"> 2006-12-27</t>
  </si>
  <si>
    <t xml:space="preserve"> 2006-12-28</t>
  </si>
  <si>
    <t xml:space="preserve"> 2006-12-29</t>
  </si>
  <si>
    <t xml:space="preserve"> 2007-01-03</t>
  </si>
  <si>
    <t xml:space="preserve"> 2007-01-04</t>
  </si>
  <si>
    <t xml:space="preserve"> 2007-01-05</t>
  </si>
  <si>
    <t xml:space="preserve"> 2007-01-08</t>
  </si>
  <si>
    <t xml:space="preserve"> 2007-01-09</t>
  </si>
  <si>
    <t xml:space="preserve"> 2007-01-10</t>
  </si>
  <si>
    <t xml:space="preserve"> 2007-01-11</t>
  </si>
  <si>
    <t xml:space="preserve"> 2007-01-12</t>
  </si>
  <si>
    <t xml:space="preserve"> 2007-01-15</t>
  </si>
  <si>
    <t xml:space="preserve"> 2007-01-16</t>
  </si>
  <si>
    <t xml:space="preserve"> 2007-01-17</t>
  </si>
  <si>
    <t xml:space="preserve"> 2007-01-18</t>
  </si>
  <si>
    <t xml:space="preserve"> 2007-01-19</t>
  </si>
  <si>
    <t xml:space="preserve"> 2007-01-22</t>
  </si>
  <si>
    <t xml:space="preserve"> 2007-01-23</t>
  </si>
  <si>
    <t xml:space="preserve"> 2007-01-24</t>
  </si>
  <si>
    <t xml:space="preserve"> 2007-01-25</t>
  </si>
  <si>
    <t xml:space="preserve"> 2007-01-26</t>
  </si>
  <si>
    <t xml:space="preserve"> 2007-01-29</t>
  </si>
  <si>
    <t xml:space="preserve"> 2007-01-30</t>
  </si>
  <si>
    <t xml:space="preserve"> 2007-01-31</t>
  </si>
  <si>
    <t xml:space="preserve"> 2007-02-01</t>
  </si>
  <si>
    <t xml:space="preserve"> 2007-02-02</t>
  </si>
  <si>
    <t xml:space="preserve"> 2007-02-05</t>
  </si>
  <si>
    <t xml:space="preserve"> 2007-02-06</t>
  </si>
  <si>
    <t xml:space="preserve"> 2007-02-07</t>
  </si>
  <si>
    <t xml:space="preserve"> 2007-02-08</t>
  </si>
  <si>
    <t xml:space="preserve"> 2007-02-09</t>
  </si>
  <si>
    <t xml:space="preserve"> 2007-02-12</t>
  </si>
  <si>
    <t xml:space="preserve"> 2007-02-13</t>
  </si>
  <si>
    <t xml:space="preserve"> 2007-02-14</t>
  </si>
  <si>
    <t xml:space="preserve"> 2007-02-15</t>
  </si>
  <si>
    <t xml:space="preserve"> 2007-02-16</t>
  </si>
  <si>
    <t xml:space="preserve"> 2007-02-25</t>
  </si>
  <si>
    <t xml:space="preserve"> 2007-02-26</t>
  </si>
  <si>
    <t xml:space="preserve"> 2007-02-27</t>
  </si>
  <si>
    <t xml:space="preserve"> 2007-02-28</t>
  </si>
  <si>
    <t xml:space="preserve"> 2007-03-01</t>
  </si>
  <si>
    <t xml:space="preserve"> 2007-03-02</t>
  </si>
  <si>
    <t xml:space="preserve"> 2007-03-05</t>
  </si>
  <si>
    <t xml:space="preserve"> 2007-03-06</t>
  </si>
  <si>
    <t xml:space="preserve"> 2007-03-07</t>
  </si>
  <si>
    <t xml:space="preserve"> 2007-03-08</t>
  </si>
  <si>
    <t xml:space="preserve"> 2007-03-09</t>
  </si>
  <si>
    <t xml:space="preserve"> 2007-03-11</t>
  </si>
  <si>
    <t xml:space="preserve"> 2007-03-12</t>
  </si>
  <si>
    <t xml:space="preserve"> 2007-03-13</t>
  </si>
  <si>
    <t xml:space="preserve"> 2007-03-14</t>
  </si>
  <si>
    <t xml:space="preserve"> 2007-03-15</t>
  </si>
  <si>
    <t xml:space="preserve"> 2007-03-16</t>
  </si>
  <si>
    <t xml:space="preserve"> 2007-03-17</t>
  </si>
  <si>
    <t xml:space="preserve"> 2007-03-19</t>
  </si>
  <si>
    <t xml:space="preserve"> 2007-03-20</t>
  </si>
  <si>
    <t xml:space="preserve"> 2007-03-21</t>
  </si>
  <si>
    <t xml:space="preserve"> 2007-03-22</t>
  </si>
  <si>
    <t xml:space="preserve"> 2007-03-23</t>
  </si>
  <si>
    <t xml:space="preserve"> 2007-03-26</t>
  </si>
  <si>
    <t xml:space="preserve"> 2007-03-27</t>
  </si>
  <si>
    <t xml:space="preserve"> 2007-03-28</t>
  </si>
  <si>
    <t xml:space="preserve"> 2007-03-29</t>
  </si>
  <si>
    <t xml:space="preserve"> 2007-03-30</t>
  </si>
  <si>
    <t xml:space="preserve"> 2007-04-02</t>
  </si>
  <si>
    <t xml:space="preserve"> 2007-04-03</t>
  </si>
  <si>
    <t xml:space="preserve"> 2007-04-04</t>
  </si>
  <si>
    <t xml:space="preserve"> 2007-04-05</t>
  </si>
  <si>
    <t xml:space="preserve"> 2007-04-06</t>
  </si>
  <si>
    <t xml:space="preserve"> 2007-04-09</t>
  </si>
  <si>
    <t xml:space="preserve"> 2007-04-10</t>
  </si>
  <si>
    <t xml:space="preserve"> 2007-04-11</t>
  </si>
  <si>
    <t xml:space="preserve"> 2007-04-12</t>
  </si>
  <si>
    <t xml:space="preserve"> 2007-04-13</t>
  </si>
  <si>
    <t xml:space="preserve"> 2007-04-16</t>
  </si>
  <si>
    <t xml:space="preserve"> 2007-04-17</t>
  </si>
  <si>
    <t xml:space="preserve"> 2007-04-18</t>
  </si>
  <si>
    <t xml:space="preserve"> 2007-04-19</t>
  </si>
  <si>
    <t xml:space="preserve"> 2007-04-20</t>
  </si>
  <si>
    <t xml:space="preserve"> 2007-04-24</t>
  </si>
  <si>
    <t xml:space="preserve"> 2007-04-25</t>
  </si>
  <si>
    <t xml:space="preserve"> 2007-04-26</t>
  </si>
  <si>
    <t xml:space="preserve"> 2007-04-27</t>
  </si>
  <si>
    <t xml:space="preserve"> 2007-04-30</t>
  </si>
  <si>
    <t xml:space="preserve"> 2007-05-08</t>
  </si>
  <si>
    <t xml:space="preserve"> 2007-05-09</t>
  </si>
  <si>
    <t xml:space="preserve"> 2007-05-10</t>
  </si>
  <si>
    <t xml:space="preserve"> 2007-05-11</t>
  </si>
  <si>
    <t xml:space="preserve"> 2007-05-14</t>
  </si>
  <si>
    <t xml:space="preserve"> 2007-05-15</t>
  </si>
  <si>
    <t xml:space="preserve"> 2007-05-16</t>
  </si>
  <si>
    <t xml:space="preserve"> 2007-05-17</t>
  </si>
  <si>
    <t xml:space="preserve"> 2007-05-18</t>
  </si>
  <si>
    <t xml:space="preserve"> 2007-05-21</t>
  </si>
  <si>
    <t xml:space="preserve"> 2007-05-22</t>
  </si>
  <si>
    <t xml:space="preserve"> 2007-05-23</t>
  </si>
  <si>
    <t xml:space="preserve"> 2007-05-24</t>
  </si>
  <si>
    <t xml:space="preserve"> 2007-05-25</t>
  </si>
  <si>
    <t xml:space="preserve"> 2007-05-28</t>
  </si>
  <si>
    <t xml:space="preserve"> 2007-05-29</t>
  </si>
  <si>
    <t xml:space="preserve"> 2007-05-30</t>
  </si>
  <si>
    <t xml:space="preserve"> 2007-05-31</t>
  </si>
  <si>
    <t xml:space="preserve"> 2007-06-04</t>
  </si>
  <si>
    <t xml:space="preserve"> 2007-06-05</t>
  </si>
  <si>
    <t xml:space="preserve"> 2007-06-06</t>
  </si>
  <si>
    <t xml:space="preserve"> 2007-06-07</t>
  </si>
  <si>
    <t xml:space="preserve"> 2007-06-08</t>
  </si>
  <si>
    <t xml:space="preserve"> 2007-06-11</t>
  </si>
  <si>
    <t xml:space="preserve"> 2007-06-12</t>
  </si>
  <si>
    <t xml:space="preserve"> 2007-06-13</t>
  </si>
  <si>
    <t xml:space="preserve"> 2007-06-14</t>
  </si>
  <si>
    <t xml:space="preserve"> 2007-06-15</t>
  </si>
  <si>
    <t xml:space="preserve"> 2007-06-18</t>
  </si>
  <si>
    <t xml:space="preserve"> 2007-06-19</t>
  </si>
  <si>
    <t xml:space="preserve"> 2007-06-20</t>
  </si>
  <si>
    <t xml:space="preserve"> 2007-06-21</t>
  </si>
  <si>
    <t xml:space="preserve"> 2007-06-22</t>
  </si>
  <si>
    <t xml:space="preserve"> 2007-06-25</t>
  </si>
  <si>
    <t xml:space="preserve"> 2007-06-26</t>
  </si>
  <si>
    <t xml:space="preserve"> 2007-06-27</t>
  </si>
  <si>
    <t xml:space="preserve"> 2007-06-28</t>
  </si>
  <si>
    <t xml:space="preserve"> 2007-06-29</t>
  </si>
  <si>
    <t xml:space="preserve"> 2007-07-02</t>
  </si>
  <si>
    <t xml:space="preserve"> 2007-07-03</t>
  </si>
  <si>
    <t xml:space="preserve"> 2007-07-04</t>
  </si>
  <si>
    <t xml:space="preserve"> 2007-07-05</t>
  </si>
  <si>
    <t xml:space="preserve"> 2007-07-06</t>
  </si>
  <si>
    <t xml:space="preserve"> 2007-07-09</t>
  </si>
  <si>
    <t xml:space="preserve"> 2007-07-10</t>
  </si>
  <si>
    <t xml:space="preserve"> 2007-07-11</t>
  </si>
  <si>
    <t xml:space="preserve"> 2007-07-12</t>
  </si>
  <si>
    <t xml:space="preserve"> 2007-07-13</t>
  </si>
  <si>
    <t xml:space="preserve"> 2007-07-16</t>
  </si>
  <si>
    <t xml:space="preserve"> 2007-07-17</t>
  </si>
  <si>
    <t xml:space="preserve"> 2007-07-18</t>
  </si>
  <si>
    <t xml:space="preserve"> 2007-07-19</t>
  </si>
  <si>
    <t xml:space="preserve"> 2007-07-20</t>
  </si>
  <si>
    <t xml:space="preserve"> 2007-07-23</t>
  </si>
  <si>
    <t xml:space="preserve"> 2007-07-24</t>
  </si>
  <si>
    <t xml:space="preserve"> 2007-07-25</t>
  </si>
  <si>
    <t xml:space="preserve"> 2007-07-26</t>
  </si>
  <si>
    <t xml:space="preserve"> 2007-07-27</t>
  </si>
  <si>
    <t xml:space="preserve"> 2007-07-30</t>
  </si>
  <si>
    <t xml:space="preserve"> 2007-07-31</t>
  </si>
  <si>
    <t xml:space="preserve"> 2007-08-01</t>
  </si>
  <si>
    <t xml:space="preserve"> 2007-08-02</t>
  </si>
  <si>
    <t xml:space="preserve"> 2007-08-03</t>
  </si>
  <si>
    <t xml:space="preserve"> 2007-08-06</t>
  </si>
  <si>
    <t xml:space="preserve"> 2007-08-07</t>
  </si>
  <si>
    <t xml:space="preserve"> 2007-08-08</t>
  </si>
  <si>
    <t xml:space="preserve"> 2007-08-09</t>
  </si>
  <si>
    <t xml:space="preserve"> 2007-08-10</t>
  </si>
  <si>
    <t xml:space="preserve"> 2007-08-13</t>
  </si>
  <si>
    <t xml:space="preserve"> 2007-08-14</t>
  </si>
  <si>
    <t xml:space="preserve"> 2007-08-15</t>
  </si>
  <si>
    <t xml:space="preserve"> 2007-08-16</t>
  </si>
  <si>
    <t xml:space="preserve"> 2007-08-20</t>
  </si>
  <si>
    <t xml:space="preserve"> 2007-08-21</t>
  </si>
  <si>
    <t xml:space="preserve"> 2007-08-22</t>
  </si>
  <si>
    <t xml:space="preserve"> 2007-08-23</t>
  </si>
  <si>
    <t xml:space="preserve"> 2007-08-24</t>
  </si>
  <si>
    <t xml:space="preserve"> 2007-08-27</t>
  </si>
  <si>
    <t xml:space="preserve"> 2007-08-28</t>
  </si>
  <si>
    <t xml:space="preserve"> 2007-08-29</t>
  </si>
  <si>
    <t xml:space="preserve"> 2007-08-30</t>
  </si>
  <si>
    <t xml:space="preserve"> 2007-08-31</t>
  </si>
  <si>
    <t xml:space="preserve"> 2007-09-03</t>
  </si>
  <si>
    <t xml:space="preserve"> 2007-09-04</t>
  </si>
  <si>
    <t xml:space="preserve"> 2007-09-05</t>
  </si>
  <si>
    <t xml:space="preserve"> 2007-09-06</t>
  </si>
  <si>
    <t xml:space="preserve"> 2007-09-07</t>
  </si>
  <si>
    <t xml:space="preserve"> 2007-09-10</t>
  </si>
  <si>
    <t xml:space="preserve"> 2007-09-11</t>
  </si>
  <si>
    <t xml:space="preserve"> 2007-09-12</t>
  </si>
  <si>
    <t xml:space="preserve"> 2007-09-13</t>
  </si>
  <si>
    <t xml:space="preserve"> 2007-09-14</t>
  </si>
  <si>
    <t xml:space="preserve"> 2007-09-17</t>
  </si>
  <si>
    <t xml:space="preserve"> 2007-09-18</t>
  </si>
  <si>
    <t xml:space="preserve"> 2007-09-19</t>
  </si>
  <si>
    <t xml:space="preserve"> 2007-09-20</t>
  </si>
  <si>
    <t xml:space="preserve"> 2007-09-21</t>
  </si>
  <si>
    <t xml:space="preserve"> 2007-09-24</t>
  </si>
  <si>
    <t xml:space="preserve"> 2007-09-25</t>
  </si>
  <si>
    <t xml:space="preserve"> 2007-09-26</t>
  </si>
  <si>
    <t xml:space="preserve"> 2007-09-27</t>
  </si>
  <si>
    <t xml:space="preserve"> 2007-09-28</t>
  </si>
  <si>
    <t xml:space="preserve"> 2007-10-08</t>
  </si>
  <si>
    <t xml:space="preserve"> 2007-10-09</t>
  </si>
  <si>
    <t xml:space="preserve"> 2007-10-10</t>
  </si>
  <si>
    <t xml:space="preserve"> 2007-10-11</t>
  </si>
  <si>
    <t xml:space="preserve"> 2007-10-12</t>
  </si>
  <si>
    <t xml:space="preserve"> 2007-10-15</t>
  </si>
  <si>
    <t xml:space="preserve"> 2007-10-16</t>
  </si>
  <si>
    <t xml:space="preserve"> 2007-10-17</t>
  </si>
  <si>
    <t xml:space="preserve"> 2007-10-18</t>
  </si>
  <si>
    <t xml:space="preserve"> 2007-10-19</t>
  </si>
  <si>
    <t xml:space="preserve"> 2007-10-22</t>
  </si>
  <si>
    <t xml:space="preserve"> 2007-10-23</t>
  </si>
  <si>
    <t xml:space="preserve"> 2007-10-24</t>
  </si>
  <si>
    <t xml:space="preserve"> 2007-10-25</t>
  </si>
  <si>
    <t xml:space="preserve"> 2007-10-26</t>
  </si>
  <si>
    <t xml:space="preserve"> 2007-10-29</t>
  </si>
  <si>
    <t xml:space="preserve"> 2007-10-30</t>
  </si>
  <si>
    <t xml:space="preserve"> 2007-10-31</t>
  </si>
  <si>
    <t xml:space="preserve"> 2007-11-01</t>
  </si>
  <si>
    <t xml:space="preserve"> 2007-11-02</t>
  </si>
  <si>
    <t xml:space="preserve"> 2007-11-05</t>
  </si>
  <si>
    <t xml:space="preserve"> 2007-11-06</t>
  </si>
  <si>
    <t xml:space="preserve"> 2007-11-07</t>
  </si>
  <si>
    <t xml:space="preserve"> 2007-11-08</t>
  </si>
  <si>
    <t xml:space="preserve"> 2007-11-09</t>
  </si>
  <si>
    <t xml:space="preserve"> 2007-11-12</t>
  </si>
  <si>
    <t xml:space="preserve"> 2007-11-13</t>
  </si>
  <si>
    <t xml:space="preserve"> 2007-11-14</t>
  </si>
  <si>
    <t xml:space="preserve"> 2007-11-15</t>
  </si>
  <si>
    <t xml:space="preserve"> 2007-11-16</t>
  </si>
  <si>
    <t xml:space="preserve"> 2007-11-19</t>
  </si>
  <si>
    <t xml:space="preserve"> 2007-11-20</t>
  </si>
  <si>
    <t xml:space="preserve"> 2007-11-21</t>
  </si>
  <si>
    <t xml:space="preserve"> 2007-11-22</t>
  </si>
  <si>
    <t xml:space="preserve"> 2007-11-23</t>
  </si>
  <si>
    <t xml:space="preserve"> 2007-11-26</t>
  </si>
  <si>
    <t xml:space="preserve"> 2007-11-27</t>
  </si>
  <si>
    <t xml:space="preserve"> 2007-11-28</t>
  </si>
  <si>
    <t xml:space="preserve"> 2007-11-29</t>
  </si>
  <si>
    <t xml:space="preserve"> 2007-11-30</t>
  </si>
  <si>
    <t xml:space="preserve"> 2007-12-03</t>
  </si>
  <si>
    <t xml:space="preserve"> 2007-12-04</t>
  </si>
  <si>
    <t xml:space="preserve"> 2007-12-05</t>
  </si>
  <si>
    <t xml:space="preserve"> 2007-12-06</t>
  </si>
  <si>
    <t xml:space="preserve"> 2007-12-07</t>
  </si>
  <si>
    <t xml:space="preserve"> 2007-12-10</t>
  </si>
  <si>
    <t xml:space="preserve"> 2007-12-11</t>
  </si>
  <si>
    <t xml:space="preserve"> 2007-12-12</t>
  </si>
  <si>
    <t xml:space="preserve"> 2007-12-13</t>
  </si>
  <si>
    <t xml:space="preserve"> 2007-12-14</t>
  </si>
  <si>
    <t xml:space="preserve"> 2007-12-17</t>
  </si>
  <si>
    <t xml:space="preserve"> 2007-12-18</t>
  </si>
  <si>
    <t xml:space="preserve"> 2007-12-19</t>
  </si>
  <si>
    <t xml:space="preserve"> 2007-12-20</t>
  </si>
  <si>
    <t xml:space="preserve"> 2007-12-21</t>
  </si>
  <si>
    <t xml:space="preserve"> 2007-12-24</t>
  </si>
  <si>
    <t xml:space="preserve"> 2007-12-25</t>
  </si>
  <si>
    <t xml:space="preserve"> 2007-12-26</t>
  </si>
  <si>
    <t xml:space="preserve"> 2007-12-27</t>
  </si>
  <si>
    <t xml:space="preserve"> 2007-12-28</t>
  </si>
  <si>
    <t xml:space="preserve"> 2008-01-02</t>
  </si>
  <si>
    <t xml:space="preserve"> 2008-01-03</t>
  </si>
  <si>
    <t xml:space="preserve"> 2008-01-04</t>
  </si>
  <si>
    <t xml:space="preserve"> 2008-01-07</t>
  </si>
  <si>
    <t xml:space="preserve"> 2008-01-08</t>
  </si>
  <si>
    <t xml:space="preserve"> 2008-01-09</t>
  </si>
  <si>
    <t xml:space="preserve"> 2008-01-10</t>
  </si>
  <si>
    <t xml:space="preserve"> 2008-01-11</t>
  </si>
  <si>
    <t xml:space="preserve"> 2008-01-14</t>
  </si>
  <si>
    <t xml:space="preserve"> 2008-01-15</t>
  </si>
  <si>
    <t xml:space="preserve"> 2008-01-16</t>
  </si>
  <si>
    <t xml:space="preserve"> 2008-01-17</t>
  </si>
  <si>
    <t xml:space="preserve"> 2008-01-18</t>
  </si>
  <si>
    <t xml:space="preserve"> 2008-01-21</t>
  </si>
  <si>
    <t xml:space="preserve"> 2008-01-22</t>
  </si>
  <si>
    <t xml:space="preserve"> 2008-01-23</t>
  </si>
  <si>
    <t xml:space="preserve"> 2008-01-24</t>
  </si>
  <si>
    <t xml:space="preserve"> 2008-01-28</t>
  </si>
  <si>
    <t xml:space="preserve"> 2008-01-29</t>
  </si>
  <si>
    <t xml:space="preserve"> 2008-01-30</t>
  </si>
  <si>
    <t xml:space="preserve"> 2008-01-31</t>
  </si>
  <si>
    <t xml:space="preserve"> 2008-02-01</t>
  </si>
  <si>
    <t xml:space="preserve"> 2008-02-05</t>
  </si>
  <si>
    <t xml:space="preserve"> 2008-02-13</t>
  </si>
  <si>
    <t xml:space="preserve"> 2008-02-14</t>
  </si>
  <si>
    <t xml:space="preserve"> 2008-02-15</t>
  </si>
  <si>
    <t xml:space="preserve"> 2008-02-18</t>
  </si>
  <si>
    <t xml:space="preserve"> 2008-02-19</t>
  </si>
  <si>
    <t xml:space="preserve"> 2008-02-20</t>
  </si>
  <si>
    <t xml:space="preserve"> 2008-02-21</t>
  </si>
  <si>
    <t xml:space="preserve"> 2008-02-22</t>
  </si>
  <si>
    <t xml:space="preserve"> 2008-02-25</t>
  </si>
  <si>
    <t xml:space="preserve"> 2008-02-26</t>
  </si>
  <si>
    <t xml:space="preserve"> 2008-02-27</t>
  </si>
  <si>
    <t xml:space="preserve"> 2008-02-28</t>
  </si>
  <si>
    <t xml:space="preserve"> 2008-02-29</t>
  </si>
  <si>
    <t xml:space="preserve"> 2008-03-03</t>
  </si>
  <si>
    <t xml:space="preserve"> 2008-03-04</t>
  </si>
  <si>
    <t xml:space="preserve"> 2008-03-05</t>
  </si>
  <si>
    <t xml:space="preserve"> 2008-03-06</t>
  </si>
  <si>
    <t xml:space="preserve"> 2008-03-07</t>
  </si>
  <si>
    <t xml:space="preserve"> 2008-03-10</t>
  </si>
  <si>
    <t xml:space="preserve"> 2008-03-11</t>
  </si>
  <si>
    <t xml:space="preserve"> 2008-03-12</t>
  </si>
  <si>
    <t xml:space="preserve"> 2008-03-13</t>
  </si>
  <si>
    <t xml:space="preserve"> 2008-03-14</t>
  </si>
  <si>
    <t xml:space="preserve"> 2008-03-17</t>
  </si>
  <si>
    <t xml:space="preserve"> 2008-03-18</t>
  </si>
  <si>
    <t xml:space="preserve"> 2008-03-19</t>
  </si>
  <si>
    <t xml:space="preserve"> 2008-03-20</t>
  </si>
  <si>
    <t xml:space="preserve"> 2008-03-24</t>
  </si>
  <si>
    <t xml:space="preserve"> 2008-03-25</t>
  </si>
  <si>
    <t xml:space="preserve"> 2008-03-26</t>
  </si>
  <si>
    <t xml:space="preserve"> 2008-03-27</t>
  </si>
  <si>
    <t xml:space="preserve"> 2008-03-28</t>
  </si>
  <si>
    <t xml:space="preserve"> 2008-03-31</t>
  </si>
  <si>
    <t xml:space="preserve"> 2008-04-01</t>
  </si>
  <si>
    <t xml:space="preserve"> 2008-04-02</t>
  </si>
  <si>
    <t xml:space="preserve"> 2008-04-03</t>
  </si>
  <si>
    <t xml:space="preserve"> 2008-04-07</t>
  </si>
  <si>
    <t xml:space="preserve"> 2008-04-08</t>
  </si>
  <si>
    <t xml:space="preserve"> 2008-04-09</t>
  </si>
  <si>
    <t xml:space="preserve"> 2008-04-10</t>
  </si>
  <si>
    <t xml:space="preserve"> 2008-04-11</t>
  </si>
  <si>
    <t xml:space="preserve"> 2008-04-14</t>
  </si>
  <si>
    <t xml:space="preserve"> 2008-04-15</t>
  </si>
  <si>
    <t xml:space="preserve"> 2008-04-16</t>
  </si>
  <si>
    <t xml:space="preserve"> 2008-04-17</t>
  </si>
  <si>
    <t xml:space="preserve"> 2008-04-18</t>
  </si>
  <si>
    <t xml:space="preserve"> 2008-04-21</t>
  </si>
  <si>
    <t xml:space="preserve"> 2008-04-22</t>
  </si>
  <si>
    <t xml:space="preserve"> 2008-04-23</t>
  </si>
  <si>
    <t xml:space="preserve"> 2008-04-24</t>
  </si>
  <si>
    <t xml:space="preserve"> 2008-04-25</t>
  </si>
  <si>
    <t xml:space="preserve"> 2008-04-28</t>
  </si>
  <si>
    <t xml:space="preserve"> 2008-04-29</t>
  </si>
  <si>
    <t xml:space="preserve"> 2008-04-30</t>
  </si>
  <si>
    <t xml:space="preserve"> 2008-05-05</t>
  </si>
  <si>
    <t xml:space="preserve"> 2008-05-06</t>
  </si>
  <si>
    <t xml:space="preserve"> 2008-05-07</t>
  </si>
  <si>
    <t xml:space="preserve"> 2008-05-08</t>
  </si>
  <si>
    <t xml:space="preserve"> 2008-05-09</t>
  </si>
  <si>
    <t xml:space="preserve"> 2008-05-12</t>
  </si>
  <si>
    <t xml:space="preserve"> 2008-05-13</t>
  </si>
  <si>
    <t xml:space="preserve"> 2008-05-14</t>
  </si>
  <si>
    <t xml:space="preserve"> 2008-05-15</t>
  </si>
  <si>
    <t xml:space="preserve"> 2008-05-16</t>
  </si>
  <si>
    <t xml:space="preserve"> 2008-05-19</t>
  </si>
  <si>
    <t xml:space="preserve"> 2008-05-20</t>
  </si>
  <si>
    <t xml:space="preserve"> 2008-05-21</t>
  </si>
  <si>
    <t xml:space="preserve"> 2008-05-22</t>
  </si>
  <si>
    <t xml:space="preserve"> 2008-05-23</t>
  </si>
  <si>
    <t xml:space="preserve"> 2008-05-26</t>
  </si>
  <si>
    <t xml:space="preserve"> 2008-05-27</t>
  </si>
  <si>
    <t xml:space="preserve"> 2008-05-28</t>
  </si>
  <si>
    <t xml:space="preserve"> 2008-05-29</t>
  </si>
  <si>
    <t xml:space="preserve"> 2008-05-30</t>
  </si>
  <si>
    <t xml:space="preserve"> 2008-06-02</t>
  </si>
  <si>
    <t xml:space="preserve"> 2008-06-03</t>
  </si>
  <si>
    <t xml:space="preserve"> 2008-06-04</t>
  </si>
  <si>
    <t xml:space="preserve"> 2008-06-05</t>
  </si>
  <si>
    <t xml:space="preserve"> 2008-06-06</t>
  </si>
  <si>
    <t xml:space="preserve"> 2008-06-11</t>
  </si>
  <si>
    <t xml:space="preserve"> 2008-06-12</t>
  </si>
  <si>
    <t xml:space="preserve"> 2008-06-13</t>
  </si>
  <si>
    <t xml:space="preserve"> 2008-06-16</t>
  </si>
  <si>
    <t xml:space="preserve"> 2008-06-17</t>
  </si>
  <si>
    <t xml:space="preserve"> 2008-06-18</t>
  </si>
  <si>
    <t xml:space="preserve"> 2008-06-19</t>
  </si>
  <si>
    <t xml:space="preserve"> 2008-06-20</t>
  </si>
  <si>
    <t xml:space="preserve"> 2008-06-23</t>
  </si>
  <si>
    <t xml:space="preserve"> 2008-06-24</t>
  </si>
  <si>
    <t xml:space="preserve"> 2008-06-25</t>
  </si>
  <si>
    <t xml:space="preserve"> 2008-06-26</t>
  </si>
  <si>
    <t xml:space="preserve"> 2008-06-27</t>
  </si>
  <si>
    <t xml:space="preserve"> 2008-06-30</t>
  </si>
  <si>
    <t xml:space="preserve"> 2008-07-01</t>
  </si>
  <si>
    <t xml:space="preserve"> 2008-07-02</t>
  </si>
  <si>
    <t xml:space="preserve"> 2008-07-03</t>
  </si>
  <si>
    <t xml:space="preserve"> 2008-07-04</t>
  </si>
  <si>
    <t xml:space="preserve"> 2008-07-07</t>
  </si>
  <si>
    <t xml:space="preserve"> 2008-07-08</t>
  </si>
  <si>
    <t xml:space="preserve"> 2008-07-09</t>
  </si>
  <si>
    <t xml:space="preserve"> 2008-07-10</t>
  </si>
  <si>
    <t xml:space="preserve"> 2008-07-11</t>
  </si>
  <si>
    <t xml:space="preserve"> 2008-07-14</t>
  </si>
  <si>
    <t xml:space="preserve"> 2008-07-15</t>
  </si>
  <si>
    <t xml:space="preserve"> 2008-07-16</t>
  </si>
  <si>
    <t xml:space="preserve"> 2008-07-17</t>
  </si>
  <si>
    <t xml:space="preserve"> 2008-07-18</t>
  </si>
  <si>
    <t xml:space="preserve"> 2008-07-22</t>
  </si>
  <si>
    <t xml:space="preserve"> 2008-07-23</t>
  </si>
  <si>
    <t xml:space="preserve"> 2008-07-24</t>
  </si>
  <si>
    <t xml:space="preserve"> 2008-07-25</t>
  </si>
  <si>
    <t xml:space="preserve"> 2008-07-28</t>
  </si>
  <si>
    <t xml:space="preserve"> 2008-07-29</t>
  </si>
  <si>
    <t xml:space="preserve"> 2008-07-30</t>
  </si>
  <si>
    <t xml:space="preserve"> 2008-07-31</t>
  </si>
  <si>
    <t xml:space="preserve"> 2008-08-01</t>
  </si>
  <si>
    <t xml:space="preserve"> 2008-08-04</t>
  </si>
  <si>
    <t xml:space="preserve"> 2008-08-05</t>
  </si>
  <si>
    <t xml:space="preserve"> 2008-08-06</t>
  </si>
  <si>
    <t xml:space="preserve"> 2008-08-07</t>
  </si>
  <si>
    <t xml:space="preserve"> 2008-08-08</t>
  </si>
  <si>
    <t xml:space="preserve"> 2008-08-11</t>
  </si>
  <si>
    <t xml:space="preserve"> 2008-08-12</t>
  </si>
  <si>
    <t xml:space="preserve"> 2008-08-13</t>
  </si>
  <si>
    <t xml:space="preserve"> 2008-08-14</t>
  </si>
  <si>
    <t xml:space="preserve"> 2008-08-15</t>
  </si>
  <si>
    <t xml:space="preserve"> 2008-08-18</t>
  </si>
  <si>
    <t xml:space="preserve"> 2008-08-19</t>
  </si>
  <si>
    <t xml:space="preserve"> 2008-08-20</t>
  </si>
  <si>
    <t xml:space="preserve"> 2008-08-21</t>
  </si>
  <si>
    <t xml:space="preserve"> 2008-08-22</t>
  </si>
  <si>
    <t xml:space="preserve"> 2008-08-25</t>
  </si>
  <si>
    <t xml:space="preserve"> 2008-08-26</t>
  </si>
  <si>
    <t xml:space="preserve"> 2008-08-27</t>
  </si>
  <si>
    <t xml:space="preserve"> 2008-08-28</t>
  </si>
  <si>
    <t xml:space="preserve"> 2008-08-29</t>
  </si>
  <si>
    <t xml:space="preserve"> 2008-09-01</t>
  </si>
  <si>
    <t xml:space="preserve"> 2008-09-02</t>
  </si>
  <si>
    <t xml:space="preserve"> 2008-09-03</t>
  </si>
  <si>
    <t xml:space="preserve"> 2008-09-04</t>
  </si>
  <si>
    <t xml:space="preserve"> 2008-09-05</t>
  </si>
  <si>
    <t xml:space="preserve"> 2008-09-08</t>
  </si>
  <si>
    <t xml:space="preserve"> 2008-09-09</t>
  </si>
  <si>
    <t xml:space="preserve"> 2008-09-10</t>
  </si>
  <si>
    <t xml:space="preserve"> 2008-09-11</t>
  </si>
  <si>
    <t xml:space="preserve"> 2008-09-12</t>
  </si>
  <si>
    <t xml:space="preserve"> 2008-09-16</t>
  </si>
  <si>
    <t xml:space="preserve"> 2008-09-17</t>
  </si>
  <si>
    <t xml:space="preserve"> 2008-09-18</t>
  </si>
  <si>
    <t xml:space="preserve"> 2008-09-19</t>
  </si>
  <si>
    <t xml:space="preserve"> 2008-09-22</t>
  </si>
  <si>
    <t xml:space="preserve"> 2008-09-23</t>
  </si>
  <si>
    <t xml:space="preserve"> 2008-09-24</t>
  </si>
  <si>
    <t xml:space="preserve"> 2008-09-25</t>
  </si>
  <si>
    <t xml:space="preserve"> 2008-09-26</t>
  </si>
  <si>
    <t xml:space="preserve"> 2008-10-06</t>
  </si>
  <si>
    <t xml:space="preserve"> 2008-10-07</t>
  </si>
  <si>
    <t xml:space="preserve"> 2008-10-08</t>
  </si>
  <si>
    <t xml:space="preserve"> 2008-10-09</t>
  </si>
  <si>
    <t xml:space="preserve"> 2008-10-10</t>
  </si>
  <si>
    <t xml:space="preserve"> 2008-10-13</t>
  </si>
  <si>
    <t xml:space="preserve"> 2008-10-14</t>
  </si>
  <si>
    <t xml:space="preserve"> 2008-10-15</t>
  </si>
  <si>
    <t xml:space="preserve"> 2008-10-16</t>
  </si>
  <si>
    <t xml:space="preserve"> 2008-10-17</t>
  </si>
  <si>
    <t xml:space="preserve"> 2008-10-20</t>
  </si>
  <si>
    <t xml:space="preserve"> 2008-10-21</t>
  </si>
  <si>
    <t xml:space="preserve"> 2008-10-22</t>
  </si>
  <si>
    <t xml:space="preserve"> 2008-10-23</t>
  </si>
  <si>
    <t xml:space="preserve"> 2008-10-24</t>
  </si>
  <si>
    <t xml:space="preserve"> 2008-10-27</t>
  </si>
  <si>
    <t xml:space="preserve"> 2008-10-29</t>
  </si>
  <si>
    <t xml:space="preserve"> 2008-10-30</t>
  </si>
  <si>
    <t xml:space="preserve"> 2008-10-31</t>
  </si>
  <si>
    <t xml:space="preserve"> 2008-11-03</t>
  </si>
  <si>
    <t xml:space="preserve"> 2008-11-04</t>
  </si>
  <si>
    <t xml:space="preserve"> 2008-11-05</t>
  </si>
  <si>
    <t xml:space="preserve"> 2008-11-06</t>
  </si>
  <si>
    <t xml:space="preserve"> 2008-11-07</t>
  </si>
  <si>
    <t xml:space="preserve"> 2008-11-10</t>
  </si>
  <si>
    <t xml:space="preserve"> 2008-11-11</t>
  </si>
  <si>
    <t xml:space="preserve"> 2008-11-12</t>
  </si>
  <si>
    <t xml:space="preserve"> 2008-11-13</t>
  </si>
  <si>
    <t xml:space="preserve"> 2008-11-14</t>
  </si>
  <si>
    <t xml:space="preserve"> 2008-11-17</t>
  </si>
  <si>
    <t xml:space="preserve"> 2008-11-18</t>
  </si>
  <si>
    <t xml:space="preserve"> 2008-11-19</t>
  </si>
  <si>
    <t xml:space="preserve"> 2008-11-20</t>
  </si>
  <si>
    <t xml:space="preserve"> 2008-11-21</t>
  </si>
  <si>
    <t xml:space="preserve"> 2008-11-24</t>
  </si>
  <si>
    <t xml:space="preserve"> 2008-11-25</t>
  </si>
  <si>
    <t xml:space="preserve"> 2008-11-26</t>
  </si>
  <si>
    <t xml:space="preserve"> 2008-11-27</t>
  </si>
  <si>
    <t xml:space="preserve"> 2008-11-28</t>
  </si>
  <si>
    <t xml:space="preserve"> 2008-12-01</t>
  </si>
  <si>
    <t xml:space="preserve"> 2008-12-02</t>
  </si>
  <si>
    <t xml:space="preserve"> 2008-12-03</t>
  </si>
  <si>
    <t xml:space="preserve"> 2008-12-04</t>
  </si>
  <si>
    <t xml:space="preserve"> 2008-12-05</t>
  </si>
  <si>
    <t xml:space="preserve"> 2008-12-08</t>
  </si>
  <si>
    <t xml:space="preserve"> 2008-12-09</t>
  </si>
  <si>
    <t xml:space="preserve"> 2008-12-10</t>
  </si>
  <si>
    <t xml:space="preserve"> 2008-12-11</t>
  </si>
  <si>
    <t xml:space="preserve"> 2008-12-12</t>
  </si>
  <si>
    <t xml:space="preserve"> 2008-12-15</t>
  </si>
  <si>
    <t xml:space="preserve"> 2008-12-16</t>
  </si>
  <si>
    <t xml:space="preserve"> 2008-12-17</t>
  </si>
  <si>
    <t xml:space="preserve"> 2008-12-18</t>
  </si>
  <si>
    <t xml:space="preserve"> 2008-12-19</t>
  </si>
  <si>
    <t xml:space="preserve"> 2008-12-22</t>
  </si>
  <si>
    <t xml:space="preserve"> 2008-12-23</t>
  </si>
  <si>
    <t xml:space="preserve"> 2008-12-24</t>
  </si>
  <si>
    <t xml:space="preserve"> 2008-12-25</t>
  </si>
  <si>
    <t xml:space="preserve"> 2008-12-26</t>
  </si>
  <si>
    <t xml:space="preserve"> 2008-12-29</t>
  </si>
  <si>
    <t xml:space="preserve"> 2008-12-30</t>
  </si>
  <si>
    <t xml:space="preserve"> 2008-12-31</t>
  </si>
  <si>
    <t xml:space="preserve"> 2009-01-05</t>
  </si>
  <si>
    <t xml:space="preserve"> 2009-01-06</t>
  </si>
  <si>
    <t xml:space="preserve"> 2009-01-07</t>
  </si>
  <si>
    <t xml:space="preserve"> 2009-01-08</t>
  </si>
  <si>
    <t xml:space="preserve"> 2009-01-09</t>
  </si>
  <si>
    <t xml:space="preserve"> 2009-01-12</t>
  </si>
  <si>
    <t xml:space="preserve"> 2009-01-13</t>
  </si>
  <si>
    <t xml:space="preserve"> 2009-01-14</t>
  </si>
  <si>
    <t xml:space="preserve"> 2009-01-15</t>
  </si>
  <si>
    <t xml:space="preserve"> 2009-01-16</t>
  </si>
  <si>
    <t xml:space="preserve"> 2009-01-20</t>
  </si>
  <si>
    <t xml:space="preserve"> 2009-01-21</t>
  </si>
  <si>
    <t xml:space="preserve"> 2009-01-22</t>
  </si>
  <si>
    <t xml:space="preserve"> 2009-01-23</t>
  </si>
  <si>
    <t xml:space="preserve"> 2009-02-02</t>
  </si>
  <si>
    <t xml:space="preserve"> 2009-02-03</t>
  </si>
  <si>
    <t xml:space="preserve"> 2009-02-04</t>
  </si>
  <si>
    <t xml:space="preserve"> 2009-02-05</t>
  </si>
  <si>
    <t xml:space="preserve"> 2009-02-06</t>
  </si>
  <si>
    <t xml:space="preserve"> 2009-02-09</t>
  </si>
  <si>
    <t xml:space="preserve"> 2009-02-10</t>
  </si>
  <si>
    <t xml:space="preserve"> 2009-02-11</t>
  </si>
  <si>
    <t xml:space="preserve"> 2009-02-12</t>
  </si>
  <si>
    <t xml:space="preserve"> 2009-02-13</t>
  </si>
  <si>
    <t xml:space="preserve"> 2009-02-16</t>
  </si>
  <si>
    <t xml:space="preserve"> 2009-02-17</t>
  </si>
  <si>
    <t xml:space="preserve"> 2009-02-18</t>
  </si>
  <si>
    <t xml:space="preserve"> 2009-02-19</t>
  </si>
  <si>
    <t xml:space="preserve"> 2009-02-20</t>
  </si>
  <si>
    <t xml:space="preserve"> 2009-02-23</t>
  </si>
  <si>
    <t xml:space="preserve"> 2009-02-24</t>
  </si>
  <si>
    <t xml:space="preserve"> 2009-02-25</t>
  </si>
  <si>
    <t xml:space="preserve"> 2009-02-26</t>
  </si>
  <si>
    <t xml:space="preserve"> 2009-02-27</t>
  </si>
  <si>
    <t xml:space="preserve"> 2009-03-02</t>
  </si>
  <si>
    <t xml:space="preserve"> 2009-03-03</t>
  </si>
  <si>
    <t xml:space="preserve"> 2009-03-04</t>
  </si>
  <si>
    <t xml:space="preserve"> 2009-03-05</t>
  </si>
  <si>
    <t xml:space="preserve"> 2009-03-06</t>
  </si>
  <si>
    <t xml:space="preserve"> 2009-03-07</t>
  </si>
  <si>
    <t xml:space="preserve"> 2009-03-08</t>
  </si>
  <si>
    <t xml:space="preserve"> 2009-03-09</t>
  </si>
  <si>
    <t xml:space="preserve"> 2009-03-11</t>
  </si>
  <si>
    <t xml:space="preserve"> 2009-03-12</t>
  </si>
  <si>
    <t xml:space="preserve"> 2009-03-13</t>
  </si>
  <si>
    <t xml:space="preserve"> 2009-03-14</t>
  </si>
  <si>
    <t xml:space="preserve"> 2009-03-16</t>
  </si>
  <si>
    <t xml:space="preserve"> 2009-03-17</t>
  </si>
  <si>
    <t xml:space="preserve"> 2009-03-18</t>
  </si>
  <si>
    <t xml:space="preserve"> 2009-03-20</t>
  </si>
  <si>
    <t xml:space="preserve"> 2009-03-23</t>
  </si>
  <si>
    <t xml:space="preserve"> 2009-03-24</t>
  </si>
  <si>
    <t xml:space="preserve"> 2009-03-25</t>
  </si>
  <si>
    <t xml:space="preserve"> 2009-03-26</t>
  </si>
  <si>
    <t xml:space="preserve"> 2009-03-27</t>
  </si>
  <si>
    <t xml:space="preserve"> 2009-03-31</t>
  </si>
  <si>
    <t xml:space="preserve"> 2009-04-01</t>
  </si>
  <si>
    <t xml:space="preserve"> 2009-04-02</t>
  </si>
  <si>
    <t xml:space="preserve"> 2009-04-03</t>
  </si>
  <si>
    <t xml:space="preserve"> 2009-04-07</t>
  </si>
  <si>
    <t xml:space="preserve"> 2009-04-08</t>
  </si>
  <si>
    <t xml:space="preserve"> 2009-04-09</t>
  </si>
  <si>
    <t xml:space="preserve"> 2009-04-10</t>
  </si>
  <si>
    <t xml:space="preserve"> 2009-04-13</t>
  </si>
  <si>
    <t xml:space="preserve"> 2009-04-14</t>
  </si>
  <si>
    <t xml:space="preserve"> 2009-04-15</t>
  </si>
  <si>
    <t xml:space="preserve"> 2009-04-16</t>
  </si>
  <si>
    <t xml:space="preserve"> 2009-04-17</t>
  </si>
  <si>
    <t xml:space="preserve"> 2009-04-20</t>
  </si>
  <si>
    <t xml:space="preserve"> 2009-04-21</t>
  </si>
  <si>
    <t xml:space="preserve"> 2009-04-22</t>
  </si>
  <si>
    <t xml:space="preserve"> 2009-04-23</t>
  </si>
  <si>
    <t xml:space="preserve"> 2009-04-24</t>
  </si>
  <si>
    <t xml:space="preserve"> 2009-04-27</t>
  </si>
  <si>
    <t xml:space="preserve"> 2009-04-28</t>
  </si>
  <si>
    <t xml:space="preserve"> 2009-04-29</t>
  </si>
  <si>
    <t xml:space="preserve"> 2009-04-30</t>
  </si>
  <si>
    <t xml:space="preserve"> 2009-05-04</t>
  </si>
  <si>
    <t xml:space="preserve"> 2009-05-05</t>
  </si>
  <si>
    <t xml:space="preserve"> 2009-05-06</t>
  </si>
  <si>
    <t xml:space="preserve"> 2009-05-07</t>
  </si>
  <si>
    <t xml:space="preserve"> 2009-05-08</t>
  </si>
  <si>
    <t xml:space="preserve"> 2009-05-11</t>
  </si>
  <si>
    <t xml:space="preserve"> 2009-05-12</t>
  </si>
  <si>
    <t xml:space="preserve"> 2009-05-13</t>
  </si>
  <si>
    <t xml:space="preserve"> 2009-05-14</t>
  </si>
  <si>
    <t xml:space="preserve"> 2009-05-15</t>
  </si>
  <si>
    <t xml:space="preserve"> 2009-05-18</t>
  </si>
  <si>
    <t xml:space="preserve"> 2009-05-19</t>
  </si>
  <si>
    <t xml:space="preserve"> 2009-05-20</t>
  </si>
  <si>
    <t xml:space="preserve"> 2009-05-21</t>
  </si>
  <si>
    <t xml:space="preserve"> 2009-05-22</t>
  </si>
  <si>
    <t xml:space="preserve"> 2009-05-25</t>
  </si>
  <si>
    <t xml:space="preserve"> 2009-05-26</t>
  </si>
  <si>
    <t xml:space="preserve"> 2009-05-27</t>
  </si>
  <si>
    <t xml:space="preserve"> 2009-05-31</t>
  </si>
  <si>
    <t xml:space="preserve"> 2009-06-01</t>
  </si>
  <si>
    <t xml:space="preserve"> 2009-06-02</t>
  </si>
  <si>
    <t xml:space="preserve"> 2009-06-03</t>
  </si>
  <si>
    <t xml:space="preserve"> 2009-06-04</t>
  </si>
  <si>
    <t xml:space="preserve"> 2009-06-05</t>
  </si>
  <si>
    <t xml:space="preserve"> 2009-06-08</t>
  </si>
  <si>
    <t xml:space="preserve"> 2009-06-09</t>
  </si>
  <si>
    <t xml:space="preserve"> 2009-06-10</t>
  </si>
  <si>
    <t xml:space="preserve"> 2009-06-11</t>
  </si>
  <si>
    <t xml:space="preserve"> 2009-06-12</t>
  </si>
  <si>
    <t xml:space="preserve"> 2009-06-16</t>
  </si>
  <si>
    <t xml:space="preserve"> 2009-06-17</t>
  </si>
  <si>
    <t xml:space="preserve"> 2009-06-18</t>
  </si>
  <si>
    <t xml:space="preserve"> 2009-06-19</t>
  </si>
  <si>
    <t xml:space="preserve"> 2009-06-22</t>
  </si>
  <si>
    <t xml:space="preserve"> 2009-06-23</t>
  </si>
  <si>
    <t xml:space="preserve"> 2009-06-24</t>
  </si>
  <si>
    <t xml:space="preserve"> 2009-06-25</t>
  </si>
  <si>
    <t xml:space="preserve"> 2009-06-26</t>
  </si>
  <si>
    <t xml:space="preserve"> 2009-06-29</t>
  </si>
  <si>
    <t xml:space="preserve"> 2009-07-01</t>
  </si>
  <si>
    <t xml:space="preserve"> 2009-07-02</t>
  </si>
  <si>
    <t xml:space="preserve"> 2009-07-03</t>
  </si>
  <si>
    <t xml:space="preserve"> 2009-07-06</t>
  </si>
  <si>
    <t xml:space="preserve"> 2009-07-07</t>
  </si>
  <si>
    <t xml:space="preserve"> 2009-07-08</t>
  </si>
  <si>
    <t xml:space="preserve"> 2009-07-09</t>
  </si>
  <si>
    <t xml:space="preserve"> 2009-07-10</t>
  </si>
  <si>
    <t xml:space="preserve"> 2009-07-13</t>
  </si>
  <si>
    <t xml:space="preserve"> 2009-07-14</t>
  </si>
  <si>
    <t xml:space="preserve"> 2009-07-15</t>
  </si>
  <si>
    <t xml:space="preserve"> 2009-07-16</t>
  </si>
  <si>
    <t xml:space="preserve"> 2009-07-17</t>
  </si>
  <si>
    <t xml:space="preserve"> 2009-07-20</t>
  </si>
  <si>
    <t xml:space="preserve"> 2009-07-21</t>
  </si>
  <si>
    <t xml:space="preserve"> 2009-07-22</t>
  </si>
  <si>
    <t xml:space="preserve"> 2009-07-23</t>
  </si>
  <si>
    <t xml:space="preserve"> 2009-07-24</t>
  </si>
  <si>
    <t xml:space="preserve"> 2009-07-29</t>
  </si>
  <si>
    <t xml:space="preserve"> 2009-07-30</t>
  </si>
  <si>
    <t xml:space="preserve"> 2009-07-31</t>
  </si>
  <si>
    <t xml:space="preserve"> 2009-08-03</t>
  </si>
  <si>
    <t xml:space="preserve"> 2009-08-04</t>
  </si>
  <si>
    <t xml:space="preserve"> 2009-08-05</t>
  </si>
  <si>
    <t xml:space="preserve"> 2009-08-06</t>
  </si>
  <si>
    <t xml:space="preserve"> 2009-08-07</t>
  </si>
  <si>
    <t xml:space="preserve"> 2009-08-10</t>
  </si>
  <si>
    <t xml:space="preserve"> 2009-08-11</t>
  </si>
  <si>
    <t xml:space="preserve"> 2009-08-12</t>
  </si>
  <si>
    <t xml:space="preserve"> 2009-08-13</t>
  </si>
  <si>
    <t xml:space="preserve"> 2009-08-14</t>
  </si>
  <si>
    <t xml:space="preserve"> 2009-08-17</t>
  </si>
  <si>
    <t xml:space="preserve"> 2009-08-18</t>
  </si>
  <si>
    <t xml:space="preserve"> 2009-08-19</t>
  </si>
  <si>
    <t xml:space="preserve"> 2009-08-20</t>
  </si>
  <si>
    <t xml:space="preserve"> 2009-08-21</t>
  </si>
  <si>
    <t xml:space="preserve"> 2009-08-24</t>
  </si>
  <si>
    <t xml:space="preserve"> 2009-08-25</t>
  </si>
  <si>
    <t xml:space="preserve"> 2009-08-26</t>
  </si>
  <si>
    <t xml:space="preserve"> 2009-08-27</t>
  </si>
  <si>
    <t xml:space="preserve"> 2009-08-28</t>
  </si>
  <si>
    <t xml:space="preserve"> 2009-08-31</t>
  </si>
  <si>
    <t xml:space="preserve"> 2009-09-01</t>
  </si>
  <si>
    <t xml:space="preserve"> 2009-09-02</t>
  </si>
  <si>
    <t xml:space="preserve"> 2009-09-03</t>
  </si>
  <si>
    <t xml:space="preserve"> 2009-09-04</t>
  </si>
  <si>
    <t xml:space="preserve"> 2009-09-07</t>
  </si>
  <si>
    <t xml:space="preserve"> 2009-09-08</t>
  </si>
  <si>
    <t xml:space="preserve"> 2009-09-09</t>
  </si>
  <si>
    <t xml:space="preserve"> 2009-09-10</t>
  </si>
  <si>
    <t xml:space="preserve"> 2009-09-11</t>
  </si>
  <si>
    <t xml:space="preserve"> 2009-09-14</t>
  </si>
  <si>
    <t xml:space="preserve"> 2009-09-15</t>
  </si>
  <si>
    <t xml:space="preserve"> 2009-09-16</t>
  </si>
  <si>
    <t xml:space="preserve"> 2009-09-17</t>
  </si>
  <si>
    <t xml:space="preserve"> 2009-09-18</t>
  </si>
  <si>
    <t xml:space="preserve"> 2009-09-21</t>
  </si>
  <si>
    <t xml:space="preserve"> 2009-09-22</t>
  </si>
  <si>
    <t xml:space="preserve"> 2009-09-23</t>
  </si>
  <si>
    <t xml:space="preserve"> 2009-09-24</t>
  </si>
  <si>
    <t xml:space="preserve"> 2009-09-25</t>
  </si>
  <si>
    <t xml:space="preserve"> 2009-09-29</t>
  </si>
  <si>
    <t xml:space="preserve"> 2009-09-30</t>
  </si>
  <si>
    <t xml:space="preserve"> 2009-10-09</t>
  </si>
  <si>
    <t xml:space="preserve"> 2009-10-12</t>
  </si>
  <si>
    <t xml:space="preserve"> 2009-10-13</t>
  </si>
  <si>
    <t xml:space="preserve"> 2009-10-14</t>
  </si>
  <si>
    <t xml:space="preserve"> 2009-10-15</t>
  </si>
  <si>
    <t xml:space="preserve"> 2009-10-16</t>
  </si>
  <si>
    <t xml:space="preserve"> 2009-10-19</t>
  </si>
  <si>
    <t xml:space="preserve"> 2009-10-21</t>
  </si>
  <si>
    <t xml:space="preserve"> 2009-10-22</t>
  </si>
  <si>
    <t xml:space="preserve"> 2009-10-23</t>
  </si>
  <si>
    <t xml:space="preserve"> 2009-10-26</t>
  </si>
  <si>
    <t xml:space="preserve"> 2009-10-27</t>
  </si>
  <si>
    <t xml:space="preserve"> 2009-10-28</t>
  </si>
  <si>
    <t xml:space="preserve"> 2009-10-29</t>
  </si>
  <si>
    <t xml:space="preserve"> 2009-10-30</t>
  </si>
  <si>
    <t xml:space="preserve"> 2009-11-02</t>
  </si>
  <si>
    <t xml:space="preserve"> 2009-11-03</t>
  </si>
  <si>
    <t xml:space="preserve"> 2009-11-04</t>
  </si>
  <si>
    <t xml:space="preserve"> 2009-11-05</t>
  </si>
  <si>
    <t xml:space="preserve"> 2009-11-06</t>
  </si>
  <si>
    <t xml:space="preserve"> 2009-11-09</t>
  </si>
  <si>
    <t xml:space="preserve"> 2009-11-10</t>
  </si>
  <si>
    <t xml:space="preserve"> 2009-11-11</t>
  </si>
  <si>
    <t xml:space="preserve"> 2009-11-12</t>
  </si>
  <si>
    <t xml:space="preserve"> 2009-11-13</t>
  </si>
  <si>
    <t xml:space="preserve"> 2009-11-16</t>
  </si>
  <si>
    <t xml:space="preserve"> 2009-11-17</t>
  </si>
  <si>
    <t xml:space="preserve"> 2009-11-18</t>
  </si>
  <si>
    <t xml:space="preserve"> 2009-11-19</t>
  </si>
  <si>
    <t xml:space="preserve"> 2009-11-20</t>
  </si>
  <si>
    <t xml:space="preserve"> 2009-11-23</t>
  </si>
  <si>
    <t xml:space="preserve"> 2009-11-24</t>
  </si>
  <si>
    <t xml:space="preserve"> 2009-11-25</t>
  </si>
  <si>
    <t xml:space="preserve"> 2009-11-26</t>
  </si>
  <si>
    <t xml:space="preserve"> 2009-11-27</t>
  </si>
  <si>
    <t xml:space="preserve"> 2009-11-30</t>
  </si>
  <si>
    <t xml:space="preserve"> 2009-12-01</t>
  </si>
  <si>
    <t xml:space="preserve"> 2009-12-02</t>
  </si>
  <si>
    <t xml:space="preserve"> 2009-12-03</t>
  </si>
  <si>
    <t xml:space="preserve"> 2009-12-04</t>
  </si>
  <si>
    <t xml:space="preserve"> 2009-12-08</t>
  </si>
  <si>
    <t xml:space="preserve"> 2009-12-09</t>
  </si>
  <si>
    <t xml:space="preserve"> 2009-12-10</t>
  </si>
  <si>
    <t xml:space="preserve"> 2009-12-11</t>
  </si>
  <si>
    <t xml:space="preserve"> 2009-12-14</t>
  </si>
  <si>
    <t xml:space="preserve"> 2009-12-15</t>
  </si>
  <si>
    <t xml:space="preserve"> 2009-12-16</t>
  </si>
  <si>
    <t xml:space="preserve"> 2009-12-17</t>
  </si>
  <si>
    <t xml:space="preserve"> 2009-12-18</t>
  </si>
  <si>
    <t xml:space="preserve"> 2009-12-21</t>
  </si>
  <si>
    <t xml:space="preserve"> 2009-12-22</t>
  </si>
  <si>
    <t xml:space="preserve"> 2009-12-23</t>
  </si>
  <si>
    <t xml:space="preserve"> 2009-12-24</t>
  </si>
  <si>
    <t xml:space="preserve"> 2009-12-25</t>
  </si>
  <si>
    <t xml:space="preserve"> 2009-12-28</t>
  </si>
  <si>
    <t xml:space="preserve"> 2009-12-29</t>
  </si>
  <si>
    <t xml:space="preserve"> 2009-12-30</t>
  </si>
  <si>
    <t xml:space="preserve"> 2009-12-31</t>
  </si>
  <si>
    <t xml:space="preserve"> 2010-01-04</t>
  </si>
  <si>
    <t xml:space="preserve"> 2010-01-05</t>
  </si>
  <si>
    <t xml:space="preserve"> 2010-01-06</t>
  </si>
  <si>
    <t xml:space="preserve"> 2010-01-07</t>
  </si>
  <si>
    <t xml:space="preserve"> 2010-01-08</t>
  </si>
  <si>
    <t xml:space="preserve"> 2010-01-11</t>
  </si>
  <si>
    <t xml:space="preserve"> 2010-01-12</t>
  </si>
  <si>
    <t xml:space="preserve"> 2010-01-13</t>
  </si>
  <si>
    <t xml:space="preserve"> 2010-01-14</t>
  </si>
  <si>
    <t xml:space="preserve"> 2010-01-15</t>
  </si>
  <si>
    <t xml:space="preserve"> 2010-01-18</t>
  </si>
  <si>
    <t xml:space="preserve"> 2010-01-19</t>
  </si>
  <si>
    <t xml:space="preserve"> 2010-01-20</t>
  </si>
  <si>
    <t xml:space="preserve"> 2010-01-21</t>
  </si>
  <si>
    <t xml:space="preserve"> 2010-01-22</t>
  </si>
  <si>
    <t xml:space="preserve"> 2010-01-25</t>
  </si>
  <si>
    <t xml:space="preserve"> 2010-01-26</t>
  </si>
  <si>
    <t xml:space="preserve"> 2010-01-27</t>
  </si>
  <si>
    <t xml:space="preserve"> 2010-01-28</t>
  </si>
  <si>
    <t xml:space="preserve"> 2010-01-29</t>
  </si>
  <si>
    <t xml:space="preserve"> 2010-02-01</t>
  </si>
  <si>
    <t xml:space="preserve"> 2010-02-02</t>
  </si>
  <si>
    <t xml:space="preserve"> 2010-02-03</t>
  </si>
  <si>
    <t xml:space="preserve"> 2010-02-04</t>
  </si>
  <si>
    <t xml:space="preserve"> 2010-02-05</t>
  </si>
  <si>
    <t xml:space="preserve"> 2010-02-08</t>
  </si>
  <si>
    <t xml:space="preserve"> 2010-02-09</t>
  </si>
  <si>
    <t xml:space="preserve"> 2010-02-10</t>
  </si>
  <si>
    <t xml:space="preserve"> 2010-02-11</t>
  </si>
  <si>
    <t xml:space="preserve"> 2010-02-12</t>
  </si>
  <si>
    <t xml:space="preserve"> 2010-02-22</t>
  </si>
  <si>
    <t xml:space="preserve"> 2010-02-23</t>
  </si>
  <si>
    <t xml:space="preserve"> 2010-02-24</t>
  </si>
  <si>
    <t xml:space="preserve"> 2010-02-25</t>
  </si>
  <si>
    <t xml:space="preserve"> 2010-02-26</t>
  </si>
  <si>
    <t xml:space="preserve"> 2010-03-01</t>
  </si>
  <si>
    <t xml:space="preserve"> 2010-03-02</t>
  </si>
  <si>
    <t xml:space="preserve"> 2010-03-03</t>
  </si>
  <si>
    <t xml:space="preserve"> 2010-03-04</t>
  </si>
  <si>
    <t xml:space="preserve"> 2010-03-05</t>
  </si>
  <si>
    <t xml:space="preserve"> 2010-03-08</t>
  </si>
  <si>
    <t xml:space="preserve"> 2010-03-09</t>
  </si>
  <si>
    <t xml:space="preserve"> 2010-03-10</t>
  </si>
  <si>
    <t xml:space="preserve"> 2010-03-11</t>
  </si>
  <si>
    <t xml:space="preserve"> 2010-03-12</t>
  </si>
  <si>
    <t xml:space="preserve"> 2010-03-15</t>
  </si>
  <si>
    <t xml:space="preserve"> 2010-03-16</t>
  </si>
  <si>
    <t xml:space="preserve"> 2010-03-17</t>
  </si>
  <si>
    <t xml:space="preserve"> 2010-03-18</t>
  </si>
  <si>
    <t xml:space="preserve"> 2010-03-19</t>
  </si>
  <si>
    <t xml:space="preserve"> 2010-03-22</t>
  </si>
  <si>
    <t xml:space="preserve"> 2010-03-23</t>
  </si>
  <si>
    <t xml:space="preserve"> 2010-03-24</t>
  </si>
  <si>
    <t xml:space="preserve"> 2010-03-25</t>
  </si>
  <si>
    <t xml:space="preserve"> 2010-03-26</t>
  </si>
  <si>
    <t xml:space="preserve"> 2010-03-29</t>
  </si>
  <si>
    <t xml:space="preserve"> 2010-03-30</t>
  </si>
  <si>
    <t xml:space="preserve"> 2010-03-31</t>
  </si>
  <si>
    <t xml:space="preserve"> 2010-04-01</t>
  </si>
  <si>
    <t xml:space="preserve"> 2010-04-02</t>
  </si>
  <si>
    <t xml:space="preserve"> 2010-04-06</t>
  </si>
  <si>
    <t xml:space="preserve"> 2010-04-07</t>
  </si>
  <si>
    <t xml:space="preserve"> 2010-04-08</t>
  </si>
  <si>
    <t xml:space="preserve"> 2010-04-09</t>
  </si>
  <si>
    <t xml:space="preserve"> 2010-04-12</t>
  </si>
  <si>
    <t xml:space="preserve"> 2010-04-13</t>
  </si>
  <si>
    <t xml:space="preserve"> 2010-04-14</t>
  </si>
  <si>
    <t xml:space="preserve"> 2010-04-15</t>
  </si>
  <si>
    <t xml:space="preserve"> 2010-04-16</t>
  </si>
  <si>
    <t xml:space="preserve"> 2010-04-19</t>
  </si>
  <si>
    <t xml:space="preserve"> 2010-04-20</t>
  </si>
  <si>
    <t xml:space="preserve"> 2010-04-21</t>
  </si>
  <si>
    <t xml:space="preserve"> 2010-04-22</t>
  </si>
  <si>
    <t xml:space="preserve"> 2010-04-23</t>
  </si>
  <si>
    <t xml:space="preserve"> 2010-04-26</t>
  </si>
  <si>
    <t xml:space="preserve"> 2010-04-27</t>
  </si>
  <si>
    <t xml:space="preserve"> 2010-04-28</t>
  </si>
  <si>
    <t xml:space="preserve"> 2010-04-29</t>
  </si>
  <si>
    <t xml:space="preserve"> 2010-04-30</t>
  </si>
  <si>
    <t xml:space="preserve"> 2010-05-04</t>
  </si>
  <si>
    <t xml:space="preserve"> 2010-05-05</t>
  </si>
  <si>
    <t xml:space="preserve"> 2010-05-06</t>
  </si>
  <si>
    <t xml:space="preserve"> 2010-05-07</t>
  </si>
  <si>
    <t xml:space="preserve"> 2010-05-10</t>
  </si>
  <si>
    <t xml:space="preserve"> 2010-05-11</t>
  </si>
  <si>
    <t xml:space="preserve"> 2010-05-12</t>
  </si>
  <si>
    <t xml:space="preserve"> 2010-05-13</t>
  </si>
  <si>
    <t xml:space="preserve"> 2010-05-14</t>
  </si>
  <si>
    <t xml:space="preserve"> 2010-05-17</t>
  </si>
  <si>
    <t xml:space="preserve"> 2010-05-18</t>
  </si>
  <si>
    <t xml:space="preserve"> 2010-05-19</t>
  </si>
  <si>
    <t xml:space="preserve"> 2010-05-20</t>
  </si>
  <si>
    <t xml:space="preserve"> 2010-05-21</t>
  </si>
  <si>
    <t xml:space="preserve"> 2010-05-24</t>
  </si>
  <si>
    <t xml:space="preserve"> 2010-05-25</t>
  </si>
  <si>
    <t xml:space="preserve"> 2010-05-26</t>
  </si>
  <si>
    <t xml:space="preserve"> 2010-05-27</t>
  </si>
  <si>
    <t xml:space="preserve"> 2010-05-28</t>
  </si>
  <si>
    <t xml:space="preserve"> 2010-05-31</t>
  </si>
  <si>
    <t xml:space="preserve"> 2010-06-01</t>
  </si>
  <si>
    <t xml:space="preserve"> 2010-06-02</t>
  </si>
  <si>
    <t xml:space="preserve"> 2010-06-03</t>
  </si>
  <si>
    <t xml:space="preserve"> 2010-06-04</t>
  </si>
  <si>
    <t xml:space="preserve"> 2010-06-07</t>
  </si>
  <si>
    <t xml:space="preserve"> 2010-06-08</t>
  </si>
  <si>
    <t xml:space="preserve"> 2010-06-09</t>
  </si>
  <si>
    <t xml:space="preserve"> 2010-06-10</t>
  </si>
  <si>
    <t xml:space="preserve"> 2010-06-11</t>
  </si>
  <si>
    <t xml:space="preserve"> 2010-06-17</t>
  </si>
  <si>
    <t xml:space="preserve"> 2010-06-18</t>
  </si>
  <si>
    <t xml:space="preserve"> 2010-06-21</t>
  </si>
  <si>
    <t xml:space="preserve"> 2010-06-22</t>
  </si>
  <si>
    <t xml:space="preserve"> 2010-06-23</t>
  </si>
  <si>
    <t xml:space="preserve"> 2010-06-24</t>
  </si>
  <si>
    <t xml:space="preserve"> 2010-06-25</t>
  </si>
  <si>
    <t xml:space="preserve"> 2010-06-28</t>
  </si>
  <si>
    <t xml:space="preserve"> 2010-06-29</t>
  </si>
  <si>
    <t xml:space="preserve"> 2010-06-30</t>
  </si>
  <si>
    <t xml:space="preserve"> 2010-07-01</t>
  </si>
  <si>
    <t xml:space="preserve"> 2010-07-02</t>
  </si>
  <si>
    <t xml:space="preserve"> 2010-07-05</t>
  </si>
  <si>
    <t xml:space="preserve"> 2010-07-06</t>
  </si>
  <si>
    <t xml:space="preserve"> 2010-07-07</t>
  </si>
  <si>
    <t xml:space="preserve"> 2010-07-08</t>
  </si>
  <si>
    <t xml:space="preserve"> 2010-07-09</t>
  </si>
  <si>
    <t xml:space="preserve"> 2010-07-12</t>
  </si>
  <si>
    <t xml:space="preserve"> 2010-07-13</t>
  </si>
  <si>
    <t xml:space="preserve"> 2010-07-14</t>
  </si>
  <si>
    <t xml:space="preserve"> 2010-07-15</t>
  </si>
  <si>
    <t xml:space="preserve"> 2010-07-16</t>
  </si>
  <si>
    <t xml:space="preserve"> 2010-07-19</t>
  </si>
  <si>
    <t xml:space="preserve"> 2010-07-20</t>
  </si>
  <si>
    <t xml:space="preserve"> 2010-07-21</t>
  </si>
  <si>
    <t xml:space="preserve"> 2010-07-22</t>
  </si>
  <si>
    <t xml:space="preserve"> 2010-07-23</t>
  </si>
  <si>
    <t xml:space="preserve"> 2010-07-26</t>
  </si>
  <si>
    <t xml:space="preserve"> 2010-07-27</t>
  </si>
  <si>
    <t xml:space="preserve"> 2010-07-28</t>
  </si>
  <si>
    <t xml:space="preserve"> 2010-07-29</t>
  </si>
  <si>
    <t xml:space="preserve"> 2010-07-30</t>
  </si>
  <si>
    <t xml:space="preserve"> 2010-08-02</t>
  </si>
  <si>
    <t xml:space="preserve"> 2010-08-03</t>
  </si>
  <si>
    <t xml:space="preserve"> 2010-08-04</t>
  </si>
  <si>
    <t xml:space="preserve"> 2010-08-05</t>
  </si>
  <si>
    <t xml:space="preserve"> 2010-08-06</t>
  </si>
  <si>
    <t xml:space="preserve"> 2010-08-09</t>
  </si>
  <si>
    <t xml:space="preserve"> 2010-08-10</t>
  </si>
  <si>
    <t xml:space="preserve"> 2010-08-11</t>
  </si>
  <si>
    <t xml:space="preserve"> 2010-08-12</t>
  </si>
  <si>
    <t xml:space="preserve"> 2010-08-13</t>
  </si>
  <si>
    <t xml:space="preserve"> 2010-08-16</t>
  </si>
  <si>
    <t xml:space="preserve"> 2010-08-17</t>
  </si>
  <si>
    <t xml:space="preserve"> 2010-08-18</t>
  </si>
  <si>
    <t xml:space="preserve"> 2010-08-19</t>
  </si>
  <si>
    <t xml:space="preserve"> 2010-08-20</t>
  </si>
  <si>
    <t xml:space="preserve"> 2010-08-23</t>
  </si>
  <si>
    <t xml:space="preserve"> 2010-08-24</t>
  </si>
  <si>
    <t xml:space="preserve"> 2010-08-25</t>
  </si>
  <si>
    <t xml:space="preserve"> 2010-08-26</t>
  </si>
  <si>
    <t xml:space="preserve"> 2010-08-27</t>
  </si>
  <si>
    <t xml:space="preserve"> 2010-08-30</t>
  </si>
  <si>
    <t xml:space="preserve"> 2010-08-31</t>
  </si>
  <si>
    <t xml:space="preserve"> 2010-09-01</t>
  </si>
  <si>
    <t xml:space="preserve"> 2010-09-02</t>
  </si>
  <si>
    <t xml:space="preserve"> 2010-09-03</t>
  </si>
  <si>
    <t xml:space="preserve"> 2010-09-06</t>
  </si>
  <si>
    <t xml:space="preserve"> 2010-09-07</t>
  </si>
  <si>
    <t xml:space="preserve"> 2010-09-08</t>
  </si>
  <si>
    <t xml:space="preserve"> 2010-09-09</t>
  </si>
  <si>
    <t xml:space="preserve"> 2010-09-10</t>
  </si>
  <si>
    <t xml:space="preserve"> 2010-09-13</t>
  </si>
  <si>
    <t xml:space="preserve"> 2010-09-14</t>
  </si>
  <si>
    <t xml:space="preserve"> 2010-09-15</t>
  </si>
  <si>
    <t xml:space="preserve"> 2010-09-16</t>
  </si>
  <si>
    <t xml:space="preserve"> 2010-09-17</t>
  </si>
  <si>
    <t xml:space="preserve"> 2010-09-20</t>
  </si>
  <si>
    <t xml:space="preserve"> 2010-09-21</t>
  </si>
  <si>
    <t xml:space="preserve"> 2010-09-27</t>
  </si>
  <si>
    <t xml:space="preserve"> 2010-09-28</t>
  </si>
  <si>
    <t xml:space="preserve"> 2010-09-29</t>
  </si>
  <si>
    <t xml:space="preserve"> 2010-09-30</t>
  </si>
  <si>
    <t xml:space="preserve"> 2010-10-08</t>
  </si>
  <si>
    <t xml:space="preserve"> 2010-10-11</t>
  </si>
  <si>
    <t xml:space="preserve"> 2010-10-12</t>
  </si>
  <si>
    <t xml:space="preserve"> 2010-10-13</t>
  </si>
  <si>
    <t xml:space="preserve"> 2010-10-14</t>
  </si>
  <si>
    <t xml:space="preserve"> 2010-10-15</t>
  </si>
  <si>
    <t xml:space="preserve"> 2010-10-18</t>
  </si>
  <si>
    <t xml:space="preserve"> 2010-10-19</t>
  </si>
  <si>
    <t xml:space="preserve"> 2010-10-20</t>
  </si>
  <si>
    <t xml:space="preserve"> 2010-10-21</t>
  </si>
  <si>
    <t xml:space="preserve"> 2010-10-22</t>
  </si>
  <si>
    <t xml:space="preserve"> 2010-10-25</t>
  </si>
  <si>
    <t xml:space="preserve"> 2010-10-26</t>
  </si>
  <si>
    <t xml:space="preserve"> 2010-10-27</t>
  </si>
  <si>
    <t xml:space="preserve"> 2010-10-28</t>
  </si>
  <si>
    <t xml:space="preserve"> 2010-10-29</t>
  </si>
  <si>
    <t xml:space="preserve"> 2010-11-01</t>
  </si>
  <si>
    <t xml:space="preserve"> 2010-11-02</t>
  </si>
  <si>
    <t xml:space="preserve"> 2010-11-03</t>
  </si>
  <si>
    <t xml:space="preserve"> 2010-11-04</t>
  </si>
  <si>
    <t xml:space="preserve"> 2010-11-05</t>
  </si>
  <si>
    <t xml:space="preserve"> 2010-11-08</t>
  </si>
  <si>
    <t xml:space="preserve"> 2010-11-09</t>
  </si>
  <si>
    <t xml:space="preserve"> 2010-11-10</t>
  </si>
  <si>
    <t xml:space="preserve"> 2010-11-11</t>
  </si>
  <si>
    <t xml:space="preserve"> 2010-11-12</t>
  </si>
  <si>
    <t xml:space="preserve"> 2010-11-15</t>
  </si>
  <si>
    <t xml:space="preserve"> 2010-11-16</t>
  </si>
  <si>
    <t xml:space="preserve"> 2010-11-17</t>
  </si>
  <si>
    <t xml:space="preserve"> 2010-11-18</t>
  </si>
  <si>
    <t xml:space="preserve"> 2010-11-19</t>
  </si>
  <si>
    <t xml:space="preserve"> 2010-11-22</t>
  </si>
  <si>
    <t xml:space="preserve"> 2010-11-23</t>
  </si>
  <si>
    <t xml:space="preserve"> 2010-11-24</t>
  </si>
  <si>
    <t xml:space="preserve"> 2010-11-25</t>
  </si>
  <si>
    <t xml:space="preserve"> 2010-11-26</t>
  </si>
  <si>
    <t xml:space="preserve"> 2010-11-29</t>
  </si>
  <si>
    <t xml:space="preserve"> 2010-11-30</t>
  </si>
  <si>
    <t xml:space="preserve"> 2010-12-01</t>
  </si>
  <si>
    <t xml:space="preserve"> 2010-12-02</t>
  </si>
  <si>
    <t xml:space="preserve"> 2010-12-03</t>
  </si>
  <si>
    <t xml:space="preserve"> 2010-12-06</t>
  </si>
  <si>
    <t xml:space="preserve"> 2010-12-07</t>
  </si>
  <si>
    <t xml:space="preserve"> 2010-12-08</t>
  </si>
  <si>
    <t xml:space="preserve"> 2010-12-09</t>
  </si>
  <si>
    <t xml:space="preserve"> 2010-12-10</t>
  </si>
  <si>
    <t xml:space="preserve"> 2010-12-13</t>
  </si>
  <si>
    <t xml:space="preserve"> 2010-12-14</t>
  </si>
  <si>
    <t xml:space="preserve"> 2010-12-15</t>
  </si>
  <si>
    <t xml:space="preserve"> 2010-12-16</t>
  </si>
  <si>
    <t xml:space="preserve"> 2010-12-17</t>
  </si>
  <si>
    <t xml:space="preserve"> 2010-12-20</t>
  </si>
  <si>
    <t xml:space="preserve"> 2010-12-21</t>
  </si>
  <si>
    <t xml:space="preserve"> 2010-12-22</t>
  </si>
  <si>
    <t xml:space="preserve"> 2010-12-23</t>
  </si>
  <si>
    <t xml:space="preserve"> 2010-12-24</t>
  </si>
  <si>
    <t xml:space="preserve"> 2010-12-27</t>
  </si>
  <si>
    <t xml:space="preserve"> 2010-12-28</t>
  </si>
  <si>
    <t xml:space="preserve"> 2010-12-29</t>
  </si>
  <si>
    <t xml:space="preserve"> 2010-12-30</t>
  </si>
  <si>
    <t xml:space="preserve"> 2010-12-31</t>
  </si>
  <si>
    <t xml:space="preserve"> 2011-01-04</t>
  </si>
  <si>
    <t xml:space="preserve"> 2011-01-05</t>
  </si>
  <si>
    <t xml:space="preserve"> 2011-01-06</t>
  </si>
  <si>
    <t xml:space="preserve"> 2011-01-07</t>
  </si>
  <si>
    <t xml:space="preserve"> 2011-01-10</t>
  </si>
  <si>
    <t xml:space="preserve"> 2011-01-11</t>
  </si>
  <si>
    <t xml:space="preserve"> 2011-01-12</t>
  </si>
  <si>
    <t xml:space="preserve"> 2011-01-13</t>
  </si>
  <si>
    <t xml:space="preserve"> 2011-01-14</t>
  </si>
  <si>
    <t xml:space="preserve"> 2011-01-17</t>
  </si>
  <si>
    <t xml:space="preserve"> 2011-01-18</t>
  </si>
  <si>
    <t xml:space="preserve"> 2011-01-19</t>
  </si>
  <si>
    <t xml:space="preserve"> 2011-01-20</t>
  </si>
  <si>
    <t xml:space="preserve"> 2011-01-21</t>
  </si>
  <si>
    <t xml:space="preserve"> 2011-01-24</t>
  </si>
  <si>
    <t xml:space="preserve"> 2011-01-25</t>
  </si>
  <si>
    <t xml:space="preserve"> 2011-01-26</t>
  </si>
  <si>
    <t xml:space="preserve"> 2011-01-27</t>
  </si>
  <si>
    <t xml:space="preserve"> 2011-01-28</t>
  </si>
  <si>
    <t xml:space="preserve"> 2011-01-31</t>
  </si>
  <si>
    <t xml:space="preserve"> 2011-02-01</t>
  </si>
  <si>
    <t xml:space="preserve"> 2011-02-09</t>
  </si>
  <si>
    <t xml:space="preserve"> 2011-02-10</t>
  </si>
  <si>
    <t xml:space="preserve"> 2011-02-11</t>
  </si>
  <si>
    <t xml:space="preserve"> 2011-02-14</t>
  </si>
  <si>
    <t xml:space="preserve"> 2011-02-15</t>
  </si>
  <si>
    <t xml:space="preserve"> 2011-02-16</t>
  </si>
  <si>
    <t xml:space="preserve"> 2011-02-17</t>
  </si>
  <si>
    <t xml:space="preserve"> 2011-02-18</t>
  </si>
  <si>
    <t xml:space="preserve"> 2011-02-21</t>
  </si>
  <si>
    <t xml:space="preserve"> 2011-02-22</t>
  </si>
  <si>
    <t xml:space="preserve"> 2011-02-23</t>
  </si>
  <si>
    <t xml:space="preserve"> 2011-02-24</t>
  </si>
  <si>
    <t xml:space="preserve"> 2011-02-25</t>
  </si>
  <si>
    <t xml:space="preserve"> 2011-02-28</t>
  </si>
  <si>
    <t xml:space="preserve"> 2011-03-01</t>
  </si>
  <si>
    <t xml:space="preserve"> 2011-03-02</t>
  </si>
  <si>
    <t xml:space="preserve"> 2011-03-03</t>
  </si>
  <si>
    <t xml:space="preserve"> 2011-03-04</t>
  </si>
  <si>
    <t xml:space="preserve"> 2011-03-07</t>
  </si>
  <si>
    <t xml:space="preserve"> 2011-03-08</t>
  </si>
  <si>
    <t xml:space="preserve"> 2011-03-09</t>
  </si>
  <si>
    <t xml:space="preserve"> 2011-03-14</t>
  </si>
  <si>
    <t xml:space="preserve"> 2011-03-15</t>
  </si>
  <si>
    <t xml:space="preserve"> 2011-03-17</t>
  </si>
  <si>
    <t xml:space="preserve"> 2011-03-18</t>
  </si>
  <si>
    <t xml:space="preserve"> 2011-03-21</t>
  </si>
  <si>
    <t xml:space="preserve"> 2011-03-22</t>
  </si>
  <si>
    <t xml:space="preserve"> 2011-03-23</t>
  </si>
  <si>
    <t xml:space="preserve"> 2011-03-24</t>
  </si>
  <si>
    <t xml:space="preserve"> 2011-03-25</t>
  </si>
  <si>
    <t xml:space="preserve"> 2011-03-28</t>
  </si>
  <si>
    <t xml:space="preserve"> 2011-03-29</t>
  </si>
  <si>
    <t xml:space="preserve"> 2011-03-30</t>
  </si>
  <si>
    <t xml:space="preserve"> 2011-03-31</t>
  </si>
  <si>
    <t xml:space="preserve"> 2011-04-01</t>
  </si>
  <si>
    <t xml:space="preserve"> 2011-04-06</t>
  </si>
  <si>
    <t xml:space="preserve"> 2011-04-07</t>
  </si>
  <si>
    <t xml:space="preserve"> 2011-04-11</t>
  </si>
  <si>
    <t xml:space="preserve"> 2011-04-12</t>
  </si>
  <si>
    <t xml:space="preserve"> 2011-04-13</t>
  </si>
  <si>
    <t xml:space="preserve"> 2011-04-14</t>
  </si>
  <si>
    <t xml:space="preserve"> 2011-04-15</t>
  </si>
  <si>
    <t xml:space="preserve"> 2011-04-18</t>
  </si>
  <si>
    <t xml:space="preserve"> 2011-04-19</t>
  </si>
  <si>
    <t xml:space="preserve"> 2011-04-20</t>
  </si>
  <si>
    <t xml:space="preserve"> 2011-04-21</t>
  </si>
  <si>
    <t xml:space="preserve"> 2011-04-22</t>
  </si>
  <si>
    <t xml:space="preserve"> 2011-04-25</t>
  </si>
  <si>
    <t xml:space="preserve"> 2011-04-26</t>
  </si>
  <si>
    <t xml:space="preserve"> 2011-04-27</t>
  </si>
  <si>
    <t xml:space="preserve"> 2011-04-28</t>
  </si>
  <si>
    <t xml:space="preserve"> 2011-04-29</t>
  </si>
  <si>
    <t xml:space="preserve"> 2011-05-03</t>
  </si>
  <si>
    <t xml:space="preserve"> 2011-05-04</t>
  </si>
  <si>
    <t xml:space="preserve"> 2011-05-05</t>
  </si>
  <si>
    <t xml:space="preserve"> 2011-05-06</t>
  </si>
  <si>
    <t xml:space="preserve"> 2011-05-09</t>
  </si>
  <si>
    <t xml:space="preserve"> 2011-05-10</t>
  </si>
  <si>
    <t xml:space="preserve"> 2011-05-11</t>
  </si>
  <si>
    <t xml:space="preserve"> 2011-05-12</t>
  </si>
  <si>
    <t xml:space="preserve"> 2011-05-13</t>
  </si>
  <si>
    <t xml:space="preserve"> 2011-05-16</t>
  </si>
  <si>
    <t xml:space="preserve"> 2011-05-17</t>
  </si>
  <si>
    <t xml:space="preserve"> 2011-05-18</t>
  </si>
  <si>
    <t xml:space="preserve"> 2011-05-19</t>
  </si>
  <si>
    <t xml:space="preserve"> 2011-05-20</t>
  </si>
  <si>
    <t xml:space="preserve"> 2011-05-23</t>
  </si>
  <si>
    <t xml:space="preserve"> 2011-05-24</t>
  </si>
  <si>
    <t xml:space="preserve"> 2011-05-25</t>
  </si>
  <si>
    <t xml:space="preserve"> 2011-05-26</t>
  </si>
  <si>
    <t xml:space="preserve"> 2011-05-27</t>
  </si>
  <si>
    <t xml:space="preserve"> 2011-05-30</t>
  </si>
  <si>
    <t xml:space="preserve"> 2011-05-31</t>
  </si>
  <si>
    <t xml:space="preserve"> 2011-06-01</t>
  </si>
  <si>
    <t xml:space="preserve"> 2011-06-02</t>
  </si>
  <si>
    <t xml:space="preserve"> 2011-06-03</t>
  </si>
  <si>
    <t xml:space="preserve"> 2011-06-07</t>
  </si>
  <si>
    <t xml:space="preserve"> 2011-06-08</t>
  </si>
  <si>
    <t xml:space="preserve"> 2011-06-09</t>
  </si>
  <si>
    <t xml:space="preserve"> 2011-06-10</t>
  </si>
  <si>
    <t xml:space="preserve"> 2011-06-13</t>
  </si>
  <si>
    <t xml:space="preserve"> 2011-06-14</t>
  </si>
  <si>
    <t xml:space="preserve"> 2011-06-15</t>
  </si>
  <si>
    <t xml:space="preserve"> 2011-06-16</t>
  </si>
  <si>
    <t xml:space="preserve"> 2011-06-17</t>
  </si>
  <si>
    <t xml:space="preserve"> 2011-06-20</t>
  </si>
  <si>
    <t xml:space="preserve"> 2011-06-21</t>
  </si>
  <si>
    <t xml:space="preserve"> 2011-06-22</t>
  </si>
  <si>
    <t xml:space="preserve"> 2011-06-23</t>
  </si>
  <si>
    <t xml:space="preserve"> 2011-06-24</t>
  </si>
  <si>
    <t xml:space="preserve"> 2011-06-27</t>
  </si>
  <si>
    <t xml:space="preserve"> 2011-06-28</t>
  </si>
  <si>
    <t xml:space="preserve"> 2011-06-29</t>
  </si>
  <si>
    <t xml:space="preserve"> 2011-06-30</t>
  </si>
  <si>
    <t xml:space="preserve"> 2011-07-01</t>
  </si>
  <si>
    <t xml:space="preserve"> 2011-07-04</t>
  </si>
  <si>
    <t xml:space="preserve"> 2011-07-05</t>
  </si>
  <si>
    <t xml:space="preserve"> 2011-07-06</t>
  </si>
  <si>
    <t xml:space="preserve"> 2011-07-07</t>
  </si>
  <si>
    <t xml:space="preserve"> 2011-07-08</t>
  </si>
  <si>
    <t xml:space="preserve"> 2011-07-11</t>
  </si>
  <si>
    <t xml:space="preserve"> 2011-07-12</t>
  </si>
  <si>
    <t xml:space="preserve"> 2011-07-13</t>
  </si>
  <si>
    <t xml:space="preserve"> 2011-07-14</t>
  </si>
  <si>
    <t xml:space="preserve"> 2011-07-15</t>
  </si>
  <si>
    <t xml:space="preserve"> 2011-07-18</t>
  </si>
  <si>
    <t xml:space="preserve"> 2011-07-19</t>
  </si>
  <si>
    <t xml:space="preserve"> 2011-07-20</t>
  </si>
  <si>
    <t xml:space="preserve"> 2011-07-21</t>
  </si>
  <si>
    <t xml:space="preserve"> 2011-07-22</t>
  </si>
  <si>
    <t xml:space="preserve"> 2011-07-25</t>
  </si>
  <si>
    <t xml:space="preserve"> 2011-07-26</t>
  </si>
  <si>
    <t xml:space="preserve"> 2011-07-27</t>
  </si>
  <si>
    <t xml:space="preserve"> 2011-07-28</t>
  </si>
  <si>
    <t xml:space="preserve"> 2011-07-29</t>
  </si>
  <si>
    <t xml:space="preserve"> 2011-08-02</t>
  </si>
  <si>
    <t xml:space="preserve"> 2011-08-03</t>
  </si>
  <si>
    <t xml:space="preserve"> 2011-08-04</t>
  </si>
  <si>
    <t xml:space="preserve"> 2011-08-05</t>
  </si>
  <si>
    <t xml:space="preserve"> 2011-08-08</t>
  </si>
  <si>
    <t xml:space="preserve"> 2011-08-09</t>
  </si>
  <si>
    <t xml:space="preserve"> 2011-08-10</t>
  </si>
  <si>
    <t xml:space="preserve"> 2011-08-11</t>
  </si>
  <si>
    <t xml:space="preserve"> 2011-08-12</t>
  </si>
  <si>
    <t xml:space="preserve"> 2011-08-15</t>
  </si>
  <si>
    <t xml:space="preserve"> 2011-08-16</t>
  </si>
  <si>
    <t xml:space="preserve"> 2011-08-17</t>
  </si>
  <si>
    <t xml:space="preserve"> 2011-08-18</t>
  </si>
  <si>
    <t xml:space="preserve"> 2011-08-19</t>
  </si>
  <si>
    <t xml:space="preserve"> 2011-08-22</t>
  </si>
  <si>
    <t xml:space="preserve"> 2011-08-23</t>
  </si>
  <si>
    <t xml:space="preserve"> 2011-08-24</t>
  </si>
  <si>
    <t xml:space="preserve"> 2011-08-25</t>
  </si>
  <si>
    <t xml:space="preserve"> 2011-08-26</t>
  </si>
  <si>
    <t xml:space="preserve"> 2011-08-29</t>
  </si>
  <si>
    <t xml:space="preserve"> 2011-08-30</t>
  </si>
  <si>
    <t xml:space="preserve"> 2011-08-31</t>
  </si>
  <si>
    <t xml:space="preserve"> 2011-09-01</t>
  </si>
  <si>
    <t xml:space="preserve"> 2011-09-02</t>
  </si>
  <si>
    <t xml:space="preserve"> 2011-09-05</t>
  </si>
  <si>
    <t xml:space="preserve"> 2011-09-06</t>
  </si>
  <si>
    <t xml:space="preserve"> 2011-09-07</t>
  </si>
  <si>
    <t xml:space="preserve"> 2011-09-08</t>
  </si>
  <si>
    <t xml:space="preserve"> 2011-09-09</t>
  </si>
  <si>
    <t xml:space="preserve"> 2011-09-13</t>
  </si>
  <si>
    <t xml:space="preserve"> 2011-09-14</t>
  </si>
  <si>
    <t xml:space="preserve"> 2011-09-15</t>
  </si>
  <si>
    <t xml:space="preserve"> 2011-09-16</t>
  </si>
  <si>
    <t xml:space="preserve"> 2011-09-19</t>
  </si>
  <si>
    <t xml:space="preserve"> 2011-09-20</t>
  </si>
  <si>
    <t xml:space="preserve"> 2011-09-21</t>
  </si>
  <si>
    <t xml:space="preserve"> 2011-09-22</t>
  </si>
  <si>
    <t xml:space="preserve"> 2011-09-23</t>
  </si>
  <si>
    <t xml:space="preserve"> 2011-09-27</t>
  </si>
  <si>
    <t xml:space="preserve"> 2011-09-28</t>
  </si>
  <si>
    <t xml:space="preserve"> 2011-09-29</t>
  </si>
  <si>
    <t xml:space="preserve"> 2011-09-30</t>
  </si>
  <si>
    <t xml:space="preserve"> 2011-10-10</t>
  </si>
  <si>
    <t xml:space="preserve"> 2011-10-11</t>
  </si>
  <si>
    <t xml:space="preserve"> 2011-10-12</t>
  </si>
  <si>
    <t xml:space="preserve"> 2011-10-13</t>
  </si>
  <si>
    <t xml:space="preserve"> 2011-10-14</t>
  </si>
  <si>
    <t xml:space="preserve"> 2011-10-17</t>
  </si>
  <si>
    <t xml:space="preserve"> 2011-10-18</t>
  </si>
  <si>
    <t xml:space="preserve"> 2011-10-19</t>
  </si>
  <si>
    <t xml:space="preserve"> 2011-10-20</t>
  </si>
  <si>
    <t xml:space="preserve"> 2011-10-21</t>
  </si>
  <si>
    <t xml:space="preserve"> 2011-10-24</t>
  </si>
  <si>
    <t xml:space="preserve"> 2011-10-25</t>
  </si>
  <si>
    <t xml:space="preserve"> 2011-10-26</t>
  </si>
  <si>
    <t xml:space="preserve"> 2011-10-27</t>
  </si>
  <si>
    <t xml:space="preserve"> 2011-10-28</t>
  </si>
  <si>
    <t xml:space="preserve"> 2011-10-31</t>
  </si>
  <si>
    <t xml:space="preserve"> 2011-11-01</t>
  </si>
  <si>
    <t xml:space="preserve"> 2011-11-02</t>
  </si>
  <si>
    <t xml:space="preserve"> 2011-11-03</t>
  </si>
  <si>
    <t xml:space="preserve"> 2011-11-04</t>
  </si>
  <si>
    <t xml:space="preserve"> 2011-11-07</t>
  </si>
  <si>
    <t xml:space="preserve"> 2011-11-08</t>
  </si>
  <si>
    <t xml:space="preserve"> 2011-11-09</t>
  </si>
  <si>
    <t xml:space="preserve"> 2011-11-10</t>
  </si>
  <si>
    <t xml:space="preserve"> 2011-11-11</t>
  </si>
  <si>
    <t xml:space="preserve"> 2011-11-14</t>
  </si>
  <si>
    <t xml:space="preserve"> 2011-11-15</t>
  </si>
  <si>
    <t xml:space="preserve"> 2011-11-16</t>
  </si>
  <si>
    <t xml:space="preserve"> 2011-11-17</t>
  </si>
  <si>
    <t xml:space="preserve"> 2011-11-18</t>
  </si>
  <si>
    <t xml:space="preserve"> 2011-11-21</t>
  </si>
  <si>
    <t xml:space="preserve"> 2011-11-22</t>
  </si>
  <si>
    <t xml:space="preserve"> 2011-11-23</t>
  </si>
  <si>
    <t xml:space="preserve"> 2011-11-24</t>
  </si>
  <si>
    <t xml:space="preserve"> 2011-11-25</t>
  </si>
  <si>
    <t xml:space="preserve"> 2011-11-28</t>
  </si>
  <si>
    <t xml:space="preserve"> 2011-11-29</t>
  </si>
  <si>
    <t xml:space="preserve"> 2011-11-30</t>
  </si>
  <si>
    <t xml:space="preserve"> 2011-12-01</t>
  </si>
  <si>
    <t xml:space="preserve"> 2011-12-02</t>
  </si>
  <si>
    <t xml:space="preserve"> 2011-12-05</t>
  </si>
  <si>
    <t xml:space="preserve"> 2011-12-06</t>
  </si>
  <si>
    <t xml:space="preserve"> 2011-12-07</t>
  </si>
  <si>
    <t xml:space="preserve"> 2011-12-08</t>
  </si>
  <si>
    <t xml:space="preserve"> 2011-12-09</t>
  </si>
  <si>
    <t xml:space="preserve"> 2011-12-12</t>
  </si>
  <si>
    <t xml:space="preserve"> 2011-12-13</t>
  </si>
  <si>
    <t xml:space="preserve"> 2011-12-14</t>
  </si>
  <si>
    <t xml:space="preserve"> 2011-12-15</t>
  </si>
  <si>
    <t xml:space="preserve"> 2011-12-16</t>
  </si>
  <si>
    <t xml:space="preserve"> 2011-12-19</t>
  </si>
  <si>
    <t xml:space="preserve"> 2011-12-20</t>
  </si>
  <si>
    <t xml:space="preserve"> 2011-12-21</t>
  </si>
  <si>
    <t xml:space="preserve"> 2011-12-22</t>
  </si>
  <si>
    <t xml:space="preserve"> 2011-12-23</t>
  </si>
  <si>
    <t xml:space="preserve"> 2011-12-26</t>
  </si>
  <si>
    <t xml:space="preserve"> 2011-12-27</t>
  </si>
  <si>
    <t xml:space="preserve"> 2011-12-28</t>
  </si>
  <si>
    <t xml:space="preserve"> 2011-12-29</t>
  </si>
  <si>
    <t xml:space="preserve"> 2011-12-30</t>
  </si>
  <si>
    <t xml:space="preserve"> 2012-01-04</t>
  </si>
  <si>
    <t xml:space="preserve"> 2012-01-05</t>
  </si>
  <si>
    <t xml:space="preserve"> 2012-01-06</t>
  </si>
  <si>
    <t xml:space="preserve"> 2012-01-09</t>
  </si>
  <si>
    <t xml:space="preserve"> 2012-01-10</t>
  </si>
  <si>
    <t xml:space="preserve"> 2012-01-11</t>
  </si>
  <si>
    <t xml:space="preserve"> 2012-01-12</t>
  </si>
  <si>
    <t xml:space="preserve"> 2012-01-13</t>
  </si>
  <si>
    <t xml:space="preserve"> 2012-01-16</t>
  </si>
  <si>
    <t xml:space="preserve"> 2012-01-17</t>
  </si>
  <si>
    <t xml:space="preserve"> 2012-01-18</t>
  </si>
  <si>
    <t xml:space="preserve"> 2012-01-19</t>
  </si>
  <si>
    <t xml:space="preserve"> 2012-01-20</t>
  </si>
  <si>
    <t xml:space="preserve"> 2012-01-30</t>
  </si>
  <si>
    <t xml:space="preserve"> 2012-01-31</t>
  </si>
  <si>
    <t xml:space="preserve"> 2012-02-01</t>
  </si>
  <si>
    <t xml:space="preserve"> 2012-02-02</t>
  </si>
  <si>
    <t xml:space="preserve"> 2012-02-03</t>
  </si>
  <si>
    <t xml:space="preserve"> 2012-02-06</t>
  </si>
  <si>
    <t xml:space="preserve"> 2012-02-07</t>
  </si>
  <si>
    <t xml:space="preserve"> 2012-02-08</t>
  </si>
  <si>
    <t xml:space="preserve"> 2012-02-09</t>
  </si>
  <si>
    <t xml:space="preserve"> 2012-02-10</t>
  </si>
  <si>
    <t xml:space="preserve"> 2012-02-13</t>
  </si>
  <si>
    <t xml:space="preserve"> 2012-02-14</t>
  </si>
  <si>
    <t xml:space="preserve"> 2012-02-15</t>
  </si>
  <si>
    <t xml:space="preserve"> 2012-02-16</t>
  </si>
  <si>
    <t xml:space="preserve"> 2012-02-17</t>
  </si>
  <si>
    <t xml:space="preserve"> 2012-02-20</t>
  </si>
  <si>
    <t xml:space="preserve"> 2012-02-21</t>
  </si>
  <si>
    <t xml:space="preserve"> 2012-02-22</t>
  </si>
  <si>
    <t xml:space="preserve"> 2012-02-23</t>
  </si>
  <si>
    <t xml:space="preserve"> 2012-02-24</t>
  </si>
  <si>
    <t xml:space="preserve"> 2012-02-27</t>
  </si>
  <si>
    <t xml:space="preserve"> 2012-02-28</t>
  </si>
  <si>
    <t xml:space="preserve"> 2012-02-29</t>
  </si>
  <si>
    <t xml:space="preserve"> 2012-03-01</t>
  </si>
  <si>
    <t xml:space="preserve"> 2012-03-02</t>
  </si>
  <si>
    <t xml:space="preserve"> 2012-03-05</t>
  </si>
  <si>
    <t xml:space="preserve"> 2012-03-06</t>
  </si>
  <si>
    <t xml:space="preserve"> 2012-03-07</t>
  </si>
  <si>
    <t xml:space="preserve"> 2012-03-08</t>
  </si>
  <si>
    <t xml:space="preserve"> 2012-03-09</t>
  </si>
  <si>
    <t xml:space="preserve"> 2012-03-12</t>
  </si>
  <si>
    <t xml:space="preserve"> 2012-03-13</t>
  </si>
  <si>
    <t xml:space="preserve"> 2012-03-14</t>
  </si>
  <si>
    <t xml:space="preserve"> 2012-03-15</t>
  </si>
  <si>
    <t xml:space="preserve"> 2012-03-16</t>
  </si>
  <si>
    <t xml:space="preserve"> 2012-03-19</t>
  </si>
  <si>
    <t xml:space="preserve"> 2012-03-20</t>
  </si>
  <si>
    <t xml:space="preserve"> 2012-03-21</t>
  </si>
  <si>
    <t xml:space="preserve"> 2012-03-22</t>
  </si>
  <si>
    <t xml:space="preserve"> 2012-03-23</t>
  </si>
  <si>
    <t xml:space="preserve"> 2012-03-26</t>
  </si>
  <si>
    <t xml:space="preserve"> 2012-03-27</t>
  </si>
  <si>
    <t xml:space="preserve"> 2012-03-28</t>
  </si>
  <si>
    <t xml:space="preserve"> 2012-03-29</t>
  </si>
  <si>
    <t xml:space="preserve"> 2012-03-30</t>
  </si>
  <si>
    <t xml:space="preserve"> 2012-04-05</t>
  </si>
  <si>
    <t xml:space="preserve"> 2012-04-06</t>
  </si>
  <si>
    <t xml:space="preserve"> 2012-04-09</t>
  </si>
  <si>
    <t xml:space="preserve"> 2012-04-10</t>
  </si>
  <si>
    <t xml:space="preserve"> 2012-04-11</t>
  </si>
  <si>
    <t xml:space="preserve"> 2012-04-12</t>
  </si>
  <si>
    <t xml:space="preserve"> 2012-04-13</t>
  </si>
  <si>
    <t xml:space="preserve"> 2012-04-16</t>
  </si>
  <si>
    <t xml:space="preserve"> 2012-04-17</t>
  </si>
  <si>
    <t xml:space="preserve"> 2012-04-18</t>
  </si>
  <si>
    <t xml:space="preserve"> 2012-04-19</t>
  </si>
  <si>
    <t xml:space="preserve"> 2012-04-20</t>
  </si>
  <si>
    <t xml:space="preserve"> 2012-04-23</t>
  </si>
  <si>
    <t xml:space="preserve"> 2012-04-24</t>
  </si>
  <si>
    <t xml:space="preserve"> 2012-04-25</t>
  </si>
  <si>
    <t xml:space="preserve"> 2012-04-26</t>
  </si>
  <si>
    <t xml:space="preserve"> 2012-04-27</t>
  </si>
  <si>
    <t xml:space="preserve"> 2012-05-02</t>
  </si>
  <si>
    <t xml:space="preserve"> 2012-05-03</t>
  </si>
  <si>
    <t xml:space="preserve"> 2012-05-04</t>
  </si>
  <si>
    <t xml:space="preserve"> 2012-05-07</t>
  </si>
  <si>
    <t xml:space="preserve"> 2012-05-08</t>
  </si>
  <si>
    <t xml:space="preserve"> 2012-05-09</t>
  </si>
  <si>
    <t xml:space="preserve"> 2012-05-10</t>
  </si>
  <si>
    <t xml:space="preserve"> 2012-05-11</t>
  </si>
  <si>
    <t xml:space="preserve"> 2012-05-14</t>
  </si>
  <si>
    <t xml:space="preserve"> 2012-05-15</t>
  </si>
  <si>
    <t xml:space="preserve"> 2012-05-16</t>
  </si>
  <si>
    <t xml:space="preserve"> 2012-05-17</t>
  </si>
  <si>
    <t xml:space="preserve"> 2012-05-18</t>
  </si>
  <si>
    <t xml:space="preserve"> 2012-05-21</t>
  </si>
  <si>
    <t xml:space="preserve"> 2012-05-22</t>
  </si>
  <si>
    <t xml:space="preserve"> 2012-05-23</t>
  </si>
  <si>
    <t xml:space="preserve"> 2012-05-24</t>
  </si>
  <si>
    <t xml:space="preserve"> 2012-05-25</t>
  </si>
  <si>
    <t xml:space="preserve"> 2012-05-28</t>
  </si>
  <si>
    <t xml:space="preserve"> 2012-05-29</t>
  </si>
  <si>
    <t xml:space="preserve"> 2012-05-30</t>
  </si>
  <si>
    <t xml:space="preserve"> 2012-05-31</t>
  </si>
  <si>
    <t xml:space="preserve"> 2012-06-01</t>
  </si>
  <si>
    <t xml:space="preserve"> 2012-06-04</t>
  </si>
  <si>
    <t xml:space="preserve"> 2012-06-05</t>
  </si>
  <si>
    <t xml:space="preserve"> 2012-06-06</t>
  </si>
  <si>
    <t xml:space="preserve"> 2012-06-07</t>
  </si>
  <si>
    <t xml:space="preserve"> 2012-06-08</t>
  </si>
  <si>
    <t xml:space="preserve"> 2012-06-11</t>
  </si>
  <si>
    <t xml:space="preserve"> 2012-06-12</t>
  </si>
  <si>
    <t xml:space="preserve"> 2012-06-13</t>
  </si>
  <si>
    <t xml:space="preserve"> 2012-06-14</t>
  </si>
  <si>
    <t xml:space="preserve"> 2012-06-15</t>
  </si>
  <si>
    <t xml:space="preserve"> 2012-06-18</t>
  </si>
  <si>
    <t xml:space="preserve"> 2012-06-19</t>
  </si>
  <si>
    <t xml:space="preserve"> 2012-06-20</t>
  </si>
  <si>
    <t xml:space="preserve"> 2012-06-21</t>
  </si>
  <si>
    <t xml:space="preserve"> 2012-06-25</t>
  </si>
  <si>
    <t xml:space="preserve"> 2012-06-26</t>
  </si>
  <si>
    <t xml:space="preserve"> 2012-06-27</t>
  </si>
  <si>
    <t xml:space="preserve"> 2012-06-28</t>
  </si>
  <si>
    <t xml:space="preserve"> 2012-06-29</t>
  </si>
  <si>
    <t xml:space="preserve"> 2012-07-02</t>
  </si>
  <si>
    <t xml:space="preserve"> 2012-07-03</t>
  </si>
  <si>
    <t xml:space="preserve"> 2012-07-04</t>
  </si>
  <si>
    <t xml:space="preserve"> 2012-07-05</t>
  </si>
  <si>
    <t xml:space="preserve"> 2012-07-06</t>
  </si>
  <si>
    <t xml:space="preserve"> 2012-07-09</t>
  </si>
  <si>
    <t xml:space="preserve"> 2012-07-10</t>
  </si>
  <si>
    <t xml:space="preserve"> 2012-07-11</t>
  </si>
  <si>
    <t xml:space="preserve"> 2012-07-12</t>
  </si>
  <si>
    <t xml:space="preserve"> 2012-07-13</t>
  </si>
  <si>
    <t xml:space="preserve"> 2012-07-16</t>
  </si>
  <si>
    <t xml:space="preserve"> 2012-07-17</t>
  </si>
  <si>
    <t xml:space="preserve"> 2012-07-18</t>
  </si>
  <si>
    <t xml:space="preserve"> 2012-07-19</t>
  </si>
  <si>
    <t xml:space="preserve"> 2012-07-20</t>
  </si>
  <si>
    <t xml:space="preserve"> 2012-07-23</t>
  </si>
  <si>
    <t xml:space="preserve"> 2012-07-24</t>
  </si>
  <si>
    <t xml:space="preserve"> 2012-07-25</t>
  </si>
  <si>
    <t xml:space="preserve"> 2012-07-26</t>
  </si>
  <si>
    <t xml:space="preserve"> 2012-07-30</t>
  </si>
  <si>
    <t xml:space="preserve"> 2012-07-31</t>
  </si>
  <si>
    <t xml:space="preserve"> 2012-08-01</t>
  </si>
  <si>
    <t xml:space="preserve"> 2012-08-02</t>
  </si>
  <si>
    <t xml:space="preserve"> 2012-08-03</t>
  </si>
  <si>
    <t xml:space="preserve"> 2012-08-06</t>
  </si>
  <si>
    <t xml:space="preserve"> 2012-08-07</t>
  </si>
  <si>
    <t xml:space="preserve"> 2012-08-08</t>
  </si>
  <si>
    <t xml:space="preserve"> 2012-08-09</t>
  </si>
  <si>
    <t xml:space="preserve"> 2012-08-10</t>
  </si>
  <si>
    <t xml:space="preserve"> 2012-08-13</t>
  </si>
  <si>
    <t xml:space="preserve"> 2012-08-14</t>
  </si>
  <si>
    <t xml:space="preserve"> 2012-08-15</t>
  </si>
  <si>
    <t xml:space="preserve"> 2012-08-16</t>
  </si>
  <si>
    <t xml:space="preserve"> 2012-08-17</t>
  </si>
  <si>
    <t xml:space="preserve"> 2012-08-20</t>
  </si>
  <si>
    <t xml:space="preserve"> 2012-08-21</t>
  </si>
  <si>
    <t xml:space="preserve"> 2012-08-22</t>
  </si>
  <si>
    <t xml:space="preserve"> 2012-08-23</t>
  </si>
  <si>
    <t xml:space="preserve"> 2012-08-24</t>
  </si>
  <si>
    <t xml:space="preserve"> 2012-08-27</t>
  </si>
  <si>
    <t xml:space="preserve"> 2012-08-28</t>
  </si>
  <si>
    <t xml:space="preserve"> 2012-08-29</t>
  </si>
  <si>
    <t xml:space="preserve"> 2012-08-30</t>
  </si>
  <si>
    <t xml:space="preserve"> 2012-08-31</t>
  </si>
  <si>
    <t xml:space="preserve"> 2012-09-03</t>
  </si>
  <si>
    <t xml:space="preserve"> 2012-09-04</t>
  </si>
  <si>
    <t xml:space="preserve"> 2012-09-05</t>
  </si>
  <si>
    <t xml:space="preserve"> 2012-09-06</t>
  </si>
  <si>
    <t xml:space="preserve"> 2012-09-07</t>
  </si>
  <si>
    <t xml:space="preserve"> 2012-09-10</t>
  </si>
  <si>
    <t xml:space="preserve"> 2012-09-11</t>
  </si>
  <si>
    <t xml:space="preserve"> 2012-09-12</t>
  </si>
  <si>
    <t xml:space="preserve"> 2012-09-13</t>
  </si>
  <si>
    <t xml:space="preserve"> 2012-09-14</t>
  </si>
  <si>
    <t xml:space="preserve"> 2012-09-17</t>
  </si>
  <si>
    <t xml:space="preserve"> 2012-09-18</t>
  </si>
  <si>
    <t xml:space="preserve"> 2012-09-19</t>
  </si>
  <si>
    <t xml:space="preserve"> 2012-09-20</t>
  </si>
  <si>
    <t xml:space="preserve"> 2012-09-21</t>
  </si>
  <si>
    <t xml:space="preserve"> 2012-09-24</t>
  </si>
  <si>
    <t xml:space="preserve"> 2012-09-25</t>
  </si>
  <si>
    <t xml:space="preserve"> 2012-09-26</t>
  </si>
  <si>
    <t xml:space="preserve"> 2012-09-27</t>
  </si>
  <si>
    <t xml:space="preserve"> 2012-09-28</t>
  </si>
  <si>
    <t xml:space="preserve"> 2012-10-08</t>
  </si>
  <si>
    <t xml:space="preserve"> 2012-10-09</t>
  </si>
  <si>
    <t xml:space="preserve"> 2012-10-10</t>
  </si>
  <si>
    <t xml:space="preserve"> 2012-10-11</t>
  </si>
  <si>
    <t xml:space="preserve"> 2012-10-12</t>
  </si>
  <si>
    <t xml:space="preserve"> 2012-10-15</t>
  </si>
  <si>
    <t xml:space="preserve"> 2012-10-16</t>
  </si>
  <si>
    <t xml:space="preserve"> 2012-10-17</t>
  </si>
  <si>
    <t xml:space="preserve"> 2012-10-18</t>
  </si>
  <si>
    <t xml:space="preserve"> 2012-10-19</t>
  </si>
  <si>
    <t xml:space="preserve"> 2012-10-22</t>
  </si>
  <si>
    <t xml:space="preserve"> 2012-10-23</t>
  </si>
  <si>
    <t xml:space="preserve"> 2012-10-24</t>
  </si>
  <si>
    <t xml:space="preserve"> 2012-10-25</t>
  </si>
  <si>
    <t xml:space="preserve"> 2012-10-26</t>
  </si>
  <si>
    <t xml:space="preserve"> 2012-10-29</t>
  </si>
  <si>
    <t xml:space="preserve"> 2012-10-30</t>
  </si>
  <si>
    <t xml:space="preserve"> 2012-10-31</t>
  </si>
  <si>
    <t xml:space="preserve"> 2012-11-01</t>
  </si>
  <si>
    <t xml:space="preserve"> 2012-11-02</t>
  </si>
  <si>
    <t xml:space="preserve"> 2012-11-05</t>
  </si>
  <si>
    <t xml:space="preserve"> 2012-11-06</t>
  </si>
  <si>
    <t xml:space="preserve"> 2012-11-07</t>
  </si>
  <si>
    <t xml:space="preserve"> 2012-11-08</t>
  </si>
  <si>
    <t xml:space="preserve"> 2012-11-09</t>
  </si>
  <si>
    <t xml:space="preserve"> 2012-11-12</t>
  </si>
  <si>
    <t xml:space="preserve"> 2012-11-13</t>
  </si>
  <si>
    <t xml:space="preserve"> 2012-11-14</t>
  </si>
  <si>
    <t xml:space="preserve"> 2012-11-15</t>
  </si>
  <si>
    <t xml:space="preserve"> 2012-11-16</t>
  </si>
  <si>
    <t xml:space="preserve"> 2012-11-19</t>
  </si>
  <si>
    <t xml:space="preserve"> 2012-11-20</t>
  </si>
  <si>
    <t xml:space="preserve"> 2012-11-21</t>
  </si>
  <si>
    <t xml:space="preserve"> 2012-11-22</t>
  </si>
  <si>
    <t xml:space="preserve"> 2012-11-23</t>
  </si>
  <si>
    <t xml:space="preserve"> 2012-11-26</t>
  </si>
  <si>
    <t xml:space="preserve"> 2012-11-27</t>
  </si>
  <si>
    <t xml:space="preserve"> 2012-11-28</t>
  </si>
  <si>
    <t xml:space="preserve"> 2012-11-29</t>
  </si>
  <si>
    <t xml:space="preserve"> 2012-11-30</t>
  </si>
  <si>
    <t xml:space="preserve"> 2012-12-03</t>
  </si>
  <si>
    <t xml:space="preserve"> 2012-12-04</t>
  </si>
  <si>
    <t xml:space="preserve"> 2012-12-05</t>
  </si>
  <si>
    <t xml:space="preserve"> 2012-12-06</t>
  </si>
  <si>
    <t xml:space="preserve"> 2012-12-07</t>
  </si>
  <si>
    <t xml:space="preserve"> 2012-12-10</t>
  </si>
  <si>
    <t xml:space="preserve"> 2012-12-11</t>
  </si>
  <si>
    <t xml:space="preserve"> 2012-12-12</t>
  </si>
  <si>
    <t xml:space="preserve"> 2012-12-13</t>
  </si>
  <si>
    <t xml:space="preserve"> 2012-12-14</t>
  </si>
  <si>
    <t xml:space="preserve"> 2012-12-17</t>
  </si>
  <si>
    <t xml:space="preserve"> 2012-12-18</t>
  </si>
  <si>
    <t xml:space="preserve"> 2012-12-19</t>
  </si>
  <si>
    <t xml:space="preserve"> 2012-12-20</t>
  </si>
  <si>
    <t xml:space="preserve"> 2012-12-21</t>
  </si>
  <si>
    <t xml:space="preserve"> 2012-12-24</t>
  </si>
  <si>
    <t xml:space="preserve"> 2012-12-25</t>
  </si>
  <si>
    <t xml:space="preserve"> 2012-12-26</t>
  </si>
  <si>
    <t xml:space="preserve"> 2012-12-27</t>
  </si>
  <si>
    <t xml:space="preserve"> 2012-12-28</t>
  </si>
  <si>
    <t xml:space="preserve"> 2012-12-31</t>
  </si>
  <si>
    <t xml:space="preserve"> 2013-01-04</t>
  </si>
  <si>
    <t xml:space="preserve"> 2013-01-07</t>
  </si>
  <si>
    <t xml:space="preserve"> 2013-01-08</t>
  </si>
  <si>
    <t xml:space="preserve"> 2013-01-09</t>
  </si>
  <si>
    <t xml:space="preserve"> 2013-01-10</t>
  </si>
  <si>
    <t xml:space="preserve"> 2013-01-11</t>
  </si>
  <si>
    <t xml:space="preserve"> 2013-01-14</t>
  </si>
  <si>
    <t xml:space="preserve"> 2013-01-15</t>
  </si>
  <si>
    <t xml:space="preserve"> 2013-01-16</t>
  </si>
  <si>
    <t xml:space="preserve"> 2013-01-17</t>
  </si>
  <si>
    <t xml:space="preserve"> 2013-01-18</t>
  </si>
  <si>
    <t xml:space="preserve"> 2013-01-21</t>
  </si>
  <si>
    <t xml:space="preserve"> 2013-01-22</t>
  </si>
  <si>
    <t xml:space="preserve"> 2013-01-23</t>
  </si>
  <si>
    <t xml:space="preserve"> 2013-01-24</t>
  </si>
  <si>
    <t xml:space="preserve"> 2013-01-25</t>
  </si>
  <si>
    <t xml:space="preserve"> 2013-01-28</t>
  </si>
  <si>
    <t xml:space="preserve"> 2013-01-29</t>
  </si>
  <si>
    <t xml:space="preserve"> 2013-01-30</t>
  </si>
  <si>
    <t xml:space="preserve"> 2013-01-31</t>
  </si>
  <si>
    <t xml:space="preserve"> 2013-02-01</t>
  </si>
  <si>
    <t xml:space="preserve"> 2013-02-04</t>
  </si>
  <si>
    <t xml:space="preserve"> 2013-02-05</t>
  </si>
  <si>
    <t xml:space="preserve"> 2013-02-06</t>
  </si>
  <si>
    <t xml:space="preserve"> 2013-02-07</t>
  </si>
  <si>
    <t xml:space="preserve"> 2013-02-08</t>
  </si>
  <si>
    <t xml:space="preserve"> 2013-02-18</t>
  </si>
  <si>
    <t xml:space="preserve"> 2013-02-19</t>
  </si>
  <si>
    <t xml:space="preserve"> 2013-02-20</t>
  </si>
  <si>
    <t xml:space="preserve"> 2013-02-21</t>
  </si>
  <si>
    <t xml:space="preserve"> 2013-02-22</t>
  </si>
  <si>
    <t xml:space="preserve"> 2013-02-25</t>
  </si>
  <si>
    <t xml:space="preserve"> 2013-02-26</t>
  </si>
  <si>
    <t xml:space="preserve"> 2013-02-27</t>
  </si>
  <si>
    <t xml:space="preserve"> 2013-02-28</t>
  </si>
  <si>
    <t xml:space="preserve"> 2013-03-01</t>
  </si>
  <si>
    <t xml:space="preserve"> 2013-03-04</t>
  </si>
  <si>
    <t xml:space="preserve"> 2013-03-05</t>
  </si>
  <si>
    <t xml:space="preserve"> 2013-03-06</t>
  </si>
  <si>
    <t xml:space="preserve"> 2013-03-07</t>
  </si>
  <si>
    <t xml:space="preserve"> 2013-03-12</t>
  </si>
  <si>
    <t xml:space="preserve"> 2013-03-13</t>
  </si>
  <si>
    <t xml:space="preserve"> 2013-03-14</t>
  </si>
  <si>
    <t xml:space="preserve"> 2013-03-15</t>
  </si>
  <si>
    <t xml:space="preserve"> 2013-03-19</t>
  </si>
  <si>
    <t xml:space="preserve"> 2013-03-20</t>
  </si>
  <si>
    <t xml:space="preserve"> 2013-03-21</t>
  </si>
  <si>
    <t xml:space="preserve"> 2013-03-22</t>
  </si>
  <si>
    <t xml:space="preserve"> 2013-03-25</t>
  </si>
  <si>
    <t xml:space="preserve"> 2013-03-26</t>
  </si>
  <si>
    <t xml:space="preserve"> 2013-03-27</t>
  </si>
  <si>
    <t xml:space="preserve"> 2013-03-28</t>
  </si>
  <si>
    <t xml:space="preserve"> 2013-03-29</t>
  </si>
  <si>
    <t xml:space="preserve"> 2013-04-01</t>
  </si>
  <si>
    <t xml:space="preserve"> 2013-04-02</t>
  </si>
  <si>
    <t xml:space="preserve"> 2013-04-03</t>
  </si>
  <si>
    <t xml:space="preserve"> 2013-04-08</t>
  </si>
  <si>
    <t xml:space="preserve"> 2013-04-09</t>
  </si>
  <si>
    <t xml:space="preserve"> 2013-04-10</t>
  </si>
  <si>
    <t xml:space="preserve"> 2013-04-11</t>
  </si>
  <si>
    <t xml:space="preserve"> 2013-04-12</t>
  </si>
  <si>
    <t xml:space="preserve"> 2013-04-15</t>
  </si>
  <si>
    <t xml:space="preserve"> 2013-04-16</t>
  </si>
  <si>
    <t xml:space="preserve"> 2013-04-17</t>
  </si>
  <si>
    <t xml:space="preserve"> 2013-04-18</t>
  </si>
  <si>
    <t xml:space="preserve"> 2013-04-19</t>
  </si>
  <si>
    <t xml:space="preserve"> 2013-04-22</t>
  </si>
  <si>
    <t xml:space="preserve"> 2013-04-23</t>
  </si>
  <si>
    <t xml:space="preserve"> 2013-04-24</t>
  </si>
  <si>
    <t xml:space="preserve"> 2013-04-25</t>
  </si>
  <si>
    <t xml:space="preserve"> 2013-04-26</t>
  </si>
  <si>
    <t xml:space="preserve"> 2013-05-02</t>
  </si>
  <si>
    <t xml:space="preserve"> 2013-05-03</t>
  </si>
  <si>
    <t xml:space="preserve"> 2013-05-06</t>
  </si>
  <si>
    <t xml:space="preserve"> 2013-05-07</t>
  </si>
  <si>
    <t xml:space="preserve"> 2013-05-08</t>
  </si>
  <si>
    <t xml:space="preserve"> 2013-05-09</t>
  </si>
  <si>
    <t xml:space="preserve"> 2013-05-10</t>
  </si>
  <si>
    <t xml:space="preserve"> 2013-05-13</t>
  </si>
  <si>
    <t xml:space="preserve"> 2013-05-14</t>
  </si>
  <si>
    <t xml:space="preserve"> 2013-05-15</t>
  </si>
  <si>
    <t xml:space="preserve"> 2013-05-16</t>
  </si>
  <si>
    <t xml:space="preserve"> 2013-05-17</t>
  </si>
  <si>
    <t xml:space="preserve"> 2013-05-20</t>
  </si>
  <si>
    <t xml:space="preserve"> 2013-05-21</t>
  </si>
  <si>
    <t xml:space="preserve"> 2013-05-22</t>
  </si>
  <si>
    <t xml:space="preserve"> 2013-05-23</t>
  </si>
  <si>
    <t xml:space="preserve"> 2013-05-24</t>
  </si>
  <si>
    <t xml:space="preserve"> 2013-05-27</t>
  </si>
  <si>
    <t xml:space="preserve"> 2013-05-28</t>
  </si>
  <si>
    <t xml:space="preserve"> 2013-05-29</t>
  </si>
  <si>
    <t xml:space="preserve"> 2013-05-30</t>
  </si>
  <si>
    <t xml:space="preserve"> 2013-05-31</t>
  </si>
  <si>
    <t xml:space="preserve"> 2013-06-03</t>
  </si>
  <si>
    <t xml:space="preserve"> 2013-06-04</t>
  </si>
  <si>
    <t xml:space="preserve"> 2013-06-05</t>
  </si>
  <si>
    <t xml:space="preserve"> 2013-06-06</t>
  </si>
  <si>
    <t xml:space="preserve"> 2013-06-07</t>
  </si>
  <si>
    <t xml:space="preserve"> 2013-06-13</t>
  </si>
  <si>
    <t xml:space="preserve"> 2013-06-14</t>
  </si>
  <si>
    <t xml:space="preserve"> 2013-06-17</t>
  </si>
  <si>
    <t xml:space="preserve"> 2013-06-18</t>
  </si>
  <si>
    <t xml:space="preserve"> 2013-06-19</t>
  </si>
  <si>
    <t xml:space="preserve"> 2013-06-20</t>
  </si>
  <si>
    <t xml:space="preserve"> 2013-06-21</t>
  </si>
  <si>
    <t xml:space="preserve"> 2013-06-24</t>
  </si>
  <si>
    <t xml:space="preserve"> 2013-06-25</t>
  </si>
  <si>
    <t xml:space="preserve"> 2013-06-26</t>
  </si>
  <si>
    <t xml:space="preserve"> 2013-06-27</t>
  </si>
  <si>
    <t xml:space="preserve"> 2013-06-28</t>
  </si>
  <si>
    <t xml:space="preserve"> 2013-07-01</t>
  </si>
  <si>
    <t xml:space="preserve"> 2013-07-02</t>
  </si>
  <si>
    <t xml:space="preserve"> 2013-07-03</t>
  </si>
  <si>
    <t xml:space="preserve"> 2013-07-04</t>
  </si>
  <si>
    <t xml:space="preserve"> 2013-07-05</t>
  </si>
  <si>
    <t xml:space="preserve"> 2013-07-08</t>
  </si>
  <si>
    <t xml:space="preserve"> 2013-07-09</t>
  </si>
  <si>
    <t xml:space="preserve"> 2013-07-10</t>
  </si>
  <si>
    <t xml:space="preserve"> 2013-07-11</t>
  </si>
  <si>
    <t xml:space="preserve"> 2013-07-12</t>
  </si>
  <si>
    <t xml:space="preserve"> 2013-07-15</t>
  </si>
  <si>
    <t xml:space="preserve"> 2013-07-16</t>
  </si>
  <si>
    <t xml:space="preserve"> 2013-07-17</t>
  </si>
  <si>
    <t xml:space="preserve"> 2013-07-18</t>
  </si>
  <si>
    <t xml:space="preserve"> 2013-07-19</t>
  </si>
  <si>
    <t xml:space="preserve"> 2013-07-22</t>
  </si>
  <si>
    <t xml:space="preserve"> 2013-07-23</t>
  </si>
  <si>
    <t xml:space="preserve"> 2013-07-24</t>
  </si>
  <si>
    <t xml:space="preserve"> 2013-07-25</t>
  </si>
  <si>
    <t xml:space="preserve"> 2013-07-26</t>
  </si>
  <si>
    <t xml:space="preserve"> 2013-07-29</t>
  </si>
  <si>
    <t xml:space="preserve"> 2013-07-30</t>
  </si>
  <si>
    <t xml:space="preserve"> 2013-07-31</t>
  </si>
  <si>
    <t xml:space="preserve"> 2013-08-01</t>
  </si>
  <si>
    <t xml:space="preserve"> 2013-08-02</t>
  </si>
  <si>
    <t xml:space="preserve"> 2013-08-05</t>
  </si>
  <si>
    <t xml:space="preserve"> 2013-08-06</t>
  </si>
  <si>
    <t xml:space="preserve"> 2013-08-07</t>
  </si>
  <si>
    <t xml:space="preserve"> 2013-08-08</t>
  </si>
  <si>
    <t xml:space="preserve"> 2013-08-09</t>
  </si>
  <si>
    <t xml:space="preserve"> 2013-08-12</t>
  </si>
  <si>
    <t xml:space="preserve"> 2013-08-13</t>
  </si>
  <si>
    <t xml:space="preserve"> 2013-08-14</t>
  </si>
  <si>
    <t xml:space="preserve"> 2013-08-15</t>
  </si>
  <si>
    <t xml:space="preserve"> 2013-08-16</t>
  </si>
  <si>
    <t xml:space="preserve"> 2013-08-19</t>
  </si>
  <si>
    <t xml:space="preserve"> 2013-08-20</t>
  </si>
  <si>
    <t xml:space="preserve"> 2013-08-21</t>
  </si>
  <si>
    <t xml:space="preserve"> 2013-08-22</t>
  </si>
  <si>
    <t xml:space="preserve"> 2013-08-23</t>
  </si>
  <si>
    <t xml:space="preserve"> 2013-08-26</t>
  </si>
  <si>
    <t xml:space="preserve"> 2013-08-27</t>
  </si>
  <si>
    <t xml:space="preserve"> 2013-08-28</t>
  </si>
  <si>
    <t xml:space="preserve"> 2013-08-29</t>
  </si>
  <si>
    <t xml:space="preserve"> 2013-08-30</t>
  </si>
  <si>
    <t xml:space="preserve"> 2013-09-02</t>
  </si>
  <si>
    <t xml:space="preserve"> 2013-09-03</t>
  </si>
  <si>
    <t xml:space="preserve"> 2013-09-04</t>
  </si>
  <si>
    <t xml:space="preserve"> 2013-09-05</t>
  </si>
  <si>
    <t xml:space="preserve"> 2013-09-06</t>
  </si>
  <si>
    <t xml:space="preserve"> 2013-09-09</t>
  </si>
  <si>
    <t xml:space="preserve"> 2013-09-10</t>
  </si>
  <si>
    <t xml:space="preserve"> 2013-09-11</t>
  </si>
  <si>
    <t xml:space="preserve"> 2013-09-12</t>
  </si>
  <si>
    <t xml:space="preserve"> 2013-09-13</t>
  </si>
  <si>
    <t xml:space="preserve"> 2013-09-16</t>
  </si>
  <si>
    <t xml:space="preserve"> 2013-09-17</t>
  </si>
  <si>
    <t xml:space="preserve"> 2013-09-18</t>
  </si>
  <si>
    <t xml:space="preserve"> 2013-09-23</t>
  </si>
  <si>
    <t xml:space="preserve"> 2013-09-24</t>
  </si>
  <si>
    <t xml:space="preserve"> 2013-09-25</t>
  </si>
  <si>
    <t xml:space="preserve"> 2013-09-26</t>
  </si>
  <si>
    <t xml:space="preserve"> 2013-09-27</t>
  </si>
  <si>
    <t xml:space="preserve"> 2013-09-30</t>
  </si>
  <si>
    <t xml:space="preserve"> 2013-10-08</t>
  </si>
  <si>
    <t xml:space="preserve"> 2013-10-09</t>
  </si>
  <si>
    <t xml:space="preserve"> 2013-10-10</t>
  </si>
  <si>
    <t xml:space="preserve"> 2013-10-11</t>
  </si>
  <si>
    <t xml:space="preserve"> 2013-10-14</t>
  </si>
  <si>
    <t xml:space="preserve"> 2013-10-15</t>
  </si>
  <si>
    <t xml:space="preserve"> 2013-10-16</t>
  </si>
  <si>
    <t xml:space="preserve"> 2013-10-17</t>
  </si>
  <si>
    <t xml:space="preserve"> 2013-10-18</t>
  </si>
  <si>
    <t xml:space="preserve"> 2013-10-21</t>
  </si>
  <si>
    <t xml:space="preserve"> 2013-10-22</t>
  </si>
  <si>
    <t xml:space="preserve"> 2013-10-23</t>
  </si>
  <si>
    <t xml:space="preserve"> 2013-10-24</t>
  </si>
  <si>
    <t xml:space="preserve"> 2013-10-28</t>
  </si>
  <si>
    <t xml:space="preserve"> 2013-10-29</t>
  </si>
  <si>
    <t xml:space="preserve"> 2013-10-30</t>
  </si>
  <si>
    <t xml:space="preserve"> 2013-10-31</t>
  </si>
  <si>
    <t xml:space="preserve"> 2013-11-04</t>
  </si>
  <si>
    <t xml:space="preserve"> 2013-11-05</t>
  </si>
  <si>
    <t xml:space="preserve"> 2013-11-06</t>
  </si>
  <si>
    <t xml:space="preserve"> 2013-11-07</t>
  </si>
  <si>
    <t xml:space="preserve"> 2013-11-08</t>
  </si>
  <si>
    <t xml:space="preserve"> 2013-11-11</t>
  </si>
  <si>
    <t xml:space="preserve"> 2013-11-12</t>
  </si>
  <si>
    <t xml:space="preserve"> 2013-11-13</t>
  </si>
  <si>
    <t xml:space="preserve"> 2013-11-14</t>
  </si>
  <si>
    <t xml:space="preserve"> 2013-11-15</t>
  </si>
  <si>
    <t xml:space="preserve"> 2013-11-18</t>
  </si>
  <si>
    <t xml:space="preserve"> 2013-11-19</t>
  </si>
  <si>
    <t xml:space="preserve"> 2013-11-20</t>
  </si>
  <si>
    <t xml:space="preserve"> 2013-11-21</t>
  </si>
  <si>
    <t xml:space="preserve"> 2013-11-22</t>
  </si>
  <si>
    <t xml:space="preserve"> 2013-11-25</t>
  </si>
  <si>
    <t xml:space="preserve"> 2013-11-26</t>
  </si>
  <si>
    <t xml:space="preserve"> 2013-11-27</t>
  </si>
  <si>
    <t xml:space="preserve"> 2013-11-28</t>
  </si>
  <si>
    <t xml:space="preserve"> 2013-11-29</t>
  </si>
  <si>
    <t xml:space="preserve"> 2013-12-02</t>
  </si>
  <si>
    <t xml:space="preserve"> 2013-12-03</t>
  </si>
  <si>
    <t xml:space="preserve"> 2013-12-04</t>
  </si>
  <si>
    <t xml:space="preserve"> 2013-12-05</t>
  </si>
  <si>
    <t xml:space="preserve"> 2013-12-06</t>
  </si>
  <si>
    <t xml:space="preserve"> 2013-12-09</t>
  </si>
  <si>
    <t xml:space="preserve"> 2013-12-10</t>
  </si>
  <si>
    <t xml:space="preserve"> 2013-12-11</t>
  </si>
  <si>
    <t xml:space="preserve"> 2013-12-12</t>
  </si>
  <si>
    <t xml:space="preserve"> 2013-12-13</t>
  </si>
  <si>
    <t xml:space="preserve"> 2013-12-16</t>
  </si>
  <si>
    <t xml:space="preserve"> 2013-12-17</t>
  </si>
  <si>
    <t xml:space="preserve"> 2013-12-18</t>
  </si>
  <si>
    <t xml:space="preserve"> 2013-12-19</t>
  </si>
  <si>
    <t xml:space="preserve"> 2013-12-20</t>
  </si>
  <si>
    <t xml:space="preserve"> 2013-12-23</t>
  </si>
  <si>
    <t xml:space="preserve"> 2013-12-24</t>
  </si>
  <si>
    <t xml:space="preserve"> 2013-12-25</t>
  </si>
  <si>
    <t xml:space="preserve"> 2013-12-26</t>
  </si>
  <si>
    <t xml:space="preserve"> 2013-12-27</t>
  </si>
  <si>
    <t xml:space="preserve"> 2013-12-30</t>
  </si>
  <si>
    <t xml:space="preserve"> 2013-12-31</t>
  </si>
  <si>
    <t xml:space="preserve"> 2014-01-02</t>
  </si>
  <si>
    <t xml:space="preserve"> 2014-01-03</t>
  </si>
  <si>
    <t xml:space="preserve"> 2014-01-06</t>
  </si>
  <si>
    <t xml:space="preserve"> 2014-01-07</t>
  </si>
  <si>
    <t xml:space="preserve"> 2014-01-08</t>
  </si>
  <si>
    <t xml:space="preserve"> 2014-01-09</t>
  </si>
  <si>
    <t xml:space="preserve"> 2014-01-10</t>
  </si>
  <si>
    <t xml:space="preserve"> 2014-01-13</t>
  </si>
  <si>
    <t xml:space="preserve"> 2014-01-14</t>
  </si>
  <si>
    <t xml:space="preserve"> 2014-01-15</t>
  </si>
  <si>
    <t xml:space="preserve"> 2014-01-16</t>
  </si>
  <si>
    <t xml:space="preserve"> 2014-01-17</t>
  </si>
  <si>
    <t xml:space="preserve"> 2014-01-20</t>
  </si>
  <si>
    <t xml:space="preserve"> 2014-01-21</t>
  </si>
  <si>
    <t xml:space="preserve"> 2014-01-22</t>
  </si>
  <si>
    <t xml:space="preserve"> 2014-01-23</t>
  </si>
  <si>
    <t xml:space="preserve"> 2014-01-24</t>
  </si>
  <si>
    <t xml:space="preserve"> 2014-01-27</t>
  </si>
  <si>
    <t xml:space="preserve"> 2014-01-28</t>
  </si>
  <si>
    <t xml:space="preserve"> 2014-01-29</t>
  </si>
  <si>
    <t xml:space="preserve"> 2014-01-30</t>
  </si>
  <si>
    <t xml:space="preserve"> 2014-02-07</t>
  </si>
  <si>
    <t xml:space="preserve"> 2014-02-10</t>
  </si>
  <si>
    <t xml:space="preserve"> 2014-02-11</t>
  </si>
  <si>
    <t xml:space="preserve"> 2014-02-12</t>
  </si>
  <si>
    <t xml:space="preserve"> 2014-02-13</t>
  </si>
  <si>
    <t xml:space="preserve"> 2014-02-17</t>
  </si>
  <si>
    <t xml:space="preserve"> 2014-02-18</t>
  </si>
  <si>
    <t xml:space="preserve"> 2014-02-19</t>
  </si>
  <si>
    <t xml:space="preserve"> 2014-02-20</t>
  </si>
  <si>
    <t xml:space="preserve"> 2014-02-21</t>
  </si>
  <si>
    <t xml:space="preserve"> 2014-02-24</t>
  </si>
  <si>
    <t xml:space="preserve"> 2014-02-25</t>
  </si>
  <si>
    <t xml:space="preserve"> 2014-02-26</t>
  </si>
  <si>
    <t xml:space="preserve"> 2014-02-27</t>
  </si>
  <si>
    <t xml:space="preserve"> 2014-02-28</t>
  </si>
  <si>
    <t xml:space="preserve"> 2014-03-03</t>
  </si>
  <si>
    <t xml:space="preserve"> 2014-03-04</t>
  </si>
  <si>
    <t xml:space="preserve"> 2014-03-05</t>
  </si>
  <si>
    <t xml:space="preserve"> 2014-03-06</t>
  </si>
  <si>
    <t xml:space="preserve"> 2014-03-07</t>
  </si>
  <si>
    <t xml:space="preserve"> 2014-03-10</t>
  </si>
  <si>
    <t xml:space="preserve"> 2014-03-11</t>
  </si>
  <si>
    <t xml:space="preserve"> 2014-03-12</t>
  </si>
  <si>
    <t xml:space="preserve"> 2014-03-13</t>
  </si>
  <si>
    <t xml:space="preserve"> 2014-03-14</t>
  </si>
  <si>
    <t xml:space="preserve"> 2014-03-17</t>
  </si>
  <si>
    <t xml:space="preserve"> 2014-03-18</t>
  </si>
  <si>
    <t xml:space="preserve"> 2014-03-19</t>
  </si>
  <si>
    <t xml:space="preserve"> 2014-03-20</t>
  </si>
  <si>
    <t xml:space="preserve"> 2014-03-21</t>
  </si>
  <si>
    <t xml:space="preserve"> 2014-03-25</t>
  </si>
  <si>
    <t xml:space="preserve"> 2014-03-26</t>
  </si>
  <si>
    <t xml:space="preserve"> 2014-03-27</t>
  </si>
  <si>
    <t xml:space="preserve"> 2014-03-28</t>
  </si>
  <si>
    <t xml:space="preserve"> 2014-03-31</t>
  </si>
  <si>
    <t xml:space="preserve"> 2014-04-01</t>
  </si>
  <si>
    <t xml:space="preserve"> 2014-04-02</t>
  </si>
  <si>
    <t xml:space="preserve"> 2014-04-03</t>
  </si>
  <si>
    <t xml:space="preserve"> 2014-04-04</t>
  </si>
  <si>
    <t xml:space="preserve"> 2014-04-08</t>
  </si>
  <si>
    <t xml:space="preserve"> 2014-04-09</t>
  </si>
  <si>
    <t xml:space="preserve"> 2014-04-10</t>
  </si>
  <si>
    <t xml:space="preserve"> 2014-04-11</t>
  </si>
  <si>
    <t xml:space="preserve"> 2014-04-14</t>
  </si>
  <si>
    <t xml:space="preserve"> 2014-04-15</t>
  </si>
  <si>
    <t xml:space="preserve"> 2014-04-16</t>
  </si>
  <si>
    <t xml:space="preserve"> 2014-04-17</t>
  </si>
  <si>
    <t xml:space="preserve"> 2014-04-18</t>
  </si>
  <si>
    <t xml:space="preserve"> 2014-04-21</t>
  </si>
  <si>
    <t xml:space="preserve"> 2014-04-22</t>
  </si>
  <si>
    <t xml:space="preserve"> 2014-04-23</t>
  </si>
  <si>
    <t xml:space="preserve"> 2014-04-24</t>
  </si>
  <si>
    <t xml:space="preserve"> 2014-04-25</t>
  </si>
  <si>
    <t xml:space="preserve"> 2014-04-28</t>
  </si>
  <si>
    <t xml:space="preserve"> 2014-04-29</t>
  </si>
  <si>
    <t xml:space="preserve"> 2014-04-30</t>
  </si>
  <si>
    <t xml:space="preserve"> 2014-05-05</t>
  </si>
  <si>
    <t xml:space="preserve"> 2014-05-06</t>
  </si>
  <si>
    <t xml:space="preserve"> 2014-05-07</t>
  </si>
  <si>
    <t xml:space="preserve"> 2014-05-08</t>
  </si>
  <si>
    <t xml:space="preserve"> 2014-05-09</t>
  </si>
  <si>
    <t xml:space="preserve"> 2014-05-12</t>
  </si>
  <si>
    <t xml:space="preserve"> 2014-05-13</t>
  </si>
  <si>
    <t xml:space="preserve"> 2014-05-14</t>
  </si>
  <si>
    <t xml:space="preserve"> 2014-05-15</t>
  </si>
  <si>
    <t xml:space="preserve"> 2014-05-16</t>
  </si>
  <si>
    <t xml:space="preserve"> 2014-05-19</t>
  </si>
  <si>
    <t xml:space="preserve"> 2014-05-20</t>
  </si>
  <si>
    <t xml:space="preserve"> 2014-05-21</t>
  </si>
  <si>
    <t xml:space="preserve"> 2014-05-22</t>
  </si>
  <si>
    <t xml:space="preserve"> 2014-05-23</t>
  </si>
  <si>
    <t xml:space="preserve"> 2014-05-26</t>
  </si>
  <si>
    <t xml:space="preserve"> 2014-05-27</t>
  </si>
  <si>
    <t xml:space="preserve"> 2014-05-28</t>
  </si>
  <si>
    <t xml:space="preserve"> 2014-05-29</t>
  </si>
  <si>
    <t xml:space="preserve"> 2014-05-30</t>
  </si>
  <si>
    <t xml:space="preserve"> 2014-06-03</t>
  </si>
  <si>
    <t xml:space="preserve"> 2014-06-04</t>
  </si>
  <si>
    <t xml:space="preserve"> 2014-06-05</t>
  </si>
  <si>
    <t xml:space="preserve"> 2014-06-06</t>
  </si>
  <si>
    <t xml:space="preserve"> 2014-06-09</t>
  </si>
  <si>
    <t xml:space="preserve"> 2014-06-10</t>
  </si>
  <si>
    <t xml:space="preserve"> 2014-06-11</t>
  </si>
  <si>
    <t xml:space="preserve"> 2014-06-12</t>
  </si>
  <si>
    <t xml:space="preserve"> 2014-06-13</t>
  </si>
  <si>
    <t xml:space="preserve"> 2014-06-16</t>
  </si>
  <si>
    <t xml:space="preserve"> 2014-06-17</t>
  </si>
  <si>
    <t xml:space="preserve"> 2014-06-18</t>
  </si>
  <si>
    <t xml:space="preserve"> 2014-06-19</t>
  </si>
  <si>
    <t xml:space="preserve"> 2014-06-20</t>
  </si>
  <si>
    <t xml:space="preserve"> 2014-06-23</t>
  </si>
  <si>
    <t xml:space="preserve"> 2014-06-24</t>
  </si>
  <si>
    <t xml:space="preserve"> 2014-06-25</t>
  </si>
  <si>
    <t xml:space="preserve"> 2014-06-26</t>
  </si>
  <si>
    <t xml:space="preserve"> 2014-06-27</t>
  </si>
  <si>
    <t xml:space="preserve"> 2014-06-30</t>
  </si>
  <si>
    <t xml:space="preserve"> 2014-07-01</t>
  </si>
  <si>
    <t xml:space="preserve"> 2014-07-02</t>
  </si>
  <si>
    <t xml:space="preserve"> 2014-07-03</t>
  </si>
  <si>
    <t xml:space="preserve"> 2014-07-04</t>
  </si>
  <si>
    <t xml:space="preserve"> 2014-07-07</t>
  </si>
  <si>
    <t xml:space="preserve"> 2014-07-08</t>
  </si>
  <si>
    <t xml:space="preserve"> 2014-07-09</t>
  </si>
  <si>
    <t xml:space="preserve"> 2014-07-10</t>
  </si>
  <si>
    <t xml:space="preserve"> 2014-07-11</t>
  </si>
  <si>
    <t xml:space="preserve"> 2014-07-14</t>
  </si>
  <si>
    <t xml:space="preserve"> 2014-07-15</t>
  </si>
  <si>
    <t xml:space="preserve"> 2014-07-16</t>
  </si>
  <si>
    <t xml:space="preserve"> 2014-07-17</t>
  </si>
  <si>
    <t xml:space="preserve"> 2014-07-18</t>
  </si>
  <si>
    <t xml:space="preserve"> 2014-07-21</t>
  </si>
  <si>
    <t xml:space="preserve"> 2014-07-22</t>
  </si>
  <si>
    <t xml:space="preserve"> 2014-07-23</t>
  </si>
  <si>
    <t xml:space="preserve"> 2014-07-24</t>
  </si>
  <si>
    <t xml:space="preserve"> 2014-07-25</t>
  </si>
  <si>
    <t xml:space="preserve"> 2014-07-28</t>
  </si>
  <si>
    <t xml:space="preserve"> 2014-07-29</t>
  </si>
  <si>
    <t xml:space="preserve"> 2014-07-30</t>
  </si>
  <si>
    <t xml:space="preserve"> 2014-07-31</t>
  </si>
  <si>
    <t xml:space="preserve"> 2014-08-01</t>
  </si>
  <si>
    <t xml:space="preserve"> 2014-08-04</t>
  </si>
  <si>
    <t xml:space="preserve"> 2014-08-05</t>
  </si>
  <si>
    <t xml:space="preserve"> 2014-08-06</t>
  </si>
  <si>
    <t xml:space="preserve"> 2014-08-07</t>
  </si>
  <si>
    <t xml:space="preserve"> 2014-08-08</t>
  </si>
  <si>
    <t xml:space="preserve"> 2014-08-11</t>
  </si>
  <si>
    <t xml:space="preserve"> 2014-08-12</t>
  </si>
  <si>
    <t xml:space="preserve"> 2014-08-13</t>
  </si>
  <si>
    <t xml:space="preserve"> 2014-08-14</t>
  </si>
  <si>
    <t xml:space="preserve"> 2014-08-15</t>
  </si>
  <si>
    <t xml:space="preserve"> 2014-08-18</t>
  </si>
  <si>
    <t xml:space="preserve"> 2014-08-19</t>
  </si>
  <si>
    <t xml:space="preserve"> 2014-08-20</t>
  </si>
  <si>
    <t xml:space="preserve"> 2014-08-21</t>
  </si>
  <si>
    <t xml:space="preserve"> 2014-08-22</t>
  </si>
  <si>
    <t xml:space="preserve"> 2014-08-25</t>
  </si>
  <si>
    <t xml:space="preserve"> 2014-08-26</t>
  </si>
  <si>
    <t xml:space="preserve"> 2014-08-27</t>
  </si>
  <si>
    <t xml:space="preserve"> 2014-08-28</t>
  </si>
  <si>
    <t xml:space="preserve"> 2014-08-29</t>
  </si>
  <si>
    <t xml:space="preserve"> 2014-09-01</t>
  </si>
  <si>
    <t xml:space="preserve"> 2014-09-02</t>
  </si>
  <si>
    <t xml:space="preserve"> 2014-09-03</t>
  </si>
  <si>
    <t xml:space="preserve"> 2014-09-04</t>
  </si>
  <si>
    <t xml:space="preserve"> 2014-09-05</t>
  </si>
  <si>
    <t xml:space="preserve"> 2014-09-09</t>
  </si>
  <si>
    <t xml:space="preserve"> 2014-09-10</t>
  </si>
  <si>
    <t xml:space="preserve"> 2014-09-11</t>
  </si>
  <si>
    <t xml:space="preserve"> 2014-09-12</t>
  </si>
  <si>
    <t xml:space="preserve"> 2014-09-15</t>
  </si>
  <si>
    <t xml:space="preserve"> 2014-09-16</t>
  </si>
  <si>
    <t xml:space="preserve"> 2014-09-17</t>
  </si>
  <si>
    <t xml:space="preserve"> 2014-09-18</t>
  </si>
  <si>
    <t xml:space="preserve"> 2014-09-19</t>
  </si>
  <si>
    <t xml:space="preserve"> 2014-09-22</t>
  </si>
  <si>
    <t xml:space="preserve"> 2014-09-23</t>
  </si>
  <si>
    <t xml:space="preserve"> 2014-09-24</t>
  </si>
  <si>
    <t xml:space="preserve"> 2014-09-25</t>
  </si>
  <si>
    <t xml:space="preserve"> 2014-09-26</t>
  </si>
  <si>
    <t xml:space="preserve"> 2014-09-29</t>
  </si>
  <si>
    <t xml:space="preserve"> 2014-09-30</t>
  </si>
  <si>
    <t xml:space="preserve"> 2014-10-08</t>
  </si>
  <si>
    <t xml:space="preserve"> 2014-10-09</t>
  </si>
  <si>
    <t xml:space="preserve"> 2014-10-10</t>
  </si>
  <si>
    <t xml:space="preserve"> 2014-10-13</t>
  </si>
  <si>
    <t xml:space="preserve"> 2014-10-14</t>
  </si>
  <si>
    <t xml:space="preserve"> 2014-10-15</t>
  </si>
  <si>
    <t xml:space="preserve"> 2014-10-16</t>
  </si>
  <si>
    <t xml:space="preserve"> 2014-10-20</t>
  </si>
  <si>
    <t xml:space="preserve"> 2014-10-21</t>
  </si>
  <si>
    <t xml:space="preserve"> 2014-10-22</t>
  </si>
  <si>
    <t xml:space="preserve"> 2014-10-23</t>
  </si>
  <si>
    <t xml:space="preserve"> 2014-10-24</t>
  </si>
  <si>
    <t xml:space="preserve"> 2014-10-27</t>
  </si>
  <si>
    <t xml:space="preserve"> 2014-10-28</t>
  </si>
  <si>
    <t xml:space="preserve"> 2014-10-29</t>
  </si>
  <si>
    <t xml:space="preserve"> 2014-10-30</t>
  </si>
  <si>
    <t xml:space="preserve"> 2014-10-31</t>
  </si>
  <si>
    <t xml:space="preserve"> 2014-11-03</t>
  </si>
  <si>
    <t xml:space="preserve"> 2014-11-04</t>
  </si>
  <si>
    <t xml:space="preserve"> 2014-11-05</t>
  </si>
  <si>
    <t xml:space="preserve"> 2014-11-06</t>
  </si>
  <si>
    <t xml:space="preserve"> 2014-11-07</t>
  </si>
  <si>
    <t xml:space="preserve"> 2014-11-10</t>
  </si>
  <si>
    <t xml:space="preserve"> 2014-11-11</t>
  </si>
  <si>
    <t xml:space="preserve"> 2014-11-12</t>
  </si>
  <si>
    <t xml:space="preserve"> 2014-11-13</t>
  </si>
  <si>
    <t xml:space="preserve"> 2014-11-14</t>
  </si>
  <si>
    <t xml:space="preserve"> 2014-11-17</t>
  </si>
  <si>
    <t xml:space="preserve"> 2014-11-19</t>
  </si>
  <si>
    <t xml:space="preserve"> 2014-11-20</t>
  </si>
  <si>
    <t xml:space="preserve"> 2014-11-21</t>
  </si>
  <si>
    <t xml:space="preserve"> 2014-11-24</t>
  </si>
  <si>
    <t xml:space="preserve"> 2014-11-25</t>
  </si>
  <si>
    <t xml:space="preserve"> 2014-11-26</t>
  </si>
  <si>
    <t xml:space="preserve"> 2014-11-27</t>
  </si>
  <si>
    <t xml:space="preserve"> 2014-11-28</t>
  </si>
  <si>
    <t xml:space="preserve"> 2014-12-01</t>
  </si>
  <si>
    <t xml:space="preserve"> 2014-12-02</t>
  </si>
  <si>
    <t xml:space="preserve"> 2014-12-03</t>
  </si>
  <si>
    <t xml:space="preserve"> 2014-12-04</t>
  </si>
  <si>
    <t xml:space="preserve"> 2014-12-05</t>
  </si>
  <si>
    <t xml:space="preserve"> 2014-12-08</t>
  </si>
  <si>
    <t xml:space="preserve"> 2014-12-09</t>
  </si>
  <si>
    <t xml:space="preserve"> 2014-12-10</t>
  </si>
  <si>
    <t xml:space="preserve"> 2014-12-11</t>
  </si>
  <si>
    <t xml:space="preserve"> 2014-12-12</t>
  </si>
  <si>
    <t xml:space="preserve"> 2014-12-15</t>
  </si>
  <si>
    <t xml:space="preserve"> 2014-12-16</t>
  </si>
  <si>
    <t xml:space="preserve"> 2014-12-17</t>
  </si>
  <si>
    <t xml:space="preserve"> 2014-12-18</t>
  </si>
  <si>
    <t xml:space="preserve"> 2014-12-19</t>
  </si>
  <si>
    <t xml:space="preserve"> 2014-12-22</t>
  </si>
  <si>
    <t xml:space="preserve"> 2014-12-23</t>
  </si>
  <si>
    <t xml:space="preserve"> 2014-12-24</t>
  </si>
  <si>
    <t xml:space="preserve"> 2014-12-25</t>
  </si>
  <si>
    <t xml:space="preserve"> 2014-12-26</t>
  </si>
  <si>
    <t xml:space="preserve"> 2014-12-29</t>
  </si>
  <si>
    <t xml:space="preserve"> 2014-12-30</t>
  </si>
  <si>
    <t xml:space="preserve"> 2014-12-31</t>
  </si>
  <si>
    <t xml:space="preserve"> 2015-01-05</t>
  </si>
  <si>
    <t xml:space="preserve"> 2015-01-06</t>
  </si>
  <si>
    <t xml:space="preserve"> 2015-01-07</t>
  </si>
  <si>
    <t xml:space="preserve"> 2015-01-08</t>
  </si>
  <si>
    <t xml:space="preserve"> 2015-01-09</t>
  </si>
  <si>
    <t xml:space="preserve"> 2015-01-12</t>
  </si>
  <si>
    <t xml:space="preserve"> 2015-01-13</t>
  </si>
  <si>
    <t xml:space="preserve"> 2015-01-14</t>
  </si>
  <si>
    <t xml:space="preserve"> 2015-01-15</t>
  </si>
  <si>
    <t xml:space="preserve"> 2015-01-16</t>
  </si>
  <si>
    <t xml:space="preserve"> 2015-01-19</t>
  </si>
  <si>
    <t xml:space="preserve"> 2015-01-20</t>
  </si>
  <si>
    <t xml:space="preserve"> 2015-01-21</t>
  </si>
  <si>
    <t xml:space="preserve"> 2015-01-22</t>
  </si>
  <si>
    <t xml:space="preserve"> 2015-01-23</t>
  </si>
  <si>
    <t xml:space="preserve"> 2015-01-26</t>
  </si>
  <si>
    <t xml:space="preserve"> 2015-01-27</t>
  </si>
  <si>
    <t xml:space="preserve"> 2015-01-28</t>
  </si>
  <si>
    <t xml:space="preserve"> 2015-01-29</t>
  </si>
  <si>
    <t xml:space="preserve"> 2015-01-30</t>
  </si>
  <si>
    <t xml:space="preserve"> 2015-02-02</t>
  </si>
  <si>
    <t xml:space="preserve"> 2015-02-03</t>
  </si>
  <si>
    <t xml:space="preserve"> 2015-02-04</t>
  </si>
  <si>
    <t xml:space="preserve"> 2015-02-05</t>
  </si>
  <si>
    <t xml:space="preserve"> 2015-02-06</t>
  </si>
  <si>
    <t xml:space="preserve"> 2015-02-09</t>
  </si>
  <si>
    <t xml:space="preserve"> 2015-02-10</t>
  </si>
  <si>
    <t xml:space="preserve"> 2015-02-11</t>
  </si>
  <si>
    <t xml:space="preserve"> 2015-02-12</t>
  </si>
  <si>
    <t xml:space="preserve"> 2015-02-13</t>
  </si>
  <si>
    <t xml:space="preserve"> 2015-02-16</t>
  </si>
  <si>
    <t xml:space="preserve"> 2015-02-17</t>
  </si>
  <si>
    <t xml:space="preserve"> 2015-02-25</t>
  </si>
  <si>
    <t xml:space="preserve"> 2015-02-26</t>
  </si>
  <si>
    <t xml:space="preserve"> 2015-02-27</t>
  </si>
  <si>
    <t xml:space="preserve"> 2015-03-02</t>
  </si>
  <si>
    <t xml:space="preserve"> 2015-03-03</t>
  </si>
  <si>
    <t xml:space="preserve"> 2015-03-04</t>
  </si>
  <si>
    <t xml:space="preserve"> 2015-03-05</t>
  </si>
  <si>
    <t xml:space="preserve"> 2015-03-06</t>
  </si>
  <si>
    <t xml:space="preserve"> 2015-03-09</t>
  </si>
  <si>
    <t xml:space="preserve"> 2015-03-10</t>
  </si>
  <si>
    <t xml:space="preserve"> 2015-03-11</t>
  </si>
  <si>
    <t xml:space="preserve"> 2015-03-12</t>
  </si>
  <si>
    <t xml:space="preserve"> 2015-03-13</t>
  </si>
  <si>
    <t xml:space="preserve"> 2015-03-16</t>
  </si>
  <si>
    <t xml:space="preserve"> 2015-03-17</t>
  </si>
  <si>
    <t xml:space="preserve"> 2015-03-18</t>
  </si>
  <si>
    <t xml:space="preserve"> 2015-03-19</t>
  </si>
  <si>
    <t xml:space="preserve"> 2015-03-20</t>
  </si>
  <si>
    <t xml:space="preserve"> 2015-03-23</t>
  </si>
  <si>
    <t xml:space="preserve"> 2015-03-24</t>
  </si>
  <si>
    <t xml:space="preserve"> 2015-03-25</t>
  </si>
  <si>
    <t xml:space="preserve"> 2015-03-26</t>
  </si>
  <si>
    <t xml:space="preserve"> 2015-03-27</t>
  </si>
  <si>
    <t xml:space="preserve"> 2015-03-30</t>
  </si>
  <si>
    <t xml:space="preserve"> 2015-03-31</t>
  </si>
  <si>
    <t xml:space="preserve"> 2015-04-01</t>
  </si>
  <si>
    <t xml:space="preserve"> 2015-04-02</t>
  </si>
  <si>
    <t xml:space="preserve"> 2015-04-03</t>
  </si>
  <si>
    <t xml:space="preserve"> 2015-04-07</t>
  </si>
  <si>
    <t xml:space="preserve"> 2015-04-08</t>
  </si>
  <si>
    <t xml:space="preserve"> 2015-04-09</t>
  </si>
  <si>
    <t xml:space="preserve"> 2015-04-10</t>
  </si>
  <si>
    <t xml:space="preserve"> 2015-04-13</t>
  </si>
  <si>
    <t xml:space="preserve"> 2015-04-14</t>
  </si>
  <si>
    <t xml:space="preserve"> 2015-04-15</t>
  </si>
  <si>
    <t xml:space="preserve"> 2015-04-16</t>
  </si>
  <si>
    <t xml:space="preserve"> 2015-04-17</t>
  </si>
  <si>
    <t xml:space="preserve"> 2015-04-20</t>
  </si>
  <si>
    <t xml:space="preserve"> 2015-04-21</t>
  </si>
  <si>
    <t xml:space="preserve"> 2015-04-22</t>
  </si>
  <si>
    <t xml:space="preserve"> 2015-04-23</t>
  </si>
  <si>
    <t xml:space="preserve"> 2015-04-24</t>
  </si>
  <si>
    <t xml:space="preserve"> 2015-04-27</t>
  </si>
  <si>
    <t xml:space="preserve"> 2015-04-28</t>
  </si>
  <si>
    <t xml:space="preserve"> 2015-04-29</t>
  </si>
  <si>
    <t xml:space="preserve"> 2015-04-30</t>
  </si>
  <si>
    <t xml:space="preserve"> 2015-05-04</t>
  </si>
  <si>
    <t xml:space="preserve"> 2015-05-05</t>
  </si>
  <si>
    <t xml:space="preserve"> 2015-05-06</t>
  </si>
  <si>
    <t xml:space="preserve"> 2015-05-07</t>
  </si>
  <si>
    <t xml:space="preserve"> 2015-05-08</t>
  </si>
  <si>
    <t xml:space="preserve"> 2015-05-11</t>
  </si>
  <si>
    <t xml:space="preserve"> 2015-05-12</t>
  </si>
  <si>
    <t xml:space="preserve"> 2015-05-13</t>
  </si>
  <si>
    <t xml:space="preserve"> 2015-05-14</t>
  </si>
  <si>
    <t xml:space="preserve"> 2015-05-15</t>
  </si>
  <si>
    <t xml:space="preserve"> 2015-05-18</t>
  </si>
  <si>
    <t xml:space="preserve"> 2015-05-19</t>
  </si>
  <si>
    <t xml:space="preserve"> 2015-05-20</t>
  </si>
  <si>
    <t xml:space="preserve"> 2015-05-21</t>
  </si>
  <si>
    <t xml:space="preserve"> 2015-05-22</t>
  </si>
  <si>
    <t xml:space="preserve"> 2015-05-25</t>
  </si>
  <si>
    <t xml:space="preserve"> 2015-05-26</t>
  </si>
  <si>
    <t xml:space="preserve"> 2015-05-27</t>
  </si>
  <si>
    <t xml:space="preserve"> 2015-05-28</t>
  </si>
  <si>
    <t xml:space="preserve"> 2015-05-29</t>
  </si>
  <si>
    <t xml:space="preserve"> 2015-06-02</t>
  </si>
  <si>
    <t xml:space="preserve"> 2015-06-03</t>
  </si>
  <si>
    <t xml:space="preserve"> 2015-06-04</t>
  </si>
  <si>
    <t xml:space="preserve"> 2015-06-05</t>
  </si>
  <si>
    <t xml:space="preserve"> 2015-06-08</t>
  </si>
  <si>
    <t xml:space="preserve"> 2015-06-09</t>
  </si>
  <si>
    <t xml:space="preserve"> 2015-06-10</t>
  </si>
  <si>
    <t xml:space="preserve"> 2015-06-11</t>
  </si>
  <si>
    <t xml:space="preserve"> 2015-06-12</t>
  </si>
  <si>
    <t xml:space="preserve"> 2015-06-15</t>
  </si>
  <si>
    <t xml:space="preserve"> 2015-06-16</t>
  </si>
  <si>
    <t xml:space="preserve"> 2015-06-17</t>
  </si>
  <si>
    <t xml:space="preserve"> 2015-06-18</t>
  </si>
  <si>
    <t xml:space="preserve"> 2015-06-19</t>
  </si>
  <si>
    <t xml:space="preserve"> 2015-06-23</t>
  </si>
  <si>
    <t xml:space="preserve"> 2015-06-24</t>
  </si>
  <si>
    <t xml:space="preserve"> 2015-06-25</t>
  </si>
  <si>
    <t xml:space="preserve"> 2015-06-26</t>
  </si>
  <si>
    <t xml:space="preserve"> 2015-06-29</t>
  </si>
  <si>
    <t xml:space="preserve"> 2015-06-30</t>
  </si>
  <si>
    <t xml:space="preserve"> 2015-07-01</t>
  </si>
  <si>
    <t xml:space="preserve"> 2015-07-02</t>
  </si>
  <si>
    <t xml:space="preserve"> 2015-07-03</t>
  </si>
  <si>
    <t xml:space="preserve"> 2015-07-06</t>
  </si>
  <si>
    <t xml:space="preserve"> 2015-07-07</t>
  </si>
  <si>
    <t xml:space="preserve"> 2015-07-08</t>
  </si>
  <si>
    <t xml:space="preserve"> 2015-07-09</t>
  </si>
  <si>
    <t xml:space="preserve"> 2015-07-13</t>
  </si>
  <si>
    <t xml:space="preserve"> 2015-07-14</t>
  </si>
  <si>
    <t xml:space="preserve"> 2015-07-15</t>
  </si>
  <si>
    <t xml:space="preserve"> 2015-07-16</t>
  </si>
  <si>
    <t xml:space="preserve"> 2015-07-17</t>
  </si>
  <si>
    <t xml:space="preserve"> 2015-07-20</t>
  </si>
  <si>
    <t xml:space="preserve"> 2015-07-21</t>
  </si>
  <si>
    <t xml:space="preserve"> 2015-07-22</t>
  </si>
  <si>
    <t xml:space="preserve"> 2015-07-23</t>
  </si>
  <si>
    <t xml:space="preserve"> 2015-07-24</t>
  </si>
  <si>
    <t xml:space="preserve"> 2015-07-27</t>
  </si>
  <si>
    <t xml:space="preserve"> 2015-07-28</t>
  </si>
  <si>
    <t xml:space="preserve"> 2015-07-29</t>
  </si>
  <si>
    <t xml:space="preserve"> 2015-07-30</t>
  </si>
  <si>
    <t xml:space="preserve"> 2015-07-31</t>
  </si>
  <si>
    <t xml:space="preserve"> 2015-08-03</t>
  </si>
  <si>
    <t xml:space="preserve"> 2015-08-04</t>
  </si>
  <si>
    <t xml:space="preserve"> 2015-08-05</t>
  </si>
  <si>
    <t xml:space="preserve"> 2015-08-06</t>
  </si>
  <si>
    <t xml:space="preserve"> 2015-08-10</t>
  </si>
  <si>
    <t xml:space="preserve"> 2015-08-11</t>
  </si>
  <si>
    <t xml:space="preserve"> 2015-08-12</t>
  </si>
  <si>
    <t xml:space="preserve"> 2015-08-13</t>
  </si>
  <si>
    <t xml:space="preserve"> 2015-08-14</t>
  </si>
  <si>
    <t xml:space="preserve"> 2015-08-17</t>
  </si>
  <si>
    <t xml:space="preserve"> 2015-08-18</t>
  </si>
  <si>
    <t xml:space="preserve"> 2015-08-19</t>
  </si>
  <si>
    <t xml:space="preserve"> 2015-08-20</t>
  </si>
  <si>
    <t xml:space="preserve"> 2015-08-21</t>
  </si>
  <si>
    <t xml:space="preserve"> 2015-08-24</t>
  </si>
  <si>
    <t xml:space="preserve"> 2015-08-25</t>
  </si>
  <si>
    <t xml:space="preserve"> 2015-08-26</t>
  </si>
  <si>
    <t xml:space="preserve"> 2015-08-27</t>
  </si>
  <si>
    <t xml:space="preserve"> 2015-08-28</t>
  </si>
  <si>
    <t xml:space="preserve"> 2015-08-31</t>
  </si>
  <si>
    <t xml:space="preserve"> 2015-09-01</t>
  </si>
  <si>
    <t xml:space="preserve"> 2015-09-02</t>
  </si>
  <si>
    <t xml:space="preserve"> 2015-09-07</t>
  </si>
  <si>
    <t xml:space="preserve"> 2015-09-08</t>
  </si>
  <si>
    <t xml:space="preserve"> 2015-09-09</t>
  </si>
  <si>
    <t xml:space="preserve"> 2015-09-10</t>
  </si>
  <si>
    <t xml:space="preserve"> 2015-09-11</t>
  </si>
  <si>
    <t xml:space="preserve"> 2015-09-14</t>
  </si>
  <si>
    <t xml:space="preserve"> 2015-09-15</t>
  </si>
  <si>
    <t xml:space="preserve"> 2015-09-16</t>
  </si>
  <si>
    <t xml:space="preserve"> 2015-09-17</t>
  </si>
  <si>
    <t xml:space="preserve"> 2015-09-18</t>
  </si>
  <si>
    <t xml:space="preserve"> 2015-09-21</t>
  </si>
  <si>
    <t xml:space="preserve"> 2015-09-22</t>
  </si>
  <si>
    <t xml:space="preserve"> 2015-09-23</t>
  </si>
  <si>
    <t xml:space="preserve"> 2015-09-24</t>
  </si>
  <si>
    <t xml:space="preserve"> 2015-09-25</t>
  </si>
  <si>
    <t xml:space="preserve"> 2015-09-28</t>
  </si>
  <si>
    <t xml:space="preserve"> 2015-09-29</t>
  </si>
  <si>
    <t xml:space="preserve"> 2015-09-30</t>
  </si>
  <si>
    <t xml:space="preserve"> 2015-10-08</t>
  </si>
  <si>
    <t xml:space="preserve"> 2015-10-09</t>
  </si>
  <si>
    <t xml:space="preserve"> 2015-10-12</t>
  </si>
  <si>
    <t xml:space="preserve"> 2015-10-13</t>
  </si>
  <si>
    <t xml:space="preserve"> 2015-10-14</t>
  </si>
  <si>
    <t xml:space="preserve"> 2015-10-15</t>
  </si>
  <si>
    <t xml:space="preserve"> 2015-10-16</t>
  </si>
  <si>
    <t xml:space="preserve"> 2015-10-19</t>
  </si>
  <si>
    <t xml:space="preserve"> 2015-10-20</t>
  </si>
  <si>
    <t xml:space="preserve"> 2015-10-21</t>
  </si>
  <si>
    <t xml:space="preserve"> 2015-10-22</t>
  </si>
  <si>
    <t xml:space="preserve"> 2015-10-23</t>
  </si>
  <si>
    <t xml:space="preserve"> 2015-10-26</t>
  </si>
  <si>
    <t xml:space="preserve"> 2015-10-27</t>
  </si>
  <si>
    <t xml:space="preserve"> 2015-10-28</t>
  </si>
  <si>
    <t xml:space="preserve"> 2015-10-29</t>
  </si>
  <si>
    <t xml:space="preserve"> 2015-10-30</t>
  </si>
  <si>
    <t xml:space="preserve"> 2015-11-02</t>
  </si>
  <si>
    <t xml:space="preserve"> 2015-11-03</t>
  </si>
  <si>
    <t xml:space="preserve"> 2015-11-04</t>
  </si>
  <si>
    <t xml:space="preserve"> 2015-11-05</t>
  </si>
  <si>
    <t xml:space="preserve"> 2015-11-06</t>
  </si>
  <si>
    <t xml:space="preserve"> 2015-11-09</t>
  </si>
  <si>
    <t xml:space="preserve"> 2015-11-10</t>
  </si>
  <si>
    <t xml:space="preserve"> 2015-11-11</t>
  </si>
  <si>
    <t xml:space="preserve"> 2015-11-12</t>
  </si>
  <si>
    <t xml:space="preserve"> 2015-11-13</t>
  </si>
  <si>
    <t xml:space="preserve"> 2015-11-16</t>
  </si>
  <si>
    <t xml:space="preserve"> 2015-11-17</t>
  </si>
  <si>
    <t xml:space="preserve"> 2015-11-18</t>
  </si>
  <si>
    <t xml:space="preserve"> 2015-11-19</t>
  </si>
  <si>
    <t xml:space="preserve"> 2015-11-20</t>
  </si>
  <si>
    <t xml:space="preserve"> 2015-11-23</t>
  </si>
  <si>
    <t xml:space="preserve"> 2015-11-24</t>
  </si>
  <si>
    <t xml:space="preserve"> 2015-11-25</t>
  </si>
  <si>
    <t xml:space="preserve"> 2015-11-26</t>
  </si>
  <si>
    <t xml:space="preserve"> 2015-11-27</t>
  </si>
  <si>
    <t xml:space="preserve"> 2015-11-30</t>
  </si>
  <si>
    <t xml:space="preserve"> 2015-12-01</t>
  </si>
  <si>
    <t xml:space="preserve"> 2015-12-02</t>
  </si>
  <si>
    <t xml:space="preserve"> 2015-12-03</t>
  </si>
  <si>
    <t xml:space="preserve"> 2015-12-04</t>
  </si>
  <si>
    <t xml:space="preserve"> 2015-12-07</t>
  </si>
  <si>
    <t xml:space="preserve"> 2015-12-08</t>
  </si>
  <si>
    <t xml:space="preserve"> 2015-12-09</t>
  </si>
  <si>
    <t xml:space="preserve"> 2015-12-10</t>
  </si>
  <si>
    <t xml:space="preserve"> 2015-12-11</t>
  </si>
  <si>
    <t xml:space="preserve"> 2015-12-14</t>
  </si>
  <si>
    <t xml:space="preserve"> 2015-12-15</t>
  </si>
  <si>
    <t xml:space="preserve"> 2015-12-16</t>
  </si>
  <si>
    <t xml:space="preserve"> 2015-12-17</t>
  </si>
  <si>
    <t xml:space="preserve"> 2015-12-18</t>
  </si>
  <si>
    <t xml:space="preserve"> 2015-12-21</t>
  </si>
  <si>
    <t xml:space="preserve"> 2015-12-22</t>
  </si>
  <si>
    <t xml:space="preserve"> 2015-12-23</t>
  </si>
  <si>
    <t xml:space="preserve"> 2015-12-24</t>
  </si>
  <si>
    <t xml:space="preserve"> 2015-12-25</t>
  </si>
  <si>
    <t xml:space="preserve"> 2015-12-28</t>
  </si>
  <si>
    <t xml:space="preserve"> 2015-12-29</t>
  </si>
  <si>
    <t xml:space="preserve"> 2015-12-30</t>
  </si>
  <si>
    <t xml:space="preserve"> 2015-12-31</t>
  </si>
  <si>
    <t xml:space="preserve"> 2016-01-04</t>
  </si>
  <si>
    <t xml:space="preserve"> 2016-01-05</t>
  </si>
  <si>
    <t xml:space="preserve"> 2016-01-06</t>
  </si>
  <si>
    <t xml:space="preserve"> 2016-01-07</t>
  </si>
  <si>
    <t xml:space="preserve"> 2016-01-08</t>
  </si>
  <si>
    <t xml:space="preserve"> 2016-01-11</t>
  </si>
  <si>
    <t xml:space="preserve"> 2016-01-12</t>
  </si>
  <si>
    <t xml:space="preserve"> 2016-01-13</t>
  </si>
  <si>
    <t xml:space="preserve"> 2016-01-14</t>
  </si>
  <si>
    <t xml:space="preserve"> 2016-01-15</t>
  </si>
  <si>
    <t xml:space="preserve"> 2016-01-18</t>
  </si>
  <si>
    <t xml:space="preserve"> 2016-01-19</t>
  </si>
  <si>
    <t xml:space="preserve"> 2016-01-20</t>
  </si>
  <si>
    <t xml:space="preserve"> 2016-01-21</t>
  </si>
  <si>
    <t xml:space="preserve"> 2016-01-22</t>
  </si>
  <si>
    <t xml:space="preserve"> 2016-01-25</t>
  </si>
  <si>
    <t xml:space="preserve"> 2016-01-26</t>
  </si>
  <si>
    <t xml:space="preserve"> 2016-01-27</t>
  </si>
  <si>
    <t xml:space="preserve"> 2016-01-28</t>
  </si>
  <si>
    <t xml:space="preserve"> 2016-01-29</t>
  </si>
  <si>
    <t xml:space="preserve"> 2016-02-01</t>
  </si>
  <si>
    <t xml:space="preserve"> 2016-02-02</t>
  </si>
  <si>
    <t xml:space="preserve"> 2016-02-03</t>
  </si>
  <si>
    <t xml:space="preserve"> 2016-02-04</t>
  </si>
  <si>
    <t xml:space="preserve"> 2016-02-05</t>
  </si>
  <si>
    <t xml:space="preserve"> 2016-02-15</t>
  </si>
  <si>
    <t xml:space="preserve"> 2016-02-16</t>
  </si>
  <si>
    <t xml:space="preserve"> 2016-02-17</t>
  </si>
  <si>
    <t xml:space="preserve"> 2016-02-18</t>
  </si>
  <si>
    <t xml:space="preserve"> 2016-02-19</t>
  </si>
  <si>
    <t xml:space="preserve"> 2016-02-22</t>
  </si>
  <si>
    <t xml:space="preserve"> 2016-02-23</t>
  </si>
  <si>
    <t xml:space="preserve"> 2016-02-24</t>
  </si>
  <si>
    <t xml:space="preserve"> 2016-02-25</t>
  </si>
  <si>
    <t xml:space="preserve"> 2016-02-26</t>
  </si>
  <si>
    <t xml:space="preserve"> 2016-02-29</t>
  </si>
  <si>
    <t xml:space="preserve"> 2016-03-01</t>
  </si>
  <si>
    <t xml:space="preserve"> 2016-03-02</t>
  </si>
  <si>
    <t xml:space="preserve"> 2016-03-03</t>
  </si>
  <si>
    <t xml:space="preserve"> 2016-03-04</t>
  </si>
  <si>
    <t xml:space="preserve"> 2016-03-07</t>
  </si>
  <si>
    <t xml:space="preserve"> 2016-03-08</t>
  </si>
  <si>
    <t xml:space="preserve"> 2016-03-09</t>
  </si>
  <si>
    <t xml:space="preserve"> 2016-03-10</t>
  </si>
  <si>
    <t xml:space="preserve"> 2016-03-11</t>
  </si>
  <si>
    <t xml:space="preserve"> 2016-03-14</t>
  </si>
  <si>
    <t xml:space="preserve"> 2016-03-15</t>
  </si>
  <si>
    <t xml:space="preserve"> 2016-03-16</t>
  </si>
  <si>
    <t xml:space="preserve"> 2016-03-17</t>
  </si>
  <si>
    <t xml:space="preserve"> 2016-03-18</t>
  </si>
  <si>
    <t xml:space="preserve"> 2016-03-21</t>
  </si>
  <si>
    <t xml:space="preserve"> 2016-03-22</t>
  </si>
  <si>
    <t xml:space="preserve"> 2016-03-23</t>
  </si>
  <si>
    <t xml:space="preserve"> 2016-03-24</t>
  </si>
  <si>
    <t xml:space="preserve"> 2016-03-25</t>
  </si>
  <si>
    <t xml:space="preserve"> 2016-03-28</t>
  </si>
  <si>
    <t xml:space="preserve"> 2016-03-29</t>
  </si>
  <si>
    <t xml:space="preserve"> 2016-03-30</t>
  </si>
  <si>
    <t xml:space="preserve"> 2016-03-31</t>
  </si>
  <si>
    <t xml:space="preserve"> 2016-04-01</t>
  </si>
  <si>
    <t xml:space="preserve"> 2016-04-05</t>
  </si>
  <si>
    <t xml:space="preserve"> 2016-04-06</t>
  </si>
  <si>
    <t xml:space="preserve"> 2016-04-07</t>
  </si>
  <si>
    <t xml:space="preserve"> 2016-04-08</t>
  </si>
  <si>
    <t xml:space="preserve"> 2016-04-11</t>
  </si>
  <si>
    <t xml:space="preserve"> 2016-04-12</t>
  </si>
  <si>
    <t xml:space="preserve"> 2016-04-13</t>
  </si>
  <si>
    <t xml:space="preserve"> 2016-04-14</t>
  </si>
  <si>
    <t xml:space="preserve"> 2016-04-15</t>
  </si>
  <si>
    <t xml:space="preserve"> 2016-04-18</t>
  </si>
  <si>
    <t xml:space="preserve"> 2016-04-19</t>
  </si>
  <si>
    <t xml:space="preserve"> 2016-04-20</t>
  </si>
  <si>
    <t xml:space="preserve"> 2016-04-21</t>
  </si>
  <si>
    <t xml:space="preserve"> 2016-04-22</t>
  </si>
  <si>
    <t xml:space="preserve"> 2016-04-25</t>
  </si>
  <si>
    <t xml:space="preserve"> 2016-04-26</t>
  </si>
  <si>
    <t xml:space="preserve"> 2016-04-27</t>
  </si>
  <si>
    <t xml:space="preserve"> 2016-04-28</t>
  </si>
  <si>
    <t xml:space="preserve"> 2016-04-29</t>
  </si>
  <si>
    <t xml:space="preserve"> 2016-05-03</t>
  </si>
  <si>
    <t xml:space="preserve"> 2016-05-04</t>
  </si>
  <si>
    <t xml:space="preserve"> 2016-05-05</t>
  </si>
  <si>
    <t xml:space="preserve"> 2016-05-06</t>
  </si>
  <si>
    <t xml:space="preserve"> 2016-05-09</t>
  </si>
  <si>
    <t xml:space="preserve"> 2016-05-10</t>
  </si>
  <si>
    <t xml:space="preserve"> 2016-05-11</t>
  </si>
  <si>
    <t xml:space="preserve"> 2016-05-12</t>
  </si>
  <si>
    <t xml:space="preserve"> 2016-05-13</t>
  </si>
  <si>
    <t xml:space="preserve"> 2016-05-16</t>
  </si>
  <si>
    <t xml:space="preserve"> 2016-05-17</t>
  </si>
  <si>
    <t xml:space="preserve"> 2016-05-18</t>
  </si>
  <si>
    <t xml:space="preserve"> 2016-05-19</t>
  </si>
  <si>
    <t xml:space="preserve"> 2016-05-20</t>
  </si>
  <si>
    <t xml:space="preserve"> 2016-05-23</t>
  </si>
  <si>
    <t xml:space="preserve"> 2016-05-24</t>
  </si>
  <si>
    <t xml:space="preserve"> 2016-05-25</t>
  </si>
  <si>
    <t xml:space="preserve"> 2016-05-26</t>
  </si>
  <si>
    <t xml:space="preserve"> 2016-05-27</t>
  </si>
  <si>
    <t xml:space="preserve"> 2016-05-30</t>
  </si>
  <si>
    <t xml:space="preserve"> 2016-05-31</t>
  </si>
  <si>
    <t xml:space="preserve"> 2016-06-01</t>
  </si>
  <si>
    <t xml:space="preserve"> 2016-06-02</t>
  </si>
  <si>
    <t xml:space="preserve"> 2016-06-03</t>
  </si>
  <si>
    <t xml:space="preserve"> 2016-06-06</t>
  </si>
  <si>
    <t xml:space="preserve"> 2016-06-07</t>
  </si>
  <si>
    <t xml:space="preserve"> 2016-06-08</t>
  </si>
  <si>
    <t xml:space="preserve"> 2016-06-13</t>
  </si>
  <si>
    <t xml:space="preserve"> 2016-06-14</t>
  </si>
  <si>
    <t xml:space="preserve"> 2016-06-15</t>
  </si>
  <si>
    <t xml:space="preserve"> 2016-06-16</t>
  </si>
  <si>
    <t xml:space="preserve"> 2016-06-17</t>
  </si>
  <si>
    <t xml:space="preserve"> 2016-06-20</t>
  </si>
  <si>
    <t xml:space="preserve"> 2016-06-21</t>
  </si>
  <si>
    <t xml:space="preserve"> 2016-06-22</t>
  </si>
  <si>
    <t xml:space="preserve"> 2016-06-23</t>
  </si>
  <si>
    <t xml:space="preserve"> 2016-06-24</t>
  </si>
  <si>
    <t xml:space="preserve"> 2016-06-27</t>
  </si>
  <si>
    <t xml:space="preserve"> 2016-06-28</t>
  </si>
  <si>
    <t xml:space="preserve"> 2016-06-29</t>
  </si>
  <si>
    <t xml:space="preserve"> 2016-06-30</t>
  </si>
  <si>
    <t xml:space="preserve"> 2016-07-01</t>
  </si>
  <si>
    <t xml:space="preserve"> 2016-07-04</t>
  </si>
  <si>
    <t xml:space="preserve"> 2016-07-05</t>
  </si>
  <si>
    <t xml:space="preserve"> 2016-07-06</t>
  </si>
  <si>
    <t xml:space="preserve"> 2016-07-07</t>
  </si>
  <si>
    <t xml:space="preserve"> 2016-07-08</t>
  </si>
  <si>
    <t xml:space="preserve"> 2016-07-11</t>
  </si>
  <si>
    <t xml:space="preserve"> 2016-07-12</t>
  </si>
  <si>
    <t xml:space="preserve"> 2016-07-13</t>
  </si>
  <si>
    <t xml:space="preserve"> 2016-07-14</t>
  </si>
  <si>
    <t xml:space="preserve"> 2016-07-15</t>
  </si>
  <si>
    <t xml:space="preserve"> 2016-07-18</t>
  </si>
  <si>
    <t xml:space="preserve"> 2016-07-19</t>
  </si>
  <si>
    <t xml:space="preserve"> 2016-07-20</t>
  </si>
  <si>
    <t xml:space="preserve"> 2016-07-21</t>
  </si>
  <si>
    <t xml:space="preserve"> 2016-07-22</t>
  </si>
  <si>
    <t xml:space="preserve"> 2016-07-25</t>
  </si>
  <si>
    <t xml:space="preserve"> 2016-07-26</t>
  </si>
  <si>
    <t xml:space="preserve"> 2016-07-27</t>
  </si>
  <si>
    <t xml:space="preserve"> 2016-07-28</t>
  </si>
  <si>
    <t xml:space="preserve"> 2016-07-29</t>
  </si>
  <si>
    <t xml:space="preserve"> 2016-08-01</t>
  </si>
  <si>
    <t xml:space="preserve"> 2016-08-02</t>
  </si>
  <si>
    <t xml:space="preserve"> 2016-08-03</t>
  </si>
  <si>
    <t xml:space="preserve"> 2016-08-04</t>
  </si>
  <si>
    <t xml:space="preserve"> 2016-08-05</t>
  </si>
  <si>
    <t xml:space="preserve"> 2016-08-08</t>
  </si>
  <si>
    <t xml:space="preserve"> 2016-08-09</t>
  </si>
  <si>
    <t xml:space="preserve"> 2016-08-10</t>
  </si>
  <si>
    <t xml:space="preserve"> 2016-08-11</t>
  </si>
  <si>
    <t xml:space="preserve"> 2016-08-12</t>
  </si>
  <si>
    <t xml:space="preserve"> 2016-08-15</t>
  </si>
  <si>
    <t xml:space="preserve"> 2016-08-16</t>
  </si>
  <si>
    <t xml:space="preserve"> 2016-08-17</t>
  </si>
  <si>
    <t xml:space="preserve"> 2016-08-18</t>
  </si>
  <si>
    <t xml:space="preserve"> 2016-08-19</t>
  </si>
  <si>
    <t xml:space="preserve"> 2016-08-22</t>
  </si>
  <si>
    <t xml:space="preserve"> 2016-08-23</t>
  </si>
  <si>
    <t xml:space="preserve"> 2016-08-24</t>
  </si>
  <si>
    <t xml:space="preserve"> 2016-08-25</t>
  </si>
  <si>
    <t xml:space="preserve"> 2016-08-26</t>
  </si>
  <si>
    <t xml:space="preserve"> 2016-08-29</t>
  </si>
  <si>
    <t xml:space="preserve"> 2016-08-30</t>
  </si>
  <si>
    <t xml:space="preserve"> 2016-08-31</t>
  </si>
  <si>
    <t xml:space="preserve"> 2016-09-02</t>
  </si>
  <si>
    <t xml:space="preserve"> 2016-09-05</t>
  </si>
  <si>
    <t xml:space="preserve"> 2016-09-06</t>
  </si>
  <si>
    <t xml:space="preserve"> 2016-09-07</t>
  </si>
  <si>
    <t xml:space="preserve"> 2016-09-08</t>
  </si>
  <si>
    <t xml:space="preserve"> 2016-09-09</t>
  </si>
  <si>
    <t xml:space="preserve"> 2016-09-12</t>
  </si>
  <si>
    <t xml:space="preserve"> 2016-09-13</t>
  </si>
  <si>
    <t xml:space="preserve"> 2016-09-14</t>
  </si>
  <si>
    <t xml:space="preserve"> 2016-09-19</t>
  </si>
  <si>
    <t xml:space="preserve"> 2016-09-20</t>
  </si>
  <si>
    <t xml:space="preserve"> 2016-09-21</t>
  </si>
  <si>
    <t xml:space="preserve"> 2016-09-22</t>
  </si>
  <si>
    <t xml:space="preserve"> 2016-09-23</t>
  </si>
  <si>
    <t xml:space="preserve"> 2016-09-26</t>
  </si>
  <si>
    <t xml:space="preserve"> 2016-09-27</t>
  </si>
  <si>
    <t xml:space="preserve"> 2016-09-28</t>
  </si>
  <si>
    <t xml:space="preserve"> 2016-09-29</t>
  </si>
  <si>
    <t xml:space="preserve"> 2016-09-30</t>
  </si>
  <si>
    <t xml:space="preserve"> 2016-10-10</t>
  </si>
  <si>
    <t xml:space="preserve"> 2016-10-11</t>
  </si>
  <si>
    <t xml:space="preserve"> 2016-10-12</t>
  </si>
  <si>
    <t xml:space="preserve"> 2016-10-13</t>
  </si>
  <si>
    <t xml:space="preserve"> 2016-10-14</t>
  </si>
  <si>
    <t xml:space="preserve"> 2016-10-17</t>
  </si>
  <si>
    <t xml:space="preserve"> 2016-10-18</t>
  </si>
  <si>
    <t xml:space="preserve"> 2016-10-19</t>
  </si>
  <si>
    <t xml:space="preserve"> 2016-10-20</t>
  </si>
  <si>
    <t xml:space="preserve"> 2016-10-21</t>
  </si>
  <si>
    <t xml:space="preserve"> 2016-10-24</t>
  </si>
  <si>
    <t xml:space="preserve"> 2016-10-25</t>
  </si>
  <si>
    <t xml:space="preserve"> 2016-10-26</t>
  </si>
  <si>
    <t xml:space="preserve"> 2016-10-27</t>
  </si>
  <si>
    <t xml:space="preserve"> 2016-10-28</t>
  </si>
  <si>
    <t xml:space="preserve"> 2016-10-31</t>
  </si>
  <si>
    <t xml:space="preserve"> 2016-11-01</t>
  </si>
  <si>
    <t xml:space="preserve"> 2016-11-02</t>
  </si>
  <si>
    <t xml:space="preserve"> 2016-11-03</t>
  </si>
  <si>
    <t xml:space="preserve"> 2016-11-04</t>
  </si>
  <si>
    <t xml:space="preserve"> 2016-11-07</t>
  </si>
  <si>
    <t xml:space="preserve"> 2016-11-08</t>
  </si>
  <si>
    <t xml:space="preserve"> 2016-11-09</t>
  </si>
  <si>
    <t xml:space="preserve"> 2016-11-10</t>
  </si>
  <si>
    <t xml:space="preserve"> 2016-11-11</t>
  </si>
  <si>
    <t xml:space="preserve"> 2016-11-14</t>
  </si>
  <si>
    <t xml:space="preserve"> 2016-11-15</t>
  </si>
  <si>
    <t xml:space="preserve"> 2016-11-16</t>
  </si>
  <si>
    <t xml:space="preserve"> 2016-11-17</t>
  </si>
  <si>
    <t xml:space="preserve"> 2016-11-18</t>
  </si>
  <si>
    <t xml:space="preserve"> 2016-11-21</t>
  </si>
  <si>
    <t xml:space="preserve"> 2016-11-22</t>
  </si>
  <si>
    <t xml:space="preserve"> 2016-11-23</t>
  </si>
  <si>
    <t xml:space="preserve"> 2016-11-24</t>
  </si>
  <si>
    <t xml:space="preserve"> 2016-11-25</t>
  </si>
  <si>
    <t xml:space="preserve"> 2016-11-28</t>
  </si>
  <si>
    <t xml:space="preserve"> 2016-11-29</t>
  </si>
  <si>
    <t xml:space="preserve"> 2016-11-30</t>
  </si>
  <si>
    <t xml:space="preserve"> 2016-12-01</t>
  </si>
  <si>
    <t xml:space="preserve"> 2016-12-02</t>
  </si>
  <si>
    <t xml:space="preserve"> 2016-12-05</t>
  </si>
  <si>
    <t xml:space="preserve"> 2016-12-06</t>
  </si>
  <si>
    <t xml:space="preserve"> 2016-12-07</t>
  </si>
  <si>
    <t xml:space="preserve"> 2016-12-08</t>
  </si>
  <si>
    <t xml:space="preserve"> 2016-12-09</t>
  </si>
  <si>
    <t xml:space="preserve"> 2016-12-12</t>
  </si>
  <si>
    <t xml:space="preserve"> 2016-12-13</t>
  </si>
  <si>
    <t xml:space="preserve"> 2016-12-14</t>
  </si>
  <si>
    <t xml:space="preserve"> 2016-12-15</t>
  </si>
  <si>
    <t xml:space="preserve"> 2016-12-16</t>
  </si>
  <si>
    <t xml:space="preserve"> 2016-12-19</t>
  </si>
  <si>
    <t xml:space="preserve"> 2016-12-20</t>
  </si>
  <si>
    <t xml:space="preserve"> 2016-12-21</t>
  </si>
  <si>
    <t xml:space="preserve"> 2016-12-22</t>
  </si>
  <si>
    <t xml:space="preserve"> 2016-12-23</t>
  </si>
  <si>
    <t xml:space="preserve"> 2016-12-27</t>
  </si>
  <si>
    <t xml:space="preserve"> 2016-12-28</t>
  </si>
  <si>
    <t xml:space="preserve"> 2016-12-29</t>
  </si>
  <si>
    <t xml:space="preserve"> 2016-12-30</t>
  </si>
  <si>
    <t xml:space="preserve"> 2017-01-03</t>
  </si>
  <si>
    <t xml:space="preserve"> 2017-01-04</t>
  </si>
  <si>
    <t xml:space="preserve"> 2017-01-05</t>
  </si>
  <si>
    <t xml:space="preserve"> 2017-01-06</t>
  </si>
  <si>
    <t xml:space="preserve"> 2017-01-09</t>
  </si>
  <si>
    <t xml:space="preserve"> 2017-01-10</t>
  </si>
  <si>
    <t xml:space="preserve"> 2017-01-11</t>
  </si>
  <si>
    <t xml:space="preserve"> 2017-01-12</t>
  </si>
  <si>
    <t xml:space="preserve"> 2017-01-13</t>
  </si>
  <si>
    <t xml:space="preserve"> 2017-01-16</t>
  </si>
  <si>
    <t xml:space="preserve"> 2017-01-17</t>
  </si>
  <si>
    <t xml:space="preserve"> 2017-01-18</t>
  </si>
  <si>
    <t xml:space="preserve"> 2017-01-19</t>
  </si>
  <si>
    <t xml:space="preserve"> 2017-01-20</t>
  </si>
  <si>
    <t xml:space="preserve"> 2017-01-23</t>
  </si>
  <si>
    <t xml:space="preserve"> 2017-01-24</t>
  </si>
  <si>
    <t xml:space="preserve"> 2017-01-25</t>
  </si>
  <si>
    <t xml:space="preserve"> 2017-01-26</t>
  </si>
  <si>
    <t xml:space="preserve"> 2017-02-03</t>
  </si>
  <si>
    <t xml:space="preserve"> 2017-02-06</t>
  </si>
  <si>
    <t xml:space="preserve"> 2017-02-07</t>
  </si>
  <si>
    <t xml:space="preserve"> 2017-02-08</t>
  </si>
  <si>
    <t xml:space="preserve"> 2017-02-09</t>
  </si>
  <si>
    <t xml:space="preserve"> 2017-02-10</t>
  </si>
  <si>
    <t xml:space="preserve"> 2017-02-13</t>
  </si>
  <si>
    <t xml:space="preserve"> 2017-02-14</t>
  </si>
  <si>
    <t xml:space="preserve"> 2017-02-15</t>
  </si>
  <si>
    <t xml:space="preserve"> 2017-02-16</t>
  </si>
  <si>
    <t xml:space="preserve"> 2017-02-17</t>
  </si>
  <si>
    <t xml:space="preserve"> 2017-02-20</t>
  </si>
  <si>
    <t xml:space="preserve"> 2017-02-21</t>
  </si>
  <si>
    <t xml:space="preserve"> 2017-02-22</t>
  </si>
  <si>
    <t xml:space="preserve"> 2017-02-23</t>
  </si>
  <si>
    <t xml:space="preserve"> 2017-02-24</t>
  </si>
  <si>
    <t xml:space="preserve"> 2017-02-27</t>
  </si>
  <si>
    <t xml:space="preserve"> 2017-02-28</t>
  </si>
  <si>
    <t xml:space="preserve"> 2017-03-02</t>
  </si>
  <si>
    <t xml:space="preserve"> 2017-03-03</t>
  </si>
  <si>
    <t xml:space="preserve"> 2017-03-06</t>
  </si>
  <si>
    <t xml:space="preserve"> 2017-03-07</t>
  </si>
  <si>
    <t xml:space="preserve"> 2017-03-08</t>
  </si>
  <si>
    <t xml:space="preserve"> 2017-03-09</t>
  </si>
  <si>
    <t xml:space="preserve"> 2017-03-10</t>
  </si>
  <si>
    <t xml:space="preserve"> 2017-03-13</t>
  </si>
  <si>
    <t xml:space="preserve"> 2017-03-16</t>
  </si>
  <si>
    <t xml:space="preserve"> 2017-03-17</t>
  </si>
  <si>
    <t xml:space="preserve"> 2017-03-20</t>
  </si>
  <si>
    <t xml:space="preserve"> 2017-03-21</t>
  </si>
  <si>
    <t xml:space="preserve"> 2017-03-22</t>
  </si>
  <si>
    <t xml:space="preserve"> 2017-03-23</t>
  </si>
  <si>
    <t xml:space="preserve"> 2017-03-24</t>
  </si>
  <si>
    <t xml:space="preserve"> 2017-03-27</t>
  </si>
  <si>
    <t xml:space="preserve"> 2017-03-28</t>
  </si>
  <si>
    <t xml:space="preserve"> 2017-03-29</t>
  </si>
  <si>
    <t xml:space="preserve"> 2017-03-30</t>
  </si>
  <si>
    <t xml:space="preserve"> 2017-03-31</t>
  </si>
  <si>
    <t xml:space="preserve"> 2017-04-05</t>
  </si>
  <si>
    <t xml:space="preserve"> 2017-04-06</t>
  </si>
  <si>
    <t xml:space="preserve"> 2017-04-07</t>
  </si>
  <si>
    <t xml:space="preserve"> 2017-04-10</t>
  </si>
  <si>
    <t xml:space="preserve"> 2017-04-11</t>
  </si>
  <si>
    <t xml:space="preserve"> 2017-04-12</t>
  </si>
  <si>
    <t xml:space="preserve"> 2017-04-13</t>
  </si>
  <si>
    <t xml:space="preserve"> 2017-04-14</t>
  </si>
  <si>
    <t xml:space="preserve"> 2017-04-17</t>
  </si>
  <si>
    <t xml:space="preserve"> 2017-04-18</t>
  </si>
  <si>
    <t xml:space="preserve"> 2017-04-19</t>
  </si>
  <si>
    <t xml:space="preserve"> 2017-04-20</t>
  </si>
  <si>
    <t xml:space="preserve"> 2017-04-21</t>
  </si>
  <si>
    <t xml:space="preserve"> 2017-04-24</t>
  </si>
  <si>
    <t xml:space="preserve"> 2017-04-25</t>
  </si>
  <si>
    <t xml:space="preserve"> 2017-04-26</t>
  </si>
  <si>
    <t xml:space="preserve"> 2017-04-27</t>
  </si>
  <si>
    <t xml:space="preserve"> 2017-04-28</t>
  </si>
  <si>
    <t xml:space="preserve"> 2017-05-02</t>
  </si>
  <si>
    <t xml:space="preserve"> 2017-05-03</t>
  </si>
  <si>
    <t xml:space="preserve"> 2017-05-04</t>
  </si>
  <si>
    <t xml:space="preserve"> 2017-05-05</t>
  </si>
  <si>
    <t xml:space="preserve"> 2017-05-08</t>
  </si>
  <si>
    <t xml:space="preserve"> 2017-05-09</t>
  </si>
  <si>
    <t xml:space="preserve"> 2017-05-10</t>
  </si>
  <si>
    <t xml:space="preserve"> 2017-05-12</t>
  </si>
  <si>
    <t xml:space="preserve"> 2017-05-15</t>
  </si>
  <si>
    <t xml:space="preserve"> 2017-05-16</t>
  </si>
  <si>
    <t xml:space="preserve"> 2017-05-17</t>
  </si>
  <si>
    <t xml:space="preserve"> 2017-05-18</t>
  </si>
  <si>
    <t xml:space="preserve"> 2017-05-19</t>
  </si>
  <si>
    <t xml:space="preserve"> 2017-05-22</t>
  </si>
  <si>
    <t xml:space="preserve"> 2017-05-23</t>
  </si>
  <si>
    <t xml:space="preserve"> 2017-05-24</t>
  </si>
  <si>
    <t xml:space="preserve"> 2017-05-25</t>
  </si>
  <si>
    <t xml:space="preserve"> 2017-05-26</t>
  </si>
  <si>
    <t xml:space="preserve"> 2017-05-31</t>
  </si>
  <si>
    <t xml:space="preserve"> 2017-06-01</t>
  </si>
  <si>
    <t xml:space="preserve"> 2017-06-02</t>
  </si>
  <si>
    <t xml:space="preserve"> 2017-06-05</t>
  </si>
  <si>
    <t xml:space="preserve"> 2017-06-06</t>
  </si>
  <si>
    <t xml:space="preserve"> 2017-06-07</t>
  </si>
  <si>
    <t xml:space="preserve"> 2017-06-08</t>
  </si>
  <si>
    <t xml:space="preserve"> 2017-06-09</t>
  </si>
  <si>
    <t xml:space="preserve"> 2017-06-12</t>
  </si>
  <si>
    <t xml:space="preserve"> 2017-06-13</t>
  </si>
  <si>
    <t xml:space="preserve"> 2017-06-14</t>
  </si>
  <si>
    <t xml:space="preserve"> 2017-06-15</t>
  </si>
  <si>
    <t xml:space="preserve"> 2017-06-16</t>
  </si>
  <si>
    <t xml:space="preserve"> 2017-06-19</t>
  </si>
  <si>
    <t xml:space="preserve"> 2017-06-20</t>
  </si>
  <si>
    <t xml:space="preserve"> 2017-06-21</t>
  </si>
  <si>
    <t xml:space="preserve"> 2017-06-22</t>
  </si>
  <si>
    <t xml:space="preserve"> 2017-06-23</t>
  </si>
  <si>
    <t xml:space="preserve"> 2017-06-26</t>
  </si>
  <si>
    <t xml:space="preserve"> 2017-06-27</t>
  </si>
  <si>
    <t xml:space="preserve"> 2017-06-28</t>
  </si>
  <si>
    <t xml:space="preserve"> 2017-06-29</t>
  </si>
  <si>
    <t xml:space="preserve"> 2017-06-30</t>
  </si>
  <si>
    <t xml:space="preserve"> 2017-07-03</t>
  </si>
  <si>
    <t xml:space="preserve"> 2017-07-04</t>
  </si>
  <si>
    <t xml:space="preserve"> 2017-07-05</t>
  </si>
  <si>
    <t xml:space="preserve"> 2017-07-06</t>
  </si>
  <si>
    <t xml:space="preserve"> 2017-07-07</t>
  </si>
  <si>
    <t xml:space="preserve"> 2017-07-10</t>
  </si>
  <si>
    <t xml:space="preserve"> 2017-07-11</t>
  </si>
  <si>
    <t xml:space="preserve"> 2017-07-12</t>
  </si>
  <si>
    <t xml:space="preserve"> 2017-07-13</t>
  </si>
  <si>
    <t xml:space="preserve"> 2017-07-14</t>
  </si>
  <si>
    <t xml:space="preserve"> 2017-07-17</t>
  </si>
  <si>
    <t xml:space="preserve"> 2017-07-18</t>
  </si>
  <si>
    <t xml:space="preserve"> 2017-07-19</t>
  </si>
  <si>
    <t xml:space="preserve"> 2017-07-20</t>
  </si>
  <si>
    <t xml:space="preserve"> 2017-07-21</t>
  </si>
  <si>
    <t xml:space="preserve"> 2017-07-25</t>
  </si>
  <si>
    <t xml:space="preserve"> 2017-07-26</t>
  </si>
  <si>
    <t xml:space="preserve"> 2017-07-28</t>
  </si>
  <si>
    <t xml:space="preserve"> 2017-07-31</t>
  </si>
  <si>
    <t xml:space="preserve"> 2017-08-01</t>
  </si>
  <si>
    <t xml:space="preserve"> 2017-08-02</t>
  </si>
  <si>
    <t xml:space="preserve"> 2017-08-03</t>
  </si>
  <si>
    <t xml:space="preserve"> 2017-08-04</t>
  </si>
  <si>
    <t xml:space="preserve"> 2017-08-07</t>
  </si>
  <si>
    <t xml:space="preserve"> 2017-08-08</t>
  </si>
  <si>
    <t xml:space="preserve"> 2017-08-09</t>
  </si>
  <si>
    <t xml:space="preserve"> 2017-08-10</t>
  </si>
  <si>
    <t xml:space="preserve"> 2017-08-11</t>
  </si>
  <si>
    <t xml:space="preserve"> 2017-08-14</t>
  </si>
  <si>
    <t xml:space="preserve"> 2017-08-15</t>
  </si>
  <si>
    <t xml:space="preserve"> 2017-08-16</t>
  </si>
  <si>
    <t xml:space="preserve"> 2017-08-17</t>
  </si>
  <si>
    <t xml:space="preserve"> 2017-08-18</t>
  </si>
  <si>
    <t xml:space="preserve"> 2017-08-21</t>
  </si>
  <si>
    <t xml:space="preserve"> 2017-08-22</t>
  </si>
  <si>
    <t xml:space="preserve"> 2017-08-23</t>
  </si>
  <si>
    <t xml:space="preserve"> 2017-08-24</t>
  </si>
  <si>
    <t xml:space="preserve"> 2017-08-25</t>
  </si>
  <si>
    <t xml:space="preserve"> 2017-08-28</t>
  </si>
  <si>
    <t xml:space="preserve"> 2017-08-29</t>
  </si>
  <si>
    <t xml:space="preserve"> 2017-08-30</t>
  </si>
  <si>
    <t xml:space="preserve"> 2017-08-31</t>
  </si>
  <si>
    <t xml:space="preserve"> 2017-09-01</t>
  </si>
  <si>
    <t xml:space="preserve"> 2017-09-04</t>
  </si>
  <si>
    <t xml:space="preserve"> 2017-09-05</t>
  </si>
  <si>
    <t xml:space="preserve"> 2017-09-06</t>
  </si>
  <si>
    <t xml:space="preserve"> 2017-09-07</t>
  </si>
  <si>
    <t xml:space="preserve"> 2017-09-08</t>
  </si>
  <si>
    <t xml:space="preserve"> 2017-09-11</t>
  </si>
  <si>
    <t xml:space="preserve"> 2017-09-12</t>
  </si>
  <si>
    <t xml:space="preserve"> 2017-09-13</t>
  </si>
  <si>
    <t xml:space="preserve"> 2017-09-14</t>
  </si>
  <si>
    <t xml:space="preserve"> 2017-09-15</t>
  </si>
  <si>
    <t xml:space="preserve"> 2017-09-18</t>
  </si>
  <si>
    <t xml:space="preserve"> 2017-09-19</t>
  </si>
  <si>
    <t xml:space="preserve"> 2017-09-20</t>
  </si>
  <si>
    <t xml:space="preserve"> 2017-09-21</t>
  </si>
  <si>
    <t xml:space="preserve"> 2017-09-22</t>
  </si>
  <si>
    <t xml:space="preserve"> 2017-09-25</t>
  </si>
  <si>
    <t xml:space="preserve"> 2017-09-26</t>
  </si>
  <si>
    <t xml:space="preserve"> 2017-09-27</t>
  </si>
  <si>
    <t xml:space="preserve"> 2017-09-28</t>
  </si>
  <si>
    <t xml:space="preserve"> 2017-09-29</t>
  </si>
  <si>
    <t xml:space="preserve"> 2017-10-09</t>
  </si>
  <si>
    <t xml:space="preserve"> 2017-10-10</t>
  </si>
  <si>
    <t xml:space="preserve"> 2017-10-11</t>
  </si>
  <si>
    <t xml:space="preserve"> 2017-10-12</t>
  </si>
  <si>
    <t xml:space="preserve"> 2017-10-13</t>
  </si>
  <si>
    <t xml:space="preserve"> 2017-10-16</t>
  </si>
  <si>
    <t xml:space="preserve"> 2017-10-17</t>
  </si>
  <si>
    <t xml:space="preserve"> 2017-10-18</t>
  </si>
  <si>
    <t xml:space="preserve"> 2017-10-19</t>
  </si>
  <si>
    <t xml:space="preserve"> 2017-10-20</t>
  </si>
  <si>
    <t xml:space="preserve"> 2017-10-21</t>
  </si>
  <si>
    <t xml:space="preserve"> 2017-10-22</t>
  </si>
  <si>
    <t xml:space="preserve"> 2017-10-23</t>
  </si>
  <si>
    <t xml:space="preserve"> 2017-10-24</t>
  </si>
  <si>
    <t xml:space="preserve"> 2017-10-25</t>
  </si>
  <si>
    <t xml:space="preserve"> 2017-10-26</t>
  </si>
  <si>
    <t xml:space="preserve"> 2017-10-27</t>
  </si>
  <si>
    <t xml:space="preserve"> 2017-10-30</t>
  </si>
  <si>
    <t xml:space="preserve"> 2017-10-31</t>
  </si>
  <si>
    <t xml:space="preserve"> 2017-11-01</t>
  </si>
  <si>
    <t xml:space="preserve"> 2017-11-02</t>
  </si>
  <si>
    <t xml:space="preserve"> 2017-11-03</t>
  </si>
  <si>
    <t xml:space="preserve"> 2017-11-06</t>
  </si>
  <si>
    <t xml:space="preserve"> 2017-11-07</t>
  </si>
  <si>
    <t xml:space="preserve"> 2017-11-08</t>
  </si>
  <si>
    <t xml:space="preserve"> 2017-11-09</t>
  </si>
  <si>
    <t xml:space="preserve"> 2017-11-10</t>
  </si>
  <si>
    <t xml:space="preserve"> 2017-11-13</t>
  </si>
  <si>
    <t xml:space="preserve"> 2017-11-14</t>
  </si>
  <si>
    <t xml:space="preserve"> 2017-11-15</t>
  </si>
  <si>
    <t xml:space="preserve"> 2017-11-16</t>
  </si>
  <si>
    <t xml:space="preserve"> 2017-11-17</t>
  </si>
  <si>
    <t xml:space="preserve"> 2017-11-20</t>
  </si>
  <si>
    <t xml:space="preserve"> 2017-11-21</t>
  </si>
  <si>
    <t xml:space="preserve"> 2017-11-22</t>
  </si>
  <si>
    <t xml:space="preserve"> 2017-11-23</t>
  </si>
  <si>
    <t xml:space="preserve"> 2017-11-24</t>
  </si>
  <si>
    <t xml:space="preserve"> 2017-11-27</t>
  </si>
  <si>
    <t xml:space="preserve"> 2017-11-28</t>
  </si>
  <si>
    <t xml:space="preserve"> 2017-11-29</t>
  </si>
  <si>
    <t xml:space="preserve"> 2017-11-30</t>
  </si>
  <si>
    <t xml:space="preserve"> 2017-12-01</t>
  </si>
  <si>
    <t xml:space="preserve"> 2017-12-04</t>
  </si>
  <si>
    <t xml:space="preserve"> 2017-12-05</t>
  </si>
  <si>
    <t xml:space="preserve"> 2017-12-06</t>
  </si>
  <si>
    <t xml:space="preserve"> 2017-12-07</t>
  </si>
  <si>
    <t xml:space="preserve"> 2017-12-08</t>
  </si>
  <si>
    <t xml:space="preserve"> 2017-12-11</t>
  </si>
  <si>
    <t xml:space="preserve"> 2017-12-12</t>
  </si>
  <si>
    <t xml:space="preserve"> 2017-12-13</t>
  </si>
  <si>
    <t xml:space="preserve"> 2017-12-14</t>
  </si>
  <si>
    <t xml:space="preserve"> 2017-12-15</t>
  </si>
  <si>
    <t xml:space="preserve"> 2017-12-18</t>
  </si>
  <si>
    <t xml:space="preserve"> 2017-12-19</t>
  </si>
  <si>
    <t xml:space="preserve"> 2017-12-20</t>
  </si>
  <si>
    <t xml:space="preserve"> 2017-12-21</t>
  </si>
  <si>
    <t xml:space="preserve"> 2017-12-22</t>
  </si>
  <si>
    <t xml:space="preserve"> 2017-12-25</t>
  </si>
  <si>
    <t xml:space="preserve"> 2017-12-26</t>
  </si>
  <si>
    <t xml:space="preserve"> 2017-12-27</t>
  </si>
  <si>
    <t xml:space="preserve"> 2017-12-28</t>
  </si>
  <si>
    <t xml:space="preserve"> 2017-12-29</t>
  </si>
  <si>
    <t xml:space="preserve"> 2018-01-02</t>
  </si>
  <si>
    <t xml:space="preserve"> 2018-01-03</t>
  </si>
  <si>
    <t xml:space="preserve"> 2018-01-04</t>
  </si>
  <si>
    <t xml:space="preserve"> 2018-01-05</t>
  </si>
  <si>
    <t xml:space="preserve"> 2018-01-08</t>
  </si>
  <si>
    <t xml:space="preserve"> 2018-01-09</t>
  </si>
  <si>
    <t xml:space="preserve"> 2018-01-10</t>
  </si>
  <si>
    <t xml:space="preserve"> 2018-01-11</t>
  </si>
  <si>
    <t xml:space="preserve"> 2018-01-12</t>
  </si>
  <si>
    <t xml:space="preserve"> 2018-01-15</t>
  </si>
  <si>
    <t xml:space="preserve"> 2018-01-16</t>
  </si>
  <si>
    <t xml:space="preserve"> 2018-01-17</t>
  </si>
  <si>
    <t xml:space="preserve"> 2018-01-18</t>
  </si>
  <si>
    <t xml:space="preserve"> 2018-01-19</t>
  </si>
  <si>
    <t xml:space="preserve"> 2018-01-22</t>
  </si>
  <si>
    <t xml:space="preserve"> 2018-01-23</t>
  </si>
  <si>
    <t xml:space="preserve"> 2018-01-24</t>
  </si>
  <si>
    <t xml:space="preserve"> 2018-01-25</t>
  </si>
  <si>
    <t xml:space="preserve"> 2018-01-26</t>
  </si>
  <si>
    <t xml:space="preserve"> 2018-01-29</t>
  </si>
  <si>
    <t xml:space="preserve"> 2018-01-30</t>
  </si>
  <si>
    <t xml:space="preserve"> 2018-01-31</t>
  </si>
  <si>
    <t xml:space="preserve"> 2018-02-01</t>
  </si>
  <si>
    <t xml:space="preserve"> 2018-02-02</t>
  </si>
  <si>
    <t xml:space="preserve"> 2018-02-05</t>
  </si>
  <si>
    <t xml:space="preserve"> 2018-02-06</t>
  </si>
  <si>
    <t xml:space="preserve"> 2018-02-07</t>
  </si>
  <si>
    <t xml:space="preserve"> 2018-02-08</t>
  </si>
  <si>
    <t xml:space="preserve"> 2018-02-09</t>
  </si>
  <si>
    <t xml:space="preserve"> 2018-02-12</t>
  </si>
  <si>
    <t xml:space="preserve"> 2018-02-13</t>
  </si>
  <si>
    <t xml:space="preserve"> 2018-02-14</t>
  </si>
  <si>
    <t xml:space="preserve"> 2018-02-22</t>
  </si>
  <si>
    <t xml:space="preserve"> 2018-02-23</t>
  </si>
  <si>
    <t xml:space="preserve"> 2018-02-26</t>
  </si>
  <si>
    <t xml:space="preserve"> 2018-02-27</t>
  </si>
  <si>
    <t xml:space="preserve"> 2018-02-28</t>
  </si>
  <si>
    <t xml:space="preserve"> 2018-03-01</t>
  </si>
  <si>
    <t xml:space="preserve"> 2018-03-02</t>
  </si>
  <si>
    <t xml:space="preserve"> 2018-03-04</t>
  </si>
  <si>
    <t xml:space="preserve"> 2018-03-05</t>
  </si>
  <si>
    <t xml:space="preserve"> 2018-03-06</t>
  </si>
  <si>
    <t xml:space="preserve"> 2018-03-07</t>
  </si>
  <si>
    <t xml:space="preserve"> 2018-03-08</t>
  </si>
  <si>
    <t xml:space="preserve"> 2018-03-09</t>
  </si>
  <si>
    <t xml:space="preserve"> 2018-03-12</t>
  </si>
  <si>
    <t xml:space="preserve"> 2018-03-13</t>
  </si>
  <si>
    <t xml:space="preserve"> 2018-03-14</t>
  </si>
  <si>
    <t xml:space="preserve"> 2018-03-15</t>
  </si>
  <si>
    <t xml:space="preserve"> 2018-03-16</t>
  </si>
  <si>
    <t xml:space="preserve"> 2018-03-19</t>
  </si>
  <si>
    <t xml:space="preserve"> 2018-03-20</t>
  </si>
  <si>
    <t xml:space="preserve"> 2018-03-21</t>
  </si>
  <si>
    <t xml:space="preserve"> 2018-03-22</t>
  </si>
  <si>
    <t xml:space="preserve"> 2018-03-23</t>
  </si>
  <si>
    <t xml:space="preserve"> 2018-03-26</t>
  </si>
  <si>
    <t xml:space="preserve"> 2018-03-27</t>
  </si>
  <si>
    <t xml:space="preserve"> 2018-03-28</t>
  </si>
  <si>
    <t xml:space="preserve"> 2018-03-29</t>
  </si>
  <si>
    <t xml:space="preserve"> 2018-03-30</t>
  </si>
  <si>
    <t xml:space="preserve"> 2018-04-02</t>
  </si>
  <si>
    <t xml:space="preserve"> 2018-04-03</t>
  </si>
  <si>
    <t xml:space="preserve"> 2018-04-04</t>
  </si>
  <si>
    <t xml:space="preserve"> 2018-04-09</t>
  </si>
  <si>
    <t xml:space="preserve"> 2018-04-10</t>
  </si>
  <si>
    <t xml:space="preserve"> 2018-04-11</t>
  </si>
  <si>
    <t xml:space="preserve"> 2018-04-12</t>
  </si>
  <si>
    <t xml:space="preserve"> 2018-04-13</t>
  </si>
  <si>
    <t xml:space="preserve"> 2018-04-16</t>
  </si>
  <si>
    <t xml:space="preserve"> 2018-04-17</t>
  </si>
  <si>
    <t xml:space="preserve"> 2018-04-18</t>
  </si>
  <si>
    <t xml:space="preserve"> 2018-04-19</t>
  </si>
  <si>
    <t xml:space="preserve"> 2018-04-20</t>
  </si>
  <si>
    <t xml:space="preserve"> 2018-04-23</t>
  </si>
  <si>
    <t xml:space="preserve"> 2018-04-24</t>
  </si>
  <si>
    <t xml:space="preserve"> 2018-04-25</t>
  </si>
  <si>
    <t xml:space="preserve"> 2018-04-26</t>
  </si>
  <si>
    <t xml:space="preserve"> 2018-04-27</t>
  </si>
  <si>
    <t xml:space="preserve"> 2018-05-02</t>
  </si>
  <si>
    <t xml:space="preserve"> 2018-05-03</t>
  </si>
  <si>
    <t xml:space="preserve"> 2018-05-04</t>
  </si>
  <si>
    <t xml:space="preserve"> 2018-05-07</t>
  </si>
  <si>
    <t xml:space="preserve"> 2018-05-08</t>
  </si>
  <si>
    <t xml:space="preserve"> 2018-05-09</t>
  </si>
  <si>
    <t xml:space="preserve"> 2018-05-10</t>
  </si>
  <si>
    <t xml:space="preserve"> 2018-05-11</t>
  </si>
  <si>
    <t xml:space="preserve"> 2018-05-14</t>
  </si>
  <si>
    <t xml:space="preserve"> 2018-05-15</t>
  </si>
  <si>
    <t xml:space="preserve"> 2018-05-17</t>
  </si>
  <si>
    <t xml:space="preserve"> 2018-05-18</t>
  </si>
  <si>
    <t xml:space="preserve"> 2018-05-21</t>
  </si>
  <si>
    <t xml:space="preserve"> 2018-05-22</t>
  </si>
  <si>
    <t xml:space="preserve"> 2018-05-23</t>
  </si>
  <si>
    <t xml:space="preserve"> 2018-05-24</t>
  </si>
  <si>
    <t xml:space="preserve"> 2018-05-25</t>
  </si>
  <si>
    <t xml:space="preserve"> 2018-05-28</t>
  </si>
  <si>
    <t xml:space="preserve"> 2018-05-29</t>
  </si>
  <si>
    <t xml:space="preserve"> 2018-05-30</t>
  </si>
  <si>
    <t xml:space="preserve"> 2018-05-31</t>
  </si>
  <si>
    <t xml:space="preserve"> 2018-06-01</t>
  </si>
  <si>
    <t xml:space="preserve"> 2018-06-05</t>
  </si>
  <si>
    <t xml:space="preserve"> 2018-06-06</t>
  </si>
  <si>
    <t xml:space="preserve"> 2018-06-07</t>
  </si>
  <si>
    <t xml:space="preserve"> 2018-06-08</t>
  </si>
  <si>
    <t xml:space="preserve"> 2018-06-11</t>
  </si>
  <si>
    <t xml:space="preserve"> 2018-06-12</t>
  </si>
  <si>
    <t xml:space="preserve"> 2018-06-13</t>
  </si>
  <si>
    <t xml:space="preserve"> 2018-06-14</t>
  </si>
  <si>
    <t xml:space="preserve"> 2018-06-15</t>
  </si>
  <si>
    <t xml:space="preserve"> 2018-06-19</t>
  </si>
  <si>
    <t xml:space="preserve"> 2018-06-20</t>
  </si>
  <si>
    <t xml:space="preserve"> 2018-06-21</t>
  </si>
  <si>
    <t xml:space="preserve"> 2018-06-22</t>
  </si>
  <si>
    <t xml:space="preserve"> 2018-06-25</t>
  </si>
  <si>
    <t xml:space="preserve"> 2018-06-26</t>
  </si>
  <si>
    <t xml:space="preserve"> 2018-06-27</t>
  </si>
  <si>
    <t xml:space="preserve"> 2018-06-28</t>
  </si>
  <si>
    <t xml:space="preserve"> 2018-06-29</t>
  </si>
  <si>
    <t xml:space="preserve"> 2018-07-02</t>
  </si>
  <si>
    <t xml:space="preserve"> 2018-07-03</t>
  </si>
  <si>
    <t xml:space="preserve"> 2018-07-04</t>
  </si>
  <si>
    <t xml:space="preserve"> 2018-07-05</t>
  </si>
  <si>
    <t xml:space="preserve"> 2018-07-06</t>
  </si>
  <si>
    <t xml:space="preserve"> 2018-07-09</t>
  </si>
  <si>
    <t xml:space="preserve"> 2018-07-10</t>
  </si>
  <si>
    <t xml:space="preserve"> 2018-07-11</t>
  </si>
  <si>
    <t xml:space="preserve"> 2018-07-12</t>
  </si>
  <si>
    <t xml:space="preserve"> 2018-07-13</t>
  </si>
  <si>
    <t xml:space="preserve"> 2018-07-16</t>
  </si>
  <si>
    <t xml:space="preserve"> 2018-07-17</t>
  </si>
  <si>
    <t xml:space="preserve"> 2018-07-18</t>
  </si>
  <si>
    <t xml:space="preserve"> 2018-07-19</t>
  </si>
  <si>
    <t xml:space="preserve"> 2018-07-20</t>
  </si>
  <si>
    <t xml:space="preserve"> 2018-07-23</t>
  </si>
  <si>
    <t xml:space="preserve"> 2018-07-24</t>
  </si>
  <si>
    <t xml:space="preserve"> 2018-07-25</t>
  </si>
  <si>
    <t xml:space="preserve"> 2018-07-26</t>
  </si>
  <si>
    <t xml:space="preserve"> 2018-07-27</t>
  </si>
  <si>
    <t xml:space="preserve"> 2018-07-30</t>
  </si>
  <si>
    <t xml:space="preserve"> 2018-07-31</t>
  </si>
  <si>
    <t xml:space="preserve"> 2018-08-01</t>
  </si>
  <si>
    <t xml:space="preserve"> 2018-08-03</t>
  </si>
  <si>
    <t xml:space="preserve"> 2018-08-06</t>
  </si>
  <si>
    <t xml:space="preserve"> 2018-08-07</t>
  </si>
  <si>
    <t xml:space="preserve"> 2018-08-08</t>
  </si>
  <si>
    <t xml:space="preserve"> 2018-08-09</t>
  </si>
  <si>
    <t xml:space="preserve"> 2018-08-10</t>
  </si>
  <si>
    <t xml:space="preserve"> 2018-08-13</t>
  </si>
  <si>
    <t xml:space="preserve"> 2018-08-14</t>
  </si>
  <si>
    <t xml:space="preserve"> 2018-08-15</t>
  </si>
  <si>
    <t xml:space="preserve"> 2018-08-16</t>
  </si>
  <si>
    <t xml:space="preserve"> 2018-08-17</t>
  </si>
  <si>
    <t xml:space="preserve"> 2018-08-20</t>
  </si>
  <si>
    <t xml:space="preserve"> 2018-08-21</t>
  </si>
  <si>
    <t xml:space="preserve"> 2018-08-22</t>
  </si>
  <si>
    <t xml:space="preserve"> 2018-08-23</t>
  </si>
  <si>
    <t xml:space="preserve"> 2018-08-24</t>
  </si>
  <si>
    <t xml:space="preserve"> 2018-08-27</t>
  </si>
  <si>
    <t xml:space="preserve"> 2018-08-28</t>
  </si>
  <si>
    <t xml:space="preserve"> 2018-08-29</t>
  </si>
  <si>
    <t xml:space="preserve"> 2018-08-30</t>
  </si>
  <si>
    <t xml:space="preserve"> 2018-08-31</t>
  </si>
  <si>
    <t xml:space="preserve"> 2018-09-03</t>
  </si>
  <si>
    <t xml:space="preserve"> 2018-09-04</t>
  </si>
  <si>
    <t xml:space="preserve"> 2018-09-05</t>
  </si>
  <si>
    <t xml:space="preserve"> 2018-09-06</t>
  </si>
  <si>
    <t xml:space="preserve"> 2018-09-07</t>
  </si>
  <si>
    <t xml:space="preserve"> 2018-09-10</t>
  </si>
  <si>
    <t xml:space="preserve"> 2018-09-11</t>
  </si>
  <si>
    <t xml:space="preserve"> 2018-09-12</t>
  </si>
  <si>
    <t xml:space="preserve"> 2018-09-13</t>
  </si>
  <si>
    <t xml:space="preserve"> 2018-09-14</t>
  </si>
  <si>
    <t xml:space="preserve"> 2018-09-17</t>
  </si>
  <si>
    <t xml:space="preserve"> 2018-09-18</t>
  </si>
  <si>
    <t xml:space="preserve"> 2018-09-19</t>
  </si>
  <si>
    <t xml:space="preserve"> 2018-09-21</t>
  </si>
  <si>
    <t xml:space="preserve"> 2018-09-25</t>
  </si>
  <si>
    <t xml:space="preserve"> 2018-09-26</t>
  </si>
  <si>
    <t xml:space="preserve"> 2018-09-27</t>
  </si>
  <si>
    <t xml:space="preserve"> 2018-09-28</t>
  </si>
  <si>
    <t xml:space="preserve"> 2018-10-08</t>
  </si>
  <si>
    <t xml:space="preserve"> 2018-10-09</t>
  </si>
  <si>
    <t xml:space="preserve"> 2018-10-10</t>
  </si>
  <si>
    <t xml:space="preserve"> 2018-10-11</t>
  </si>
  <si>
    <t xml:space="preserve"> 2018-10-12</t>
  </si>
  <si>
    <t xml:space="preserve"> 2018-10-15</t>
  </si>
  <si>
    <t xml:space="preserve"> 2018-10-16</t>
  </si>
  <si>
    <t xml:space="preserve"> 2018-10-17</t>
  </si>
  <si>
    <t xml:space="preserve"> 2018-10-18</t>
  </si>
  <si>
    <t xml:space="preserve"> 2018-10-19</t>
  </si>
  <si>
    <t xml:space="preserve"> 2018-10-22</t>
  </si>
  <si>
    <t xml:space="preserve"> 2018-10-23</t>
  </si>
  <si>
    <t xml:space="preserve"> 2018-10-24</t>
  </si>
  <si>
    <t xml:space="preserve"> 2018-10-25</t>
  </si>
  <si>
    <t xml:space="preserve"> 2018-10-26</t>
  </si>
  <si>
    <t xml:space="preserve"> 2018-10-29</t>
  </si>
  <si>
    <t xml:space="preserve"> 2018-10-31</t>
  </si>
  <si>
    <t xml:space="preserve"> 2018-11-02</t>
  </si>
  <si>
    <t xml:space="preserve"> 2018-11-06</t>
  </si>
  <si>
    <t xml:space="preserve"> 2018-11-07</t>
  </si>
  <si>
    <t xml:space="preserve"> 2018-11-08</t>
  </si>
  <si>
    <t xml:space="preserve"> 2018-11-09</t>
  </si>
  <si>
    <t xml:space="preserve"> 2018-11-12</t>
  </si>
  <si>
    <t xml:space="preserve"> 2018-11-13</t>
  </si>
  <si>
    <t xml:space="preserve"> 2018-11-14</t>
  </si>
  <si>
    <t xml:space="preserve"> 2018-11-15</t>
  </si>
  <si>
    <t xml:space="preserve"> 2018-11-16</t>
  </si>
  <si>
    <t xml:space="preserve"> 2018-11-19</t>
  </si>
  <si>
    <t xml:space="preserve"> 2018-11-20</t>
  </si>
  <si>
    <t xml:space="preserve"> 2018-11-21</t>
  </si>
  <si>
    <t xml:space="preserve"> 2018-11-22</t>
  </si>
  <si>
    <t xml:space="preserve"> 2018-11-23</t>
  </si>
  <si>
    <t xml:space="preserve"> 2018-11-26</t>
  </si>
  <si>
    <t xml:space="preserve"> 2018-11-27</t>
  </si>
  <si>
    <t xml:space="preserve"> 2018-11-28</t>
  </si>
  <si>
    <t xml:space="preserve"> 2018-11-29</t>
  </si>
  <si>
    <t xml:space="preserve"> 2018-11-30</t>
  </si>
  <si>
    <t xml:space="preserve"> 2018-12-03</t>
  </si>
  <si>
    <t xml:space="preserve"> 2018-12-04</t>
  </si>
  <si>
    <t xml:space="preserve"> 2018-12-05</t>
  </si>
  <si>
    <t xml:space="preserve"> 2018-12-06</t>
  </si>
  <si>
    <t xml:space="preserve"> 2018-12-07</t>
  </si>
  <si>
    <t xml:space="preserve"> 2018-12-10</t>
  </si>
  <si>
    <t xml:space="preserve"> 2018-12-11</t>
  </si>
  <si>
    <t xml:space="preserve"> 2018-12-12</t>
  </si>
  <si>
    <t xml:space="preserve"> 2018-12-13</t>
  </si>
  <si>
    <t xml:space="preserve"> 2018-12-14</t>
  </si>
  <si>
    <t xml:space="preserve"> 2018-12-17</t>
  </si>
  <si>
    <t xml:space="preserve"> 2018-12-18</t>
  </si>
  <si>
    <t xml:space="preserve"> 2018-12-19</t>
  </si>
  <si>
    <t xml:space="preserve"> 2018-12-20</t>
  </si>
  <si>
    <t xml:space="preserve"> 2018-12-21</t>
  </si>
  <si>
    <t xml:space="preserve"> 2018-12-24</t>
  </si>
  <si>
    <t xml:space="preserve"> 2018-12-25</t>
  </si>
  <si>
    <t xml:space="preserve"> 2018-12-26</t>
  </si>
  <si>
    <t xml:space="preserve"> 2018-12-27</t>
  </si>
  <si>
    <t xml:space="preserve"> 2018-12-28</t>
  </si>
  <si>
    <t xml:space="preserve"> 2019-01-02</t>
  </si>
  <si>
    <t xml:space="preserve"> 2019-01-03</t>
  </si>
  <si>
    <t xml:space="preserve"> 2019-01-04</t>
  </si>
  <si>
    <t xml:space="preserve"> 2019-01-07</t>
  </si>
  <si>
    <t xml:space="preserve"> 2019-01-08</t>
  </si>
  <si>
    <t xml:space="preserve"> 2019-01-09</t>
  </si>
  <si>
    <t xml:space="preserve"> 2019-01-10</t>
  </si>
  <si>
    <t xml:space="preserve"> 2019-01-11</t>
  </si>
  <si>
    <t xml:space="preserve"> 2019-01-14</t>
  </si>
  <si>
    <t xml:space="preserve"> 2019-01-15</t>
  </si>
  <si>
    <t xml:space="preserve"> 2019-01-16</t>
  </si>
  <si>
    <t xml:space="preserve"> 2019-01-17</t>
  </si>
  <si>
    <t xml:space="preserve"> 2019-01-18</t>
  </si>
  <si>
    <t xml:space="preserve"> 2019-01-21</t>
  </si>
  <si>
    <t xml:space="preserve"> 2019-01-22</t>
  </si>
  <si>
    <t xml:space="preserve"> 2019-01-23</t>
  </si>
  <si>
    <t xml:space="preserve"> 2019-01-24</t>
  </si>
  <si>
    <t xml:space="preserve"> 2019-01-25</t>
  </si>
  <si>
    <t xml:space="preserve"> 2019-01-28</t>
  </si>
  <si>
    <t xml:space="preserve"> 2019-01-29</t>
  </si>
  <si>
    <t xml:space="preserve"> 2019-01-30</t>
  </si>
  <si>
    <t xml:space="preserve"> 2019-01-31</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
    <font>
      <sz val="11"/>
      <name val="Calibri"/>
    </font>
    <font>
      <sz val="9"/>
      <name val="宋体"/>
      <family val="3"/>
      <charset val="134"/>
    </font>
  </fonts>
  <fills count="2">
    <fill>
      <patternFill patternType="none"/>
    </fill>
    <fill>
      <patternFill patternType="gray125"/>
    </fill>
  </fills>
  <borders count="1">
    <border>
      <left/>
      <right/>
      <top/>
      <bottom/>
      <diagonal/>
    </border>
  </borders>
  <cellStyleXfs count="1">
    <xf numFmtId="0" fontId="0" fillId="0" borderId="0"/>
  </cellStyleXfs>
  <cellXfs count="2">
    <xf numFmtId="0" fontId="0" fillId="0" borderId="0" xfId="0"/>
    <xf numFmtId="0" fontId="0" fillId="0" borderId="0" xfId="0" applyAlignment="1">
      <alignment vertical="center"/>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5350"/>
  <sheetViews>
    <sheetView tabSelected="1" workbookViewId="0"/>
  </sheetViews>
  <sheetFormatPr defaultRowHeight="15"/>
  <cols>
    <col min="1" max="1" width="4.28515625" customWidth="1"/>
    <col min="2" max="2" width="16.140625" customWidth="1"/>
    <col min="3" max="3" width="24.42578125" customWidth="1"/>
    <col min="4" max="4" width="48.140625" customWidth="1"/>
    <col min="5" max="5" width="23.28515625" bestFit="1" customWidth="1"/>
    <col min="6" max="6" width="19.85546875" customWidth="1"/>
    <col min="7" max="7" width="19.7109375" customWidth="1"/>
  </cols>
  <sheetData>
    <row r="1" spans="1:9">
      <c r="A1" s="1"/>
      <c r="B1" s="1"/>
      <c r="C1" t="s">
        <v>30538</v>
      </c>
      <c r="D1" t="s">
        <v>30537</v>
      </c>
      <c r="E1" t="s">
        <v>30536</v>
      </c>
      <c r="F1" t="s">
        <v>30533</v>
      </c>
      <c r="G1" t="s">
        <v>30534</v>
      </c>
      <c r="H1" t="s">
        <v>30535</v>
      </c>
      <c r="I1" t="s">
        <v>30539</v>
      </c>
    </row>
    <row r="2" spans="1:9">
      <c r="A2" s="1">
        <f ca="1">RAND()</f>
        <v>0.12919262195915548</v>
      </c>
      <c r="B2" s="1"/>
      <c r="C2">
        <v>3</v>
      </c>
      <c r="D2" t="s">
        <v>345</v>
      </c>
      <c r="E2" t="s">
        <v>30541</v>
      </c>
      <c r="F2">
        <v>4</v>
      </c>
      <c r="G2" t="s">
        <v>0</v>
      </c>
      <c r="H2" t="s">
        <v>346</v>
      </c>
      <c r="I2" t="s">
        <v>30540</v>
      </c>
    </row>
    <row r="3" spans="1:9">
      <c r="A3" s="1">
        <f ca="1">RAND()</f>
        <v>0.72799133002833005</v>
      </c>
      <c r="B3" s="1"/>
      <c r="C3">
        <v>1</v>
      </c>
      <c r="D3" t="s">
        <v>343</v>
      </c>
      <c r="E3" t="s">
        <v>30542</v>
      </c>
      <c r="F3">
        <v>4</v>
      </c>
      <c r="G3" t="s">
        <v>1</v>
      </c>
      <c r="H3" t="s">
        <v>344</v>
      </c>
      <c r="I3" t="s">
        <v>30540</v>
      </c>
    </row>
    <row r="4" spans="1:9">
      <c r="A4" s="1">
        <f ca="1">RAND()</f>
        <v>0.85323864714172115</v>
      </c>
      <c r="B4" s="1"/>
      <c r="C4">
        <v>3</v>
      </c>
      <c r="D4" t="s">
        <v>341</v>
      </c>
      <c r="E4" t="s">
        <v>30543</v>
      </c>
      <c r="F4">
        <v>4</v>
      </c>
      <c r="G4" t="s">
        <v>0</v>
      </c>
      <c r="H4" t="s">
        <v>342</v>
      </c>
      <c r="I4" t="s">
        <v>30540</v>
      </c>
    </row>
    <row r="5" spans="1:9">
      <c r="A5" s="1">
        <f ca="1">RAND()</f>
        <v>0.10993759730614328</v>
      </c>
      <c r="B5" s="1"/>
      <c r="C5">
        <v>6</v>
      </c>
      <c r="D5" t="s">
        <v>339</v>
      </c>
      <c r="E5" t="s">
        <v>30544</v>
      </c>
      <c r="F5">
        <v>5</v>
      </c>
      <c r="G5" t="s">
        <v>9</v>
      </c>
      <c r="H5" t="s">
        <v>340</v>
      </c>
      <c r="I5" t="s">
        <v>30540</v>
      </c>
    </row>
    <row r="6" spans="1:9">
      <c r="A6" s="1">
        <f ca="1">RAND()</f>
        <v>0.76212571811808827</v>
      </c>
      <c r="B6" s="1"/>
      <c r="C6">
        <v>1</v>
      </c>
      <c r="D6" t="s">
        <v>333</v>
      </c>
      <c r="E6" t="s">
        <v>30544</v>
      </c>
      <c r="F6">
        <v>4</v>
      </c>
      <c r="G6" t="s">
        <v>15</v>
      </c>
      <c r="H6" t="s">
        <v>334</v>
      </c>
      <c r="I6" t="s">
        <v>30540</v>
      </c>
    </row>
    <row r="7" spans="1:9">
      <c r="A7" s="1">
        <f ca="1">RAND()</f>
        <v>0.11423667357031841</v>
      </c>
      <c r="B7" s="1"/>
      <c r="C7">
        <v>2</v>
      </c>
      <c r="D7" t="s">
        <v>335</v>
      </c>
      <c r="E7" t="s">
        <v>30544</v>
      </c>
      <c r="F7">
        <v>4</v>
      </c>
      <c r="G7" t="s">
        <v>0</v>
      </c>
      <c r="H7" t="s">
        <v>336</v>
      </c>
      <c r="I7" t="s">
        <v>30540</v>
      </c>
    </row>
    <row r="8" spans="1:9">
      <c r="A8" s="1">
        <f ca="1">RAND()</f>
        <v>0.10243682726811765</v>
      </c>
      <c r="B8" s="1"/>
      <c r="C8">
        <v>3</v>
      </c>
      <c r="D8" t="s">
        <v>337</v>
      </c>
      <c r="E8" t="s">
        <v>30544</v>
      </c>
      <c r="F8">
        <v>3</v>
      </c>
      <c r="G8" t="s">
        <v>2</v>
      </c>
      <c r="H8" t="s">
        <v>338</v>
      </c>
      <c r="I8" t="s">
        <v>30540</v>
      </c>
    </row>
    <row r="9" spans="1:9">
      <c r="A9" s="1">
        <f ca="1">RAND()</f>
        <v>0.38441389909143209</v>
      </c>
      <c r="B9" s="1"/>
      <c r="C9">
        <v>1</v>
      </c>
      <c r="D9" t="s">
        <v>329</v>
      </c>
      <c r="E9" t="s">
        <v>30545</v>
      </c>
      <c r="F9">
        <v>5</v>
      </c>
      <c r="G9" t="s">
        <v>0</v>
      </c>
      <c r="H9" t="s">
        <v>330</v>
      </c>
      <c r="I9" t="s">
        <v>30540</v>
      </c>
    </row>
    <row r="10" spans="1:9">
      <c r="A10" s="1">
        <f ca="1">RAND()</f>
        <v>0.89596787327086325</v>
      </c>
      <c r="B10" s="1"/>
      <c r="C10">
        <v>3</v>
      </c>
      <c r="D10" t="s">
        <v>331</v>
      </c>
      <c r="E10" t="s">
        <v>30545</v>
      </c>
      <c r="F10">
        <v>4</v>
      </c>
      <c r="G10" t="s">
        <v>0</v>
      </c>
      <c r="H10" t="s">
        <v>332</v>
      </c>
      <c r="I10" t="s">
        <v>30540</v>
      </c>
    </row>
    <row r="11" spans="1:9">
      <c r="A11" s="1">
        <f ca="1">RAND()</f>
        <v>0.30070144234548857</v>
      </c>
      <c r="B11" s="1"/>
      <c r="C11">
        <v>1</v>
      </c>
      <c r="D11" t="s">
        <v>323</v>
      </c>
      <c r="E11" t="s">
        <v>30546</v>
      </c>
      <c r="F11">
        <v>5</v>
      </c>
      <c r="G11" t="s">
        <v>0</v>
      </c>
      <c r="H11" t="s">
        <v>324</v>
      </c>
      <c r="I11" t="s">
        <v>30540</v>
      </c>
    </row>
    <row r="12" spans="1:9">
      <c r="A12" s="1">
        <f ca="1">RAND()</f>
        <v>0.58219692113992128</v>
      </c>
      <c r="B12" s="1"/>
      <c r="C12">
        <v>4</v>
      </c>
      <c r="D12" t="s">
        <v>325</v>
      </c>
      <c r="E12" t="s">
        <v>30546</v>
      </c>
      <c r="F12">
        <v>4</v>
      </c>
      <c r="G12" t="s">
        <v>1</v>
      </c>
      <c r="H12" t="s">
        <v>326</v>
      </c>
      <c r="I12" t="s">
        <v>30540</v>
      </c>
    </row>
    <row r="13" spans="1:9">
      <c r="A13" s="1">
        <f ca="1">RAND()</f>
        <v>0.91261216310372428</v>
      </c>
      <c r="B13" s="1"/>
      <c r="C13">
        <v>6</v>
      </c>
      <c r="D13" t="s">
        <v>327</v>
      </c>
      <c r="E13" t="s">
        <v>30546</v>
      </c>
      <c r="F13">
        <v>4</v>
      </c>
      <c r="G13" t="s">
        <v>0</v>
      </c>
      <c r="H13" t="s">
        <v>328</v>
      </c>
      <c r="I13" t="s">
        <v>30540</v>
      </c>
    </row>
    <row r="14" spans="1:9">
      <c r="A14" s="1">
        <f ca="1">RAND()</f>
        <v>0.68805955671901775</v>
      </c>
      <c r="B14" s="1"/>
      <c r="C14">
        <v>3</v>
      </c>
      <c r="D14" t="s">
        <v>319</v>
      </c>
      <c r="E14" t="s">
        <v>30547</v>
      </c>
      <c r="F14">
        <v>4</v>
      </c>
      <c r="G14" t="s">
        <v>0</v>
      </c>
      <c r="H14" t="s">
        <v>320</v>
      </c>
      <c r="I14" t="s">
        <v>30540</v>
      </c>
    </row>
    <row r="15" spans="1:9">
      <c r="A15" s="1">
        <f ca="1">RAND()</f>
        <v>0.9085688979748322</v>
      </c>
      <c r="B15" s="1"/>
      <c r="C15">
        <v>5</v>
      </c>
      <c r="D15" t="s">
        <v>321</v>
      </c>
      <c r="E15" t="s">
        <v>30547</v>
      </c>
      <c r="F15">
        <v>4</v>
      </c>
      <c r="G15" t="s">
        <v>0</v>
      </c>
      <c r="H15" t="s">
        <v>322</v>
      </c>
      <c r="I15" t="s">
        <v>30540</v>
      </c>
    </row>
    <row r="16" spans="1:9">
      <c r="A16" s="1">
        <f ca="1">RAND()</f>
        <v>0.95097300908083504</v>
      </c>
      <c r="B16" s="1"/>
      <c r="C16">
        <v>4</v>
      </c>
      <c r="D16" t="s">
        <v>317</v>
      </c>
      <c r="E16" t="s">
        <v>30548</v>
      </c>
      <c r="F16">
        <v>3</v>
      </c>
      <c r="G16" t="s">
        <v>1</v>
      </c>
      <c r="H16" t="s">
        <v>318</v>
      </c>
      <c r="I16" t="s">
        <v>30540</v>
      </c>
    </row>
    <row r="17" spans="1:9">
      <c r="A17" s="1">
        <f ca="1">RAND()</f>
        <v>0.3695102016272489</v>
      </c>
      <c r="B17" s="1"/>
      <c r="C17">
        <v>7</v>
      </c>
      <c r="D17" t="s">
        <v>315</v>
      </c>
      <c r="E17" t="s">
        <v>30549</v>
      </c>
      <c r="F17">
        <v>5</v>
      </c>
      <c r="G17" t="s">
        <v>9</v>
      </c>
      <c r="H17" t="s">
        <v>316</v>
      </c>
      <c r="I17" t="s">
        <v>30540</v>
      </c>
    </row>
    <row r="18" spans="1:9">
      <c r="A18" s="1">
        <f ca="1">RAND()</f>
        <v>0.5057841622350161</v>
      </c>
      <c r="B18" s="1"/>
      <c r="C18">
        <v>5</v>
      </c>
      <c r="D18" t="s">
        <v>313</v>
      </c>
      <c r="E18" t="s">
        <v>30549</v>
      </c>
      <c r="F18">
        <v>4</v>
      </c>
      <c r="G18" t="s">
        <v>0</v>
      </c>
      <c r="H18" t="s">
        <v>314</v>
      </c>
      <c r="I18" t="s">
        <v>30540</v>
      </c>
    </row>
    <row r="19" spans="1:9">
      <c r="A19" s="1">
        <f ca="1">RAND()</f>
        <v>0.78745478351637632</v>
      </c>
      <c r="B19" s="1"/>
      <c r="C19">
        <v>4</v>
      </c>
      <c r="D19" t="s">
        <v>311</v>
      </c>
      <c r="E19" t="s">
        <v>30549</v>
      </c>
      <c r="F19">
        <v>2</v>
      </c>
      <c r="G19" t="s">
        <v>10</v>
      </c>
      <c r="H19" t="s">
        <v>312</v>
      </c>
      <c r="I19" t="s">
        <v>30540</v>
      </c>
    </row>
    <row r="20" spans="1:9">
      <c r="A20" s="1">
        <f ca="1">RAND()</f>
        <v>0.11882144987554677</v>
      </c>
      <c r="B20" s="1"/>
      <c r="C20">
        <v>3</v>
      </c>
      <c r="D20" t="s">
        <v>309</v>
      </c>
      <c r="E20" t="s">
        <v>30549</v>
      </c>
      <c r="F20">
        <v>2</v>
      </c>
      <c r="G20" t="s">
        <v>15</v>
      </c>
      <c r="H20" t="s">
        <v>310</v>
      </c>
      <c r="I20" t="s">
        <v>30540</v>
      </c>
    </row>
    <row r="21" spans="1:9">
      <c r="A21" s="1">
        <f ca="1">RAND()</f>
        <v>4.6351508525329432E-2</v>
      </c>
      <c r="B21" s="1"/>
      <c r="C21">
        <v>1</v>
      </c>
      <c r="D21" t="s">
        <v>305</v>
      </c>
      <c r="E21" t="s">
        <v>30550</v>
      </c>
      <c r="F21">
        <v>5</v>
      </c>
      <c r="G21" t="s">
        <v>13</v>
      </c>
      <c r="H21" t="s">
        <v>306</v>
      </c>
      <c r="I21" t="s">
        <v>30540</v>
      </c>
    </row>
    <row r="22" spans="1:9">
      <c r="A22" s="1">
        <f ca="1">RAND()</f>
        <v>0.79899404738337754</v>
      </c>
      <c r="B22" s="1"/>
      <c r="C22">
        <v>2</v>
      </c>
      <c r="D22" t="s">
        <v>307</v>
      </c>
      <c r="E22" t="s">
        <v>30550</v>
      </c>
      <c r="F22">
        <v>1</v>
      </c>
      <c r="G22" t="s">
        <v>14</v>
      </c>
      <c r="H22" t="s">
        <v>308</v>
      </c>
      <c r="I22" t="s">
        <v>30540</v>
      </c>
    </row>
    <row r="23" spans="1:9">
      <c r="A23" s="1">
        <f ca="1">RAND()</f>
        <v>0.36268586622409849</v>
      </c>
      <c r="B23" s="1"/>
      <c r="C23">
        <v>4</v>
      </c>
      <c r="D23" t="s">
        <v>303</v>
      </c>
      <c r="E23" t="s">
        <v>30551</v>
      </c>
      <c r="F23">
        <v>5</v>
      </c>
      <c r="G23" t="s">
        <v>0</v>
      </c>
      <c r="H23" t="s">
        <v>304</v>
      </c>
      <c r="I23" t="s">
        <v>30540</v>
      </c>
    </row>
    <row r="24" spans="1:9">
      <c r="A24" s="1">
        <f ca="1">RAND()</f>
        <v>0.14432794871987165</v>
      </c>
      <c r="B24" s="1"/>
      <c r="C24">
        <v>2</v>
      </c>
      <c r="D24" t="s">
        <v>301</v>
      </c>
      <c r="E24" t="s">
        <v>30551</v>
      </c>
      <c r="F24">
        <v>4</v>
      </c>
      <c r="G24" t="s">
        <v>13</v>
      </c>
      <c r="H24" t="s">
        <v>302</v>
      </c>
      <c r="I24" t="s">
        <v>30540</v>
      </c>
    </row>
    <row r="25" spans="1:9">
      <c r="A25" s="1">
        <f ca="1">RAND()</f>
        <v>0.94249140052586766</v>
      </c>
      <c r="B25" s="1"/>
      <c r="C25">
        <v>1</v>
      </c>
      <c r="D25" t="s">
        <v>299</v>
      </c>
      <c r="E25" t="s">
        <v>30551</v>
      </c>
      <c r="F25">
        <v>4</v>
      </c>
      <c r="G25" t="s">
        <v>2</v>
      </c>
      <c r="H25" t="s">
        <v>300</v>
      </c>
      <c r="I25" t="s">
        <v>30540</v>
      </c>
    </row>
    <row r="26" spans="1:9">
      <c r="A26" s="1">
        <f ca="1">RAND()</f>
        <v>0.39770241632697434</v>
      </c>
      <c r="B26" s="1"/>
      <c r="C26">
        <v>1</v>
      </c>
      <c r="D26" t="s">
        <v>297</v>
      </c>
      <c r="E26" t="s">
        <v>30552</v>
      </c>
      <c r="F26">
        <v>3</v>
      </c>
      <c r="G26" t="s">
        <v>9</v>
      </c>
      <c r="H26" t="s">
        <v>298</v>
      </c>
      <c r="I26" t="s">
        <v>30540</v>
      </c>
    </row>
    <row r="27" spans="1:9">
      <c r="A27" s="1">
        <f ca="1">RAND()</f>
        <v>0.34412088492932347</v>
      </c>
      <c r="B27" s="1"/>
      <c r="C27">
        <v>3</v>
      </c>
      <c r="D27" t="s">
        <v>295</v>
      </c>
      <c r="E27" t="s">
        <v>30553</v>
      </c>
      <c r="F27">
        <v>4</v>
      </c>
      <c r="G27" t="s">
        <v>13</v>
      </c>
      <c r="H27" t="s">
        <v>296</v>
      </c>
      <c r="I27" t="s">
        <v>30540</v>
      </c>
    </row>
    <row r="28" spans="1:9">
      <c r="A28" s="1">
        <f ca="1">RAND()</f>
        <v>0.19124274660117835</v>
      </c>
      <c r="B28" s="1"/>
      <c r="C28">
        <v>1</v>
      </c>
      <c r="D28" t="s">
        <v>293</v>
      </c>
      <c r="E28" t="s">
        <v>30554</v>
      </c>
      <c r="F28">
        <v>4</v>
      </c>
      <c r="G28" t="s">
        <v>0</v>
      </c>
      <c r="H28" t="s">
        <v>294</v>
      </c>
      <c r="I28" t="s">
        <v>30540</v>
      </c>
    </row>
    <row r="29" spans="1:9">
      <c r="A29" s="1">
        <f ca="1">RAND()</f>
        <v>0.32900810656278956</v>
      </c>
      <c r="B29" s="1"/>
      <c r="C29">
        <v>3</v>
      </c>
      <c r="D29" t="s">
        <v>291</v>
      </c>
      <c r="E29" t="s">
        <v>30555</v>
      </c>
      <c r="F29">
        <v>4</v>
      </c>
      <c r="G29" t="s">
        <v>9</v>
      </c>
      <c r="H29" t="s">
        <v>292</v>
      </c>
      <c r="I29" t="s">
        <v>30540</v>
      </c>
    </row>
    <row r="30" spans="1:9">
      <c r="A30" s="1">
        <f ca="1">RAND()</f>
        <v>0.47275705059981299</v>
      </c>
      <c r="B30" s="1"/>
      <c r="C30">
        <v>2</v>
      </c>
      <c r="D30" t="s">
        <v>287</v>
      </c>
      <c r="E30" t="s">
        <v>30556</v>
      </c>
      <c r="F30">
        <v>5</v>
      </c>
      <c r="G30" t="s">
        <v>0</v>
      </c>
      <c r="H30" t="s">
        <v>288</v>
      </c>
      <c r="I30" t="s">
        <v>30540</v>
      </c>
    </row>
    <row r="31" spans="1:9">
      <c r="A31" s="1">
        <f ca="1">RAND()</f>
        <v>0.6323734949857347</v>
      </c>
      <c r="B31" s="1"/>
      <c r="C31">
        <v>3</v>
      </c>
      <c r="D31" t="s">
        <v>289</v>
      </c>
      <c r="E31" t="s">
        <v>30556</v>
      </c>
      <c r="F31">
        <v>2</v>
      </c>
      <c r="G31" t="s">
        <v>0</v>
      </c>
      <c r="H31" t="s">
        <v>290</v>
      </c>
      <c r="I31" t="s">
        <v>30540</v>
      </c>
    </row>
    <row r="32" spans="1:9">
      <c r="A32" s="1">
        <f ca="1">RAND()</f>
        <v>0.66037254134231094</v>
      </c>
      <c r="B32" s="1"/>
      <c r="C32">
        <v>6</v>
      </c>
      <c r="D32" t="s">
        <v>285</v>
      </c>
      <c r="E32" t="s">
        <v>30557</v>
      </c>
      <c r="F32">
        <v>5</v>
      </c>
      <c r="G32" t="s">
        <v>0</v>
      </c>
      <c r="H32" t="s">
        <v>286</v>
      </c>
      <c r="I32" t="s">
        <v>30540</v>
      </c>
    </row>
    <row r="33" spans="1:9">
      <c r="A33" s="1">
        <f ca="1">RAND()</f>
        <v>0.73904410060599401</v>
      </c>
      <c r="B33" s="1"/>
      <c r="C33">
        <v>2</v>
      </c>
      <c r="D33" t="s">
        <v>281</v>
      </c>
      <c r="E33" t="s">
        <v>30557</v>
      </c>
      <c r="F33">
        <v>4</v>
      </c>
      <c r="G33" t="s">
        <v>0</v>
      </c>
      <c r="H33" t="s">
        <v>282</v>
      </c>
      <c r="I33" t="s">
        <v>30540</v>
      </c>
    </row>
    <row r="34" spans="1:9">
      <c r="A34" s="1">
        <f ca="1">RAND()</f>
        <v>0.33098721193200409</v>
      </c>
      <c r="B34" s="1"/>
      <c r="C34">
        <v>3</v>
      </c>
      <c r="D34" t="s">
        <v>283</v>
      </c>
      <c r="E34" t="s">
        <v>30557</v>
      </c>
      <c r="F34">
        <v>4</v>
      </c>
      <c r="G34" t="s">
        <v>0</v>
      </c>
      <c r="H34" t="s">
        <v>284</v>
      </c>
      <c r="I34" t="s">
        <v>30540</v>
      </c>
    </row>
    <row r="35" spans="1:9">
      <c r="A35" s="1">
        <f ca="1">RAND()</f>
        <v>0.44591882453668741</v>
      </c>
      <c r="B35" s="1"/>
      <c r="C35">
        <v>4</v>
      </c>
      <c r="D35" t="s">
        <v>279</v>
      </c>
      <c r="E35" t="s">
        <v>30558</v>
      </c>
      <c r="F35">
        <v>2</v>
      </c>
      <c r="G35" t="s">
        <v>9</v>
      </c>
      <c r="H35" t="s">
        <v>280</v>
      </c>
      <c r="I35" t="s">
        <v>30540</v>
      </c>
    </row>
    <row r="36" spans="1:9">
      <c r="A36" s="1">
        <f ca="1">RAND()</f>
        <v>0.55896268666795035</v>
      </c>
      <c r="B36" s="1"/>
      <c r="C36">
        <v>2</v>
      </c>
      <c r="D36" t="s">
        <v>277</v>
      </c>
      <c r="E36" t="s">
        <v>30559</v>
      </c>
      <c r="F36">
        <v>4</v>
      </c>
      <c r="G36" t="s">
        <v>14</v>
      </c>
      <c r="H36" t="s">
        <v>278</v>
      </c>
      <c r="I36" t="s">
        <v>30540</v>
      </c>
    </row>
    <row r="37" spans="1:9">
      <c r="A37" s="1">
        <f ca="1">RAND()</f>
        <v>0.92432692811005879</v>
      </c>
      <c r="B37" s="1"/>
      <c r="C37">
        <v>3</v>
      </c>
      <c r="D37" t="s">
        <v>275</v>
      </c>
      <c r="E37" t="s">
        <v>30560</v>
      </c>
      <c r="F37">
        <v>4</v>
      </c>
      <c r="G37" t="s">
        <v>2</v>
      </c>
      <c r="H37" t="s">
        <v>276</v>
      </c>
      <c r="I37" t="s">
        <v>30540</v>
      </c>
    </row>
    <row r="38" spans="1:9">
      <c r="A38" s="1">
        <f ca="1">RAND()</f>
        <v>0.96093061686048797</v>
      </c>
      <c r="B38" s="1"/>
      <c r="C38">
        <v>1</v>
      </c>
      <c r="D38" t="s">
        <v>273</v>
      </c>
      <c r="E38" t="s">
        <v>30560</v>
      </c>
      <c r="F38">
        <v>3</v>
      </c>
      <c r="G38" t="s">
        <v>2</v>
      </c>
      <c r="H38" t="s">
        <v>274</v>
      </c>
      <c r="I38" t="s">
        <v>30540</v>
      </c>
    </row>
    <row r="39" spans="1:9">
      <c r="A39" s="1">
        <f ca="1">RAND()</f>
        <v>0.45269781450864033</v>
      </c>
      <c r="B39" s="1"/>
      <c r="C39">
        <v>1</v>
      </c>
      <c r="D39" t="s">
        <v>271</v>
      </c>
      <c r="E39" t="s">
        <v>30561</v>
      </c>
      <c r="F39">
        <v>4</v>
      </c>
      <c r="G39" t="s">
        <v>14</v>
      </c>
      <c r="H39" t="s">
        <v>272</v>
      </c>
      <c r="I39" t="s">
        <v>30540</v>
      </c>
    </row>
    <row r="40" spans="1:9">
      <c r="A40" s="1">
        <f ca="1">RAND()</f>
        <v>0.6869244922975678</v>
      </c>
      <c r="B40" s="1"/>
      <c r="C40">
        <v>2</v>
      </c>
      <c r="D40" t="s">
        <v>269</v>
      </c>
      <c r="E40" t="s">
        <v>30562</v>
      </c>
      <c r="F40">
        <v>4</v>
      </c>
      <c r="G40" t="s">
        <v>0</v>
      </c>
      <c r="H40" t="s">
        <v>270</v>
      </c>
      <c r="I40" t="s">
        <v>30540</v>
      </c>
    </row>
    <row r="41" spans="1:9">
      <c r="A41" s="1">
        <f ca="1">RAND()</f>
        <v>3.5097882270543002E-2</v>
      </c>
      <c r="B41" s="1"/>
      <c r="C41">
        <v>1</v>
      </c>
      <c r="D41" t="s">
        <v>267</v>
      </c>
      <c r="E41" t="s">
        <v>30562</v>
      </c>
      <c r="F41">
        <v>4</v>
      </c>
      <c r="G41" t="s">
        <v>0</v>
      </c>
      <c r="H41" t="s">
        <v>268</v>
      </c>
      <c r="I41" t="s">
        <v>30540</v>
      </c>
    </row>
    <row r="42" spans="1:9">
      <c r="A42" s="1">
        <f ca="1">RAND()</f>
        <v>0.29037989482545334</v>
      </c>
      <c r="B42" s="1"/>
      <c r="C42">
        <v>4</v>
      </c>
      <c r="D42" t="s">
        <v>265</v>
      </c>
      <c r="E42" t="s">
        <v>30563</v>
      </c>
      <c r="F42">
        <v>5</v>
      </c>
      <c r="G42" t="s">
        <v>15</v>
      </c>
      <c r="H42" t="s">
        <v>266</v>
      </c>
      <c r="I42" t="s">
        <v>30540</v>
      </c>
    </row>
    <row r="43" spans="1:9">
      <c r="A43" s="1">
        <f ca="1">RAND()</f>
        <v>0.1231060865224729</v>
      </c>
      <c r="B43" s="1"/>
      <c r="C43">
        <v>1</v>
      </c>
      <c r="D43" t="s">
        <v>261</v>
      </c>
      <c r="E43" t="s">
        <v>30564</v>
      </c>
      <c r="F43">
        <v>3</v>
      </c>
      <c r="G43" t="s">
        <v>10</v>
      </c>
      <c r="H43" t="s">
        <v>262</v>
      </c>
      <c r="I43" t="s">
        <v>30540</v>
      </c>
    </row>
    <row r="44" spans="1:9">
      <c r="A44" s="1">
        <f ca="1">RAND()</f>
        <v>0.72285013219183303</v>
      </c>
      <c r="B44" s="1"/>
      <c r="C44">
        <v>2</v>
      </c>
      <c r="D44" t="s">
        <v>263</v>
      </c>
      <c r="E44" t="s">
        <v>30564</v>
      </c>
      <c r="F44">
        <v>2</v>
      </c>
      <c r="G44" t="s">
        <v>15</v>
      </c>
      <c r="H44" t="s">
        <v>264</v>
      </c>
      <c r="I44" t="s">
        <v>30540</v>
      </c>
    </row>
    <row r="45" spans="1:9">
      <c r="A45" s="1">
        <f ca="1">RAND()</f>
        <v>0.14411630768314743</v>
      </c>
      <c r="B45" s="1"/>
      <c r="C45">
        <v>2</v>
      </c>
      <c r="D45" t="s">
        <v>259</v>
      </c>
      <c r="E45" t="s">
        <v>30565</v>
      </c>
      <c r="F45">
        <v>4</v>
      </c>
      <c r="G45" t="s">
        <v>0</v>
      </c>
      <c r="H45" t="s">
        <v>260</v>
      </c>
      <c r="I45" t="s">
        <v>30540</v>
      </c>
    </row>
    <row r="46" spans="1:9">
      <c r="A46" s="1">
        <f ca="1">RAND()</f>
        <v>0.41161720046970063</v>
      </c>
      <c r="B46" s="1"/>
      <c r="C46">
        <v>1</v>
      </c>
      <c r="D46" t="s">
        <v>257</v>
      </c>
      <c r="E46" t="s">
        <v>30566</v>
      </c>
      <c r="F46">
        <v>4</v>
      </c>
      <c r="G46" t="s">
        <v>0</v>
      </c>
      <c r="H46" t="s">
        <v>258</v>
      </c>
      <c r="I46" t="s">
        <v>30540</v>
      </c>
    </row>
    <row r="47" spans="1:9">
      <c r="A47" s="1">
        <f ca="1">RAND()</f>
        <v>0.89736858623825277</v>
      </c>
      <c r="B47" s="1"/>
      <c r="C47">
        <v>3</v>
      </c>
      <c r="D47" t="s">
        <v>255</v>
      </c>
      <c r="E47" t="s">
        <v>30567</v>
      </c>
      <c r="F47">
        <v>4</v>
      </c>
      <c r="G47" t="s">
        <v>14</v>
      </c>
      <c r="H47" t="s">
        <v>256</v>
      </c>
      <c r="I47" t="s">
        <v>30540</v>
      </c>
    </row>
    <row r="48" spans="1:9">
      <c r="A48" s="1">
        <f ca="1">RAND()</f>
        <v>0.85943166230286594</v>
      </c>
      <c r="B48" s="1"/>
      <c r="C48">
        <v>1</v>
      </c>
      <c r="D48" t="s">
        <v>253</v>
      </c>
      <c r="E48" t="s">
        <v>30568</v>
      </c>
      <c r="F48">
        <v>4</v>
      </c>
      <c r="G48" t="s">
        <v>0</v>
      </c>
      <c r="H48" t="s">
        <v>254</v>
      </c>
      <c r="I48" t="s">
        <v>30540</v>
      </c>
    </row>
    <row r="49" spans="1:9">
      <c r="A49" s="1">
        <f ca="1">RAND()</f>
        <v>0.58334686159179694</v>
      </c>
      <c r="B49" s="1"/>
      <c r="C49">
        <v>3</v>
      </c>
      <c r="D49" t="s">
        <v>251</v>
      </c>
      <c r="E49" t="s">
        <v>30569</v>
      </c>
      <c r="F49">
        <v>4</v>
      </c>
      <c r="G49" t="s">
        <v>0</v>
      </c>
      <c r="H49" t="s">
        <v>252</v>
      </c>
      <c r="I49" t="s">
        <v>30540</v>
      </c>
    </row>
    <row r="50" spans="1:9">
      <c r="A50" s="1">
        <f ca="1">RAND()</f>
        <v>0.84397095927440391</v>
      </c>
      <c r="B50" s="1"/>
      <c r="C50">
        <v>1</v>
      </c>
      <c r="D50" t="s">
        <v>249</v>
      </c>
      <c r="E50" t="s">
        <v>30569</v>
      </c>
      <c r="F50">
        <v>2</v>
      </c>
      <c r="G50" t="s">
        <v>10</v>
      </c>
      <c r="H50" t="s">
        <v>250</v>
      </c>
      <c r="I50" t="s">
        <v>30540</v>
      </c>
    </row>
    <row r="51" spans="1:9">
      <c r="A51" s="1">
        <f ca="1">RAND()</f>
        <v>0.87628479361015144</v>
      </c>
      <c r="B51" s="1"/>
      <c r="C51">
        <v>1</v>
      </c>
      <c r="D51" t="s">
        <v>247</v>
      </c>
      <c r="E51" t="s">
        <v>30570</v>
      </c>
      <c r="F51">
        <v>4</v>
      </c>
      <c r="G51" t="s">
        <v>14</v>
      </c>
      <c r="H51" t="s">
        <v>248</v>
      </c>
      <c r="I51" t="s">
        <v>30540</v>
      </c>
    </row>
    <row r="52" spans="1:9">
      <c r="A52" s="1">
        <f ca="1">RAND()</f>
        <v>0.38080400706156392</v>
      </c>
      <c r="B52" s="1"/>
      <c r="C52">
        <v>1</v>
      </c>
      <c r="D52" t="s">
        <v>245</v>
      </c>
      <c r="E52" t="s">
        <v>30571</v>
      </c>
      <c r="F52">
        <v>4</v>
      </c>
      <c r="G52" t="s">
        <v>0</v>
      </c>
      <c r="H52" t="s">
        <v>246</v>
      </c>
      <c r="I52" t="s">
        <v>30540</v>
      </c>
    </row>
    <row r="53" spans="1:9">
      <c r="A53" s="1">
        <f ca="1">RAND()</f>
        <v>1.2323237551599919E-2</v>
      </c>
      <c r="B53" s="1"/>
      <c r="C53">
        <v>3</v>
      </c>
      <c r="D53" t="s">
        <v>243</v>
      </c>
      <c r="E53" t="s">
        <v>30572</v>
      </c>
      <c r="F53">
        <v>4</v>
      </c>
      <c r="G53" t="s">
        <v>10</v>
      </c>
      <c r="H53" t="s">
        <v>244</v>
      </c>
      <c r="I53" t="s">
        <v>30540</v>
      </c>
    </row>
    <row r="54" spans="1:9">
      <c r="A54" s="1">
        <f ca="1">RAND()</f>
        <v>9.8894664077441408E-2</v>
      </c>
      <c r="B54" s="1"/>
      <c r="C54">
        <v>2</v>
      </c>
      <c r="D54" t="s">
        <v>241</v>
      </c>
      <c r="E54" t="s">
        <v>30572</v>
      </c>
      <c r="F54">
        <v>4</v>
      </c>
      <c r="G54" t="s">
        <v>0</v>
      </c>
      <c r="H54" t="s">
        <v>242</v>
      </c>
      <c r="I54" t="s">
        <v>30540</v>
      </c>
    </row>
    <row r="55" spans="1:9">
      <c r="A55" s="1">
        <f ca="1">RAND()</f>
        <v>0.7478459330505165</v>
      </c>
      <c r="B55" s="1"/>
      <c r="C55">
        <v>3</v>
      </c>
      <c r="D55" t="s">
        <v>239</v>
      </c>
      <c r="E55" t="s">
        <v>30573</v>
      </c>
      <c r="F55">
        <v>4</v>
      </c>
      <c r="G55" t="s">
        <v>0</v>
      </c>
      <c r="H55" t="s">
        <v>240</v>
      </c>
      <c r="I55" t="s">
        <v>30540</v>
      </c>
    </row>
    <row r="56" spans="1:9">
      <c r="A56" s="1">
        <f ca="1">RAND()</f>
        <v>0.97083342769265235</v>
      </c>
      <c r="B56" s="1"/>
      <c r="C56">
        <v>2</v>
      </c>
      <c r="D56" t="s">
        <v>236</v>
      </c>
      <c r="E56" t="s">
        <v>30573</v>
      </c>
      <c r="F56">
        <v>4</v>
      </c>
      <c r="G56" t="s">
        <v>0</v>
      </c>
      <c r="H56" t="s">
        <v>238</v>
      </c>
      <c r="I56" t="s">
        <v>30540</v>
      </c>
    </row>
    <row r="57" spans="1:9">
      <c r="A57" s="1">
        <f ca="1">RAND()</f>
        <v>0.45375528063769865</v>
      </c>
      <c r="B57" s="1"/>
      <c r="C57">
        <v>1</v>
      </c>
      <c r="D57" t="s">
        <v>236</v>
      </c>
      <c r="E57" t="s">
        <v>30574</v>
      </c>
      <c r="F57">
        <v>4</v>
      </c>
      <c r="G57" t="s">
        <v>0</v>
      </c>
      <c r="H57" t="s">
        <v>237</v>
      </c>
      <c r="I57" t="s">
        <v>30540</v>
      </c>
    </row>
    <row r="58" spans="1:9">
      <c r="A58" s="1">
        <f ca="1">RAND()</f>
        <v>0.1898318775579283</v>
      </c>
      <c r="B58" s="1"/>
      <c r="C58">
        <v>1</v>
      </c>
      <c r="D58" t="s">
        <v>232</v>
      </c>
      <c r="E58" t="s">
        <v>30575</v>
      </c>
      <c r="F58">
        <v>4</v>
      </c>
      <c r="G58" t="s">
        <v>9</v>
      </c>
      <c r="H58" t="s">
        <v>233</v>
      </c>
      <c r="I58" t="s">
        <v>30540</v>
      </c>
    </row>
    <row r="59" spans="1:9">
      <c r="A59" s="1">
        <f ca="1">RAND()</f>
        <v>0.45495487534962509</v>
      </c>
      <c r="B59" s="1"/>
      <c r="C59">
        <v>3</v>
      </c>
      <c r="D59" t="s">
        <v>234</v>
      </c>
      <c r="E59" t="s">
        <v>30575</v>
      </c>
      <c r="F59">
        <v>4</v>
      </c>
      <c r="G59" t="s">
        <v>15</v>
      </c>
      <c r="H59" t="s">
        <v>235</v>
      </c>
      <c r="I59" t="s">
        <v>30540</v>
      </c>
    </row>
    <row r="60" spans="1:9">
      <c r="A60" s="1">
        <f ca="1">RAND()</f>
        <v>0.67143327079391379</v>
      </c>
      <c r="B60" s="1"/>
      <c r="C60">
        <v>4</v>
      </c>
      <c r="D60" t="s">
        <v>230</v>
      </c>
      <c r="E60" t="s">
        <v>30576</v>
      </c>
      <c r="F60">
        <v>5</v>
      </c>
      <c r="G60" t="s">
        <v>13</v>
      </c>
      <c r="H60" t="s">
        <v>231</v>
      </c>
      <c r="I60" t="s">
        <v>30540</v>
      </c>
    </row>
    <row r="61" spans="1:9">
      <c r="A61" s="1">
        <f ca="1">RAND()</f>
        <v>0.20744486970802622</v>
      </c>
      <c r="B61" s="1"/>
      <c r="C61">
        <v>3</v>
      </c>
      <c r="D61" t="s">
        <v>226</v>
      </c>
      <c r="E61" t="s">
        <v>30577</v>
      </c>
      <c r="F61">
        <v>4</v>
      </c>
      <c r="G61" t="s">
        <v>15</v>
      </c>
      <c r="H61" t="s">
        <v>227</v>
      </c>
      <c r="I61" t="s">
        <v>30540</v>
      </c>
    </row>
    <row r="62" spans="1:9">
      <c r="A62" s="1">
        <f ca="1">RAND()</f>
        <v>0.72095049782739995</v>
      </c>
      <c r="B62" s="1"/>
      <c r="C62">
        <v>5</v>
      </c>
      <c r="D62" t="s">
        <v>228</v>
      </c>
      <c r="E62" t="s">
        <v>30577</v>
      </c>
      <c r="F62">
        <v>4</v>
      </c>
      <c r="G62" t="s">
        <v>9</v>
      </c>
      <c r="H62" t="s">
        <v>229</v>
      </c>
      <c r="I62" t="s">
        <v>30540</v>
      </c>
    </row>
    <row r="63" spans="1:9">
      <c r="A63" s="1">
        <f ca="1">RAND()</f>
        <v>0.52690147773071427</v>
      </c>
      <c r="B63" s="1"/>
      <c r="C63">
        <v>1</v>
      </c>
      <c r="D63" t="s">
        <v>224</v>
      </c>
      <c r="E63" t="s">
        <v>30578</v>
      </c>
      <c r="F63">
        <v>1</v>
      </c>
      <c r="G63" t="s">
        <v>1</v>
      </c>
      <c r="H63" t="s">
        <v>225</v>
      </c>
      <c r="I63" t="s">
        <v>30540</v>
      </c>
    </row>
    <row r="64" spans="1:9">
      <c r="A64" s="1">
        <f ca="1">RAND()</f>
        <v>0.33738592204908313</v>
      </c>
      <c r="B64" s="1"/>
      <c r="C64">
        <v>4</v>
      </c>
      <c r="D64" t="s">
        <v>222</v>
      </c>
      <c r="E64" t="s">
        <v>30579</v>
      </c>
      <c r="F64">
        <v>3</v>
      </c>
      <c r="G64" t="s">
        <v>1</v>
      </c>
      <c r="H64" t="s">
        <v>223</v>
      </c>
      <c r="I64" t="s">
        <v>30540</v>
      </c>
    </row>
    <row r="65" spans="1:9">
      <c r="A65" s="1">
        <f ca="1">RAND()</f>
        <v>0.45920507479173212</v>
      </c>
      <c r="B65" s="1"/>
      <c r="C65">
        <v>1</v>
      </c>
      <c r="D65" t="s">
        <v>216</v>
      </c>
      <c r="E65" t="s">
        <v>30580</v>
      </c>
      <c r="F65">
        <v>4</v>
      </c>
      <c r="G65" t="s">
        <v>0</v>
      </c>
      <c r="H65" t="s">
        <v>217</v>
      </c>
      <c r="I65" t="s">
        <v>30540</v>
      </c>
    </row>
    <row r="66" spans="1:9">
      <c r="A66" s="1">
        <f ca="1">RAND()</f>
        <v>0.52707378471306499</v>
      </c>
      <c r="B66" s="1"/>
      <c r="C66">
        <v>3</v>
      </c>
      <c r="D66" t="s">
        <v>218</v>
      </c>
      <c r="E66" t="s">
        <v>30580</v>
      </c>
      <c r="F66">
        <v>4</v>
      </c>
      <c r="G66" t="s">
        <v>0</v>
      </c>
      <c r="H66" t="s">
        <v>219</v>
      </c>
      <c r="I66" t="s">
        <v>30540</v>
      </c>
    </row>
    <row r="67" spans="1:9">
      <c r="A67" s="1">
        <f ca="1">RAND()</f>
        <v>0.25925907221660427</v>
      </c>
      <c r="B67" s="1"/>
      <c r="C67">
        <v>5</v>
      </c>
      <c r="D67" t="s">
        <v>220</v>
      </c>
      <c r="E67" t="s">
        <v>30580</v>
      </c>
      <c r="F67">
        <v>4</v>
      </c>
      <c r="G67" t="s">
        <v>0</v>
      </c>
      <c r="H67" t="s">
        <v>221</v>
      </c>
      <c r="I67" t="s">
        <v>30540</v>
      </c>
    </row>
    <row r="68" spans="1:9">
      <c r="A68" s="1">
        <f ca="1">RAND()</f>
        <v>0.58799248015095262</v>
      </c>
      <c r="B68" s="1"/>
      <c r="C68">
        <v>2</v>
      </c>
      <c r="D68" t="s">
        <v>214</v>
      </c>
      <c r="E68" t="s">
        <v>30581</v>
      </c>
      <c r="F68">
        <v>4</v>
      </c>
      <c r="G68" t="s">
        <v>0</v>
      </c>
      <c r="H68" t="s">
        <v>215</v>
      </c>
      <c r="I68" t="s">
        <v>30540</v>
      </c>
    </row>
    <row r="69" spans="1:9">
      <c r="A69" s="1">
        <f ca="1">RAND()</f>
        <v>0.99761483796943362</v>
      </c>
      <c r="B69" s="1"/>
      <c r="C69">
        <v>2</v>
      </c>
      <c r="D69" t="s">
        <v>208</v>
      </c>
      <c r="E69" t="s">
        <v>30582</v>
      </c>
      <c r="F69">
        <v>4</v>
      </c>
      <c r="G69" t="s">
        <v>15</v>
      </c>
      <c r="H69" t="s">
        <v>209</v>
      </c>
      <c r="I69" t="s">
        <v>30540</v>
      </c>
    </row>
    <row r="70" spans="1:9">
      <c r="A70" s="1">
        <f ca="1">RAND()</f>
        <v>0.73777986650818717</v>
      </c>
      <c r="B70" s="1"/>
      <c r="C70">
        <v>8</v>
      </c>
      <c r="D70" t="s">
        <v>212</v>
      </c>
      <c r="E70" t="s">
        <v>30582</v>
      </c>
      <c r="F70">
        <v>4</v>
      </c>
      <c r="G70" t="s">
        <v>0</v>
      </c>
      <c r="H70" t="s">
        <v>213</v>
      </c>
      <c r="I70" t="s">
        <v>30540</v>
      </c>
    </row>
    <row r="71" spans="1:9">
      <c r="A71" s="1">
        <f ca="1">RAND()</f>
        <v>0.6227175115221093</v>
      </c>
      <c r="B71" s="1"/>
      <c r="C71">
        <v>5</v>
      </c>
      <c r="D71" t="s">
        <v>210</v>
      </c>
      <c r="E71" t="s">
        <v>30582</v>
      </c>
      <c r="F71">
        <v>4</v>
      </c>
      <c r="G71" t="s">
        <v>10</v>
      </c>
      <c r="H71" t="s">
        <v>211</v>
      </c>
      <c r="I71" t="s">
        <v>30540</v>
      </c>
    </row>
    <row r="72" spans="1:9">
      <c r="A72" s="1">
        <f ca="1">RAND()</f>
        <v>0.38388317645958048</v>
      </c>
      <c r="B72" s="1"/>
      <c r="C72">
        <v>7</v>
      </c>
      <c r="D72" t="s">
        <v>204</v>
      </c>
      <c r="E72" t="s">
        <v>30583</v>
      </c>
      <c r="F72">
        <v>5</v>
      </c>
      <c r="G72" t="s">
        <v>0</v>
      </c>
      <c r="H72" t="s">
        <v>205</v>
      </c>
      <c r="I72" t="s">
        <v>30540</v>
      </c>
    </row>
    <row r="73" spans="1:9">
      <c r="A73" s="1">
        <f ca="1">RAND()</f>
        <v>0.85264821465387441</v>
      </c>
      <c r="B73" s="1"/>
      <c r="C73">
        <v>8</v>
      </c>
      <c r="D73" t="s">
        <v>206</v>
      </c>
      <c r="E73" t="s">
        <v>30583</v>
      </c>
      <c r="F73">
        <v>5</v>
      </c>
      <c r="G73" t="s">
        <v>1</v>
      </c>
      <c r="H73" t="s">
        <v>207</v>
      </c>
      <c r="I73" t="s">
        <v>30540</v>
      </c>
    </row>
    <row r="74" spans="1:9">
      <c r="A74" s="1">
        <f ca="1">RAND()</f>
        <v>0.67453533671918542</v>
      </c>
      <c r="B74" s="1"/>
      <c r="C74">
        <v>1</v>
      </c>
      <c r="D74" t="s">
        <v>202</v>
      </c>
      <c r="E74" t="s">
        <v>30584</v>
      </c>
      <c r="F74">
        <v>5</v>
      </c>
      <c r="G74" t="s">
        <v>2</v>
      </c>
      <c r="H74" t="s">
        <v>203</v>
      </c>
      <c r="I74" t="s">
        <v>30540</v>
      </c>
    </row>
    <row r="75" spans="1:9">
      <c r="A75" s="1">
        <f ca="1">RAND()</f>
        <v>0.22680133725264051</v>
      </c>
      <c r="B75" s="1"/>
      <c r="C75">
        <v>5</v>
      </c>
      <c r="D75" t="s">
        <v>200</v>
      </c>
      <c r="E75" t="s">
        <v>30585</v>
      </c>
      <c r="F75">
        <v>4</v>
      </c>
      <c r="G75" t="s">
        <v>15</v>
      </c>
      <c r="H75" t="s">
        <v>201</v>
      </c>
      <c r="I75" t="s">
        <v>30540</v>
      </c>
    </row>
    <row r="76" spans="1:9">
      <c r="A76" s="1">
        <f ca="1">RAND()</f>
        <v>0.42549666995534352</v>
      </c>
      <c r="B76" s="1"/>
      <c r="C76">
        <v>2</v>
      </c>
      <c r="D76" t="s">
        <v>198</v>
      </c>
      <c r="E76" t="s">
        <v>30585</v>
      </c>
      <c r="F76">
        <v>4</v>
      </c>
      <c r="G76" t="s">
        <v>9</v>
      </c>
      <c r="H76" t="s">
        <v>199</v>
      </c>
      <c r="I76" t="s">
        <v>30540</v>
      </c>
    </row>
    <row r="77" spans="1:9">
      <c r="A77" s="1">
        <f ca="1">RAND()</f>
        <v>0.72196849426696175</v>
      </c>
      <c r="B77" s="1"/>
      <c r="C77">
        <v>1</v>
      </c>
      <c r="D77" t="s">
        <v>196</v>
      </c>
      <c r="E77" t="s">
        <v>30585</v>
      </c>
      <c r="F77">
        <v>4</v>
      </c>
      <c r="G77" t="s">
        <v>10</v>
      </c>
      <c r="H77" t="s">
        <v>197</v>
      </c>
      <c r="I77" t="s">
        <v>30540</v>
      </c>
    </row>
    <row r="78" spans="1:9">
      <c r="A78" s="1">
        <f ca="1">RAND()</f>
        <v>0.49079527113482435</v>
      </c>
      <c r="B78" s="1"/>
      <c r="C78">
        <v>3</v>
      </c>
      <c r="D78" t="s">
        <v>194</v>
      </c>
      <c r="E78" t="s">
        <v>30586</v>
      </c>
      <c r="F78">
        <v>5</v>
      </c>
      <c r="G78" t="s">
        <v>0</v>
      </c>
      <c r="H78" t="s">
        <v>195</v>
      </c>
      <c r="I78" t="s">
        <v>30540</v>
      </c>
    </row>
    <row r="79" spans="1:9">
      <c r="A79" s="1">
        <f ca="1">RAND()</f>
        <v>0.66252130156593425</v>
      </c>
      <c r="B79" s="1"/>
      <c r="C79">
        <v>2</v>
      </c>
      <c r="D79" t="s">
        <v>192</v>
      </c>
      <c r="E79" t="s">
        <v>30587</v>
      </c>
      <c r="F79">
        <v>4</v>
      </c>
      <c r="G79" t="s">
        <v>9</v>
      </c>
      <c r="H79" t="s">
        <v>193</v>
      </c>
      <c r="I79" t="s">
        <v>30540</v>
      </c>
    </row>
    <row r="80" spans="1:9">
      <c r="A80" s="1">
        <f ca="1">RAND()</f>
        <v>2.5550093547321184E-2</v>
      </c>
      <c r="B80" s="1"/>
      <c r="C80">
        <v>1</v>
      </c>
      <c r="D80" t="s">
        <v>190</v>
      </c>
      <c r="E80" t="s">
        <v>30587</v>
      </c>
      <c r="F80">
        <v>4</v>
      </c>
      <c r="G80" t="s">
        <v>10</v>
      </c>
      <c r="H80" t="s">
        <v>191</v>
      </c>
      <c r="I80" t="s">
        <v>30540</v>
      </c>
    </row>
    <row r="81" spans="1:9">
      <c r="A81" s="1">
        <f ca="1">RAND()</f>
        <v>0.75986807983733684</v>
      </c>
      <c r="B81" s="1"/>
      <c r="C81">
        <v>1</v>
      </c>
      <c r="D81" t="s">
        <v>184</v>
      </c>
      <c r="E81" t="s">
        <v>30588</v>
      </c>
      <c r="F81">
        <v>4</v>
      </c>
      <c r="G81" t="s">
        <v>9</v>
      </c>
      <c r="H81" t="s">
        <v>185</v>
      </c>
      <c r="I81" t="s">
        <v>30540</v>
      </c>
    </row>
    <row r="82" spans="1:9">
      <c r="A82" s="1">
        <f ca="1">RAND()</f>
        <v>0.43993632766268165</v>
      </c>
      <c r="B82" s="1"/>
      <c r="C82">
        <v>3</v>
      </c>
      <c r="D82" t="s">
        <v>186</v>
      </c>
      <c r="E82" t="s">
        <v>30588</v>
      </c>
      <c r="F82">
        <v>4</v>
      </c>
      <c r="G82" t="s">
        <v>15</v>
      </c>
      <c r="H82" t="s">
        <v>187</v>
      </c>
      <c r="I82" t="s">
        <v>30540</v>
      </c>
    </row>
    <row r="83" spans="1:9">
      <c r="A83" s="1">
        <f ca="1">RAND()</f>
        <v>0.91692277254071264</v>
      </c>
      <c r="B83" s="1"/>
      <c r="C83">
        <v>6</v>
      </c>
      <c r="D83" t="s">
        <v>188</v>
      </c>
      <c r="E83" t="s">
        <v>30588</v>
      </c>
      <c r="F83">
        <v>4</v>
      </c>
      <c r="G83" t="s">
        <v>15</v>
      </c>
      <c r="H83" t="s">
        <v>189</v>
      </c>
      <c r="I83" t="s">
        <v>30540</v>
      </c>
    </row>
    <row r="84" spans="1:9">
      <c r="A84" s="1">
        <f ca="1">RAND()</f>
        <v>0.8011368579548851</v>
      </c>
      <c r="B84" s="1"/>
      <c r="C84">
        <v>1</v>
      </c>
      <c r="D84" t="s">
        <v>182</v>
      </c>
      <c r="E84" t="s">
        <v>30589</v>
      </c>
      <c r="F84">
        <v>5</v>
      </c>
      <c r="G84" t="s">
        <v>13</v>
      </c>
      <c r="H84" t="s">
        <v>183</v>
      </c>
      <c r="I84" t="s">
        <v>30540</v>
      </c>
    </row>
    <row r="85" spans="1:9">
      <c r="A85" s="1">
        <f ca="1">RAND()</f>
        <v>0.9612299207511551</v>
      </c>
      <c r="B85" s="1"/>
      <c r="C85">
        <v>1</v>
      </c>
      <c r="D85" t="s">
        <v>178</v>
      </c>
      <c r="E85" t="s">
        <v>30590</v>
      </c>
      <c r="F85">
        <v>4</v>
      </c>
      <c r="G85" t="s">
        <v>0</v>
      </c>
      <c r="H85" t="s">
        <v>179</v>
      </c>
      <c r="I85" t="s">
        <v>30540</v>
      </c>
    </row>
    <row r="86" spans="1:9">
      <c r="A86" s="1">
        <f ca="1">RAND()</f>
        <v>0.292157919518236</v>
      </c>
      <c r="B86" s="1"/>
      <c r="C86">
        <v>3</v>
      </c>
      <c r="D86" t="s">
        <v>180</v>
      </c>
      <c r="E86" t="s">
        <v>30590</v>
      </c>
      <c r="F86">
        <v>4</v>
      </c>
      <c r="G86" t="s">
        <v>0</v>
      </c>
      <c r="H86" t="s">
        <v>181</v>
      </c>
      <c r="I86" t="s">
        <v>30540</v>
      </c>
    </row>
    <row r="87" spans="1:9">
      <c r="A87" s="1">
        <f ca="1">RAND()</f>
        <v>0.45367114455337243</v>
      </c>
      <c r="B87" s="1"/>
      <c r="C87">
        <v>1</v>
      </c>
      <c r="D87" t="s">
        <v>172</v>
      </c>
      <c r="E87" t="s">
        <v>30591</v>
      </c>
      <c r="F87">
        <v>5</v>
      </c>
      <c r="G87" t="s">
        <v>0</v>
      </c>
      <c r="H87" t="s">
        <v>173</v>
      </c>
      <c r="I87" t="s">
        <v>30540</v>
      </c>
    </row>
    <row r="88" spans="1:9">
      <c r="A88" s="1">
        <f ca="1">RAND()</f>
        <v>0.41581472736045544</v>
      </c>
      <c r="B88" s="1"/>
      <c r="C88">
        <v>6</v>
      </c>
      <c r="D88" t="s">
        <v>176</v>
      </c>
      <c r="E88" t="s">
        <v>30591</v>
      </c>
      <c r="F88">
        <v>4</v>
      </c>
      <c r="G88" t="s">
        <v>2</v>
      </c>
      <c r="H88" t="s">
        <v>177</v>
      </c>
      <c r="I88" t="s">
        <v>30540</v>
      </c>
    </row>
    <row r="89" spans="1:9">
      <c r="A89" s="1">
        <f ca="1">RAND()</f>
        <v>0.24577338560669904</v>
      </c>
      <c r="B89" s="1"/>
      <c r="C89">
        <v>3</v>
      </c>
      <c r="D89" t="s">
        <v>174</v>
      </c>
      <c r="E89" t="s">
        <v>30591</v>
      </c>
      <c r="F89">
        <v>4</v>
      </c>
      <c r="G89" t="s">
        <v>10</v>
      </c>
      <c r="H89" t="s">
        <v>175</v>
      </c>
      <c r="I89" t="s">
        <v>30540</v>
      </c>
    </row>
    <row r="90" spans="1:9">
      <c r="A90" s="1">
        <f ca="1">RAND()</f>
        <v>4.9990542194869092E-2</v>
      </c>
      <c r="B90" s="1"/>
      <c r="C90">
        <v>3</v>
      </c>
      <c r="D90" t="s">
        <v>170</v>
      </c>
      <c r="E90" t="s">
        <v>30592</v>
      </c>
      <c r="F90">
        <v>4</v>
      </c>
      <c r="G90" t="s">
        <v>0</v>
      </c>
      <c r="H90" t="s">
        <v>171</v>
      </c>
      <c r="I90" t="s">
        <v>30540</v>
      </c>
    </row>
    <row r="91" spans="1:9">
      <c r="A91" s="1">
        <f ca="1">RAND()</f>
        <v>0.93336925522945013</v>
      </c>
      <c r="B91" s="1"/>
      <c r="C91">
        <v>5</v>
      </c>
      <c r="D91" t="s">
        <v>168</v>
      </c>
      <c r="E91" t="s">
        <v>30593</v>
      </c>
      <c r="F91">
        <v>5</v>
      </c>
      <c r="G91" t="s">
        <v>0</v>
      </c>
      <c r="H91" t="s">
        <v>169</v>
      </c>
      <c r="I91" t="s">
        <v>30540</v>
      </c>
    </row>
    <row r="92" spans="1:9">
      <c r="A92" s="1">
        <f ca="1">RAND()</f>
        <v>0.22786163254485525</v>
      </c>
      <c r="B92" s="1"/>
      <c r="C92">
        <v>3</v>
      </c>
      <c r="D92" t="s">
        <v>166</v>
      </c>
      <c r="E92" t="s">
        <v>30593</v>
      </c>
      <c r="F92">
        <v>4</v>
      </c>
      <c r="G92" t="s">
        <v>0</v>
      </c>
      <c r="H92" t="s">
        <v>167</v>
      </c>
      <c r="I92" t="s">
        <v>30540</v>
      </c>
    </row>
    <row r="93" spans="1:9">
      <c r="A93" s="1">
        <f ca="1">RAND()</f>
        <v>4.7041127300581076E-3</v>
      </c>
      <c r="B93" s="1"/>
      <c r="C93">
        <v>1</v>
      </c>
      <c r="D93" t="s">
        <v>164</v>
      </c>
      <c r="E93" t="s">
        <v>30594</v>
      </c>
      <c r="F93">
        <v>5</v>
      </c>
      <c r="G93" t="s">
        <v>0</v>
      </c>
      <c r="H93" t="s">
        <v>165</v>
      </c>
      <c r="I93" t="s">
        <v>30540</v>
      </c>
    </row>
    <row r="94" spans="1:9">
      <c r="A94" s="1">
        <f ca="1">RAND()</f>
        <v>0.99645954324146147</v>
      </c>
      <c r="B94" s="1"/>
      <c r="C94">
        <v>3</v>
      </c>
      <c r="D94" t="s">
        <v>162</v>
      </c>
      <c r="E94" t="s">
        <v>30595</v>
      </c>
      <c r="F94">
        <v>4</v>
      </c>
      <c r="G94" t="s">
        <v>13</v>
      </c>
      <c r="H94" t="s">
        <v>163</v>
      </c>
      <c r="I94" t="s">
        <v>30540</v>
      </c>
    </row>
    <row r="95" spans="1:9">
      <c r="A95" s="1">
        <f ca="1">RAND()</f>
        <v>0.59809665207773099</v>
      </c>
      <c r="B95" s="1"/>
      <c r="C95">
        <v>1</v>
      </c>
      <c r="D95" t="s">
        <v>160</v>
      </c>
      <c r="E95" t="s">
        <v>30596</v>
      </c>
      <c r="F95">
        <v>4</v>
      </c>
      <c r="G95" t="s">
        <v>0</v>
      </c>
      <c r="H95" t="s">
        <v>161</v>
      </c>
      <c r="I95" t="s">
        <v>30540</v>
      </c>
    </row>
    <row r="96" spans="1:9">
      <c r="A96" s="1">
        <f ca="1">RAND()</f>
        <v>0.47093300410822014</v>
      </c>
      <c r="B96" s="1"/>
      <c r="C96">
        <v>1</v>
      </c>
      <c r="D96" t="s">
        <v>158</v>
      </c>
      <c r="E96" t="s">
        <v>30597</v>
      </c>
      <c r="F96">
        <v>4</v>
      </c>
      <c r="G96" t="s">
        <v>2</v>
      </c>
      <c r="H96" t="s">
        <v>159</v>
      </c>
      <c r="I96" t="s">
        <v>30540</v>
      </c>
    </row>
    <row r="97" spans="1:9">
      <c r="A97" s="1">
        <f ca="1">RAND()</f>
        <v>0.84308049527027895</v>
      </c>
      <c r="B97" s="1"/>
      <c r="C97">
        <v>8</v>
      </c>
      <c r="D97" t="s">
        <v>156</v>
      </c>
      <c r="E97" t="s">
        <v>30598</v>
      </c>
      <c r="F97">
        <v>4</v>
      </c>
      <c r="G97" t="s">
        <v>15</v>
      </c>
      <c r="H97" t="s">
        <v>157</v>
      </c>
      <c r="I97" t="s">
        <v>30540</v>
      </c>
    </row>
    <row r="98" spans="1:9">
      <c r="A98" s="1">
        <f ca="1">RAND()</f>
        <v>0.86096607564311445</v>
      </c>
      <c r="B98" s="1"/>
      <c r="C98">
        <v>7</v>
      </c>
      <c r="D98" t="s">
        <v>154</v>
      </c>
      <c r="E98" t="s">
        <v>30598</v>
      </c>
      <c r="F98">
        <v>4</v>
      </c>
      <c r="G98" t="s">
        <v>0</v>
      </c>
      <c r="H98" t="s">
        <v>155</v>
      </c>
      <c r="I98" t="s">
        <v>30540</v>
      </c>
    </row>
    <row r="99" spans="1:9">
      <c r="A99" s="1">
        <f ca="1">RAND()</f>
        <v>0.98647809865525138</v>
      </c>
      <c r="B99" s="1"/>
      <c r="C99">
        <v>6</v>
      </c>
      <c r="D99" t="s">
        <v>152</v>
      </c>
      <c r="E99" t="s">
        <v>30598</v>
      </c>
      <c r="F99">
        <v>4</v>
      </c>
      <c r="G99" t="s">
        <v>2</v>
      </c>
      <c r="H99" t="s">
        <v>153</v>
      </c>
      <c r="I99" t="s">
        <v>30540</v>
      </c>
    </row>
    <row r="100" spans="1:9">
      <c r="A100" s="1">
        <f ca="1">RAND()</f>
        <v>0.44501643382430656</v>
      </c>
      <c r="B100" s="1"/>
      <c r="C100">
        <v>4</v>
      </c>
      <c r="D100" t="s">
        <v>150</v>
      </c>
      <c r="E100" t="s">
        <v>30598</v>
      </c>
      <c r="F100">
        <v>4</v>
      </c>
      <c r="G100" t="s">
        <v>0</v>
      </c>
      <c r="H100" t="s">
        <v>151</v>
      </c>
      <c r="I100" t="s">
        <v>30540</v>
      </c>
    </row>
    <row r="101" spans="1:9">
      <c r="A101" s="1">
        <f ca="1">RAND()</f>
        <v>0.61749101470970291</v>
      </c>
      <c r="B101" s="1"/>
      <c r="C101">
        <v>1</v>
      </c>
      <c r="D101" t="s">
        <v>142</v>
      </c>
      <c r="E101" t="s">
        <v>30599</v>
      </c>
      <c r="F101">
        <v>5</v>
      </c>
      <c r="G101" t="s">
        <v>0</v>
      </c>
      <c r="H101" t="s">
        <v>143</v>
      </c>
      <c r="I101" t="s">
        <v>30540</v>
      </c>
    </row>
    <row r="102" spans="1:9">
      <c r="A102" s="1">
        <f ca="1">RAND()</f>
        <v>0.3812875888385352</v>
      </c>
      <c r="B102" s="1"/>
      <c r="C102">
        <v>5</v>
      </c>
      <c r="D102" t="s">
        <v>148</v>
      </c>
      <c r="E102" t="s">
        <v>30599</v>
      </c>
      <c r="F102">
        <v>4</v>
      </c>
      <c r="G102" t="s">
        <v>0</v>
      </c>
      <c r="H102" t="s">
        <v>149</v>
      </c>
      <c r="I102" t="s">
        <v>30540</v>
      </c>
    </row>
    <row r="103" spans="1:9">
      <c r="A103" s="1">
        <f ca="1">RAND()</f>
        <v>0.23622972757148442</v>
      </c>
      <c r="B103" s="1"/>
      <c r="C103">
        <v>3</v>
      </c>
      <c r="D103" t="s">
        <v>146</v>
      </c>
      <c r="E103" t="s">
        <v>30599</v>
      </c>
      <c r="F103">
        <v>4</v>
      </c>
      <c r="G103" t="s">
        <v>0</v>
      </c>
      <c r="H103" t="s">
        <v>147</v>
      </c>
      <c r="I103" t="s">
        <v>30540</v>
      </c>
    </row>
    <row r="104" spans="1:9">
      <c r="A104" s="1">
        <f ca="1">RAND()</f>
        <v>0.81597470020779916</v>
      </c>
      <c r="B104" s="1"/>
      <c r="C104">
        <v>2</v>
      </c>
      <c r="D104" t="s">
        <v>144</v>
      </c>
      <c r="E104" t="s">
        <v>30599</v>
      </c>
      <c r="F104">
        <v>4</v>
      </c>
      <c r="G104" t="s">
        <v>0</v>
      </c>
      <c r="H104" t="s">
        <v>145</v>
      </c>
      <c r="I104" t="s">
        <v>30540</v>
      </c>
    </row>
    <row r="105" spans="1:9">
      <c r="A105" s="1">
        <f ca="1">RAND()</f>
        <v>0.14343645024812479</v>
      </c>
      <c r="B105" s="1"/>
      <c r="C105">
        <v>4</v>
      </c>
      <c r="D105" t="s">
        <v>140</v>
      </c>
      <c r="E105" t="s">
        <v>30600</v>
      </c>
      <c r="F105">
        <v>4</v>
      </c>
      <c r="G105" t="s">
        <v>0</v>
      </c>
      <c r="H105" t="s">
        <v>141</v>
      </c>
      <c r="I105" t="s">
        <v>30540</v>
      </c>
    </row>
    <row r="106" spans="1:9">
      <c r="A106" s="1">
        <f ca="1">RAND()</f>
        <v>6.4002239244342896E-4</v>
      </c>
      <c r="B106" s="1"/>
      <c r="C106">
        <v>1</v>
      </c>
      <c r="D106" t="s">
        <v>136</v>
      </c>
      <c r="E106" t="s">
        <v>30601</v>
      </c>
      <c r="F106">
        <v>4</v>
      </c>
      <c r="G106" t="s">
        <v>0</v>
      </c>
      <c r="H106" t="s">
        <v>137</v>
      </c>
      <c r="I106" t="s">
        <v>30540</v>
      </c>
    </row>
    <row r="107" spans="1:9">
      <c r="A107" s="1">
        <f ca="1">RAND()</f>
        <v>0.28738140621522656</v>
      </c>
      <c r="B107" s="1"/>
      <c r="C107">
        <v>2</v>
      </c>
      <c r="D107" t="s">
        <v>138</v>
      </c>
      <c r="E107" t="s">
        <v>30601</v>
      </c>
      <c r="F107">
        <v>4</v>
      </c>
      <c r="G107" t="s">
        <v>0</v>
      </c>
      <c r="H107" t="s">
        <v>139</v>
      </c>
      <c r="I107" t="s">
        <v>30540</v>
      </c>
    </row>
    <row r="108" spans="1:9">
      <c r="A108" s="1">
        <f ca="1">RAND()</f>
        <v>0.7443813707319189</v>
      </c>
      <c r="B108" s="1"/>
      <c r="C108">
        <v>3</v>
      </c>
      <c r="D108" t="s">
        <v>134</v>
      </c>
      <c r="E108" t="s">
        <v>30602</v>
      </c>
      <c r="F108">
        <v>4</v>
      </c>
      <c r="G108" t="s">
        <v>9</v>
      </c>
      <c r="H108" t="s">
        <v>135</v>
      </c>
      <c r="I108" t="s">
        <v>30540</v>
      </c>
    </row>
    <row r="109" spans="1:9">
      <c r="A109" s="1">
        <f ca="1">RAND()</f>
        <v>0.31861332383968211</v>
      </c>
      <c r="B109" s="1"/>
      <c r="C109">
        <v>1</v>
      </c>
      <c r="D109" t="s">
        <v>132</v>
      </c>
      <c r="E109" t="s">
        <v>30602</v>
      </c>
      <c r="F109">
        <v>4</v>
      </c>
      <c r="G109" t="s">
        <v>2</v>
      </c>
      <c r="H109" t="s">
        <v>133</v>
      </c>
      <c r="I109" t="s">
        <v>30540</v>
      </c>
    </row>
    <row r="110" spans="1:9">
      <c r="A110" s="1">
        <f ca="1">RAND()</f>
        <v>0.27691124841009784</v>
      </c>
      <c r="B110" s="1"/>
      <c r="C110">
        <v>4</v>
      </c>
      <c r="D110" t="s">
        <v>130</v>
      </c>
      <c r="E110" t="s">
        <v>30603</v>
      </c>
      <c r="F110">
        <v>4</v>
      </c>
      <c r="G110" t="s">
        <v>1</v>
      </c>
      <c r="H110" t="s">
        <v>131</v>
      </c>
      <c r="I110" t="s">
        <v>30540</v>
      </c>
    </row>
    <row r="111" spans="1:9">
      <c r="A111" s="1">
        <f ca="1">RAND()</f>
        <v>0.74902691794450404</v>
      </c>
      <c r="B111" s="1"/>
      <c r="C111">
        <v>1</v>
      </c>
      <c r="D111" t="s">
        <v>126</v>
      </c>
      <c r="E111" t="s">
        <v>30603</v>
      </c>
      <c r="F111">
        <v>4</v>
      </c>
      <c r="G111" t="s">
        <v>13</v>
      </c>
      <c r="H111" t="s">
        <v>127</v>
      </c>
      <c r="I111" t="s">
        <v>30540</v>
      </c>
    </row>
    <row r="112" spans="1:9">
      <c r="A112" s="1">
        <f ca="1">RAND()</f>
        <v>0.32580257981640082</v>
      </c>
      <c r="B112" s="1"/>
      <c r="C112">
        <v>2</v>
      </c>
      <c r="D112" t="s">
        <v>128</v>
      </c>
      <c r="E112" t="s">
        <v>30603</v>
      </c>
      <c r="F112">
        <v>3</v>
      </c>
      <c r="G112" t="s">
        <v>2</v>
      </c>
      <c r="H112" t="s">
        <v>129</v>
      </c>
      <c r="I112" t="s">
        <v>30540</v>
      </c>
    </row>
    <row r="113" spans="1:9">
      <c r="A113" s="1">
        <f ca="1">RAND()</f>
        <v>0.91726914218897126</v>
      </c>
      <c r="B113" s="1"/>
      <c r="C113">
        <v>2</v>
      </c>
      <c r="D113" t="s">
        <v>124</v>
      </c>
      <c r="E113" t="s">
        <v>30604</v>
      </c>
      <c r="F113">
        <v>4</v>
      </c>
      <c r="G113" t="s">
        <v>1</v>
      </c>
      <c r="H113" t="s">
        <v>125</v>
      </c>
      <c r="I113" t="s">
        <v>30540</v>
      </c>
    </row>
    <row r="114" spans="1:9">
      <c r="A114" s="1">
        <f ca="1">RAND()</f>
        <v>0.13109917358522993</v>
      </c>
      <c r="B114" s="1"/>
      <c r="C114">
        <v>4</v>
      </c>
      <c r="D114" t="s">
        <v>122</v>
      </c>
      <c r="E114" t="s">
        <v>30605</v>
      </c>
      <c r="F114">
        <v>5</v>
      </c>
      <c r="G114" t="s">
        <v>15</v>
      </c>
      <c r="H114" t="s">
        <v>123</v>
      </c>
      <c r="I114" t="s">
        <v>30540</v>
      </c>
    </row>
    <row r="115" spans="1:9">
      <c r="A115" s="1">
        <f ca="1">RAND()</f>
        <v>0.28396428888983771</v>
      </c>
      <c r="B115" s="1"/>
      <c r="C115">
        <v>3</v>
      </c>
      <c r="D115" t="s">
        <v>120</v>
      </c>
      <c r="E115" t="s">
        <v>30606</v>
      </c>
      <c r="F115">
        <v>4</v>
      </c>
      <c r="G115" t="s">
        <v>14</v>
      </c>
      <c r="H115" t="s">
        <v>121</v>
      </c>
      <c r="I115" t="s">
        <v>30540</v>
      </c>
    </row>
    <row r="116" spans="1:9">
      <c r="A116" s="1">
        <f ca="1">RAND()</f>
        <v>5.0272141886060995E-2</v>
      </c>
      <c r="B116" s="1"/>
      <c r="C116">
        <v>2</v>
      </c>
      <c r="D116" t="s">
        <v>116</v>
      </c>
      <c r="E116" t="s">
        <v>30607</v>
      </c>
      <c r="F116">
        <v>5</v>
      </c>
      <c r="G116" t="s">
        <v>13</v>
      </c>
      <c r="H116" t="s">
        <v>117</v>
      </c>
      <c r="I116" t="s">
        <v>30540</v>
      </c>
    </row>
    <row r="117" spans="1:9">
      <c r="A117" s="1">
        <f ca="1">RAND()</f>
        <v>0.21163629157533592</v>
      </c>
      <c r="B117" s="1"/>
      <c r="C117">
        <v>3</v>
      </c>
      <c r="D117" t="s">
        <v>118</v>
      </c>
      <c r="E117" t="s">
        <v>30607</v>
      </c>
      <c r="F117">
        <v>4</v>
      </c>
      <c r="G117" t="s">
        <v>0</v>
      </c>
      <c r="H117" t="s">
        <v>119</v>
      </c>
      <c r="I117" t="s">
        <v>30540</v>
      </c>
    </row>
    <row r="118" spans="1:9">
      <c r="A118" s="1">
        <f ca="1">RAND()</f>
        <v>0.24687871223924274</v>
      </c>
      <c r="B118" s="1"/>
      <c r="C118">
        <v>2</v>
      </c>
      <c r="D118" t="s">
        <v>114</v>
      </c>
      <c r="E118" t="s">
        <v>30608</v>
      </c>
      <c r="F118">
        <v>4</v>
      </c>
      <c r="G118" t="s">
        <v>0</v>
      </c>
      <c r="H118" t="s">
        <v>115</v>
      </c>
      <c r="I118" t="s">
        <v>30540</v>
      </c>
    </row>
    <row r="119" spans="1:9">
      <c r="A119" s="1">
        <f ca="1">RAND()</f>
        <v>0.14076321801141745</v>
      </c>
      <c r="B119" s="1"/>
      <c r="C119">
        <v>1</v>
      </c>
      <c r="D119" t="s">
        <v>110</v>
      </c>
      <c r="E119" t="s">
        <v>30609</v>
      </c>
      <c r="F119">
        <v>4</v>
      </c>
      <c r="G119" t="s">
        <v>2</v>
      </c>
      <c r="H119" t="s">
        <v>111</v>
      </c>
      <c r="I119" t="s">
        <v>30540</v>
      </c>
    </row>
    <row r="120" spans="1:9">
      <c r="A120" s="1">
        <f ca="1">RAND()</f>
        <v>0.35699828971411518</v>
      </c>
      <c r="B120" s="1"/>
      <c r="C120">
        <v>3</v>
      </c>
      <c r="D120" t="s">
        <v>112</v>
      </c>
      <c r="E120" t="s">
        <v>30609</v>
      </c>
      <c r="F120">
        <v>4</v>
      </c>
      <c r="G120" t="s">
        <v>0</v>
      </c>
      <c r="H120" t="s">
        <v>113</v>
      </c>
      <c r="I120" t="s">
        <v>30540</v>
      </c>
    </row>
    <row r="121" spans="1:9">
      <c r="A121" s="1">
        <f ca="1">RAND()</f>
        <v>0.283188694505074</v>
      </c>
      <c r="B121" s="1"/>
      <c r="C121">
        <v>5</v>
      </c>
      <c r="D121" t="s">
        <v>108</v>
      </c>
      <c r="E121" t="s">
        <v>30610</v>
      </c>
      <c r="F121">
        <v>5</v>
      </c>
      <c r="G121" t="s">
        <v>1</v>
      </c>
      <c r="H121" t="s">
        <v>109</v>
      </c>
      <c r="I121" t="s">
        <v>30540</v>
      </c>
    </row>
    <row r="122" spans="1:9">
      <c r="A122" s="1">
        <f ca="1">RAND()</f>
        <v>0.72735115195397049</v>
      </c>
      <c r="B122" s="1"/>
      <c r="C122">
        <v>3</v>
      </c>
      <c r="D122" t="s">
        <v>106</v>
      </c>
      <c r="E122" t="s">
        <v>30610</v>
      </c>
      <c r="F122">
        <v>3</v>
      </c>
      <c r="G122" t="s">
        <v>15</v>
      </c>
      <c r="H122" t="s">
        <v>107</v>
      </c>
      <c r="I122" t="s">
        <v>30540</v>
      </c>
    </row>
    <row r="123" spans="1:9">
      <c r="A123" s="1">
        <f ca="1">RAND()</f>
        <v>0.71270181077390893</v>
      </c>
      <c r="B123" s="1"/>
      <c r="C123">
        <v>1</v>
      </c>
      <c r="D123" t="s">
        <v>104</v>
      </c>
      <c r="E123" t="s">
        <v>30611</v>
      </c>
      <c r="F123">
        <v>4</v>
      </c>
      <c r="G123" t="s">
        <v>0</v>
      </c>
      <c r="H123" t="s">
        <v>105</v>
      </c>
      <c r="I123" t="s">
        <v>30540</v>
      </c>
    </row>
    <row r="124" spans="1:9">
      <c r="A124" s="1">
        <f ca="1">RAND()</f>
        <v>0.34809081489245752</v>
      </c>
      <c r="B124" s="1"/>
      <c r="C124">
        <v>1</v>
      </c>
      <c r="D124" t="s">
        <v>102</v>
      </c>
      <c r="E124" t="s">
        <v>30612</v>
      </c>
      <c r="F124">
        <v>5</v>
      </c>
      <c r="G124" t="s">
        <v>2</v>
      </c>
      <c r="H124" t="s">
        <v>103</v>
      </c>
      <c r="I124" t="s">
        <v>30540</v>
      </c>
    </row>
    <row r="125" spans="1:9">
      <c r="A125" s="1">
        <f ca="1">RAND()</f>
        <v>0.63563282259369991</v>
      </c>
      <c r="B125" s="1"/>
      <c r="C125">
        <v>4</v>
      </c>
      <c r="D125" t="s">
        <v>100</v>
      </c>
      <c r="E125" t="s">
        <v>30613</v>
      </c>
      <c r="F125">
        <v>5</v>
      </c>
      <c r="G125" t="s">
        <v>9</v>
      </c>
      <c r="H125" t="s">
        <v>101</v>
      </c>
      <c r="I125" t="s">
        <v>30540</v>
      </c>
    </row>
    <row r="126" spans="1:9">
      <c r="A126" s="1">
        <f ca="1">RAND()</f>
        <v>0.67823814200080712</v>
      </c>
      <c r="B126" s="1"/>
      <c r="C126">
        <v>1</v>
      </c>
      <c r="D126" t="s">
        <v>98</v>
      </c>
      <c r="E126" t="s">
        <v>30613</v>
      </c>
      <c r="F126">
        <v>5</v>
      </c>
      <c r="G126" t="s">
        <v>10</v>
      </c>
      <c r="H126" t="s">
        <v>99</v>
      </c>
      <c r="I126" t="s">
        <v>30540</v>
      </c>
    </row>
    <row r="127" spans="1:9">
      <c r="A127" s="1">
        <f ca="1">RAND()</f>
        <v>0.74784535882070691</v>
      </c>
      <c r="B127" s="1"/>
      <c r="C127">
        <v>1</v>
      </c>
      <c r="D127" t="s">
        <v>96</v>
      </c>
      <c r="E127" t="s">
        <v>30614</v>
      </c>
      <c r="F127">
        <v>2</v>
      </c>
      <c r="G127" t="s">
        <v>14</v>
      </c>
      <c r="H127" t="s">
        <v>97</v>
      </c>
      <c r="I127" t="s">
        <v>30540</v>
      </c>
    </row>
    <row r="128" spans="1:9">
      <c r="A128" s="1">
        <f ca="1">RAND()</f>
        <v>0.21414235942148863</v>
      </c>
      <c r="B128" s="1"/>
      <c r="C128">
        <v>2</v>
      </c>
      <c r="D128" t="s">
        <v>94</v>
      </c>
      <c r="E128" t="s">
        <v>30615</v>
      </c>
      <c r="F128">
        <v>5</v>
      </c>
      <c r="G128" t="s">
        <v>0</v>
      </c>
      <c r="H128" t="s">
        <v>95</v>
      </c>
      <c r="I128" t="s">
        <v>30540</v>
      </c>
    </row>
    <row r="129" spans="1:9">
      <c r="A129" s="1">
        <f ca="1">RAND()</f>
        <v>0.38888980157181074</v>
      </c>
      <c r="B129" s="1"/>
      <c r="C129">
        <v>1</v>
      </c>
      <c r="D129" t="s">
        <v>92</v>
      </c>
      <c r="E129" t="s">
        <v>30615</v>
      </c>
      <c r="F129">
        <v>5</v>
      </c>
      <c r="G129" t="s">
        <v>0</v>
      </c>
      <c r="H129" t="s">
        <v>93</v>
      </c>
      <c r="I129" t="s">
        <v>30540</v>
      </c>
    </row>
    <row r="130" spans="1:9">
      <c r="A130" s="1">
        <f ca="1">RAND()</f>
        <v>0.69387767309162218</v>
      </c>
      <c r="B130" s="1"/>
      <c r="C130">
        <v>2</v>
      </c>
      <c r="D130" t="s">
        <v>86</v>
      </c>
      <c r="E130" t="s">
        <v>30616</v>
      </c>
      <c r="F130">
        <v>5</v>
      </c>
      <c r="G130" t="s">
        <v>0</v>
      </c>
      <c r="H130" t="s">
        <v>87</v>
      </c>
      <c r="I130" t="s">
        <v>30540</v>
      </c>
    </row>
    <row r="131" spans="1:9">
      <c r="A131" s="1">
        <f ca="1">RAND()</f>
        <v>0.25016909548149802</v>
      </c>
      <c r="B131" s="1"/>
      <c r="C131">
        <v>5</v>
      </c>
      <c r="D131" t="s">
        <v>90</v>
      </c>
      <c r="E131" t="s">
        <v>30616</v>
      </c>
      <c r="F131">
        <v>4</v>
      </c>
      <c r="G131" t="s">
        <v>9</v>
      </c>
      <c r="H131" t="s">
        <v>91</v>
      </c>
      <c r="I131" t="s">
        <v>30540</v>
      </c>
    </row>
    <row r="132" spans="1:9">
      <c r="A132" s="1">
        <f ca="1">RAND()</f>
        <v>0.62812653341492553</v>
      </c>
      <c r="B132" s="1"/>
      <c r="C132">
        <v>4</v>
      </c>
      <c r="D132" t="s">
        <v>88</v>
      </c>
      <c r="E132" t="s">
        <v>30616</v>
      </c>
      <c r="F132">
        <v>4</v>
      </c>
      <c r="G132" t="s">
        <v>9</v>
      </c>
      <c r="H132" t="s">
        <v>89</v>
      </c>
      <c r="I132" t="s">
        <v>30540</v>
      </c>
    </row>
    <row r="133" spans="1:9">
      <c r="A133" s="1">
        <f ca="1">RAND()</f>
        <v>7.8257206219222275E-2</v>
      </c>
      <c r="B133" s="1"/>
      <c r="C133">
        <v>1</v>
      </c>
      <c r="D133" t="s">
        <v>84</v>
      </c>
      <c r="E133" t="s">
        <v>30616</v>
      </c>
      <c r="F133">
        <v>2</v>
      </c>
      <c r="G133" t="s">
        <v>0</v>
      </c>
      <c r="H133" t="s">
        <v>85</v>
      </c>
      <c r="I133" t="s">
        <v>30540</v>
      </c>
    </row>
    <row r="134" spans="1:9">
      <c r="A134" s="1">
        <f ca="1">RAND()</f>
        <v>0.46002986213508024</v>
      </c>
      <c r="B134" s="1"/>
      <c r="C134">
        <v>8</v>
      </c>
      <c r="D134" t="s">
        <v>82</v>
      </c>
      <c r="E134" t="s">
        <v>30617</v>
      </c>
      <c r="F134">
        <v>4</v>
      </c>
      <c r="G134" t="s">
        <v>0</v>
      </c>
      <c r="H134" t="s">
        <v>83</v>
      </c>
      <c r="I134" t="s">
        <v>30540</v>
      </c>
    </row>
    <row r="135" spans="1:9">
      <c r="A135" s="1">
        <f ca="1">RAND()</f>
        <v>0.46345538869622438</v>
      </c>
      <c r="B135" s="1"/>
      <c r="C135">
        <v>2</v>
      </c>
      <c r="D135" t="s">
        <v>78</v>
      </c>
      <c r="E135" t="s">
        <v>30617</v>
      </c>
      <c r="F135">
        <v>4</v>
      </c>
      <c r="G135" t="s">
        <v>2</v>
      </c>
      <c r="H135" t="s">
        <v>79</v>
      </c>
      <c r="I135" t="s">
        <v>30540</v>
      </c>
    </row>
    <row r="136" spans="1:9">
      <c r="A136" s="1">
        <f ca="1">RAND()</f>
        <v>0.44978753931768634</v>
      </c>
      <c r="B136" s="1"/>
      <c r="C136">
        <v>5</v>
      </c>
      <c r="D136" t="s">
        <v>80</v>
      </c>
      <c r="E136" t="s">
        <v>30617</v>
      </c>
      <c r="F136">
        <v>2</v>
      </c>
      <c r="G136" t="s">
        <v>10</v>
      </c>
      <c r="H136" t="s">
        <v>81</v>
      </c>
      <c r="I136" t="s">
        <v>30540</v>
      </c>
    </row>
    <row r="137" spans="1:9">
      <c r="A137" s="1">
        <f ca="1">RAND()</f>
        <v>0.27678585366630404</v>
      </c>
      <c r="B137" s="1"/>
      <c r="C137">
        <v>3</v>
      </c>
      <c r="D137" t="s">
        <v>76</v>
      </c>
      <c r="E137" t="s">
        <v>30618</v>
      </c>
      <c r="F137">
        <v>4</v>
      </c>
      <c r="G137" t="s">
        <v>0</v>
      </c>
      <c r="H137" t="s">
        <v>77</v>
      </c>
      <c r="I137" t="s">
        <v>30540</v>
      </c>
    </row>
    <row r="138" spans="1:9">
      <c r="A138" s="1">
        <f ca="1">RAND()</f>
        <v>0.10225214563360896</v>
      </c>
      <c r="B138" s="1"/>
      <c r="C138">
        <v>2</v>
      </c>
      <c r="D138" t="s">
        <v>74</v>
      </c>
      <c r="E138" t="s">
        <v>30619</v>
      </c>
      <c r="F138">
        <v>4</v>
      </c>
      <c r="G138" t="s">
        <v>0</v>
      </c>
      <c r="H138" t="s">
        <v>75</v>
      </c>
      <c r="I138" t="s">
        <v>30540</v>
      </c>
    </row>
    <row r="139" spans="1:9">
      <c r="A139" s="1">
        <f ca="1">RAND()</f>
        <v>0.24897472741639293</v>
      </c>
      <c r="B139" s="1"/>
      <c r="C139">
        <v>1</v>
      </c>
      <c r="D139" t="s">
        <v>72</v>
      </c>
      <c r="E139" t="s">
        <v>30619</v>
      </c>
      <c r="F139">
        <v>3</v>
      </c>
      <c r="G139" t="s">
        <v>0</v>
      </c>
      <c r="H139" t="s">
        <v>73</v>
      </c>
      <c r="I139" t="s">
        <v>30540</v>
      </c>
    </row>
    <row r="140" spans="1:9">
      <c r="A140" s="1">
        <f ca="1">RAND()</f>
        <v>0.34387767558508431</v>
      </c>
      <c r="B140" s="1"/>
      <c r="C140">
        <v>3</v>
      </c>
      <c r="D140" t="s">
        <v>68</v>
      </c>
      <c r="E140" t="s">
        <v>30620</v>
      </c>
      <c r="F140">
        <v>4</v>
      </c>
      <c r="G140" t="s">
        <v>0</v>
      </c>
      <c r="H140" t="s">
        <v>69</v>
      </c>
      <c r="I140" t="s">
        <v>30540</v>
      </c>
    </row>
    <row r="141" spans="1:9">
      <c r="A141" s="1">
        <f ca="1">RAND()</f>
        <v>7.0448550113738628E-3</v>
      </c>
      <c r="B141" s="1"/>
      <c r="C141">
        <v>4</v>
      </c>
      <c r="D141" t="s">
        <v>70</v>
      </c>
      <c r="E141" t="s">
        <v>30620</v>
      </c>
      <c r="F141">
        <v>4</v>
      </c>
      <c r="G141" t="s">
        <v>0</v>
      </c>
      <c r="H141" t="s">
        <v>71</v>
      </c>
      <c r="I141" t="s">
        <v>30540</v>
      </c>
    </row>
    <row r="142" spans="1:9">
      <c r="A142" s="1">
        <f ca="1">RAND()</f>
        <v>0.98188900093687292</v>
      </c>
      <c r="B142" s="1"/>
      <c r="C142">
        <v>2</v>
      </c>
      <c r="D142" t="s">
        <v>66</v>
      </c>
      <c r="E142" t="s">
        <v>30620</v>
      </c>
      <c r="F142">
        <v>4</v>
      </c>
      <c r="G142" t="s">
        <v>9</v>
      </c>
      <c r="H142" t="s">
        <v>67</v>
      </c>
      <c r="I142" t="s">
        <v>30540</v>
      </c>
    </row>
    <row r="143" spans="1:9">
      <c r="A143" s="1">
        <f ca="1">RAND()</f>
        <v>0.73970754596733002</v>
      </c>
      <c r="B143" s="1"/>
      <c r="C143">
        <v>5</v>
      </c>
      <c r="D143" t="s">
        <v>64</v>
      </c>
      <c r="E143" t="s">
        <v>30621</v>
      </c>
      <c r="F143">
        <v>4</v>
      </c>
      <c r="G143" t="s">
        <v>0</v>
      </c>
      <c r="H143" t="s">
        <v>65</v>
      </c>
      <c r="I143" t="s">
        <v>30540</v>
      </c>
    </row>
    <row r="144" spans="1:9">
      <c r="A144" s="1">
        <f ca="1">RAND()</f>
        <v>0.27677520996548355</v>
      </c>
      <c r="B144" s="1"/>
      <c r="C144">
        <v>6</v>
      </c>
      <c r="D144" t="s">
        <v>62</v>
      </c>
      <c r="E144" t="s">
        <v>30622</v>
      </c>
      <c r="F144">
        <v>5</v>
      </c>
      <c r="G144" t="s">
        <v>0</v>
      </c>
      <c r="H144" t="s">
        <v>63</v>
      </c>
      <c r="I144" t="s">
        <v>30540</v>
      </c>
    </row>
    <row r="145" spans="1:9">
      <c r="A145" s="1">
        <f ca="1">RAND()</f>
        <v>9.8481805800646471E-3</v>
      </c>
      <c r="B145" s="1"/>
      <c r="C145">
        <v>1</v>
      </c>
      <c r="D145" t="s">
        <v>60</v>
      </c>
      <c r="E145" t="s">
        <v>30622</v>
      </c>
      <c r="F145">
        <v>2</v>
      </c>
      <c r="G145" t="s">
        <v>0</v>
      </c>
      <c r="H145" t="s">
        <v>61</v>
      </c>
      <c r="I145" t="s">
        <v>30540</v>
      </c>
    </row>
    <row r="146" spans="1:9">
      <c r="A146" s="1">
        <f ca="1">RAND()</f>
        <v>0.62535490194446508</v>
      </c>
      <c r="B146" s="1"/>
      <c r="C146">
        <v>3</v>
      </c>
      <c r="D146" t="s">
        <v>58</v>
      </c>
      <c r="E146" t="s">
        <v>30623</v>
      </c>
      <c r="F146">
        <v>5</v>
      </c>
      <c r="G146" t="s">
        <v>13</v>
      </c>
      <c r="H146" t="s">
        <v>59</v>
      </c>
      <c r="I146" t="s">
        <v>30540</v>
      </c>
    </row>
    <row r="147" spans="1:9">
      <c r="A147" s="1">
        <f ca="1">RAND()</f>
        <v>0.12654051568072844</v>
      </c>
      <c r="B147" s="1"/>
      <c r="C147">
        <v>7</v>
      </c>
      <c r="D147" t="s">
        <v>56</v>
      </c>
      <c r="E147" t="s">
        <v>30624</v>
      </c>
      <c r="F147">
        <v>4</v>
      </c>
      <c r="G147" t="s">
        <v>13</v>
      </c>
      <c r="H147" t="s">
        <v>57</v>
      </c>
      <c r="I147" t="s">
        <v>30540</v>
      </c>
    </row>
    <row r="148" spans="1:9">
      <c r="A148" s="1">
        <f ca="1">RAND()</f>
        <v>0.74907375757047878</v>
      </c>
      <c r="B148" s="1"/>
      <c r="C148">
        <v>1</v>
      </c>
      <c r="D148" t="s">
        <v>52</v>
      </c>
      <c r="E148" t="s">
        <v>30625</v>
      </c>
      <c r="F148">
        <v>5</v>
      </c>
      <c r="G148" t="s">
        <v>2</v>
      </c>
      <c r="H148" t="s">
        <v>53</v>
      </c>
      <c r="I148" t="s">
        <v>30540</v>
      </c>
    </row>
    <row r="149" spans="1:9">
      <c r="A149" s="1">
        <f ca="1">RAND()</f>
        <v>3.6066883274573636E-2</v>
      </c>
      <c r="B149" s="1"/>
      <c r="C149">
        <v>4</v>
      </c>
      <c r="D149" t="s">
        <v>54</v>
      </c>
      <c r="E149" t="s">
        <v>30625</v>
      </c>
      <c r="F149">
        <v>4</v>
      </c>
      <c r="G149" t="s">
        <v>0</v>
      </c>
      <c r="H149" t="s">
        <v>55</v>
      </c>
      <c r="I149" t="s">
        <v>30540</v>
      </c>
    </row>
    <row r="150" spans="1:9">
      <c r="A150" s="1">
        <f ca="1">RAND()</f>
        <v>3.1852529143434616E-3</v>
      </c>
      <c r="B150" s="1"/>
      <c r="C150">
        <v>2</v>
      </c>
      <c r="D150" t="s">
        <v>50</v>
      </c>
      <c r="E150" t="s">
        <v>30626</v>
      </c>
      <c r="F150">
        <v>2</v>
      </c>
      <c r="G150" t="s">
        <v>0</v>
      </c>
      <c r="H150" t="s">
        <v>51</v>
      </c>
      <c r="I150" t="s">
        <v>30540</v>
      </c>
    </row>
    <row r="151" spans="1:9">
      <c r="A151" s="1">
        <f ca="1">RAND()</f>
        <v>0.16053385948251475</v>
      </c>
      <c r="B151" s="1"/>
      <c r="C151">
        <v>5</v>
      </c>
      <c r="D151" t="s">
        <v>48</v>
      </c>
      <c r="E151" t="s">
        <v>30627</v>
      </c>
      <c r="F151">
        <v>5</v>
      </c>
      <c r="G151" t="s">
        <v>0</v>
      </c>
      <c r="H151" t="s">
        <v>49</v>
      </c>
      <c r="I151" t="s">
        <v>30540</v>
      </c>
    </row>
    <row r="152" spans="1:9">
      <c r="A152" s="1">
        <f ca="1">RAND()</f>
        <v>0.73313880086117189</v>
      </c>
      <c r="B152" s="1"/>
      <c r="C152">
        <v>4</v>
      </c>
      <c r="D152" t="s">
        <v>46</v>
      </c>
      <c r="E152" t="s">
        <v>30627</v>
      </c>
      <c r="F152">
        <v>4</v>
      </c>
      <c r="G152" t="s">
        <v>2</v>
      </c>
      <c r="H152" t="s">
        <v>47</v>
      </c>
      <c r="I152" t="s">
        <v>30540</v>
      </c>
    </row>
    <row r="153" spans="1:9">
      <c r="A153" s="1">
        <f ca="1">RAND()</f>
        <v>0.84919071894296627</v>
      </c>
      <c r="B153" s="1"/>
      <c r="C153">
        <v>1</v>
      </c>
      <c r="D153" t="s">
        <v>42</v>
      </c>
      <c r="E153" t="s">
        <v>30627</v>
      </c>
      <c r="F153">
        <v>4</v>
      </c>
      <c r="G153" t="s">
        <v>15</v>
      </c>
      <c r="H153" t="s">
        <v>43</v>
      </c>
      <c r="I153" t="s">
        <v>30540</v>
      </c>
    </row>
    <row r="154" spans="1:9">
      <c r="A154" s="1">
        <f ca="1">RAND()</f>
        <v>0.36143974076295071</v>
      </c>
      <c r="B154" s="1"/>
      <c r="C154">
        <v>2</v>
      </c>
      <c r="D154" t="s">
        <v>44</v>
      </c>
      <c r="E154" t="s">
        <v>30627</v>
      </c>
      <c r="F154">
        <v>1</v>
      </c>
      <c r="G154" t="s">
        <v>0</v>
      </c>
      <c r="H154" t="s">
        <v>45</v>
      </c>
      <c r="I154" t="s">
        <v>30540</v>
      </c>
    </row>
    <row r="155" spans="1:9">
      <c r="A155" s="1">
        <f ca="1">RAND()</f>
        <v>0.32858019183088338</v>
      </c>
      <c r="B155" s="1"/>
      <c r="C155">
        <v>5</v>
      </c>
      <c r="D155" t="s">
        <v>40</v>
      </c>
      <c r="E155" t="s">
        <v>30628</v>
      </c>
      <c r="F155">
        <v>4</v>
      </c>
      <c r="G155" t="s">
        <v>1</v>
      </c>
      <c r="H155" t="s">
        <v>41</v>
      </c>
      <c r="I155" t="s">
        <v>30540</v>
      </c>
    </row>
    <row r="156" spans="1:9">
      <c r="A156" s="1">
        <f ca="1">RAND()</f>
        <v>0.20375634492224826</v>
      </c>
      <c r="B156" s="1"/>
      <c r="C156">
        <v>2</v>
      </c>
      <c r="D156" t="s">
        <v>38</v>
      </c>
      <c r="E156" t="s">
        <v>30629</v>
      </c>
      <c r="F156">
        <v>4</v>
      </c>
      <c r="G156" t="s">
        <v>9</v>
      </c>
      <c r="H156" t="s">
        <v>39</v>
      </c>
      <c r="I156" t="s">
        <v>30540</v>
      </c>
    </row>
    <row r="157" spans="1:9">
      <c r="A157" s="1">
        <f ca="1">RAND()</f>
        <v>0.19733276561940838</v>
      </c>
      <c r="B157" s="1"/>
      <c r="C157">
        <v>1</v>
      </c>
      <c r="D157" t="s">
        <v>36</v>
      </c>
      <c r="E157" t="s">
        <v>30629</v>
      </c>
      <c r="F157">
        <v>4</v>
      </c>
      <c r="G157" t="s">
        <v>10</v>
      </c>
      <c r="H157" t="s">
        <v>37</v>
      </c>
      <c r="I157" t="s">
        <v>30540</v>
      </c>
    </row>
    <row r="158" spans="1:9">
      <c r="A158" s="1">
        <f ca="1">RAND()</f>
        <v>0.20596748825120714</v>
      </c>
      <c r="B158" s="1"/>
      <c r="C158">
        <v>1</v>
      </c>
      <c r="D158" t="s">
        <v>34</v>
      </c>
      <c r="E158" t="s">
        <v>30630</v>
      </c>
      <c r="F158">
        <v>3</v>
      </c>
      <c r="G158" t="s">
        <v>15</v>
      </c>
      <c r="H158" t="s">
        <v>35</v>
      </c>
      <c r="I158" t="s">
        <v>30540</v>
      </c>
    </row>
    <row r="159" spans="1:9">
      <c r="A159" s="1">
        <f ca="1">RAND()</f>
        <v>0.48198302944761184</v>
      </c>
      <c r="B159" s="1"/>
      <c r="C159">
        <v>5</v>
      </c>
      <c r="D159" t="s">
        <v>32</v>
      </c>
      <c r="E159" t="s">
        <v>30631</v>
      </c>
      <c r="F159">
        <v>4</v>
      </c>
      <c r="G159" t="s">
        <v>0</v>
      </c>
      <c r="H159" t="s">
        <v>33</v>
      </c>
      <c r="I159" t="s">
        <v>30540</v>
      </c>
    </row>
    <row r="160" spans="1:9">
      <c r="A160" s="1">
        <f ca="1">RAND()</f>
        <v>5.5131068177650566E-2</v>
      </c>
      <c r="B160" s="1"/>
      <c r="C160">
        <v>1</v>
      </c>
      <c r="D160" t="s">
        <v>28</v>
      </c>
      <c r="E160" t="s">
        <v>30632</v>
      </c>
      <c r="F160">
        <v>4</v>
      </c>
      <c r="G160" t="s">
        <v>0</v>
      </c>
      <c r="H160" t="s">
        <v>29</v>
      </c>
      <c r="I160" t="s">
        <v>30540</v>
      </c>
    </row>
    <row r="161" spans="1:9">
      <c r="A161" s="1">
        <f ca="1">RAND()</f>
        <v>1.9249676090626888E-2</v>
      </c>
      <c r="B161" s="1"/>
      <c r="C161">
        <v>3</v>
      </c>
      <c r="D161" t="s">
        <v>30</v>
      </c>
      <c r="E161" t="s">
        <v>30632</v>
      </c>
      <c r="F161">
        <v>4</v>
      </c>
      <c r="G161" t="s">
        <v>0</v>
      </c>
      <c r="H161" t="s">
        <v>31</v>
      </c>
      <c r="I161" t="s">
        <v>30540</v>
      </c>
    </row>
    <row r="162" spans="1:9">
      <c r="A162" s="1">
        <f ca="1">RAND()</f>
        <v>0.43878109178575619</v>
      </c>
      <c r="B162" s="1"/>
      <c r="C162">
        <v>7</v>
      </c>
      <c r="D162" t="s">
        <v>26</v>
      </c>
      <c r="E162" t="s">
        <v>30633</v>
      </c>
      <c r="F162">
        <v>5</v>
      </c>
      <c r="G162" t="s">
        <v>15</v>
      </c>
      <c r="H162" t="s">
        <v>27</v>
      </c>
      <c r="I162" t="s">
        <v>30540</v>
      </c>
    </row>
    <row r="163" spans="1:9">
      <c r="A163" s="1">
        <f ca="1">RAND()</f>
        <v>0.53919367872816404</v>
      </c>
      <c r="B163" s="1"/>
      <c r="C163">
        <v>3</v>
      </c>
      <c r="D163" t="s">
        <v>20</v>
      </c>
      <c r="E163" t="s">
        <v>30633</v>
      </c>
      <c r="F163">
        <v>4</v>
      </c>
      <c r="G163" t="s">
        <v>9</v>
      </c>
      <c r="H163" t="s">
        <v>21</v>
      </c>
      <c r="I163" t="s">
        <v>30540</v>
      </c>
    </row>
    <row r="164" spans="1:9">
      <c r="A164" s="1">
        <f ca="1">RAND()</f>
        <v>0.75272865851732351</v>
      </c>
      <c r="B164" s="1"/>
      <c r="C164">
        <v>4</v>
      </c>
      <c r="D164" t="s">
        <v>22</v>
      </c>
      <c r="E164" t="s">
        <v>30633</v>
      </c>
      <c r="F164">
        <v>4</v>
      </c>
      <c r="G164" t="s">
        <v>15</v>
      </c>
      <c r="H164" t="s">
        <v>23</v>
      </c>
      <c r="I164" t="s">
        <v>30540</v>
      </c>
    </row>
    <row r="165" spans="1:9">
      <c r="A165" s="1">
        <f ca="1">RAND()</f>
        <v>0.96620366435555949</v>
      </c>
      <c r="B165" s="1"/>
      <c r="C165">
        <v>2</v>
      </c>
      <c r="D165" t="s">
        <v>18</v>
      </c>
      <c r="E165" t="s">
        <v>30633</v>
      </c>
      <c r="F165">
        <v>4</v>
      </c>
      <c r="G165" t="s">
        <v>2</v>
      </c>
      <c r="H165" t="s">
        <v>19</v>
      </c>
      <c r="I165" t="s">
        <v>30540</v>
      </c>
    </row>
    <row r="166" spans="1:9">
      <c r="A166" s="1">
        <f ca="1">RAND()</f>
        <v>0.54447668481134714</v>
      </c>
      <c r="B166" s="1"/>
      <c r="C166">
        <v>5</v>
      </c>
      <c r="D166" t="s">
        <v>24</v>
      </c>
      <c r="E166" t="s">
        <v>30633</v>
      </c>
      <c r="F166">
        <v>4</v>
      </c>
      <c r="G166" t="s">
        <v>0</v>
      </c>
      <c r="H166" t="s">
        <v>25</v>
      </c>
      <c r="I166" t="s">
        <v>30540</v>
      </c>
    </row>
    <row r="167" spans="1:9">
      <c r="A167" s="1">
        <f ca="1">RAND()</f>
        <v>0.87352336984731271</v>
      </c>
      <c r="B167" s="1"/>
      <c r="C167">
        <v>1</v>
      </c>
      <c r="D167" t="s">
        <v>16</v>
      </c>
      <c r="E167" t="s">
        <v>30633</v>
      </c>
      <c r="F167">
        <v>4</v>
      </c>
      <c r="G167" t="s">
        <v>2</v>
      </c>
      <c r="H167" t="s">
        <v>17</v>
      </c>
      <c r="I167" t="s">
        <v>30540</v>
      </c>
    </row>
    <row r="168" spans="1:9">
      <c r="A168" s="1">
        <f ca="1">RAND()</f>
        <v>0.80217993894715445</v>
      </c>
      <c r="B168" s="1"/>
      <c r="C168">
        <v>2</v>
      </c>
      <c r="D168" t="s">
        <v>11</v>
      </c>
      <c r="E168" t="s">
        <v>30634</v>
      </c>
      <c r="F168">
        <v>2</v>
      </c>
      <c r="G168" t="s">
        <v>1</v>
      </c>
      <c r="H168" t="s">
        <v>12</v>
      </c>
      <c r="I168" t="s">
        <v>30540</v>
      </c>
    </row>
    <row r="169" spans="1:9">
      <c r="A169" s="1">
        <f ca="1">RAND()</f>
        <v>0.7927513933573499</v>
      </c>
      <c r="B169" s="1"/>
      <c r="C169">
        <v>1</v>
      </c>
      <c r="D169" t="s">
        <v>5</v>
      </c>
      <c r="E169" t="s">
        <v>30635</v>
      </c>
      <c r="F169">
        <v>4</v>
      </c>
      <c r="G169" t="s">
        <v>0</v>
      </c>
      <c r="H169" t="s">
        <v>6</v>
      </c>
      <c r="I169" t="s">
        <v>30540</v>
      </c>
    </row>
    <row r="170" spans="1:9">
      <c r="A170" s="1">
        <f ca="1">RAND()</f>
        <v>0.88944334287694415</v>
      </c>
      <c r="B170" s="1"/>
      <c r="C170">
        <v>2</v>
      </c>
      <c r="D170" t="s">
        <v>7</v>
      </c>
      <c r="E170" t="s">
        <v>30635</v>
      </c>
      <c r="F170">
        <v>4</v>
      </c>
      <c r="G170" t="s">
        <v>0</v>
      </c>
      <c r="H170" t="s">
        <v>8</v>
      </c>
      <c r="I170" t="s">
        <v>30540</v>
      </c>
    </row>
    <row r="171" spans="1:9">
      <c r="A171" s="1">
        <f ca="1">RAND()</f>
        <v>0.79065569267967073</v>
      </c>
      <c r="B171" s="1"/>
      <c r="C171">
        <v>3</v>
      </c>
      <c r="D171" t="s">
        <v>3</v>
      </c>
      <c r="E171" t="s">
        <v>30636</v>
      </c>
      <c r="F171">
        <v>3</v>
      </c>
      <c r="G171" t="s">
        <v>1</v>
      </c>
      <c r="H171" t="s">
        <v>4</v>
      </c>
      <c r="I171" t="s">
        <v>30540</v>
      </c>
    </row>
    <row r="172" spans="1:9">
      <c r="A172" s="1">
        <f ca="1">RAND()</f>
        <v>0.11716679394714824</v>
      </c>
      <c r="B172" s="1"/>
      <c r="C172">
        <v>1</v>
      </c>
      <c r="D172" t="s">
        <v>828</v>
      </c>
      <c r="E172" t="s">
        <v>30637</v>
      </c>
      <c r="F172">
        <v>4</v>
      </c>
      <c r="G172" t="s">
        <v>10</v>
      </c>
      <c r="H172" t="s">
        <v>829</v>
      </c>
      <c r="I172" t="s">
        <v>30540</v>
      </c>
    </row>
    <row r="173" spans="1:9">
      <c r="A173" s="1">
        <f ca="1">RAND()</f>
        <v>0.1963998126344404</v>
      </c>
      <c r="B173" s="1"/>
      <c r="C173">
        <v>4</v>
      </c>
      <c r="D173" t="s">
        <v>830</v>
      </c>
      <c r="E173" t="s">
        <v>30637</v>
      </c>
      <c r="F173">
        <v>4</v>
      </c>
      <c r="G173" t="s">
        <v>0</v>
      </c>
      <c r="H173" t="s">
        <v>831</v>
      </c>
      <c r="I173" t="s">
        <v>30540</v>
      </c>
    </row>
    <row r="174" spans="1:9">
      <c r="A174" s="1">
        <f ca="1">RAND()</f>
        <v>0.44427231891337682</v>
      </c>
      <c r="B174" s="1"/>
      <c r="C174">
        <v>2</v>
      </c>
      <c r="D174" t="s">
        <v>826</v>
      </c>
      <c r="E174" t="s">
        <v>30638</v>
      </c>
      <c r="F174">
        <v>4</v>
      </c>
      <c r="G174" t="s">
        <v>2</v>
      </c>
      <c r="H174" t="s">
        <v>827</v>
      </c>
      <c r="I174" t="s">
        <v>30540</v>
      </c>
    </row>
    <row r="175" spans="1:9">
      <c r="A175" s="1">
        <f ca="1">RAND()</f>
        <v>0.83570311716852719</v>
      </c>
      <c r="B175" s="1"/>
      <c r="C175">
        <v>3</v>
      </c>
      <c r="D175" t="s">
        <v>824</v>
      </c>
      <c r="E175" t="s">
        <v>30639</v>
      </c>
      <c r="F175">
        <v>4</v>
      </c>
      <c r="G175" t="s">
        <v>9</v>
      </c>
      <c r="H175" t="s">
        <v>825</v>
      </c>
      <c r="I175" t="s">
        <v>30540</v>
      </c>
    </row>
    <row r="176" spans="1:9">
      <c r="A176" s="1">
        <f ca="1">RAND()</f>
        <v>0.34639496363216238</v>
      </c>
      <c r="B176" s="1"/>
      <c r="C176">
        <v>1</v>
      </c>
      <c r="D176" t="s">
        <v>822</v>
      </c>
      <c r="E176" t="s">
        <v>30640</v>
      </c>
      <c r="F176">
        <v>4</v>
      </c>
      <c r="G176" t="s">
        <v>9</v>
      </c>
      <c r="H176" t="s">
        <v>823</v>
      </c>
      <c r="I176" t="s">
        <v>30540</v>
      </c>
    </row>
    <row r="177" spans="1:9">
      <c r="A177" s="1">
        <f ca="1">RAND()</f>
        <v>0.72723808467836781</v>
      </c>
      <c r="B177" s="1"/>
      <c r="C177">
        <v>2</v>
      </c>
      <c r="D177" t="s">
        <v>820</v>
      </c>
      <c r="E177" t="s">
        <v>30641</v>
      </c>
      <c r="F177">
        <v>4</v>
      </c>
      <c r="G177" t="s">
        <v>0</v>
      </c>
      <c r="H177" t="s">
        <v>821</v>
      </c>
      <c r="I177" t="s">
        <v>30540</v>
      </c>
    </row>
    <row r="178" spans="1:9">
      <c r="A178" s="1">
        <f ca="1">RAND()</f>
        <v>0.77608814027334605</v>
      </c>
      <c r="B178" s="1"/>
      <c r="C178">
        <v>1</v>
      </c>
      <c r="D178" t="s">
        <v>816</v>
      </c>
      <c r="E178" t="s">
        <v>30642</v>
      </c>
      <c r="F178">
        <v>4</v>
      </c>
      <c r="G178" t="s">
        <v>9</v>
      </c>
      <c r="H178" t="s">
        <v>817</v>
      </c>
      <c r="I178" t="s">
        <v>30540</v>
      </c>
    </row>
    <row r="179" spans="1:9">
      <c r="A179" s="1">
        <f ca="1">RAND()</f>
        <v>0.78174237083591169</v>
      </c>
      <c r="B179" s="1"/>
      <c r="C179">
        <v>2</v>
      </c>
      <c r="D179" t="s">
        <v>818</v>
      </c>
      <c r="E179" t="s">
        <v>30642</v>
      </c>
      <c r="F179">
        <v>2</v>
      </c>
      <c r="G179" t="s">
        <v>2</v>
      </c>
      <c r="H179" t="s">
        <v>819</v>
      </c>
      <c r="I179" t="s">
        <v>30540</v>
      </c>
    </row>
    <row r="180" spans="1:9">
      <c r="A180" s="1">
        <f ca="1">RAND()</f>
        <v>0.62959648017913417</v>
      </c>
      <c r="B180" s="1"/>
      <c r="C180">
        <v>3</v>
      </c>
      <c r="D180" t="s">
        <v>814</v>
      </c>
      <c r="E180" t="s">
        <v>30643</v>
      </c>
      <c r="F180">
        <v>4</v>
      </c>
      <c r="G180" t="s">
        <v>9</v>
      </c>
      <c r="H180" t="s">
        <v>815</v>
      </c>
      <c r="I180" t="s">
        <v>30540</v>
      </c>
    </row>
    <row r="181" spans="1:9">
      <c r="A181" s="1">
        <f ca="1">RAND()</f>
        <v>0.37292566193000087</v>
      </c>
      <c r="B181" s="1"/>
      <c r="C181">
        <v>2</v>
      </c>
      <c r="D181" t="s">
        <v>812</v>
      </c>
      <c r="E181" t="s">
        <v>30644</v>
      </c>
      <c r="F181">
        <v>2</v>
      </c>
      <c r="G181" t="s">
        <v>9</v>
      </c>
      <c r="H181" t="s">
        <v>813</v>
      </c>
      <c r="I181" t="s">
        <v>30540</v>
      </c>
    </row>
    <row r="182" spans="1:9">
      <c r="A182" s="1">
        <f ca="1">RAND()</f>
        <v>0.47848849755264145</v>
      </c>
      <c r="B182" s="1"/>
      <c r="C182">
        <v>7</v>
      </c>
      <c r="D182" t="s">
        <v>810</v>
      </c>
      <c r="E182" t="s">
        <v>30645</v>
      </c>
      <c r="F182">
        <v>4</v>
      </c>
      <c r="G182" t="s">
        <v>0</v>
      </c>
      <c r="H182" t="s">
        <v>811</v>
      </c>
      <c r="I182" t="s">
        <v>30540</v>
      </c>
    </row>
    <row r="183" spans="1:9">
      <c r="A183" s="1">
        <f ca="1">RAND()</f>
        <v>0.50328988148610865</v>
      </c>
      <c r="B183" s="1"/>
      <c r="C183">
        <v>1</v>
      </c>
      <c r="D183" t="s">
        <v>808</v>
      </c>
      <c r="E183" t="s">
        <v>30646</v>
      </c>
      <c r="F183">
        <v>5</v>
      </c>
      <c r="G183" t="s">
        <v>2</v>
      </c>
      <c r="H183" t="s">
        <v>809</v>
      </c>
      <c r="I183" t="s">
        <v>30540</v>
      </c>
    </row>
    <row r="184" spans="1:9">
      <c r="A184" s="1">
        <f ca="1">RAND()</f>
        <v>0.98950660524070377</v>
      </c>
      <c r="B184" s="1"/>
      <c r="C184">
        <v>2</v>
      </c>
      <c r="D184" t="s">
        <v>803</v>
      </c>
      <c r="E184" t="s">
        <v>30647</v>
      </c>
      <c r="F184">
        <v>5</v>
      </c>
      <c r="G184" t="s">
        <v>0</v>
      </c>
      <c r="H184" t="s">
        <v>804</v>
      </c>
      <c r="I184" t="s">
        <v>30540</v>
      </c>
    </row>
    <row r="185" spans="1:9">
      <c r="A185" s="1">
        <f ca="1">RAND()</f>
        <v>6.4508544546494462E-2</v>
      </c>
      <c r="B185" s="1"/>
      <c r="C185">
        <v>5</v>
      </c>
      <c r="D185" t="s">
        <v>802</v>
      </c>
      <c r="E185" t="s">
        <v>30647</v>
      </c>
      <c r="F185">
        <v>5</v>
      </c>
      <c r="G185" t="s">
        <v>0</v>
      </c>
      <c r="H185" t="s">
        <v>805</v>
      </c>
      <c r="I185" t="s">
        <v>30540</v>
      </c>
    </row>
    <row r="186" spans="1:9">
      <c r="A186" s="1">
        <f ca="1">RAND()</f>
        <v>0.26350657381164921</v>
      </c>
      <c r="B186" s="1"/>
      <c r="C186">
        <v>7</v>
      </c>
      <c r="D186" t="s">
        <v>806</v>
      </c>
      <c r="E186" t="s">
        <v>30647</v>
      </c>
      <c r="F186">
        <v>4</v>
      </c>
      <c r="G186" t="s">
        <v>0</v>
      </c>
      <c r="H186" t="s">
        <v>807</v>
      </c>
      <c r="I186" t="s">
        <v>30540</v>
      </c>
    </row>
    <row r="187" spans="1:9">
      <c r="A187" s="1">
        <f ca="1">RAND()</f>
        <v>0.65435392561772754</v>
      </c>
      <c r="B187" s="1"/>
      <c r="C187">
        <v>2</v>
      </c>
      <c r="D187" t="s">
        <v>800</v>
      </c>
      <c r="E187" t="s">
        <v>30648</v>
      </c>
      <c r="F187">
        <v>4</v>
      </c>
      <c r="G187" t="s">
        <v>14</v>
      </c>
      <c r="H187" t="s">
        <v>801</v>
      </c>
      <c r="I187" t="s">
        <v>30540</v>
      </c>
    </row>
    <row r="188" spans="1:9">
      <c r="A188" s="1">
        <f ca="1">RAND()</f>
        <v>0.25434376251430968</v>
      </c>
      <c r="B188" s="1"/>
      <c r="C188">
        <v>1</v>
      </c>
      <c r="D188" t="s">
        <v>798</v>
      </c>
      <c r="E188" t="s">
        <v>30648</v>
      </c>
      <c r="F188">
        <v>4</v>
      </c>
      <c r="G188" t="s">
        <v>1</v>
      </c>
      <c r="H188" t="s">
        <v>799</v>
      </c>
      <c r="I188" t="s">
        <v>30540</v>
      </c>
    </row>
    <row r="189" spans="1:9">
      <c r="A189" s="1">
        <f ca="1">RAND()</f>
        <v>0.51133617443725365</v>
      </c>
      <c r="B189" s="1"/>
      <c r="C189">
        <v>1</v>
      </c>
      <c r="D189" t="s">
        <v>794</v>
      </c>
      <c r="E189" t="s">
        <v>30649</v>
      </c>
      <c r="F189">
        <v>4</v>
      </c>
      <c r="G189" t="s">
        <v>14</v>
      </c>
      <c r="H189" t="s">
        <v>795</v>
      </c>
      <c r="I189" t="s">
        <v>30540</v>
      </c>
    </row>
    <row r="190" spans="1:9">
      <c r="A190" s="1">
        <f ca="1">RAND()</f>
        <v>0.37516004625183041</v>
      </c>
      <c r="B190" s="1"/>
      <c r="C190">
        <v>3</v>
      </c>
      <c r="D190" t="s">
        <v>796</v>
      </c>
      <c r="E190" t="s">
        <v>30649</v>
      </c>
      <c r="F190">
        <v>4</v>
      </c>
      <c r="G190" t="s">
        <v>15</v>
      </c>
      <c r="H190" t="s">
        <v>797</v>
      </c>
      <c r="I190" t="s">
        <v>30540</v>
      </c>
    </row>
    <row r="191" spans="1:9">
      <c r="A191" s="1">
        <f ca="1">RAND()</f>
        <v>0.82896503614693762</v>
      </c>
      <c r="B191" s="1"/>
      <c r="C191">
        <v>1</v>
      </c>
      <c r="D191" t="s">
        <v>792</v>
      </c>
      <c r="E191" t="s">
        <v>30650</v>
      </c>
      <c r="F191">
        <v>4</v>
      </c>
      <c r="G191" t="s">
        <v>14</v>
      </c>
      <c r="H191" t="s">
        <v>793</v>
      </c>
      <c r="I191" t="s">
        <v>30540</v>
      </c>
    </row>
    <row r="192" spans="1:9">
      <c r="A192" s="1">
        <f ca="1">RAND()</f>
        <v>0.70277831531430301</v>
      </c>
      <c r="B192" s="1"/>
      <c r="C192">
        <v>9</v>
      </c>
      <c r="D192" t="s">
        <v>790</v>
      </c>
      <c r="E192" t="s">
        <v>30651</v>
      </c>
      <c r="F192">
        <v>4</v>
      </c>
      <c r="G192" t="s">
        <v>2</v>
      </c>
      <c r="H192" t="s">
        <v>791</v>
      </c>
      <c r="I192" t="s">
        <v>30540</v>
      </c>
    </row>
    <row r="193" spans="1:9">
      <c r="A193" s="1">
        <f ca="1">RAND()</f>
        <v>0.968280054865019</v>
      </c>
      <c r="B193" s="1"/>
      <c r="C193">
        <v>1</v>
      </c>
      <c r="D193" t="s">
        <v>778</v>
      </c>
      <c r="E193" t="s">
        <v>30651</v>
      </c>
      <c r="F193">
        <v>4</v>
      </c>
      <c r="G193" t="s">
        <v>2</v>
      </c>
      <c r="H193" t="s">
        <v>779</v>
      </c>
      <c r="I193" t="s">
        <v>30540</v>
      </c>
    </row>
    <row r="194" spans="1:9">
      <c r="A194" s="1">
        <f ca="1">RAND()</f>
        <v>0.22662474703408708</v>
      </c>
      <c r="B194" s="1"/>
      <c r="C194">
        <v>5</v>
      </c>
      <c r="D194" t="s">
        <v>784</v>
      </c>
      <c r="E194" t="s">
        <v>30651</v>
      </c>
      <c r="F194">
        <v>4</v>
      </c>
      <c r="G194" t="s">
        <v>9</v>
      </c>
      <c r="H194" t="s">
        <v>785</v>
      </c>
      <c r="I194" t="s">
        <v>30540</v>
      </c>
    </row>
    <row r="195" spans="1:9">
      <c r="A195" s="1">
        <f ca="1">RAND()</f>
        <v>0.41739496048492664</v>
      </c>
      <c r="B195" s="1"/>
      <c r="C195">
        <v>2</v>
      </c>
      <c r="D195" t="s">
        <v>780</v>
      </c>
      <c r="E195" t="s">
        <v>30651</v>
      </c>
      <c r="F195">
        <v>4</v>
      </c>
      <c r="G195" t="s">
        <v>9</v>
      </c>
      <c r="H195" t="s">
        <v>781</v>
      </c>
      <c r="I195" t="s">
        <v>30540</v>
      </c>
    </row>
    <row r="196" spans="1:9">
      <c r="A196" s="1">
        <f ca="1">RAND()</f>
        <v>0.79206310361542742</v>
      </c>
      <c r="B196" s="1"/>
      <c r="C196">
        <v>8</v>
      </c>
      <c r="D196" t="s">
        <v>788</v>
      </c>
      <c r="E196" t="s">
        <v>30651</v>
      </c>
      <c r="F196">
        <v>3</v>
      </c>
      <c r="G196" t="s">
        <v>15</v>
      </c>
      <c r="H196" t="s">
        <v>789</v>
      </c>
      <c r="I196" t="s">
        <v>30540</v>
      </c>
    </row>
    <row r="197" spans="1:9">
      <c r="A197" s="1">
        <f ca="1">RAND()</f>
        <v>0.64123758044919987</v>
      </c>
      <c r="B197" s="1"/>
      <c r="C197">
        <v>6</v>
      </c>
      <c r="D197" t="s">
        <v>786</v>
      </c>
      <c r="E197" t="s">
        <v>30651</v>
      </c>
      <c r="F197">
        <v>2</v>
      </c>
      <c r="G197" t="s">
        <v>15</v>
      </c>
      <c r="H197" t="s">
        <v>787</v>
      </c>
      <c r="I197" t="s">
        <v>30540</v>
      </c>
    </row>
    <row r="198" spans="1:9">
      <c r="A198" s="1">
        <f ca="1">RAND()</f>
        <v>0.13238948567453146</v>
      </c>
      <c r="B198" s="1"/>
      <c r="C198">
        <v>4</v>
      </c>
      <c r="D198" t="s">
        <v>782</v>
      </c>
      <c r="E198" t="s">
        <v>30651</v>
      </c>
      <c r="F198">
        <v>2</v>
      </c>
      <c r="G198" t="s">
        <v>0</v>
      </c>
      <c r="H198" t="s">
        <v>783</v>
      </c>
      <c r="I198" t="s">
        <v>30540</v>
      </c>
    </row>
    <row r="199" spans="1:9">
      <c r="A199" s="1">
        <f ca="1">RAND()</f>
        <v>0.64380027658021444</v>
      </c>
      <c r="B199" s="1"/>
      <c r="C199">
        <v>2</v>
      </c>
      <c r="D199" t="s">
        <v>776</v>
      </c>
      <c r="E199" t="s">
        <v>30652</v>
      </c>
      <c r="F199">
        <v>3</v>
      </c>
      <c r="G199" t="s">
        <v>1</v>
      </c>
      <c r="H199" t="s">
        <v>777</v>
      </c>
      <c r="I199" t="s">
        <v>30540</v>
      </c>
    </row>
    <row r="200" spans="1:9">
      <c r="A200" s="1">
        <f ca="1">RAND()</f>
        <v>0.62369117622204706</v>
      </c>
      <c r="B200" s="1"/>
      <c r="C200">
        <v>1</v>
      </c>
      <c r="D200" t="s">
        <v>772</v>
      </c>
      <c r="E200" t="s">
        <v>30653</v>
      </c>
      <c r="F200">
        <v>4</v>
      </c>
      <c r="G200" t="s">
        <v>762</v>
      </c>
      <c r="H200" t="s">
        <v>773</v>
      </c>
      <c r="I200" t="s">
        <v>30540</v>
      </c>
    </row>
    <row r="201" spans="1:9">
      <c r="A201" s="1">
        <f ca="1">RAND()</f>
        <v>0.73282458029075603</v>
      </c>
      <c r="B201" s="1"/>
      <c r="C201">
        <v>4</v>
      </c>
      <c r="D201" t="s">
        <v>767</v>
      </c>
      <c r="E201" t="s">
        <v>30654</v>
      </c>
      <c r="F201">
        <v>4</v>
      </c>
      <c r="G201" t="s">
        <v>766</v>
      </c>
      <c r="H201" t="s">
        <v>768</v>
      </c>
      <c r="I201" t="s">
        <v>30540</v>
      </c>
    </row>
    <row r="202" spans="1:9">
      <c r="A202" s="1">
        <f ca="1">RAND()</f>
        <v>0.63849040536197377</v>
      </c>
      <c r="B202" s="1"/>
      <c r="C202">
        <v>2</v>
      </c>
      <c r="D202" t="s">
        <v>763</v>
      </c>
      <c r="E202" t="s">
        <v>30655</v>
      </c>
      <c r="F202">
        <v>4</v>
      </c>
      <c r="G202" t="s">
        <v>0</v>
      </c>
      <c r="H202" t="s">
        <v>764</v>
      </c>
      <c r="I202" t="s">
        <v>30540</v>
      </c>
    </row>
    <row r="203" spans="1:9">
      <c r="A203" s="1">
        <f ca="1">RAND()</f>
        <v>0.66584382222928107</v>
      </c>
      <c r="B203" s="1"/>
      <c r="C203">
        <v>1</v>
      </c>
      <c r="D203" t="s">
        <v>760</v>
      </c>
      <c r="E203" t="s">
        <v>30656</v>
      </c>
      <c r="F203">
        <v>4</v>
      </c>
      <c r="G203" t="s">
        <v>0</v>
      </c>
      <c r="H203" t="s">
        <v>761</v>
      </c>
      <c r="I203" t="s">
        <v>30540</v>
      </c>
    </row>
    <row r="204" spans="1:9">
      <c r="A204" s="1">
        <f ca="1">RAND()</f>
        <v>0.27542902971336747</v>
      </c>
      <c r="B204" s="1"/>
      <c r="C204">
        <v>1</v>
      </c>
      <c r="D204" t="s">
        <v>758</v>
      </c>
      <c r="E204" t="s">
        <v>30657</v>
      </c>
      <c r="F204">
        <v>4</v>
      </c>
      <c r="G204" t="s">
        <v>0</v>
      </c>
      <c r="H204" t="s">
        <v>759</v>
      </c>
      <c r="I204" t="s">
        <v>30540</v>
      </c>
    </row>
    <row r="205" spans="1:9">
      <c r="A205" s="1">
        <f ca="1">RAND()</f>
        <v>0.87256587328649959</v>
      </c>
      <c r="B205" s="1"/>
      <c r="C205">
        <v>3</v>
      </c>
      <c r="D205" t="s">
        <v>756</v>
      </c>
      <c r="E205" t="s">
        <v>30658</v>
      </c>
      <c r="F205">
        <v>4</v>
      </c>
      <c r="G205" t="s">
        <v>9</v>
      </c>
      <c r="H205" t="s">
        <v>757</v>
      </c>
      <c r="I205" t="s">
        <v>30540</v>
      </c>
    </row>
    <row r="206" spans="1:9">
      <c r="A206" s="1">
        <f ca="1">RAND()</f>
        <v>0.78780665359517499</v>
      </c>
      <c r="B206" s="1"/>
      <c r="C206">
        <v>1</v>
      </c>
      <c r="D206" t="s">
        <v>754</v>
      </c>
      <c r="E206" t="s">
        <v>30658</v>
      </c>
      <c r="F206">
        <v>4</v>
      </c>
      <c r="G206" t="s">
        <v>9</v>
      </c>
      <c r="H206" t="s">
        <v>755</v>
      </c>
      <c r="I206" t="s">
        <v>30540</v>
      </c>
    </row>
    <row r="207" spans="1:9">
      <c r="A207" s="1">
        <f ca="1">RAND()</f>
        <v>0.15049793943847967</v>
      </c>
      <c r="B207" s="1"/>
      <c r="C207">
        <v>2</v>
      </c>
      <c r="D207" t="s">
        <v>750</v>
      </c>
      <c r="E207" t="s">
        <v>30659</v>
      </c>
      <c r="F207">
        <v>4</v>
      </c>
      <c r="G207" t="s">
        <v>14</v>
      </c>
      <c r="H207" t="s">
        <v>751</v>
      </c>
      <c r="I207" t="s">
        <v>30540</v>
      </c>
    </row>
    <row r="208" spans="1:9">
      <c r="A208" s="1">
        <f ca="1">RAND()</f>
        <v>0.98029136886192114</v>
      </c>
      <c r="B208" s="1"/>
      <c r="C208">
        <v>1</v>
      </c>
      <c r="D208" t="s">
        <v>748</v>
      </c>
      <c r="E208" t="s">
        <v>30659</v>
      </c>
      <c r="F208">
        <v>4</v>
      </c>
      <c r="G208" t="s">
        <v>15</v>
      </c>
      <c r="H208" t="s">
        <v>749</v>
      </c>
      <c r="I208" t="s">
        <v>30540</v>
      </c>
    </row>
    <row r="209" spans="1:9">
      <c r="A209" s="1">
        <f ca="1">RAND()</f>
        <v>0.23923018537756657</v>
      </c>
      <c r="B209" s="1"/>
      <c r="C209">
        <v>4</v>
      </c>
      <c r="D209" t="s">
        <v>752</v>
      </c>
      <c r="E209" t="s">
        <v>30659</v>
      </c>
      <c r="F209">
        <v>4</v>
      </c>
      <c r="G209" t="s">
        <v>2</v>
      </c>
      <c r="H209" t="s">
        <v>753</v>
      </c>
      <c r="I209" t="s">
        <v>30540</v>
      </c>
    </row>
    <row r="210" spans="1:9">
      <c r="A210" s="1">
        <f ca="1">RAND()</f>
        <v>5.5903333338599315E-2</v>
      </c>
      <c r="B210" s="1"/>
      <c r="C210">
        <v>1</v>
      </c>
      <c r="D210" t="s">
        <v>744</v>
      </c>
      <c r="E210" t="s">
        <v>30660</v>
      </c>
      <c r="F210">
        <v>4</v>
      </c>
      <c r="G210" t="s">
        <v>0</v>
      </c>
      <c r="H210" t="s">
        <v>745</v>
      </c>
      <c r="I210" t="s">
        <v>30540</v>
      </c>
    </row>
    <row r="211" spans="1:9">
      <c r="A211" s="1">
        <f ca="1">RAND()</f>
        <v>0.13629579064631736</v>
      </c>
      <c r="B211" s="1"/>
      <c r="C211">
        <v>2</v>
      </c>
      <c r="D211" t="s">
        <v>746</v>
      </c>
      <c r="E211" t="s">
        <v>30660</v>
      </c>
      <c r="F211">
        <v>4</v>
      </c>
      <c r="G211" t="s">
        <v>1</v>
      </c>
      <c r="H211" t="s">
        <v>747</v>
      </c>
      <c r="I211" t="s">
        <v>30540</v>
      </c>
    </row>
    <row r="212" spans="1:9">
      <c r="A212" s="1">
        <f ca="1">RAND()</f>
        <v>0.57029373364438918</v>
      </c>
      <c r="B212" s="1"/>
      <c r="C212">
        <v>2</v>
      </c>
      <c r="D212" t="s">
        <v>742</v>
      </c>
      <c r="E212" t="s">
        <v>30661</v>
      </c>
      <c r="F212">
        <v>4</v>
      </c>
      <c r="G212" t="s">
        <v>1</v>
      </c>
      <c r="H212" t="s">
        <v>743</v>
      </c>
      <c r="I212" t="s">
        <v>30540</v>
      </c>
    </row>
    <row r="213" spans="1:9">
      <c r="A213" s="1">
        <f ca="1">RAND()</f>
        <v>6.4360578730675133E-2</v>
      </c>
      <c r="B213" s="1"/>
      <c r="C213">
        <v>2</v>
      </c>
      <c r="D213" t="s">
        <v>740</v>
      </c>
      <c r="E213" t="s">
        <v>30662</v>
      </c>
      <c r="F213">
        <v>4</v>
      </c>
      <c r="G213" t="s">
        <v>0</v>
      </c>
      <c r="H213" t="s">
        <v>741</v>
      </c>
      <c r="I213" t="s">
        <v>30540</v>
      </c>
    </row>
    <row r="214" spans="1:9">
      <c r="A214" s="1">
        <f ca="1">RAND()</f>
        <v>0.78233362347667779</v>
      </c>
      <c r="B214" s="1"/>
      <c r="C214">
        <v>1</v>
      </c>
      <c r="D214" t="s">
        <v>738</v>
      </c>
      <c r="E214" t="s">
        <v>30662</v>
      </c>
      <c r="F214">
        <v>4</v>
      </c>
      <c r="G214" t="s">
        <v>13</v>
      </c>
      <c r="H214" t="s">
        <v>739</v>
      </c>
      <c r="I214" t="s">
        <v>30540</v>
      </c>
    </row>
    <row r="215" spans="1:9">
      <c r="A215" s="1">
        <f ca="1">RAND()</f>
        <v>9.5631651967601927E-2</v>
      </c>
      <c r="B215" s="1"/>
      <c r="C215">
        <v>1</v>
      </c>
      <c r="D215" t="s">
        <v>736</v>
      </c>
      <c r="E215" t="s">
        <v>30663</v>
      </c>
      <c r="F215">
        <v>4</v>
      </c>
      <c r="G215" t="s">
        <v>1</v>
      </c>
      <c r="H215" t="s">
        <v>737</v>
      </c>
      <c r="I215" t="s">
        <v>30540</v>
      </c>
    </row>
    <row r="216" spans="1:9">
      <c r="A216" s="1">
        <f ca="1">RAND()</f>
        <v>0.27021426333527854</v>
      </c>
      <c r="B216" s="1"/>
      <c r="C216">
        <v>1</v>
      </c>
      <c r="D216" t="s">
        <v>734</v>
      </c>
      <c r="E216" t="s">
        <v>30664</v>
      </c>
      <c r="F216">
        <v>4</v>
      </c>
      <c r="G216" t="s">
        <v>0</v>
      </c>
      <c r="H216" t="s">
        <v>735</v>
      </c>
      <c r="I216" t="s">
        <v>30540</v>
      </c>
    </row>
    <row r="217" spans="1:9">
      <c r="A217" s="1">
        <f ca="1">RAND()</f>
        <v>0.90521074776776911</v>
      </c>
      <c r="B217" s="1"/>
      <c r="C217">
        <v>2</v>
      </c>
      <c r="D217" t="s">
        <v>732</v>
      </c>
      <c r="E217" t="s">
        <v>30665</v>
      </c>
      <c r="F217">
        <v>4</v>
      </c>
      <c r="G217" t="s">
        <v>13</v>
      </c>
      <c r="H217" t="s">
        <v>733</v>
      </c>
      <c r="I217" t="s">
        <v>30540</v>
      </c>
    </row>
    <row r="218" spans="1:9">
      <c r="A218" s="1">
        <f ca="1">RAND()</f>
        <v>0.71433152481276985</v>
      </c>
      <c r="B218" s="1"/>
      <c r="C218">
        <v>1</v>
      </c>
      <c r="D218" t="s">
        <v>728</v>
      </c>
      <c r="E218" t="s">
        <v>30666</v>
      </c>
      <c r="F218">
        <v>4</v>
      </c>
      <c r="G218" t="s">
        <v>2</v>
      </c>
      <c r="H218" t="s">
        <v>729</v>
      </c>
      <c r="I218" t="s">
        <v>30540</v>
      </c>
    </row>
    <row r="219" spans="1:9">
      <c r="A219" s="1">
        <f ca="1">RAND()</f>
        <v>0.77114081345753138</v>
      </c>
      <c r="B219" s="1"/>
      <c r="C219">
        <v>3</v>
      </c>
      <c r="D219" t="s">
        <v>730</v>
      </c>
      <c r="E219" t="s">
        <v>30666</v>
      </c>
      <c r="F219">
        <v>2</v>
      </c>
      <c r="G219" t="s">
        <v>13</v>
      </c>
      <c r="H219" t="s">
        <v>731</v>
      </c>
      <c r="I219" t="s">
        <v>30540</v>
      </c>
    </row>
    <row r="220" spans="1:9">
      <c r="A220" s="1">
        <f ca="1">RAND()</f>
        <v>0.23404468716108107</v>
      </c>
      <c r="B220" s="1"/>
      <c r="C220">
        <v>2</v>
      </c>
      <c r="D220" t="s">
        <v>726</v>
      </c>
      <c r="E220" t="s">
        <v>30667</v>
      </c>
      <c r="F220">
        <v>4</v>
      </c>
      <c r="G220" t="s">
        <v>0</v>
      </c>
      <c r="H220" t="s">
        <v>727</v>
      </c>
      <c r="I220" t="s">
        <v>30540</v>
      </c>
    </row>
    <row r="221" spans="1:9">
      <c r="A221" s="1">
        <f ca="1">RAND()</f>
        <v>0.79007720321321095</v>
      </c>
      <c r="B221" s="1"/>
      <c r="C221">
        <v>3</v>
      </c>
      <c r="D221" t="s">
        <v>724</v>
      </c>
      <c r="E221" t="s">
        <v>30668</v>
      </c>
      <c r="F221">
        <v>4</v>
      </c>
      <c r="G221" t="s">
        <v>2</v>
      </c>
      <c r="H221" t="s">
        <v>725</v>
      </c>
      <c r="I221" t="s">
        <v>30540</v>
      </c>
    </row>
    <row r="222" spans="1:9">
      <c r="A222" s="1">
        <f ca="1">RAND()</f>
        <v>0.40014775994888352</v>
      </c>
      <c r="B222" s="1"/>
      <c r="C222">
        <v>1</v>
      </c>
      <c r="D222" t="s">
        <v>720</v>
      </c>
      <c r="E222" t="s">
        <v>30669</v>
      </c>
      <c r="F222">
        <v>5</v>
      </c>
      <c r="G222" t="s">
        <v>14</v>
      </c>
      <c r="H222" t="s">
        <v>721</v>
      </c>
      <c r="I222" t="s">
        <v>30540</v>
      </c>
    </row>
    <row r="223" spans="1:9">
      <c r="A223" s="1">
        <f ca="1">RAND()</f>
        <v>0.91854616131299893</v>
      </c>
      <c r="B223" s="1"/>
      <c r="C223">
        <v>2</v>
      </c>
      <c r="D223" t="s">
        <v>722</v>
      </c>
      <c r="E223" t="s">
        <v>30669</v>
      </c>
      <c r="F223">
        <v>4</v>
      </c>
      <c r="G223" t="s">
        <v>14</v>
      </c>
      <c r="H223" t="s">
        <v>723</v>
      </c>
      <c r="I223" t="s">
        <v>30540</v>
      </c>
    </row>
    <row r="224" spans="1:9">
      <c r="A224" s="1">
        <f ca="1">RAND()</f>
        <v>0.92266627859202577</v>
      </c>
      <c r="B224" s="1"/>
      <c r="C224">
        <v>1</v>
      </c>
      <c r="D224" t="s">
        <v>718</v>
      </c>
      <c r="E224" t="s">
        <v>30670</v>
      </c>
      <c r="F224">
        <v>4</v>
      </c>
      <c r="G224" t="s">
        <v>1</v>
      </c>
      <c r="H224" t="s">
        <v>719</v>
      </c>
      <c r="I224" t="s">
        <v>30540</v>
      </c>
    </row>
    <row r="225" spans="1:9">
      <c r="A225" s="1">
        <f ca="1">RAND()</f>
        <v>0.30176146125975822</v>
      </c>
      <c r="B225" s="1"/>
      <c r="C225">
        <v>1</v>
      </c>
      <c r="D225" t="s">
        <v>714</v>
      </c>
      <c r="E225" t="s">
        <v>30671</v>
      </c>
      <c r="F225">
        <v>5</v>
      </c>
      <c r="G225" t="s">
        <v>9</v>
      </c>
      <c r="H225" t="s">
        <v>715</v>
      </c>
      <c r="I225" t="s">
        <v>30540</v>
      </c>
    </row>
    <row r="226" spans="1:9">
      <c r="A226" s="1">
        <f ca="1">RAND()</f>
        <v>0.16230758244962518</v>
      </c>
      <c r="B226" s="1"/>
      <c r="C226">
        <v>2</v>
      </c>
      <c r="D226" t="s">
        <v>716</v>
      </c>
      <c r="E226" t="s">
        <v>30671</v>
      </c>
      <c r="F226">
        <v>4</v>
      </c>
      <c r="G226" t="s">
        <v>0</v>
      </c>
      <c r="H226" t="s">
        <v>717</v>
      </c>
      <c r="I226" t="s">
        <v>30540</v>
      </c>
    </row>
    <row r="227" spans="1:9">
      <c r="A227" s="1">
        <f ca="1">RAND()</f>
        <v>0.33992747203778062</v>
      </c>
      <c r="B227" s="1"/>
      <c r="C227">
        <v>1</v>
      </c>
      <c r="D227" t="s">
        <v>712</v>
      </c>
      <c r="E227" t="s">
        <v>30672</v>
      </c>
      <c r="F227">
        <v>4</v>
      </c>
      <c r="G227" t="s">
        <v>9</v>
      </c>
      <c r="H227" t="s">
        <v>713</v>
      </c>
      <c r="I227" t="s">
        <v>30540</v>
      </c>
    </row>
    <row r="228" spans="1:9">
      <c r="A228" s="1">
        <f ca="1">RAND()</f>
        <v>2.6662460093185625E-2</v>
      </c>
      <c r="B228" s="1"/>
      <c r="C228">
        <v>3</v>
      </c>
      <c r="D228" t="s">
        <v>710</v>
      </c>
      <c r="E228" t="s">
        <v>30673</v>
      </c>
      <c r="F228">
        <v>4</v>
      </c>
      <c r="G228" t="s">
        <v>1</v>
      </c>
      <c r="H228" t="s">
        <v>711</v>
      </c>
      <c r="I228" t="s">
        <v>30540</v>
      </c>
    </row>
    <row r="229" spans="1:9">
      <c r="A229" s="1">
        <f ca="1">RAND()</f>
        <v>0.223841411987866</v>
      </c>
      <c r="B229" s="1"/>
      <c r="C229">
        <v>2</v>
      </c>
      <c r="D229" t="s">
        <v>708</v>
      </c>
      <c r="E229" t="s">
        <v>30674</v>
      </c>
      <c r="F229">
        <v>3</v>
      </c>
      <c r="G229" t="s">
        <v>2</v>
      </c>
      <c r="H229" t="s">
        <v>709</v>
      </c>
      <c r="I229" t="s">
        <v>30540</v>
      </c>
    </row>
    <row r="230" spans="1:9">
      <c r="A230" s="1">
        <f ca="1">RAND()</f>
        <v>0.35876525628301359</v>
      </c>
      <c r="B230" s="1"/>
      <c r="C230">
        <v>1</v>
      </c>
      <c r="D230" t="s">
        <v>706</v>
      </c>
      <c r="E230" t="s">
        <v>30674</v>
      </c>
      <c r="F230">
        <v>1</v>
      </c>
      <c r="G230" t="s">
        <v>9</v>
      </c>
      <c r="H230" t="s">
        <v>707</v>
      </c>
      <c r="I230" t="s">
        <v>30540</v>
      </c>
    </row>
    <row r="231" spans="1:9">
      <c r="A231" s="1">
        <f ca="1">RAND()</f>
        <v>0.21713418393254369</v>
      </c>
      <c r="B231" s="1"/>
      <c r="C231">
        <v>1</v>
      </c>
      <c r="D231" t="s">
        <v>704</v>
      </c>
      <c r="E231" t="s">
        <v>30675</v>
      </c>
      <c r="F231">
        <v>4</v>
      </c>
      <c r="G231" t="s">
        <v>14</v>
      </c>
      <c r="H231" t="s">
        <v>705</v>
      </c>
      <c r="I231" t="s">
        <v>30540</v>
      </c>
    </row>
    <row r="232" spans="1:9">
      <c r="A232" s="1">
        <f ca="1">RAND()</f>
        <v>0.93418058996431208</v>
      </c>
      <c r="B232" s="1"/>
      <c r="C232">
        <v>2</v>
      </c>
      <c r="D232" t="s">
        <v>702</v>
      </c>
      <c r="E232" t="s">
        <v>30676</v>
      </c>
      <c r="F232">
        <v>4</v>
      </c>
      <c r="G232" t="s">
        <v>0</v>
      </c>
      <c r="H232" t="s">
        <v>703</v>
      </c>
      <c r="I232" t="s">
        <v>30540</v>
      </c>
    </row>
    <row r="233" spans="1:9">
      <c r="A233" s="1">
        <f ca="1">RAND()</f>
        <v>0.74144269672617535</v>
      </c>
      <c r="B233" s="1"/>
      <c r="C233">
        <v>1</v>
      </c>
      <c r="D233" t="s">
        <v>700</v>
      </c>
      <c r="E233" t="s">
        <v>30677</v>
      </c>
      <c r="F233">
        <v>2</v>
      </c>
      <c r="G233" t="s">
        <v>15</v>
      </c>
      <c r="H233" t="s">
        <v>701</v>
      </c>
      <c r="I233" t="s">
        <v>30540</v>
      </c>
    </row>
    <row r="234" spans="1:9">
      <c r="A234" s="1">
        <f ca="1">RAND()</f>
        <v>0.8510095957114272</v>
      </c>
      <c r="B234" s="1"/>
      <c r="C234">
        <v>5</v>
      </c>
      <c r="D234" t="s">
        <v>698</v>
      </c>
      <c r="E234" t="s">
        <v>30678</v>
      </c>
      <c r="F234">
        <v>4</v>
      </c>
      <c r="G234" t="s">
        <v>14</v>
      </c>
      <c r="H234" t="s">
        <v>699</v>
      </c>
      <c r="I234" t="s">
        <v>30540</v>
      </c>
    </row>
    <row r="235" spans="1:9">
      <c r="A235" s="1">
        <f ca="1">RAND()</f>
        <v>0.89170007300041221</v>
      </c>
      <c r="B235" s="1"/>
      <c r="C235">
        <v>2</v>
      </c>
      <c r="D235" t="s">
        <v>694</v>
      </c>
      <c r="E235" t="s">
        <v>30679</v>
      </c>
      <c r="F235">
        <v>4</v>
      </c>
      <c r="G235" t="s">
        <v>2</v>
      </c>
      <c r="H235" t="s">
        <v>695</v>
      </c>
      <c r="I235" t="s">
        <v>30540</v>
      </c>
    </row>
    <row r="236" spans="1:9">
      <c r="A236" s="1">
        <f ca="1">RAND()</f>
        <v>0.68354358563891293</v>
      </c>
      <c r="B236" s="1"/>
      <c r="C236">
        <v>3</v>
      </c>
      <c r="D236" t="s">
        <v>696</v>
      </c>
      <c r="E236" t="s">
        <v>30679</v>
      </c>
      <c r="F236">
        <v>3</v>
      </c>
      <c r="G236" t="s">
        <v>1</v>
      </c>
      <c r="H236" t="s">
        <v>697</v>
      </c>
      <c r="I236" t="s">
        <v>30540</v>
      </c>
    </row>
    <row r="237" spans="1:9">
      <c r="A237" s="1">
        <f ca="1">RAND()</f>
        <v>0.24097120732600663</v>
      </c>
      <c r="B237" s="1"/>
      <c r="C237">
        <v>1</v>
      </c>
      <c r="D237" t="s">
        <v>688</v>
      </c>
      <c r="E237" t="s">
        <v>30680</v>
      </c>
      <c r="F237">
        <v>5</v>
      </c>
      <c r="G237" t="s">
        <v>2</v>
      </c>
      <c r="H237" t="s">
        <v>689</v>
      </c>
      <c r="I237" t="s">
        <v>30540</v>
      </c>
    </row>
    <row r="238" spans="1:9">
      <c r="A238" s="1">
        <f ca="1">RAND()</f>
        <v>0.70508947611614403</v>
      </c>
      <c r="B238" s="1"/>
      <c r="C238">
        <v>6</v>
      </c>
      <c r="D238" t="s">
        <v>690</v>
      </c>
      <c r="E238" t="s">
        <v>30680</v>
      </c>
      <c r="F238">
        <v>4</v>
      </c>
      <c r="G238" t="s">
        <v>0</v>
      </c>
      <c r="H238" t="s">
        <v>691</v>
      </c>
      <c r="I238" t="s">
        <v>30540</v>
      </c>
    </row>
    <row r="239" spans="1:9">
      <c r="A239" s="1">
        <f ca="1">RAND()</f>
        <v>0.58166457355934853</v>
      </c>
      <c r="B239" s="1"/>
      <c r="C239">
        <v>7</v>
      </c>
      <c r="D239" t="s">
        <v>692</v>
      </c>
      <c r="E239" t="s">
        <v>30680</v>
      </c>
      <c r="F239">
        <v>4</v>
      </c>
      <c r="G239" t="s">
        <v>9</v>
      </c>
      <c r="H239" t="s">
        <v>693</v>
      </c>
      <c r="I239" t="s">
        <v>30540</v>
      </c>
    </row>
    <row r="240" spans="1:9">
      <c r="A240" s="1">
        <f ca="1">RAND()</f>
        <v>0.13416941741767929</v>
      </c>
      <c r="B240" s="1"/>
      <c r="C240">
        <v>1</v>
      </c>
      <c r="D240" t="s">
        <v>686</v>
      </c>
      <c r="E240" t="s">
        <v>30681</v>
      </c>
      <c r="F240">
        <v>4</v>
      </c>
      <c r="G240" t="s">
        <v>1</v>
      </c>
      <c r="H240" t="s">
        <v>687</v>
      </c>
      <c r="I240" t="s">
        <v>30540</v>
      </c>
    </row>
    <row r="241" spans="1:9">
      <c r="A241" s="1">
        <f ca="1">RAND()</f>
        <v>0.18343597208621287</v>
      </c>
      <c r="B241" s="1"/>
      <c r="C241">
        <v>2</v>
      </c>
      <c r="D241" t="s">
        <v>684</v>
      </c>
      <c r="E241" t="s">
        <v>30682</v>
      </c>
      <c r="F241">
        <v>4</v>
      </c>
      <c r="G241" t="s">
        <v>9</v>
      </c>
      <c r="H241" t="s">
        <v>685</v>
      </c>
      <c r="I241" t="s">
        <v>30540</v>
      </c>
    </row>
    <row r="242" spans="1:9">
      <c r="A242" s="1">
        <f ca="1">RAND()</f>
        <v>9.4399535988765715E-2</v>
      </c>
      <c r="B242" s="1"/>
      <c r="C242">
        <v>1</v>
      </c>
      <c r="D242" t="s">
        <v>682</v>
      </c>
      <c r="E242" t="s">
        <v>30682</v>
      </c>
      <c r="F242">
        <v>4</v>
      </c>
      <c r="G242" t="s">
        <v>14</v>
      </c>
      <c r="H242" t="s">
        <v>683</v>
      </c>
      <c r="I242" t="s">
        <v>30540</v>
      </c>
    </row>
    <row r="243" spans="1:9">
      <c r="A243" s="1">
        <f ca="1">RAND()</f>
        <v>0.55805413150474226</v>
      </c>
      <c r="B243" s="1"/>
      <c r="C243">
        <v>1</v>
      </c>
      <c r="D243" t="s">
        <v>678</v>
      </c>
      <c r="E243" t="s">
        <v>30683</v>
      </c>
      <c r="F243">
        <v>5</v>
      </c>
      <c r="G243" t="s">
        <v>14</v>
      </c>
      <c r="H243" t="s">
        <v>679</v>
      </c>
      <c r="I243" t="s">
        <v>30540</v>
      </c>
    </row>
    <row r="244" spans="1:9">
      <c r="A244" s="1">
        <f ca="1">RAND()</f>
        <v>0.77415112776753225</v>
      </c>
      <c r="B244" s="1"/>
      <c r="C244">
        <v>2</v>
      </c>
      <c r="D244" t="s">
        <v>680</v>
      </c>
      <c r="E244" t="s">
        <v>30683</v>
      </c>
      <c r="F244">
        <v>4</v>
      </c>
      <c r="G244" t="s">
        <v>14</v>
      </c>
      <c r="H244" t="s">
        <v>681</v>
      </c>
      <c r="I244" t="s">
        <v>30540</v>
      </c>
    </row>
    <row r="245" spans="1:9">
      <c r="A245" s="1">
        <f ca="1">RAND()</f>
        <v>0.24199173948952668</v>
      </c>
      <c r="B245" s="1"/>
      <c r="C245">
        <v>1</v>
      </c>
      <c r="D245" t="s">
        <v>676</v>
      </c>
      <c r="E245" t="s">
        <v>30684</v>
      </c>
      <c r="F245">
        <v>5</v>
      </c>
      <c r="G245" t="s">
        <v>0</v>
      </c>
      <c r="H245" t="s">
        <v>677</v>
      </c>
      <c r="I245" t="s">
        <v>30540</v>
      </c>
    </row>
    <row r="246" spans="1:9">
      <c r="A246" s="1">
        <f ca="1">RAND()</f>
        <v>0.54915063032234301</v>
      </c>
      <c r="B246" s="1"/>
      <c r="C246">
        <v>2</v>
      </c>
      <c r="D246" t="s">
        <v>674</v>
      </c>
      <c r="E246" t="s">
        <v>30685</v>
      </c>
      <c r="F246">
        <v>4</v>
      </c>
      <c r="G246" t="s">
        <v>2</v>
      </c>
      <c r="H246" t="s">
        <v>675</v>
      </c>
      <c r="I246" t="s">
        <v>30540</v>
      </c>
    </row>
    <row r="247" spans="1:9">
      <c r="A247" s="1">
        <f ca="1">RAND()</f>
        <v>0.1368734905821819</v>
      </c>
      <c r="B247" s="1"/>
      <c r="C247">
        <v>5</v>
      </c>
      <c r="D247" t="s">
        <v>672</v>
      </c>
      <c r="E247" t="s">
        <v>30686</v>
      </c>
      <c r="F247">
        <v>4</v>
      </c>
      <c r="G247" t="s">
        <v>0</v>
      </c>
      <c r="H247" t="s">
        <v>673</v>
      </c>
      <c r="I247" t="s">
        <v>30540</v>
      </c>
    </row>
    <row r="248" spans="1:9">
      <c r="A248" s="1">
        <f ca="1">RAND()</f>
        <v>0.68006759604452749</v>
      </c>
      <c r="B248" s="1"/>
      <c r="C248">
        <v>4</v>
      </c>
      <c r="D248" t="s">
        <v>670</v>
      </c>
      <c r="E248" t="s">
        <v>30686</v>
      </c>
      <c r="F248">
        <v>4</v>
      </c>
      <c r="G248" t="s">
        <v>1</v>
      </c>
      <c r="H248" t="s">
        <v>671</v>
      </c>
      <c r="I248" t="s">
        <v>30540</v>
      </c>
    </row>
    <row r="249" spans="1:9">
      <c r="A249" s="1">
        <f ca="1">RAND()</f>
        <v>0.47262184661693452</v>
      </c>
      <c r="B249" s="1"/>
      <c r="C249">
        <v>1</v>
      </c>
      <c r="D249" t="s">
        <v>668</v>
      </c>
      <c r="E249" t="s">
        <v>30687</v>
      </c>
      <c r="F249">
        <v>4</v>
      </c>
      <c r="G249" t="s">
        <v>0</v>
      </c>
      <c r="H249" t="s">
        <v>669</v>
      </c>
      <c r="I249" t="s">
        <v>30540</v>
      </c>
    </row>
    <row r="250" spans="1:9">
      <c r="A250" s="1">
        <f ca="1">RAND()</f>
        <v>0.4659364124422346</v>
      </c>
      <c r="B250" s="1"/>
      <c r="C250">
        <v>1</v>
      </c>
      <c r="D250" t="s">
        <v>666</v>
      </c>
      <c r="E250" t="s">
        <v>30688</v>
      </c>
      <c r="F250">
        <v>4</v>
      </c>
      <c r="G250" t="s">
        <v>0</v>
      </c>
      <c r="H250" t="s">
        <v>667</v>
      </c>
      <c r="I250" t="s">
        <v>30540</v>
      </c>
    </row>
    <row r="251" spans="1:9">
      <c r="A251" s="1">
        <f ca="1">RAND()</f>
        <v>0.8045211293644623</v>
      </c>
      <c r="B251" s="1"/>
      <c r="C251">
        <v>7</v>
      </c>
      <c r="D251" t="s">
        <v>664</v>
      </c>
      <c r="E251" t="s">
        <v>30689</v>
      </c>
      <c r="F251">
        <v>4</v>
      </c>
      <c r="G251" t="s">
        <v>0</v>
      </c>
      <c r="H251" t="s">
        <v>665</v>
      </c>
      <c r="I251" t="s">
        <v>30540</v>
      </c>
    </row>
    <row r="252" spans="1:9">
      <c r="A252" s="1">
        <f ca="1">RAND()</f>
        <v>0.87953783497933635</v>
      </c>
      <c r="B252" s="1"/>
      <c r="C252">
        <v>2</v>
      </c>
      <c r="D252" t="s">
        <v>662</v>
      </c>
      <c r="E252" t="s">
        <v>30690</v>
      </c>
      <c r="F252">
        <v>4</v>
      </c>
      <c r="G252" t="s">
        <v>0</v>
      </c>
      <c r="H252" t="s">
        <v>663</v>
      </c>
      <c r="I252" t="s">
        <v>30540</v>
      </c>
    </row>
    <row r="253" spans="1:9">
      <c r="A253" s="1">
        <f ca="1">RAND()</f>
        <v>7.6826461434462145E-2</v>
      </c>
      <c r="B253" s="1"/>
      <c r="C253">
        <v>2</v>
      </c>
      <c r="D253" t="s">
        <v>656</v>
      </c>
      <c r="E253" t="s">
        <v>30691</v>
      </c>
      <c r="F253">
        <v>5</v>
      </c>
      <c r="G253" t="s">
        <v>9</v>
      </c>
      <c r="H253" t="s">
        <v>657</v>
      </c>
      <c r="I253" t="s">
        <v>30540</v>
      </c>
    </row>
    <row r="254" spans="1:9">
      <c r="A254" s="1">
        <f ca="1">RAND()</f>
        <v>0.20638630910557265</v>
      </c>
      <c r="B254" s="1"/>
      <c r="C254">
        <v>4</v>
      </c>
      <c r="D254" t="s">
        <v>660</v>
      </c>
      <c r="E254" t="s">
        <v>30691</v>
      </c>
      <c r="F254">
        <v>4</v>
      </c>
      <c r="G254" t="s">
        <v>9</v>
      </c>
      <c r="H254" t="s">
        <v>661</v>
      </c>
      <c r="I254" t="s">
        <v>30540</v>
      </c>
    </row>
    <row r="255" spans="1:9">
      <c r="A255" s="1">
        <f ca="1">RAND()</f>
        <v>0.56874720505052434</v>
      </c>
      <c r="B255" s="1"/>
      <c r="C255">
        <v>3</v>
      </c>
      <c r="D255" t="s">
        <v>658</v>
      </c>
      <c r="E255" t="s">
        <v>30691</v>
      </c>
      <c r="F255">
        <v>4</v>
      </c>
      <c r="G255" t="s">
        <v>9</v>
      </c>
      <c r="H255" t="s">
        <v>659</v>
      </c>
      <c r="I255" t="s">
        <v>30540</v>
      </c>
    </row>
    <row r="256" spans="1:9">
      <c r="A256" s="1">
        <f ca="1">RAND()</f>
        <v>0.604035096109522</v>
      </c>
      <c r="B256" s="1"/>
      <c r="C256">
        <v>1</v>
      </c>
      <c r="D256" t="s">
        <v>654</v>
      </c>
      <c r="E256" t="s">
        <v>30691</v>
      </c>
      <c r="F256">
        <v>3</v>
      </c>
      <c r="G256" t="s">
        <v>15</v>
      </c>
      <c r="H256" t="s">
        <v>655</v>
      </c>
      <c r="I256" t="s">
        <v>30540</v>
      </c>
    </row>
    <row r="257" spans="1:9">
      <c r="A257" s="1">
        <f ca="1">RAND()</f>
        <v>0.58458027012372482</v>
      </c>
      <c r="B257" s="1"/>
      <c r="C257">
        <v>1</v>
      </c>
      <c r="D257" t="s">
        <v>652</v>
      </c>
      <c r="E257" t="s">
        <v>30692</v>
      </c>
      <c r="F257">
        <v>4</v>
      </c>
      <c r="G257" t="s">
        <v>15</v>
      </c>
      <c r="H257" t="s">
        <v>653</v>
      </c>
      <c r="I257" t="s">
        <v>30540</v>
      </c>
    </row>
    <row r="258" spans="1:9">
      <c r="A258" s="1">
        <f ca="1">RAND()</f>
        <v>0.88770408686190083</v>
      </c>
      <c r="B258" s="1"/>
      <c r="C258">
        <v>5</v>
      </c>
      <c r="D258" t="s">
        <v>650</v>
      </c>
      <c r="E258" t="s">
        <v>30693</v>
      </c>
      <c r="F258">
        <v>5</v>
      </c>
      <c r="G258" t="s">
        <v>1</v>
      </c>
      <c r="H258" t="s">
        <v>651</v>
      </c>
      <c r="I258" t="s">
        <v>30540</v>
      </c>
    </row>
    <row r="259" spans="1:9">
      <c r="A259" s="1">
        <f ca="1">RAND()</f>
        <v>0.28217627306942672</v>
      </c>
      <c r="B259" s="1"/>
      <c r="C259">
        <v>4</v>
      </c>
      <c r="D259" t="s">
        <v>648</v>
      </c>
      <c r="E259" t="s">
        <v>30693</v>
      </c>
      <c r="F259">
        <v>4</v>
      </c>
      <c r="G259" t="s">
        <v>0</v>
      </c>
      <c r="H259" t="s">
        <v>649</v>
      </c>
      <c r="I259" t="s">
        <v>30540</v>
      </c>
    </row>
    <row r="260" spans="1:9">
      <c r="A260" s="1">
        <f ca="1">RAND()</f>
        <v>0.53955046359863812</v>
      </c>
      <c r="B260" s="1"/>
      <c r="C260">
        <v>3</v>
      </c>
      <c r="D260" t="s">
        <v>646</v>
      </c>
      <c r="E260" t="s">
        <v>30694</v>
      </c>
      <c r="F260">
        <v>5</v>
      </c>
      <c r="G260" t="s">
        <v>0</v>
      </c>
      <c r="H260" t="s">
        <v>647</v>
      </c>
      <c r="I260" t="s">
        <v>30540</v>
      </c>
    </row>
    <row r="261" spans="1:9">
      <c r="A261" s="1">
        <f ca="1">RAND()</f>
        <v>0.5117995275773134</v>
      </c>
      <c r="B261" s="1"/>
      <c r="C261">
        <v>2</v>
      </c>
      <c r="D261" t="s">
        <v>644</v>
      </c>
      <c r="E261" t="s">
        <v>30695</v>
      </c>
      <c r="F261">
        <v>4</v>
      </c>
      <c r="G261" t="s">
        <v>9</v>
      </c>
      <c r="H261" t="s">
        <v>645</v>
      </c>
      <c r="I261" t="s">
        <v>30540</v>
      </c>
    </row>
    <row r="262" spans="1:9">
      <c r="A262" s="1">
        <f ca="1">RAND()</f>
        <v>0.78497391089078494</v>
      </c>
      <c r="B262" s="1"/>
      <c r="C262">
        <v>1</v>
      </c>
      <c r="D262" t="s">
        <v>642</v>
      </c>
      <c r="E262" t="s">
        <v>30695</v>
      </c>
      <c r="F262">
        <v>4</v>
      </c>
      <c r="G262" t="s">
        <v>9</v>
      </c>
      <c r="H262" t="s">
        <v>643</v>
      </c>
      <c r="I262" t="s">
        <v>30540</v>
      </c>
    </row>
    <row r="263" spans="1:9">
      <c r="A263" s="1">
        <f ca="1">RAND()</f>
        <v>0.84992769195111084</v>
      </c>
      <c r="B263" s="1"/>
      <c r="C263">
        <v>1</v>
      </c>
      <c r="D263" t="s">
        <v>640</v>
      </c>
      <c r="E263" t="s">
        <v>30696</v>
      </c>
      <c r="F263">
        <v>2</v>
      </c>
      <c r="G263" t="s">
        <v>0</v>
      </c>
      <c r="H263" t="s">
        <v>641</v>
      </c>
      <c r="I263" t="s">
        <v>30540</v>
      </c>
    </row>
    <row r="264" spans="1:9">
      <c r="A264" s="1">
        <f ca="1">RAND()</f>
        <v>0.17208002736509587</v>
      </c>
      <c r="B264" s="1"/>
      <c r="C264">
        <v>4</v>
      </c>
      <c r="D264" t="s">
        <v>638</v>
      </c>
      <c r="E264" t="s">
        <v>30697</v>
      </c>
      <c r="F264">
        <v>4</v>
      </c>
      <c r="G264" t="s">
        <v>1</v>
      </c>
      <c r="H264" t="s">
        <v>639</v>
      </c>
      <c r="I264" t="s">
        <v>30540</v>
      </c>
    </row>
    <row r="265" spans="1:9">
      <c r="A265" s="1">
        <f ca="1">RAND()</f>
        <v>0.42431725871165149</v>
      </c>
      <c r="B265" s="1"/>
      <c r="C265">
        <v>1</v>
      </c>
      <c r="D265" t="s">
        <v>634</v>
      </c>
      <c r="E265" t="s">
        <v>30698</v>
      </c>
      <c r="F265">
        <v>4</v>
      </c>
      <c r="G265" t="s">
        <v>15</v>
      </c>
      <c r="H265" t="s">
        <v>635</v>
      </c>
      <c r="I265" t="s">
        <v>30540</v>
      </c>
    </row>
    <row r="266" spans="1:9">
      <c r="A266" s="1">
        <f ca="1">RAND()</f>
        <v>0.37852696409025743</v>
      </c>
      <c r="B266" s="1"/>
      <c r="C266">
        <v>6</v>
      </c>
      <c r="D266" t="s">
        <v>636</v>
      </c>
      <c r="E266" t="s">
        <v>30698</v>
      </c>
      <c r="F266">
        <v>3</v>
      </c>
      <c r="G266" t="s">
        <v>13</v>
      </c>
      <c r="H266" t="s">
        <v>637</v>
      </c>
      <c r="I266" t="s">
        <v>30540</v>
      </c>
    </row>
    <row r="267" spans="1:9">
      <c r="A267" s="1">
        <f ca="1">RAND()</f>
        <v>0.56254695014332634</v>
      </c>
      <c r="B267" s="1"/>
      <c r="C267">
        <v>1</v>
      </c>
      <c r="D267" t="s">
        <v>632</v>
      </c>
      <c r="E267" t="s">
        <v>30699</v>
      </c>
      <c r="F267">
        <v>4</v>
      </c>
      <c r="G267" t="s">
        <v>0</v>
      </c>
      <c r="H267" t="s">
        <v>633</v>
      </c>
      <c r="I267" t="s">
        <v>30540</v>
      </c>
    </row>
    <row r="268" spans="1:9">
      <c r="A268" s="1">
        <f ca="1">RAND()</f>
        <v>0.65271652276699055</v>
      </c>
      <c r="B268" s="1"/>
      <c r="C268">
        <v>1</v>
      </c>
      <c r="D268" t="s">
        <v>628</v>
      </c>
      <c r="E268" t="s">
        <v>30700</v>
      </c>
      <c r="F268">
        <v>5</v>
      </c>
      <c r="G268" t="s">
        <v>9</v>
      </c>
      <c r="H268" t="s">
        <v>629</v>
      </c>
      <c r="I268" t="s">
        <v>30540</v>
      </c>
    </row>
    <row r="269" spans="1:9">
      <c r="A269" s="1">
        <f ca="1">RAND()</f>
        <v>0.3359881295606908</v>
      </c>
      <c r="B269" s="1"/>
      <c r="C269">
        <v>2</v>
      </c>
      <c r="D269" t="s">
        <v>630</v>
      </c>
      <c r="E269" t="s">
        <v>30700</v>
      </c>
      <c r="F269">
        <v>4</v>
      </c>
      <c r="G269" t="s">
        <v>15</v>
      </c>
      <c r="H269" t="s">
        <v>631</v>
      </c>
      <c r="I269" t="s">
        <v>30540</v>
      </c>
    </row>
    <row r="270" spans="1:9">
      <c r="A270" s="1">
        <f ca="1">RAND()</f>
        <v>0.61587640261510812</v>
      </c>
      <c r="B270" s="1"/>
      <c r="C270">
        <v>2</v>
      </c>
      <c r="D270" t="s">
        <v>626</v>
      </c>
      <c r="E270" t="s">
        <v>30701</v>
      </c>
      <c r="F270">
        <v>4</v>
      </c>
      <c r="G270" t="s">
        <v>0</v>
      </c>
      <c r="H270" t="s">
        <v>627</v>
      </c>
      <c r="I270" t="s">
        <v>30540</v>
      </c>
    </row>
    <row r="271" spans="1:9">
      <c r="A271" s="1">
        <f ca="1">RAND()</f>
        <v>0.82386475072470167</v>
      </c>
      <c r="B271" s="1"/>
      <c r="C271">
        <v>3</v>
      </c>
      <c r="D271" t="s">
        <v>624</v>
      </c>
      <c r="E271" t="s">
        <v>30702</v>
      </c>
      <c r="F271">
        <v>5</v>
      </c>
      <c r="G271" t="s">
        <v>0</v>
      </c>
      <c r="H271" t="s">
        <v>625</v>
      </c>
      <c r="I271" t="s">
        <v>30540</v>
      </c>
    </row>
    <row r="272" spans="1:9">
      <c r="A272" s="1">
        <f ca="1">RAND()</f>
        <v>0.60718638725161633</v>
      </c>
      <c r="B272" s="1"/>
      <c r="C272">
        <v>1</v>
      </c>
      <c r="D272" t="s">
        <v>622</v>
      </c>
      <c r="E272" t="s">
        <v>30703</v>
      </c>
      <c r="F272">
        <v>4</v>
      </c>
      <c r="G272" t="s">
        <v>0</v>
      </c>
      <c r="H272" t="s">
        <v>623</v>
      </c>
      <c r="I272" t="s">
        <v>30540</v>
      </c>
    </row>
    <row r="273" spans="1:9">
      <c r="A273" s="1">
        <f ca="1">RAND()</f>
        <v>0.96227598536685588</v>
      </c>
      <c r="B273" s="1"/>
      <c r="C273">
        <v>1</v>
      </c>
      <c r="D273" t="s">
        <v>620</v>
      </c>
      <c r="E273" t="s">
        <v>30704</v>
      </c>
      <c r="F273">
        <v>5</v>
      </c>
      <c r="G273" t="s">
        <v>2</v>
      </c>
      <c r="H273" t="s">
        <v>621</v>
      </c>
      <c r="I273" t="s">
        <v>30540</v>
      </c>
    </row>
    <row r="274" spans="1:9">
      <c r="A274" s="1">
        <f ca="1">RAND()</f>
        <v>9.1348384013600903E-3</v>
      </c>
      <c r="B274" s="1"/>
      <c r="C274">
        <v>2</v>
      </c>
      <c r="D274" t="s">
        <v>618</v>
      </c>
      <c r="E274" t="s">
        <v>30705</v>
      </c>
      <c r="F274">
        <v>4</v>
      </c>
      <c r="G274" t="s">
        <v>0</v>
      </c>
      <c r="H274" t="s">
        <v>619</v>
      </c>
      <c r="I274" t="s">
        <v>30540</v>
      </c>
    </row>
    <row r="275" spans="1:9">
      <c r="A275" s="1">
        <f ca="1">RAND()</f>
        <v>0.41675534750257348</v>
      </c>
      <c r="B275" s="1"/>
      <c r="C275">
        <v>1</v>
      </c>
      <c r="D275" t="s">
        <v>616</v>
      </c>
      <c r="E275" t="s">
        <v>30706</v>
      </c>
      <c r="F275">
        <v>4</v>
      </c>
      <c r="G275" t="s">
        <v>10</v>
      </c>
      <c r="H275" t="s">
        <v>617</v>
      </c>
      <c r="I275" t="s">
        <v>30540</v>
      </c>
    </row>
    <row r="276" spans="1:9">
      <c r="A276" s="1">
        <f ca="1">RAND()</f>
        <v>0.95138270377201339</v>
      </c>
      <c r="B276" s="1"/>
      <c r="C276">
        <v>2</v>
      </c>
      <c r="D276" t="s">
        <v>614</v>
      </c>
      <c r="E276" t="s">
        <v>30707</v>
      </c>
      <c r="F276">
        <v>4</v>
      </c>
      <c r="G276" t="s">
        <v>0</v>
      </c>
      <c r="H276" t="s">
        <v>615</v>
      </c>
      <c r="I276" t="s">
        <v>30540</v>
      </c>
    </row>
    <row r="277" spans="1:9">
      <c r="A277" s="1">
        <f ca="1">RAND()</f>
        <v>0.29705908533781766</v>
      </c>
      <c r="B277" s="1"/>
      <c r="C277">
        <v>2</v>
      </c>
      <c r="D277" t="s">
        <v>606</v>
      </c>
      <c r="E277" t="s">
        <v>30708</v>
      </c>
      <c r="F277">
        <v>4</v>
      </c>
      <c r="G277" t="s">
        <v>0</v>
      </c>
      <c r="H277" t="s">
        <v>607</v>
      </c>
      <c r="I277" t="s">
        <v>30540</v>
      </c>
    </row>
    <row r="278" spans="1:9">
      <c r="A278" s="1">
        <f ca="1">RAND()</f>
        <v>0.99303470785047221</v>
      </c>
      <c r="B278" s="1"/>
      <c r="C278">
        <v>1</v>
      </c>
      <c r="D278" t="s">
        <v>604</v>
      </c>
      <c r="E278" t="s">
        <v>30708</v>
      </c>
      <c r="F278">
        <v>4</v>
      </c>
      <c r="G278" t="s">
        <v>15</v>
      </c>
      <c r="H278" t="s">
        <v>605</v>
      </c>
      <c r="I278" t="s">
        <v>30540</v>
      </c>
    </row>
    <row r="279" spans="1:9">
      <c r="A279" s="1">
        <f ca="1">RAND()</f>
        <v>0.76253907123075315</v>
      </c>
      <c r="B279" s="1"/>
      <c r="C279">
        <v>6</v>
      </c>
      <c r="D279" t="s">
        <v>610</v>
      </c>
      <c r="E279" t="s">
        <v>30708</v>
      </c>
      <c r="F279">
        <v>4</v>
      </c>
      <c r="G279" t="s">
        <v>15</v>
      </c>
      <c r="H279" t="s">
        <v>611</v>
      </c>
      <c r="I279" t="s">
        <v>30540</v>
      </c>
    </row>
    <row r="280" spans="1:9">
      <c r="A280" s="1">
        <f ca="1">RAND()</f>
        <v>0.39033616714382446</v>
      </c>
      <c r="B280" s="1"/>
      <c r="C280">
        <v>3</v>
      </c>
      <c r="D280" t="s">
        <v>608</v>
      </c>
      <c r="E280" t="s">
        <v>30708</v>
      </c>
      <c r="F280">
        <v>4</v>
      </c>
      <c r="G280" t="s">
        <v>0</v>
      </c>
      <c r="H280" t="s">
        <v>609</v>
      </c>
      <c r="I280" t="s">
        <v>30540</v>
      </c>
    </row>
    <row r="281" spans="1:9">
      <c r="A281" s="1">
        <f ca="1">RAND()</f>
        <v>0.53936522227740435</v>
      </c>
      <c r="B281" s="1"/>
      <c r="C281">
        <v>7</v>
      </c>
      <c r="D281" t="s">
        <v>612</v>
      </c>
      <c r="E281" t="s">
        <v>30708</v>
      </c>
      <c r="F281">
        <v>4</v>
      </c>
      <c r="G281" t="s">
        <v>9</v>
      </c>
      <c r="H281" t="s">
        <v>613</v>
      </c>
      <c r="I281" t="s">
        <v>30540</v>
      </c>
    </row>
    <row r="282" spans="1:9">
      <c r="A282" s="1">
        <f ca="1">RAND()</f>
        <v>0.86347538934476165</v>
      </c>
      <c r="B282" s="1"/>
      <c r="C282">
        <v>3</v>
      </c>
      <c r="D282" t="s">
        <v>600</v>
      </c>
      <c r="E282" t="s">
        <v>30709</v>
      </c>
      <c r="F282">
        <v>5</v>
      </c>
      <c r="G282" t="s">
        <v>1</v>
      </c>
      <c r="H282" t="s">
        <v>601</v>
      </c>
      <c r="I282" t="s">
        <v>30540</v>
      </c>
    </row>
    <row r="283" spans="1:9">
      <c r="A283" s="1">
        <f ca="1">RAND()</f>
        <v>0.91069241676284896</v>
      </c>
      <c r="B283" s="1"/>
      <c r="C283">
        <v>4</v>
      </c>
      <c r="D283" t="s">
        <v>602</v>
      </c>
      <c r="E283" t="s">
        <v>30709</v>
      </c>
      <c r="F283">
        <v>4</v>
      </c>
      <c r="G283" t="s">
        <v>0</v>
      </c>
      <c r="H283" t="s">
        <v>603</v>
      </c>
      <c r="I283" t="s">
        <v>30540</v>
      </c>
    </row>
    <row r="284" spans="1:9">
      <c r="A284" s="1">
        <f ca="1">RAND()</f>
        <v>0.53049452594562674</v>
      </c>
      <c r="B284" s="1"/>
      <c r="C284">
        <v>2</v>
      </c>
      <c r="D284" t="s">
        <v>596</v>
      </c>
      <c r="E284" t="s">
        <v>30710</v>
      </c>
      <c r="F284">
        <v>5</v>
      </c>
      <c r="G284" t="s">
        <v>9</v>
      </c>
      <c r="H284" t="s">
        <v>597</v>
      </c>
      <c r="I284" t="s">
        <v>30540</v>
      </c>
    </row>
    <row r="285" spans="1:9">
      <c r="A285" s="1">
        <f ca="1">RAND()</f>
        <v>0.32337829819862596</v>
      </c>
      <c r="B285" s="1"/>
      <c r="C285">
        <v>3</v>
      </c>
      <c r="D285" t="s">
        <v>598</v>
      </c>
      <c r="E285" t="s">
        <v>30710</v>
      </c>
      <c r="F285">
        <v>4</v>
      </c>
      <c r="G285" t="s">
        <v>0</v>
      </c>
      <c r="H285" t="s">
        <v>599</v>
      </c>
      <c r="I285" t="s">
        <v>30540</v>
      </c>
    </row>
    <row r="286" spans="1:9">
      <c r="A286" s="1">
        <f ca="1">RAND()</f>
        <v>0.81688124621207225</v>
      </c>
      <c r="B286" s="1"/>
      <c r="C286">
        <v>1</v>
      </c>
      <c r="D286" t="s">
        <v>594</v>
      </c>
      <c r="E286" t="s">
        <v>30710</v>
      </c>
      <c r="F286">
        <v>3</v>
      </c>
      <c r="G286" t="s">
        <v>0</v>
      </c>
      <c r="H286" t="s">
        <v>595</v>
      </c>
      <c r="I286" t="s">
        <v>30540</v>
      </c>
    </row>
    <row r="287" spans="1:9">
      <c r="A287" s="1">
        <f ca="1">RAND()</f>
        <v>0.95162630533215586</v>
      </c>
      <c r="B287" s="1"/>
      <c r="C287">
        <v>1</v>
      </c>
      <c r="D287" t="s">
        <v>592</v>
      </c>
      <c r="E287" t="s">
        <v>30711</v>
      </c>
      <c r="F287">
        <v>4</v>
      </c>
      <c r="G287" t="s">
        <v>10</v>
      </c>
      <c r="H287" t="s">
        <v>593</v>
      </c>
      <c r="I287" t="s">
        <v>30540</v>
      </c>
    </row>
    <row r="288" spans="1:9">
      <c r="A288" s="1">
        <f ca="1">RAND()</f>
        <v>0.25132208957962709</v>
      </c>
      <c r="B288" s="1"/>
      <c r="C288">
        <v>4</v>
      </c>
      <c r="D288" t="s">
        <v>590</v>
      </c>
      <c r="E288" t="s">
        <v>30712</v>
      </c>
      <c r="F288">
        <v>5</v>
      </c>
      <c r="G288" t="s">
        <v>0</v>
      </c>
      <c r="H288" t="s">
        <v>591</v>
      </c>
      <c r="I288" t="s">
        <v>30540</v>
      </c>
    </row>
    <row r="289" spans="1:9">
      <c r="A289" s="1">
        <f ca="1">RAND()</f>
        <v>0.3866670026017307</v>
      </c>
      <c r="B289" s="1"/>
      <c r="C289">
        <v>3</v>
      </c>
      <c r="D289" t="s">
        <v>588</v>
      </c>
      <c r="E289" t="s">
        <v>30712</v>
      </c>
      <c r="F289">
        <v>4</v>
      </c>
      <c r="G289" t="s">
        <v>15</v>
      </c>
      <c r="H289" t="s">
        <v>589</v>
      </c>
      <c r="I289" t="s">
        <v>30540</v>
      </c>
    </row>
    <row r="290" spans="1:9">
      <c r="A290" s="1">
        <f ca="1">RAND()</f>
        <v>0.71476741779865061</v>
      </c>
      <c r="B290" s="1"/>
      <c r="C290">
        <v>1</v>
      </c>
      <c r="D290" t="s">
        <v>586</v>
      </c>
      <c r="E290" t="s">
        <v>30713</v>
      </c>
      <c r="F290">
        <v>4</v>
      </c>
      <c r="G290" t="s">
        <v>0</v>
      </c>
      <c r="H290" t="s">
        <v>587</v>
      </c>
      <c r="I290" t="s">
        <v>30540</v>
      </c>
    </row>
    <row r="291" spans="1:9">
      <c r="A291" s="1">
        <f ca="1">RAND()</f>
        <v>0.92793182647309103</v>
      </c>
      <c r="B291" s="1"/>
      <c r="C291">
        <v>2</v>
      </c>
      <c r="D291" t="s">
        <v>584</v>
      </c>
      <c r="E291" t="s">
        <v>30714</v>
      </c>
      <c r="F291">
        <v>4</v>
      </c>
      <c r="G291" t="s">
        <v>9</v>
      </c>
      <c r="H291" t="s">
        <v>585</v>
      </c>
      <c r="I291" t="s">
        <v>30540</v>
      </c>
    </row>
    <row r="292" spans="1:9">
      <c r="A292" s="1">
        <f ca="1">RAND()</f>
        <v>0.52984872092956425</v>
      </c>
      <c r="B292" s="1"/>
      <c r="C292">
        <v>1</v>
      </c>
      <c r="D292" t="s">
        <v>582</v>
      </c>
      <c r="E292" t="s">
        <v>30715</v>
      </c>
      <c r="F292">
        <v>5</v>
      </c>
      <c r="G292" t="s">
        <v>13</v>
      </c>
      <c r="H292" t="s">
        <v>583</v>
      </c>
      <c r="I292" t="s">
        <v>30540</v>
      </c>
    </row>
    <row r="293" spans="1:9">
      <c r="A293" s="1">
        <f ca="1">RAND()</f>
        <v>3.8597201745059206E-2</v>
      </c>
      <c r="B293" s="1"/>
      <c r="C293">
        <v>2</v>
      </c>
      <c r="D293" t="s">
        <v>580</v>
      </c>
      <c r="E293" t="s">
        <v>30716</v>
      </c>
      <c r="F293">
        <v>5</v>
      </c>
      <c r="G293" t="s">
        <v>14</v>
      </c>
      <c r="H293" t="s">
        <v>581</v>
      </c>
      <c r="I293" t="s">
        <v>30540</v>
      </c>
    </row>
    <row r="294" spans="1:9">
      <c r="A294" s="1">
        <f ca="1">RAND()</f>
        <v>0.95215672147694874</v>
      </c>
      <c r="B294" s="1"/>
      <c r="C294">
        <v>3</v>
      </c>
      <c r="D294" t="s">
        <v>578</v>
      </c>
      <c r="E294" t="s">
        <v>30717</v>
      </c>
      <c r="F294">
        <v>2</v>
      </c>
      <c r="G294" t="s">
        <v>0</v>
      </c>
      <c r="H294" t="s">
        <v>579</v>
      </c>
      <c r="I294" t="s">
        <v>30540</v>
      </c>
    </row>
    <row r="295" spans="1:9">
      <c r="A295" s="1">
        <f ca="1">RAND()</f>
        <v>0.8424194360940026</v>
      </c>
      <c r="B295" s="1"/>
      <c r="C295">
        <v>1</v>
      </c>
      <c r="D295" t="s">
        <v>572</v>
      </c>
      <c r="E295" t="s">
        <v>30718</v>
      </c>
      <c r="F295">
        <v>4</v>
      </c>
      <c r="G295" t="s">
        <v>2</v>
      </c>
      <c r="H295" t="s">
        <v>573</v>
      </c>
      <c r="I295" t="s">
        <v>30540</v>
      </c>
    </row>
    <row r="296" spans="1:9">
      <c r="A296" s="1">
        <f ca="1">RAND()</f>
        <v>0.15089898021777481</v>
      </c>
      <c r="B296" s="1"/>
      <c r="C296">
        <v>3</v>
      </c>
      <c r="D296" t="s">
        <v>576</v>
      </c>
      <c r="E296" t="s">
        <v>30718</v>
      </c>
      <c r="F296">
        <v>4</v>
      </c>
      <c r="G296" t="s">
        <v>10</v>
      </c>
      <c r="H296" t="s">
        <v>577</v>
      </c>
      <c r="I296" t="s">
        <v>30540</v>
      </c>
    </row>
    <row r="297" spans="1:9">
      <c r="A297" s="1">
        <f ca="1">RAND()</f>
        <v>0.13065819146478452</v>
      </c>
      <c r="B297" s="1"/>
      <c r="C297">
        <v>2</v>
      </c>
      <c r="D297" t="s">
        <v>574</v>
      </c>
      <c r="E297" t="s">
        <v>30718</v>
      </c>
      <c r="F297">
        <v>4</v>
      </c>
      <c r="G297" t="s">
        <v>9</v>
      </c>
      <c r="H297" t="s">
        <v>575</v>
      </c>
      <c r="I297" t="s">
        <v>30540</v>
      </c>
    </row>
    <row r="298" spans="1:9">
      <c r="A298" s="1">
        <f ca="1">RAND()</f>
        <v>0.71606094999309333</v>
      </c>
      <c r="B298" s="1"/>
      <c r="C298">
        <v>5</v>
      </c>
      <c r="D298" t="s">
        <v>570</v>
      </c>
      <c r="E298" t="s">
        <v>30719</v>
      </c>
      <c r="F298">
        <v>4</v>
      </c>
      <c r="G298" t="s">
        <v>1</v>
      </c>
      <c r="H298" t="s">
        <v>571</v>
      </c>
      <c r="I298" t="s">
        <v>30540</v>
      </c>
    </row>
    <row r="299" spans="1:9">
      <c r="A299" s="1">
        <f ca="1">RAND()</f>
        <v>0.94887898411574523</v>
      </c>
      <c r="B299" s="1"/>
      <c r="C299">
        <v>1</v>
      </c>
      <c r="D299" t="s">
        <v>558</v>
      </c>
      <c r="E299" t="s">
        <v>30720</v>
      </c>
      <c r="F299">
        <v>4</v>
      </c>
      <c r="G299" t="s">
        <v>14</v>
      </c>
      <c r="H299" t="s">
        <v>569</v>
      </c>
      <c r="I299" t="s">
        <v>30540</v>
      </c>
    </row>
    <row r="300" spans="1:9">
      <c r="A300" s="1">
        <f ca="1">RAND()</f>
        <v>0.94948038290602366</v>
      </c>
      <c r="B300" s="1"/>
      <c r="C300">
        <v>2</v>
      </c>
      <c r="D300" t="s">
        <v>567</v>
      </c>
      <c r="E300" t="s">
        <v>30721</v>
      </c>
      <c r="F300">
        <v>4</v>
      </c>
      <c r="G300" t="s">
        <v>1</v>
      </c>
      <c r="H300" t="s">
        <v>568</v>
      </c>
      <c r="I300" t="s">
        <v>30540</v>
      </c>
    </row>
    <row r="301" spans="1:9">
      <c r="A301" s="1">
        <f ca="1">RAND()</f>
        <v>0.11347949660162326</v>
      </c>
      <c r="B301" s="1"/>
      <c r="C301">
        <v>6</v>
      </c>
      <c r="D301" t="s">
        <v>565</v>
      </c>
      <c r="E301" t="s">
        <v>30722</v>
      </c>
      <c r="F301">
        <v>4</v>
      </c>
      <c r="G301" t="s">
        <v>0</v>
      </c>
      <c r="H301" t="s">
        <v>566</v>
      </c>
      <c r="I301" t="s">
        <v>30540</v>
      </c>
    </row>
    <row r="302" spans="1:9">
      <c r="A302" s="1">
        <f ca="1">RAND()</f>
        <v>0.93163859404366323</v>
      </c>
      <c r="B302" s="1"/>
      <c r="C302">
        <v>2</v>
      </c>
      <c r="D302" t="s">
        <v>563</v>
      </c>
      <c r="E302" t="s">
        <v>30723</v>
      </c>
      <c r="F302">
        <v>3</v>
      </c>
      <c r="G302" t="s">
        <v>0</v>
      </c>
      <c r="H302" t="s">
        <v>564</v>
      </c>
      <c r="I302" t="s">
        <v>30540</v>
      </c>
    </row>
    <row r="303" spans="1:9">
      <c r="A303" s="1">
        <f ca="1">RAND()</f>
        <v>7.4534695139412688E-2</v>
      </c>
      <c r="B303" s="1"/>
      <c r="C303">
        <v>1</v>
      </c>
      <c r="D303" t="s">
        <v>558</v>
      </c>
      <c r="E303" t="s">
        <v>30724</v>
      </c>
      <c r="F303">
        <v>4</v>
      </c>
      <c r="G303" t="s">
        <v>14</v>
      </c>
      <c r="H303" t="s">
        <v>559</v>
      </c>
      <c r="I303" t="s">
        <v>30540</v>
      </c>
    </row>
    <row r="304" spans="1:9">
      <c r="A304" s="1">
        <f ca="1">RAND()</f>
        <v>0.85231922922296477</v>
      </c>
      <c r="B304" s="1"/>
      <c r="C304">
        <v>2</v>
      </c>
      <c r="D304" t="s">
        <v>543</v>
      </c>
      <c r="E304" t="s">
        <v>30724</v>
      </c>
      <c r="F304">
        <v>4</v>
      </c>
      <c r="G304" t="s">
        <v>14</v>
      </c>
      <c r="H304" t="s">
        <v>560</v>
      </c>
      <c r="I304" t="s">
        <v>30540</v>
      </c>
    </row>
    <row r="305" spans="1:9">
      <c r="A305" s="1">
        <f ca="1">RAND()</f>
        <v>0.31475664739831977</v>
      </c>
      <c r="B305" s="1"/>
      <c r="C305">
        <v>3</v>
      </c>
      <c r="D305" t="s">
        <v>561</v>
      </c>
      <c r="E305" t="s">
        <v>30724</v>
      </c>
      <c r="F305">
        <v>3</v>
      </c>
      <c r="G305" t="s">
        <v>14</v>
      </c>
      <c r="H305" t="s">
        <v>562</v>
      </c>
      <c r="I305" t="s">
        <v>30540</v>
      </c>
    </row>
    <row r="306" spans="1:9">
      <c r="A306" s="1">
        <f ca="1">RAND()</f>
        <v>0.70524224959002912</v>
      </c>
      <c r="B306" s="1"/>
      <c r="C306">
        <v>1</v>
      </c>
      <c r="D306" t="s">
        <v>556</v>
      </c>
      <c r="E306" t="s">
        <v>30725</v>
      </c>
      <c r="F306">
        <v>4</v>
      </c>
      <c r="G306" t="s">
        <v>0</v>
      </c>
      <c r="H306" t="s">
        <v>557</v>
      </c>
      <c r="I306" t="s">
        <v>30540</v>
      </c>
    </row>
    <row r="307" spans="1:9">
      <c r="A307" s="1">
        <f ca="1">RAND()</f>
        <v>0.75210298315897217</v>
      </c>
      <c r="B307" s="1"/>
      <c r="C307">
        <v>8</v>
      </c>
      <c r="D307" t="s">
        <v>554</v>
      </c>
      <c r="E307" t="s">
        <v>30726</v>
      </c>
      <c r="F307">
        <v>5</v>
      </c>
      <c r="G307" t="s">
        <v>0</v>
      </c>
      <c r="H307" t="s">
        <v>555</v>
      </c>
      <c r="I307" t="s">
        <v>30540</v>
      </c>
    </row>
    <row r="308" spans="1:9">
      <c r="A308" s="1">
        <f ca="1">RAND()</f>
        <v>0.16419180878890105</v>
      </c>
      <c r="B308" s="1"/>
      <c r="C308">
        <v>1</v>
      </c>
      <c r="D308" t="s">
        <v>552</v>
      </c>
      <c r="E308" t="s">
        <v>30726</v>
      </c>
      <c r="F308">
        <v>4</v>
      </c>
      <c r="G308" t="s">
        <v>0</v>
      </c>
      <c r="H308" t="s">
        <v>553</v>
      </c>
      <c r="I308" t="s">
        <v>30540</v>
      </c>
    </row>
    <row r="309" spans="1:9">
      <c r="A309" s="1">
        <f ca="1">RAND()</f>
        <v>5.3521642004811132E-2</v>
      </c>
      <c r="B309" s="1"/>
      <c r="C309">
        <v>1</v>
      </c>
      <c r="D309" t="s">
        <v>549</v>
      </c>
      <c r="E309" t="s">
        <v>30727</v>
      </c>
      <c r="F309">
        <v>4</v>
      </c>
      <c r="G309" t="s">
        <v>1</v>
      </c>
      <c r="H309" t="s">
        <v>550</v>
      </c>
      <c r="I309" t="s">
        <v>30540</v>
      </c>
    </row>
    <row r="310" spans="1:9">
      <c r="A310" s="1">
        <f ca="1">RAND()</f>
        <v>0.25441454306779365</v>
      </c>
      <c r="B310" s="1"/>
      <c r="C310">
        <v>3</v>
      </c>
      <c r="D310" t="s">
        <v>551</v>
      </c>
      <c r="E310" t="s">
        <v>30727</v>
      </c>
      <c r="F310">
        <v>4</v>
      </c>
      <c r="G310" t="s">
        <v>0</v>
      </c>
      <c r="H310" t="s">
        <v>542</v>
      </c>
      <c r="I310" t="s">
        <v>30540</v>
      </c>
    </row>
    <row r="311" spans="1:9">
      <c r="A311" s="1">
        <f ca="1">RAND()</f>
        <v>0.97959635532963207</v>
      </c>
      <c r="B311" s="1"/>
      <c r="C311">
        <v>1</v>
      </c>
      <c r="D311" t="s">
        <v>545</v>
      </c>
      <c r="E311" t="s">
        <v>30728</v>
      </c>
      <c r="F311">
        <v>4</v>
      </c>
      <c r="G311" t="s">
        <v>0</v>
      </c>
      <c r="H311" t="s">
        <v>546</v>
      </c>
      <c r="I311" t="s">
        <v>30540</v>
      </c>
    </row>
    <row r="312" spans="1:9">
      <c r="A312" s="1">
        <f ca="1">RAND()</f>
        <v>1.1127807242027221E-2</v>
      </c>
      <c r="B312" s="1"/>
      <c r="C312">
        <v>2</v>
      </c>
      <c r="D312" t="s">
        <v>547</v>
      </c>
      <c r="E312" t="s">
        <v>30728</v>
      </c>
      <c r="F312">
        <v>3</v>
      </c>
      <c r="G312" t="s">
        <v>0</v>
      </c>
      <c r="H312" t="s">
        <v>548</v>
      </c>
      <c r="I312" t="s">
        <v>30540</v>
      </c>
    </row>
    <row r="313" spans="1:9">
      <c r="A313" s="1">
        <f ca="1">RAND()</f>
        <v>0.96358875859744231</v>
      </c>
      <c r="B313" s="1"/>
      <c r="C313">
        <v>1</v>
      </c>
      <c r="D313" t="s">
        <v>543</v>
      </c>
      <c r="E313" t="s">
        <v>30729</v>
      </c>
      <c r="F313">
        <v>4</v>
      </c>
      <c r="G313" t="s">
        <v>14</v>
      </c>
      <c r="H313" t="s">
        <v>544</v>
      </c>
      <c r="I313" t="s">
        <v>30540</v>
      </c>
    </row>
    <row r="314" spans="1:9">
      <c r="A314" s="1">
        <f ca="1">RAND()</f>
        <v>0.92951925652177325</v>
      </c>
      <c r="B314" s="1"/>
      <c r="C314">
        <v>3</v>
      </c>
      <c r="D314" t="s">
        <v>541</v>
      </c>
      <c r="E314" t="s">
        <v>30730</v>
      </c>
      <c r="F314">
        <v>5</v>
      </c>
      <c r="G314" t="s">
        <v>0</v>
      </c>
      <c r="H314" t="s">
        <v>542</v>
      </c>
      <c r="I314" t="s">
        <v>30540</v>
      </c>
    </row>
    <row r="315" spans="1:9">
      <c r="A315" s="1">
        <f ca="1">RAND()</f>
        <v>0.92476673590924163</v>
      </c>
      <c r="B315" s="1"/>
      <c r="C315">
        <v>1</v>
      </c>
      <c r="D315" t="s">
        <v>539</v>
      </c>
      <c r="E315" t="s">
        <v>30731</v>
      </c>
      <c r="F315">
        <v>4</v>
      </c>
      <c r="G315" t="s">
        <v>9</v>
      </c>
      <c r="H315" t="s">
        <v>540</v>
      </c>
      <c r="I315" t="s">
        <v>30540</v>
      </c>
    </row>
    <row r="316" spans="1:9">
      <c r="A316" s="1">
        <f ca="1">RAND()</f>
        <v>0.74648878565765453</v>
      </c>
      <c r="B316" s="1"/>
      <c r="C316">
        <v>1</v>
      </c>
      <c r="D316" t="s">
        <v>537</v>
      </c>
      <c r="E316" t="s">
        <v>30732</v>
      </c>
      <c r="F316">
        <v>5</v>
      </c>
      <c r="G316" t="s">
        <v>14</v>
      </c>
      <c r="H316" t="s">
        <v>538</v>
      </c>
      <c r="I316" t="s">
        <v>30540</v>
      </c>
    </row>
    <row r="317" spans="1:9">
      <c r="A317" s="1">
        <f ca="1">RAND()</f>
        <v>0.95418120216455815</v>
      </c>
      <c r="B317" s="1"/>
      <c r="C317">
        <v>2</v>
      </c>
      <c r="D317" t="s">
        <v>535</v>
      </c>
      <c r="E317" t="s">
        <v>30733</v>
      </c>
      <c r="F317">
        <v>3</v>
      </c>
      <c r="G317" t="s">
        <v>2</v>
      </c>
      <c r="H317" t="s">
        <v>536</v>
      </c>
      <c r="I317" t="s">
        <v>30540</v>
      </c>
    </row>
    <row r="318" spans="1:9">
      <c r="A318" s="1">
        <f ca="1">RAND()</f>
        <v>0.83381557770183667</v>
      </c>
      <c r="B318" s="1"/>
      <c r="C318">
        <v>1</v>
      </c>
      <c r="D318" t="s">
        <v>533</v>
      </c>
      <c r="E318" t="s">
        <v>30733</v>
      </c>
      <c r="F318">
        <v>2</v>
      </c>
      <c r="G318" t="s">
        <v>2</v>
      </c>
      <c r="H318" t="s">
        <v>534</v>
      </c>
      <c r="I318" t="s">
        <v>30540</v>
      </c>
    </row>
    <row r="319" spans="1:9">
      <c r="A319" s="1">
        <f ca="1">RAND()</f>
        <v>0.25865361382181229</v>
      </c>
      <c r="B319" s="1"/>
      <c r="C319">
        <v>2</v>
      </c>
      <c r="D319" t="s">
        <v>531</v>
      </c>
      <c r="E319" t="s">
        <v>30734</v>
      </c>
      <c r="F319">
        <v>4</v>
      </c>
      <c r="G319" t="s">
        <v>0</v>
      </c>
      <c r="H319" t="s">
        <v>532</v>
      </c>
      <c r="I319" t="s">
        <v>30540</v>
      </c>
    </row>
    <row r="320" spans="1:9">
      <c r="A320" s="1">
        <f ca="1">RAND()</f>
        <v>0.71355189483198411</v>
      </c>
      <c r="B320" s="1"/>
      <c r="C320">
        <v>1</v>
      </c>
      <c r="D320" t="s">
        <v>529</v>
      </c>
      <c r="E320" t="s">
        <v>30734</v>
      </c>
      <c r="F320">
        <v>4</v>
      </c>
      <c r="G320" t="s">
        <v>0</v>
      </c>
      <c r="H320" t="s">
        <v>530</v>
      </c>
      <c r="I320" t="s">
        <v>30540</v>
      </c>
    </row>
    <row r="321" spans="1:9">
      <c r="A321" s="1">
        <f ca="1">RAND()</f>
        <v>0.56781797827511149</v>
      </c>
      <c r="B321" s="1"/>
      <c r="C321">
        <v>5</v>
      </c>
      <c r="D321" t="s">
        <v>527</v>
      </c>
      <c r="E321" t="s">
        <v>30735</v>
      </c>
      <c r="F321">
        <v>4</v>
      </c>
      <c r="G321" t="s">
        <v>10</v>
      </c>
      <c r="H321" t="s">
        <v>528</v>
      </c>
      <c r="I321" t="s">
        <v>30540</v>
      </c>
    </row>
    <row r="322" spans="1:9">
      <c r="A322" s="1">
        <f ca="1">RAND()</f>
        <v>0.19882159483382711</v>
      </c>
      <c r="B322" s="1"/>
      <c r="C322">
        <v>2</v>
      </c>
      <c r="D322" t="s">
        <v>525</v>
      </c>
      <c r="E322" t="s">
        <v>30736</v>
      </c>
      <c r="F322">
        <v>4</v>
      </c>
      <c r="G322" t="s">
        <v>0</v>
      </c>
      <c r="H322" t="s">
        <v>526</v>
      </c>
      <c r="I322" t="s">
        <v>30540</v>
      </c>
    </row>
    <row r="323" spans="1:9">
      <c r="A323" s="1">
        <f ca="1">RAND()</f>
        <v>0.65885859234182387</v>
      </c>
      <c r="B323" s="1"/>
      <c r="C323">
        <v>4</v>
      </c>
      <c r="D323" t="s">
        <v>521</v>
      </c>
      <c r="E323" t="s">
        <v>30737</v>
      </c>
      <c r="F323">
        <v>5</v>
      </c>
      <c r="G323" t="s">
        <v>15</v>
      </c>
      <c r="H323" t="s">
        <v>522</v>
      </c>
      <c r="I323" t="s">
        <v>30540</v>
      </c>
    </row>
    <row r="324" spans="1:9">
      <c r="A324" s="1">
        <f ca="1">RAND()</f>
        <v>0.86056117951593158</v>
      </c>
      <c r="B324" s="1"/>
      <c r="C324">
        <v>1</v>
      </c>
      <c r="D324" t="s">
        <v>515</v>
      </c>
      <c r="E324" t="s">
        <v>30737</v>
      </c>
      <c r="F324">
        <v>5</v>
      </c>
      <c r="G324" t="s">
        <v>10</v>
      </c>
      <c r="H324" t="s">
        <v>516</v>
      </c>
      <c r="I324" t="s">
        <v>30540</v>
      </c>
    </row>
    <row r="325" spans="1:9">
      <c r="A325" s="1">
        <f ca="1">RAND()</f>
        <v>0.86267590728812871</v>
      </c>
      <c r="B325" s="1"/>
      <c r="C325">
        <v>2</v>
      </c>
      <c r="D325" t="s">
        <v>517</v>
      </c>
      <c r="E325" t="s">
        <v>30737</v>
      </c>
      <c r="F325">
        <v>4</v>
      </c>
      <c r="G325" t="s">
        <v>0</v>
      </c>
      <c r="H325" t="s">
        <v>518</v>
      </c>
      <c r="I325" t="s">
        <v>30540</v>
      </c>
    </row>
    <row r="326" spans="1:9">
      <c r="A326" s="1">
        <f ca="1">RAND()</f>
        <v>1.2192007470249844E-2</v>
      </c>
      <c r="B326" s="1"/>
      <c r="C326">
        <v>5</v>
      </c>
      <c r="D326" t="s">
        <v>523</v>
      </c>
      <c r="E326" t="s">
        <v>30737</v>
      </c>
      <c r="F326">
        <v>4</v>
      </c>
      <c r="G326" t="s">
        <v>2</v>
      </c>
      <c r="H326" t="s">
        <v>524</v>
      </c>
      <c r="I326" t="s">
        <v>30540</v>
      </c>
    </row>
    <row r="327" spans="1:9">
      <c r="A327" s="1">
        <f ca="1">RAND()</f>
        <v>0.93100824268461191</v>
      </c>
      <c r="B327" s="1"/>
      <c r="C327">
        <v>3</v>
      </c>
      <c r="D327" t="s">
        <v>519</v>
      </c>
      <c r="E327" t="s">
        <v>30737</v>
      </c>
      <c r="F327">
        <v>4</v>
      </c>
      <c r="G327" t="s">
        <v>9</v>
      </c>
      <c r="H327" t="s">
        <v>520</v>
      </c>
      <c r="I327" t="s">
        <v>30540</v>
      </c>
    </row>
    <row r="328" spans="1:9">
      <c r="A328" s="1">
        <f ca="1">RAND()</f>
        <v>9.3552582890728542E-2</v>
      </c>
      <c r="B328" s="1"/>
      <c r="C328">
        <v>1</v>
      </c>
      <c r="D328" t="s">
        <v>513</v>
      </c>
      <c r="E328" t="s">
        <v>30738</v>
      </c>
      <c r="F328">
        <v>4</v>
      </c>
      <c r="G328" t="s">
        <v>14</v>
      </c>
      <c r="H328" t="s">
        <v>514</v>
      </c>
      <c r="I328" t="s">
        <v>30540</v>
      </c>
    </row>
    <row r="329" spans="1:9">
      <c r="A329" s="1">
        <f ca="1">RAND()</f>
        <v>4.8518358418810137E-2</v>
      </c>
      <c r="B329" s="1"/>
      <c r="C329">
        <v>1</v>
      </c>
      <c r="D329" t="s">
        <v>511</v>
      </c>
      <c r="E329" t="s">
        <v>30739</v>
      </c>
      <c r="F329">
        <v>4</v>
      </c>
      <c r="G329" t="s">
        <v>0</v>
      </c>
      <c r="H329" t="s">
        <v>512</v>
      </c>
      <c r="I329" t="s">
        <v>30540</v>
      </c>
    </row>
    <row r="330" spans="1:9">
      <c r="A330" s="1">
        <f ca="1">RAND()</f>
        <v>0.91312293450682669</v>
      </c>
      <c r="B330" s="1"/>
      <c r="C330">
        <v>1</v>
      </c>
      <c r="D330" t="s">
        <v>509</v>
      </c>
      <c r="E330" t="s">
        <v>30740</v>
      </c>
      <c r="F330">
        <v>2</v>
      </c>
      <c r="G330" t="s">
        <v>15</v>
      </c>
      <c r="H330" t="s">
        <v>510</v>
      </c>
      <c r="I330" t="s">
        <v>30540</v>
      </c>
    </row>
    <row r="331" spans="1:9">
      <c r="A331" s="1">
        <f ca="1">RAND()</f>
        <v>0.35919547088455372</v>
      </c>
      <c r="B331" s="1"/>
      <c r="C331">
        <v>3</v>
      </c>
      <c r="D331" t="s">
        <v>505</v>
      </c>
      <c r="E331" t="s">
        <v>30741</v>
      </c>
      <c r="F331">
        <v>5</v>
      </c>
      <c r="G331" t="s">
        <v>10</v>
      </c>
      <c r="H331" t="s">
        <v>506</v>
      </c>
      <c r="I331" t="s">
        <v>30540</v>
      </c>
    </row>
    <row r="332" spans="1:9">
      <c r="A332" s="1">
        <f ca="1">RAND()</f>
        <v>0.2934273266255113</v>
      </c>
      <c r="B332" s="1"/>
      <c r="C332">
        <v>4</v>
      </c>
      <c r="D332" t="s">
        <v>507</v>
      </c>
      <c r="E332" t="s">
        <v>30741</v>
      </c>
      <c r="F332">
        <v>4</v>
      </c>
      <c r="G332" t="s">
        <v>9</v>
      </c>
      <c r="H332" t="s">
        <v>508</v>
      </c>
      <c r="I332" t="s">
        <v>30540</v>
      </c>
    </row>
    <row r="333" spans="1:9">
      <c r="A333" s="1">
        <f ca="1">RAND()</f>
        <v>0.3894874627258802</v>
      </c>
      <c r="B333" s="1"/>
      <c r="C333">
        <v>1</v>
      </c>
      <c r="D333" t="s">
        <v>503</v>
      </c>
      <c r="E333" t="s">
        <v>30742</v>
      </c>
      <c r="F333">
        <v>4</v>
      </c>
      <c r="G333" t="s">
        <v>14</v>
      </c>
      <c r="H333" t="s">
        <v>504</v>
      </c>
      <c r="I333" t="s">
        <v>30540</v>
      </c>
    </row>
    <row r="334" spans="1:9">
      <c r="A334" s="1">
        <f ca="1">RAND()</f>
        <v>0.99166385370133903</v>
      </c>
      <c r="B334" s="1"/>
      <c r="C334">
        <v>4</v>
      </c>
      <c r="D334" t="s">
        <v>501</v>
      </c>
      <c r="E334" t="s">
        <v>30743</v>
      </c>
      <c r="F334">
        <v>4</v>
      </c>
      <c r="G334" t="s">
        <v>2</v>
      </c>
      <c r="H334" t="s">
        <v>502</v>
      </c>
      <c r="I334" t="s">
        <v>30540</v>
      </c>
    </row>
    <row r="335" spans="1:9">
      <c r="A335" s="1">
        <f ca="1">RAND()</f>
        <v>0.27443610804449214</v>
      </c>
      <c r="B335" s="1"/>
      <c r="C335">
        <v>3</v>
      </c>
      <c r="D335" t="s">
        <v>497</v>
      </c>
      <c r="E335" t="s">
        <v>30744</v>
      </c>
      <c r="F335">
        <v>2</v>
      </c>
      <c r="G335" t="s">
        <v>15</v>
      </c>
      <c r="H335" t="s">
        <v>498</v>
      </c>
      <c r="I335" t="s">
        <v>30540</v>
      </c>
    </row>
    <row r="336" spans="1:9">
      <c r="A336" s="1">
        <f ca="1">RAND()</f>
        <v>0.5428860650819447</v>
      </c>
      <c r="B336" s="1"/>
      <c r="C336">
        <v>5</v>
      </c>
      <c r="D336" t="s">
        <v>499</v>
      </c>
      <c r="E336" t="s">
        <v>30744</v>
      </c>
      <c r="F336">
        <v>2</v>
      </c>
      <c r="G336" t="s">
        <v>15</v>
      </c>
      <c r="H336" t="s">
        <v>500</v>
      </c>
      <c r="I336" t="s">
        <v>30540</v>
      </c>
    </row>
    <row r="337" spans="1:9">
      <c r="A337" s="1">
        <f ca="1">RAND()</f>
        <v>9.8463642478292535E-2</v>
      </c>
      <c r="B337" s="1"/>
      <c r="C337">
        <v>3</v>
      </c>
      <c r="D337" t="s">
        <v>495</v>
      </c>
      <c r="E337" t="s">
        <v>30745</v>
      </c>
      <c r="F337">
        <v>4</v>
      </c>
      <c r="G337" t="s">
        <v>0</v>
      </c>
      <c r="H337" t="s">
        <v>496</v>
      </c>
      <c r="I337" t="s">
        <v>30540</v>
      </c>
    </row>
    <row r="338" spans="1:9">
      <c r="A338" s="1">
        <f ca="1">RAND()</f>
        <v>0.85173402738857407</v>
      </c>
      <c r="B338" s="1"/>
      <c r="C338">
        <v>1</v>
      </c>
      <c r="D338" t="s">
        <v>493</v>
      </c>
      <c r="E338" t="s">
        <v>30745</v>
      </c>
      <c r="F338">
        <v>4</v>
      </c>
      <c r="G338" t="s">
        <v>0</v>
      </c>
      <c r="H338" t="s">
        <v>494</v>
      </c>
      <c r="I338" t="s">
        <v>30540</v>
      </c>
    </row>
    <row r="339" spans="1:9">
      <c r="A339" s="1">
        <f ca="1">RAND()</f>
        <v>0.33614536641952331</v>
      </c>
      <c r="B339" s="1"/>
      <c r="C339">
        <v>5</v>
      </c>
      <c r="D339" t="s">
        <v>491</v>
      </c>
      <c r="E339" t="s">
        <v>30746</v>
      </c>
      <c r="F339">
        <v>4</v>
      </c>
      <c r="G339" t="s">
        <v>2</v>
      </c>
      <c r="H339" t="s">
        <v>492</v>
      </c>
      <c r="I339" t="s">
        <v>30540</v>
      </c>
    </row>
    <row r="340" spans="1:9">
      <c r="A340" s="1">
        <f ca="1">RAND()</f>
        <v>0.21606999294716833</v>
      </c>
      <c r="B340" s="1"/>
      <c r="C340">
        <v>2</v>
      </c>
      <c r="D340" t="s">
        <v>489</v>
      </c>
      <c r="E340" t="s">
        <v>30746</v>
      </c>
      <c r="F340">
        <v>4</v>
      </c>
      <c r="G340" t="s">
        <v>15</v>
      </c>
      <c r="H340" t="s">
        <v>490</v>
      </c>
      <c r="I340" t="s">
        <v>30540</v>
      </c>
    </row>
    <row r="341" spans="1:9">
      <c r="A341" s="1">
        <f ca="1">RAND()</f>
        <v>0.1379479589439031</v>
      </c>
      <c r="B341" s="1"/>
      <c r="C341">
        <v>1</v>
      </c>
      <c r="D341" t="s">
        <v>485</v>
      </c>
      <c r="E341" t="s">
        <v>30747</v>
      </c>
      <c r="F341">
        <v>5</v>
      </c>
      <c r="G341" t="s">
        <v>9</v>
      </c>
      <c r="H341" t="s">
        <v>486</v>
      </c>
      <c r="I341" t="s">
        <v>30540</v>
      </c>
    </row>
    <row r="342" spans="1:9">
      <c r="A342" s="1">
        <f ca="1">RAND()</f>
        <v>0.1638654063743713</v>
      </c>
      <c r="B342" s="1"/>
      <c r="C342">
        <v>2</v>
      </c>
      <c r="D342" t="s">
        <v>487</v>
      </c>
      <c r="E342" t="s">
        <v>30747</v>
      </c>
      <c r="F342">
        <v>2</v>
      </c>
      <c r="G342" t="s">
        <v>9</v>
      </c>
      <c r="H342" t="s">
        <v>488</v>
      </c>
      <c r="I342" t="s">
        <v>30540</v>
      </c>
    </row>
    <row r="343" spans="1:9">
      <c r="A343" s="1">
        <f ca="1">RAND()</f>
        <v>0.65166597222360745</v>
      </c>
      <c r="B343" s="1"/>
      <c r="C343">
        <v>1</v>
      </c>
      <c r="D343" t="s">
        <v>479</v>
      </c>
      <c r="E343" t="s">
        <v>30748</v>
      </c>
      <c r="F343">
        <v>4</v>
      </c>
      <c r="G343" t="s">
        <v>15</v>
      </c>
      <c r="H343" t="s">
        <v>480</v>
      </c>
      <c r="I343" t="s">
        <v>30540</v>
      </c>
    </row>
    <row r="344" spans="1:9">
      <c r="A344" s="1">
        <f ca="1">RAND()</f>
        <v>0.15931540452543447</v>
      </c>
      <c r="B344" s="1"/>
      <c r="C344">
        <v>4</v>
      </c>
      <c r="D344" t="s">
        <v>483</v>
      </c>
      <c r="E344" t="s">
        <v>30748</v>
      </c>
      <c r="F344">
        <v>4</v>
      </c>
      <c r="G344" t="s">
        <v>0</v>
      </c>
      <c r="H344" t="s">
        <v>484</v>
      </c>
      <c r="I344" t="s">
        <v>30540</v>
      </c>
    </row>
    <row r="345" spans="1:9">
      <c r="A345" s="1">
        <f ca="1">RAND()</f>
        <v>0.82058573289510606</v>
      </c>
      <c r="B345" s="1"/>
      <c r="C345">
        <v>2</v>
      </c>
      <c r="D345" t="s">
        <v>481</v>
      </c>
      <c r="E345" t="s">
        <v>30748</v>
      </c>
      <c r="F345">
        <v>2</v>
      </c>
      <c r="G345" t="s">
        <v>2</v>
      </c>
      <c r="H345" t="s">
        <v>482</v>
      </c>
      <c r="I345" t="s">
        <v>30540</v>
      </c>
    </row>
    <row r="346" spans="1:9">
      <c r="A346" s="1">
        <f ca="1">RAND()</f>
        <v>0.17999238307387078</v>
      </c>
      <c r="B346" s="1"/>
      <c r="C346">
        <v>2</v>
      </c>
      <c r="D346" t="s">
        <v>477</v>
      </c>
      <c r="E346" t="s">
        <v>30749</v>
      </c>
      <c r="F346">
        <v>2</v>
      </c>
      <c r="G346" t="s">
        <v>10</v>
      </c>
      <c r="H346" t="s">
        <v>478</v>
      </c>
      <c r="I346" t="s">
        <v>30540</v>
      </c>
    </row>
    <row r="347" spans="1:9">
      <c r="A347" s="1">
        <f ca="1">RAND()</f>
        <v>3.2336323929127664E-2</v>
      </c>
      <c r="B347" s="1"/>
      <c r="C347">
        <v>1</v>
      </c>
      <c r="D347" t="s">
        <v>475</v>
      </c>
      <c r="E347" t="s">
        <v>30750</v>
      </c>
      <c r="F347">
        <v>4</v>
      </c>
      <c r="G347" t="s">
        <v>0</v>
      </c>
      <c r="H347" t="s">
        <v>476</v>
      </c>
      <c r="I347" t="s">
        <v>30540</v>
      </c>
    </row>
    <row r="348" spans="1:9">
      <c r="A348" s="1">
        <f ca="1">RAND()</f>
        <v>0.25396186227105999</v>
      </c>
      <c r="B348" s="1"/>
      <c r="C348">
        <v>3</v>
      </c>
      <c r="D348" t="s">
        <v>473</v>
      </c>
      <c r="E348" t="s">
        <v>30751</v>
      </c>
      <c r="F348">
        <v>4</v>
      </c>
      <c r="G348" t="s">
        <v>15</v>
      </c>
      <c r="H348" t="s">
        <v>474</v>
      </c>
      <c r="I348" t="s">
        <v>30540</v>
      </c>
    </row>
    <row r="349" spans="1:9">
      <c r="A349" s="1">
        <f ca="1">RAND()</f>
        <v>0.19100798630995564</v>
      </c>
      <c r="B349" s="1"/>
      <c r="C349">
        <v>3</v>
      </c>
      <c r="D349" t="s">
        <v>471</v>
      </c>
      <c r="E349" t="s">
        <v>30752</v>
      </c>
      <c r="F349">
        <v>4</v>
      </c>
      <c r="G349" t="s">
        <v>13</v>
      </c>
      <c r="H349" t="s">
        <v>472</v>
      </c>
      <c r="I349" t="s">
        <v>30540</v>
      </c>
    </row>
    <row r="350" spans="1:9">
      <c r="A350" s="1">
        <f ca="1">RAND()</f>
        <v>0.7164061461370026</v>
      </c>
      <c r="B350" s="1"/>
      <c r="C350">
        <v>5</v>
      </c>
      <c r="D350" t="s">
        <v>469</v>
      </c>
      <c r="E350" t="s">
        <v>30753</v>
      </c>
      <c r="F350">
        <v>4</v>
      </c>
      <c r="G350" t="s">
        <v>0</v>
      </c>
      <c r="H350" t="s">
        <v>470</v>
      </c>
      <c r="I350" t="s">
        <v>30540</v>
      </c>
    </row>
    <row r="351" spans="1:9">
      <c r="A351" s="1">
        <f ca="1">RAND()</f>
        <v>0.9484639115257083</v>
      </c>
      <c r="B351" s="1"/>
      <c r="C351">
        <v>4</v>
      </c>
      <c r="D351" t="s">
        <v>467</v>
      </c>
      <c r="E351" t="s">
        <v>30753</v>
      </c>
      <c r="F351">
        <v>4</v>
      </c>
      <c r="G351" t="s">
        <v>15</v>
      </c>
      <c r="H351" t="s">
        <v>468</v>
      </c>
      <c r="I351" t="s">
        <v>30540</v>
      </c>
    </row>
    <row r="352" spans="1:9">
      <c r="A352" s="1">
        <f ca="1">RAND()</f>
        <v>0.8019201879906146</v>
      </c>
      <c r="B352" s="1"/>
      <c r="C352">
        <v>4</v>
      </c>
      <c r="D352" t="s">
        <v>465</v>
      </c>
      <c r="E352" t="s">
        <v>30754</v>
      </c>
      <c r="F352">
        <v>4</v>
      </c>
      <c r="G352" t="s">
        <v>9</v>
      </c>
      <c r="H352" t="s">
        <v>466</v>
      </c>
      <c r="I352" t="s">
        <v>30540</v>
      </c>
    </row>
    <row r="353" spans="1:9">
      <c r="A353" s="1">
        <f ca="1">RAND()</f>
        <v>0.95138644963801711</v>
      </c>
      <c r="B353" s="1"/>
      <c r="C353">
        <v>3</v>
      </c>
      <c r="D353" t="s">
        <v>463</v>
      </c>
      <c r="E353" t="s">
        <v>30754</v>
      </c>
      <c r="F353">
        <v>4</v>
      </c>
      <c r="G353" t="s">
        <v>2</v>
      </c>
      <c r="H353" t="s">
        <v>464</v>
      </c>
      <c r="I353" t="s">
        <v>30540</v>
      </c>
    </row>
    <row r="354" spans="1:9">
      <c r="A354" s="1">
        <f ca="1">RAND()</f>
        <v>0.27843681632474726</v>
      </c>
      <c r="B354" s="1"/>
      <c r="C354">
        <v>2</v>
      </c>
      <c r="D354" t="s">
        <v>461</v>
      </c>
      <c r="E354" t="s">
        <v>30754</v>
      </c>
      <c r="F354">
        <v>1</v>
      </c>
      <c r="G354" t="s">
        <v>15</v>
      </c>
      <c r="H354" t="s">
        <v>462</v>
      </c>
      <c r="I354" t="s">
        <v>30540</v>
      </c>
    </row>
    <row r="355" spans="1:9">
      <c r="A355" s="1">
        <f ca="1">RAND()</f>
        <v>0.79649343159395158</v>
      </c>
      <c r="B355" s="1"/>
      <c r="C355">
        <v>2</v>
      </c>
      <c r="D355" t="s">
        <v>457</v>
      </c>
      <c r="E355" t="s">
        <v>30755</v>
      </c>
      <c r="F355">
        <v>5</v>
      </c>
      <c r="G355" t="s">
        <v>9</v>
      </c>
      <c r="H355" t="s">
        <v>458</v>
      </c>
      <c r="I355" t="s">
        <v>30540</v>
      </c>
    </row>
    <row r="356" spans="1:9">
      <c r="A356" s="1">
        <f ca="1">RAND()</f>
        <v>0.5200490475263202</v>
      </c>
      <c r="B356" s="1"/>
      <c r="C356">
        <v>4</v>
      </c>
      <c r="D356" t="s">
        <v>459</v>
      </c>
      <c r="E356" t="s">
        <v>30755</v>
      </c>
      <c r="F356">
        <v>4</v>
      </c>
      <c r="G356" t="s">
        <v>0</v>
      </c>
      <c r="H356" t="s">
        <v>460</v>
      </c>
      <c r="I356" t="s">
        <v>30540</v>
      </c>
    </row>
    <row r="357" spans="1:9">
      <c r="A357" s="1">
        <f ca="1">RAND()</f>
        <v>0.36445082949589425</v>
      </c>
      <c r="B357" s="1"/>
      <c r="C357">
        <v>1</v>
      </c>
      <c r="D357" t="s">
        <v>455</v>
      </c>
      <c r="E357" t="s">
        <v>30756</v>
      </c>
      <c r="F357">
        <v>4</v>
      </c>
      <c r="G357" t="s">
        <v>0</v>
      </c>
      <c r="H357" t="s">
        <v>456</v>
      </c>
      <c r="I357" t="s">
        <v>30540</v>
      </c>
    </row>
    <row r="358" spans="1:9">
      <c r="A358" s="1">
        <f ca="1">RAND()</f>
        <v>0.10491685314172616</v>
      </c>
      <c r="B358" s="1"/>
      <c r="C358">
        <v>1</v>
      </c>
      <c r="D358" t="s">
        <v>453</v>
      </c>
      <c r="E358" t="s">
        <v>30757</v>
      </c>
      <c r="F358">
        <v>4</v>
      </c>
      <c r="G358" t="s">
        <v>0</v>
      </c>
      <c r="H358" t="s">
        <v>454</v>
      </c>
      <c r="I358" t="s">
        <v>30540</v>
      </c>
    </row>
    <row r="359" spans="1:9">
      <c r="A359" s="1">
        <f ca="1">RAND()</f>
        <v>0.97480645449377312</v>
      </c>
      <c r="B359" s="1"/>
      <c r="C359">
        <v>4</v>
      </c>
      <c r="D359" t="s">
        <v>451</v>
      </c>
      <c r="E359" t="s">
        <v>30758</v>
      </c>
      <c r="F359">
        <v>4</v>
      </c>
      <c r="G359" t="s">
        <v>14</v>
      </c>
      <c r="H359" t="s">
        <v>452</v>
      </c>
      <c r="I359" t="s">
        <v>30540</v>
      </c>
    </row>
    <row r="360" spans="1:9">
      <c r="A360" s="1">
        <f ca="1">RAND()</f>
        <v>0.40248787506486416</v>
      </c>
      <c r="B360" s="1"/>
      <c r="C360">
        <v>2</v>
      </c>
      <c r="D360" t="s">
        <v>449</v>
      </c>
      <c r="E360" t="s">
        <v>30758</v>
      </c>
      <c r="F360">
        <v>2</v>
      </c>
      <c r="G360" t="s">
        <v>10</v>
      </c>
      <c r="H360" t="s">
        <v>450</v>
      </c>
      <c r="I360" t="s">
        <v>30540</v>
      </c>
    </row>
    <row r="361" spans="1:9">
      <c r="A361" s="1">
        <f ca="1">RAND()</f>
        <v>0.90186050994511102</v>
      </c>
      <c r="B361" s="1"/>
      <c r="C361">
        <v>1</v>
      </c>
      <c r="D361" t="s">
        <v>447</v>
      </c>
      <c r="E361" t="s">
        <v>30759</v>
      </c>
      <c r="F361">
        <v>5</v>
      </c>
      <c r="G361" t="s">
        <v>13</v>
      </c>
      <c r="H361" t="s">
        <v>448</v>
      </c>
      <c r="I361" t="s">
        <v>30540</v>
      </c>
    </row>
    <row r="362" spans="1:9">
      <c r="A362" s="1">
        <f ca="1">RAND()</f>
        <v>0.2185996374300313</v>
      </c>
      <c r="B362" s="1"/>
      <c r="C362">
        <v>2</v>
      </c>
      <c r="D362" t="s">
        <v>445</v>
      </c>
      <c r="E362" t="s">
        <v>30760</v>
      </c>
      <c r="F362">
        <v>4</v>
      </c>
      <c r="G362" t="s">
        <v>15</v>
      </c>
      <c r="H362" t="s">
        <v>446</v>
      </c>
      <c r="I362" t="s">
        <v>30540</v>
      </c>
    </row>
    <row r="363" spans="1:9">
      <c r="A363" s="1">
        <f ca="1">RAND()</f>
        <v>0.35077357647763174</v>
      </c>
      <c r="B363" s="1"/>
      <c r="C363">
        <v>1</v>
      </c>
      <c r="D363" t="s">
        <v>443</v>
      </c>
      <c r="E363" t="s">
        <v>30761</v>
      </c>
      <c r="F363">
        <v>2</v>
      </c>
      <c r="G363" t="s">
        <v>1</v>
      </c>
      <c r="H363" t="s">
        <v>444</v>
      </c>
      <c r="I363" t="s">
        <v>30540</v>
      </c>
    </row>
    <row r="364" spans="1:9">
      <c r="A364" s="1">
        <f ca="1">RAND()</f>
        <v>0.44697393619315551</v>
      </c>
      <c r="B364" s="1"/>
      <c r="C364">
        <v>2</v>
      </c>
      <c r="D364" t="s">
        <v>441</v>
      </c>
      <c r="E364" t="s">
        <v>30762</v>
      </c>
      <c r="F364">
        <v>5</v>
      </c>
      <c r="G364" t="s">
        <v>9</v>
      </c>
      <c r="H364" t="s">
        <v>442</v>
      </c>
      <c r="I364" t="s">
        <v>30540</v>
      </c>
    </row>
    <row r="365" spans="1:9">
      <c r="A365" s="1">
        <f ca="1">RAND()</f>
        <v>0.33629530442490119</v>
      </c>
      <c r="B365" s="1"/>
      <c r="C365">
        <v>1</v>
      </c>
      <c r="D365" t="s">
        <v>439</v>
      </c>
      <c r="E365" t="s">
        <v>30762</v>
      </c>
      <c r="F365">
        <v>4</v>
      </c>
      <c r="G365" t="s">
        <v>10</v>
      </c>
      <c r="H365" t="s">
        <v>440</v>
      </c>
      <c r="I365" t="s">
        <v>30540</v>
      </c>
    </row>
    <row r="366" spans="1:9">
      <c r="A366" s="1">
        <f ca="1">RAND()</f>
        <v>0.48473990506533859</v>
      </c>
      <c r="B366" s="1"/>
      <c r="C366">
        <v>1</v>
      </c>
      <c r="D366" t="s">
        <v>437</v>
      </c>
      <c r="E366" t="s">
        <v>30763</v>
      </c>
      <c r="F366">
        <v>4</v>
      </c>
      <c r="G366" t="s">
        <v>0</v>
      </c>
      <c r="H366" t="s">
        <v>438</v>
      </c>
      <c r="I366" t="s">
        <v>30540</v>
      </c>
    </row>
    <row r="367" spans="1:9">
      <c r="A367" s="1">
        <f ca="1">RAND()</f>
        <v>0.57523136118980212</v>
      </c>
      <c r="B367" s="1"/>
      <c r="C367">
        <v>2</v>
      </c>
      <c r="D367" t="s">
        <v>435</v>
      </c>
      <c r="E367" t="s">
        <v>30764</v>
      </c>
      <c r="F367">
        <v>1</v>
      </c>
      <c r="G367" t="s">
        <v>2</v>
      </c>
      <c r="H367" t="s">
        <v>436</v>
      </c>
      <c r="I367" t="s">
        <v>30540</v>
      </c>
    </row>
    <row r="368" spans="1:9">
      <c r="A368" s="1">
        <f ca="1">RAND()</f>
        <v>0.89352724206842038</v>
      </c>
      <c r="B368" s="1"/>
      <c r="C368">
        <v>5</v>
      </c>
      <c r="D368" t="s">
        <v>433</v>
      </c>
      <c r="E368" t="s">
        <v>30765</v>
      </c>
      <c r="F368">
        <v>1</v>
      </c>
      <c r="G368" t="s">
        <v>0</v>
      </c>
      <c r="H368" t="s">
        <v>434</v>
      </c>
      <c r="I368" t="s">
        <v>30540</v>
      </c>
    </row>
    <row r="369" spans="1:9">
      <c r="A369" s="1">
        <f ca="1">RAND()</f>
        <v>0.71010733270285853</v>
      </c>
      <c r="B369" s="1"/>
      <c r="C369">
        <v>2</v>
      </c>
      <c r="D369" t="s">
        <v>431</v>
      </c>
      <c r="E369" t="s">
        <v>30766</v>
      </c>
      <c r="F369">
        <v>5</v>
      </c>
      <c r="G369" t="s">
        <v>1</v>
      </c>
      <c r="H369" t="s">
        <v>432</v>
      </c>
      <c r="I369" t="s">
        <v>30540</v>
      </c>
    </row>
    <row r="370" spans="1:9">
      <c r="A370" s="1">
        <f ca="1">RAND()</f>
        <v>0.73376456619688668</v>
      </c>
      <c r="B370" s="1"/>
      <c r="C370">
        <v>1</v>
      </c>
      <c r="D370" t="s">
        <v>429</v>
      </c>
      <c r="E370" t="s">
        <v>30767</v>
      </c>
      <c r="F370">
        <v>3</v>
      </c>
      <c r="G370" t="s">
        <v>13</v>
      </c>
      <c r="H370" t="s">
        <v>430</v>
      </c>
      <c r="I370" t="s">
        <v>30540</v>
      </c>
    </row>
    <row r="371" spans="1:9">
      <c r="A371" s="1">
        <f ca="1">RAND()</f>
        <v>0.78686389759829378</v>
      </c>
      <c r="B371" s="1"/>
      <c r="C371">
        <v>2</v>
      </c>
      <c r="D371" t="s">
        <v>427</v>
      </c>
      <c r="E371" t="s">
        <v>30768</v>
      </c>
      <c r="F371">
        <v>4</v>
      </c>
      <c r="G371" t="s">
        <v>0</v>
      </c>
      <c r="H371" t="s">
        <v>428</v>
      </c>
      <c r="I371" t="s">
        <v>30540</v>
      </c>
    </row>
    <row r="372" spans="1:9">
      <c r="A372" s="1">
        <f ca="1">RAND()</f>
        <v>0.52201781723380725</v>
      </c>
      <c r="B372" s="1"/>
      <c r="C372">
        <v>1</v>
      </c>
      <c r="D372" t="s">
        <v>425</v>
      </c>
      <c r="E372" t="s">
        <v>30768</v>
      </c>
      <c r="F372">
        <v>3</v>
      </c>
      <c r="G372" t="s">
        <v>15</v>
      </c>
      <c r="H372" t="s">
        <v>426</v>
      </c>
      <c r="I372" t="s">
        <v>30540</v>
      </c>
    </row>
    <row r="373" spans="1:9">
      <c r="A373" s="1">
        <f ca="1">RAND()</f>
        <v>3.8112686758429049E-2</v>
      </c>
      <c r="B373" s="1"/>
      <c r="C373">
        <v>5</v>
      </c>
      <c r="D373" t="s">
        <v>423</v>
      </c>
      <c r="E373" t="s">
        <v>30769</v>
      </c>
      <c r="F373">
        <v>5</v>
      </c>
      <c r="G373" t="s">
        <v>14</v>
      </c>
      <c r="H373" t="s">
        <v>424</v>
      </c>
      <c r="I373" t="s">
        <v>30540</v>
      </c>
    </row>
    <row r="374" spans="1:9">
      <c r="A374" s="1">
        <f ca="1">RAND()</f>
        <v>0.71459608056962176</v>
      </c>
      <c r="B374" s="1"/>
      <c r="C374">
        <v>3</v>
      </c>
      <c r="D374" t="s">
        <v>421</v>
      </c>
      <c r="E374" t="s">
        <v>30769</v>
      </c>
      <c r="F374">
        <v>4</v>
      </c>
      <c r="G374" t="s">
        <v>15</v>
      </c>
      <c r="H374" t="s">
        <v>422</v>
      </c>
      <c r="I374" t="s">
        <v>30540</v>
      </c>
    </row>
    <row r="375" spans="1:9">
      <c r="A375" s="1">
        <f ca="1">RAND()</f>
        <v>0.65532600463521895</v>
      </c>
      <c r="B375" s="1"/>
      <c r="C375">
        <v>1</v>
      </c>
      <c r="D375" t="s">
        <v>419</v>
      </c>
      <c r="E375" t="s">
        <v>30769</v>
      </c>
      <c r="F375">
        <v>2</v>
      </c>
      <c r="G375" t="s">
        <v>15</v>
      </c>
      <c r="H375" t="s">
        <v>420</v>
      </c>
      <c r="I375" t="s">
        <v>30540</v>
      </c>
    </row>
    <row r="376" spans="1:9">
      <c r="A376" s="1">
        <f ca="1">RAND()</f>
        <v>0.29163843628467823</v>
      </c>
      <c r="B376" s="1"/>
      <c r="C376">
        <v>3</v>
      </c>
      <c r="D376" t="s">
        <v>417</v>
      </c>
      <c r="E376" t="s">
        <v>30770</v>
      </c>
      <c r="F376">
        <v>3</v>
      </c>
      <c r="G376" t="s">
        <v>1</v>
      </c>
      <c r="H376" t="s">
        <v>418</v>
      </c>
      <c r="I376" t="s">
        <v>30540</v>
      </c>
    </row>
    <row r="377" spans="1:9">
      <c r="A377" s="1">
        <f ca="1">RAND()</f>
        <v>0.27743710950136491</v>
      </c>
      <c r="B377" s="1"/>
      <c r="C377">
        <v>3</v>
      </c>
      <c r="D377" t="s">
        <v>413</v>
      </c>
      <c r="E377" t="s">
        <v>30771</v>
      </c>
      <c r="F377">
        <v>4</v>
      </c>
      <c r="G377" t="s">
        <v>0</v>
      </c>
      <c r="H377" t="s">
        <v>414</v>
      </c>
      <c r="I377" t="s">
        <v>30540</v>
      </c>
    </row>
    <row r="378" spans="1:9">
      <c r="A378" s="1">
        <f ca="1">RAND()</f>
        <v>0.99290589839394283</v>
      </c>
      <c r="B378" s="1"/>
      <c r="C378">
        <v>7</v>
      </c>
      <c r="D378" t="s">
        <v>415</v>
      </c>
      <c r="E378" t="s">
        <v>30771</v>
      </c>
      <c r="F378">
        <v>4</v>
      </c>
      <c r="G378" t="s">
        <v>15</v>
      </c>
      <c r="H378" t="s">
        <v>416</v>
      </c>
      <c r="I378" t="s">
        <v>30540</v>
      </c>
    </row>
    <row r="379" spans="1:9">
      <c r="A379" s="1">
        <f ca="1">RAND()</f>
        <v>0.11226714455223985</v>
      </c>
      <c r="B379" s="1"/>
      <c r="C379">
        <v>2</v>
      </c>
      <c r="D379" t="s">
        <v>411</v>
      </c>
      <c r="E379" t="s">
        <v>30771</v>
      </c>
      <c r="F379">
        <v>4</v>
      </c>
      <c r="G379" t="s">
        <v>0</v>
      </c>
      <c r="H379" t="s">
        <v>412</v>
      </c>
      <c r="I379" t="s">
        <v>30540</v>
      </c>
    </row>
    <row r="380" spans="1:9">
      <c r="A380" s="1">
        <f ca="1">RAND()</f>
        <v>7.7221525304760452E-2</v>
      </c>
      <c r="B380" s="1"/>
      <c r="C380">
        <v>1</v>
      </c>
      <c r="D380" t="s">
        <v>407</v>
      </c>
      <c r="E380" t="s">
        <v>30772</v>
      </c>
      <c r="F380">
        <v>4</v>
      </c>
      <c r="G380" t="s">
        <v>2</v>
      </c>
      <c r="H380" t="s">
        <v>408</v>
      </c>
      <c r="I380" t="s">
        <v>30540</v>
      </c>
    </row>
    <row r="381" spans="1:9">
      <c r="A381" s="1">
        <f ca="1">RAND()</f>
        <v>0.25866462990439054</v>
      </c>
      <c r="B381" s="1"/>
      <c r="C381">
        <v>3</v>
      </c>
      <c r="D381" t="s">
        <v>409</v>
      </c>
      <c r="E381" t="s">
        <v>30772</v>
      </c>
      <c r="F381">
        <v>2</v>
      </c>
      <c r="G381" t="s">
        <v>2</v>
      </c>
      <c r="H381" t="s">
        <v>410</v>
      </c>
      <c r="I381" t="s">
        <v>30540</v>
      </c>
    </row>
    <row r="382" spans="1:9">
      <c r="A382" s="1">
        <f ca="1">RAND()</f>
        <v>0.10609997644152491</v>
      </c>
      <c r="B382" s="1"/>
      <c r="C382">
        <v>1</v>
      </c>
      <c r="D382" t="s">
        <v>405</v>
      </c>
      <c r="E382" t="s">
        <v>30773</v>
      </c>
      <c r="F382">
        <v>4</v>
      </c>
      <c r="G382" t="s">
        <v>0</v>
      </c>
      <c r="H382" t="s">
        <v>406</v>
      </c>
      <c r="I382" t="s">
        <v>30540</v>
      </c>
    </row>
    <row r="383" spans="1:9">
      <c r="A383" s="1">
        <f ca="1">RAND()</f>
        <v>0.42469639529754066</v>
      </c>
      <c r="B383" s="1"/>
      <c r="C383">
        <v>2</v>
      </c>
      <c r="D383" t="s">
        <v>401</v>
      </c>
      <c r="E383" t="s">
        <v>30774</v>
      </c>
      <c r="F383">
        <v>4</v>
      </c>
      <c r="G383" t="s">
        <v>2</v>
      </c>
      <c r="H383" t="s">
        <v>402</v>
      </c>
      <c r="I383" t="s">
        <v>30540</v>
      </c>
    </row>
    <row r="384" spans="1:9">
      <c r="A384" s="1">
        <f ca="1">RAND()</f>
        <v>0.76632848940893905</v>
      </c>
      <c r="B384" s="1"/>
      <c r="C384">
        <v>5</v>
      </c>
      <c r="D384" t="s">
        <v>403</v>
      </c>
      <c r="E384" t="s">
        <v>30774</v>
      </c>
      <c r="F384">
        <v>4</v>
      </c>
      <c r="G384" t="s">
        <v>9</v>
      </c>
      <c r="H384" t="s">
        <v>404</v>
      </c>
      <c r="I384" t="s">
        <v>30540</v>
      </c>
    </row>
    <row r="385" spans="1:9">
      <c r="A385" s="1">
        <f ca="1">RAND()</f>
        <v>0.24649541757578097</v>
      </c>
      <c r="B385" s="1"/>
      <c r="C385">
        <v>4</v>
      </c>
      <c r="D385" t="s">
        <v>399</v>
      </c>
      <c r="E385" t="s">
        <v>30775</v>
      </c>
      <c r="F385">
        <v>4</v>
      </c>
      <c r="G385" t="s">
        <v>0</v>
      </c>
      <c r="H385" t="s">
        <v>400</v>
      </c>
      <c r="I385" t="s">
        <v>30540</v>
      </c>
    </row>
    <row r="386" spans="1:9">
      <c r="A386" s="1">
        <f ca="1">RAND()</f>
        <v>0.13269822229529504</v>
      </c>
      <c r="B386" s="1"/>
      <c r="C386">
        <v>2</v>
      </c>
      <c r="D386" t="s">
        <v>397</v>
      </c>
      <c r="E386" t="s">
        <v>30775</v>
      </c>
      <c r="F386">
        <v>4</v>
      </c>
      <c r="G386" t="s">
        <v>1</v>
      </c>
      <c r="H386" t="s">
        <v>398</v>
      </c>
      <c r="I386" t="s">
        <v>30540</v>
      </c>
    </row>
    <row r="387" spans="1:9">
      <c r="A387" s="1">
        <f ca="1">RAND()</f>
        <v>0.73833534238172915</v>
      </c>
      <c r="B387" s="1"/>
      <c r="C387">
        <v>1</v>
      </c>
      <c r="D387" t="s">
        <v>395</v>
      </c>
      <c r="E387" t="s">
        <v>30776</v>
      </c>
      <c r="F387">
        <v>2</v>
      </c>
      <c r="G387" t="s">
        <v>15</v>
      </c>
      <c r="H387" t="s">
        <v>396</v>
      </c>
      <c r="I387" t="s">
        <v>30540</v>
      </c>
    </row>
    <row r="388" spans="1:9">
      <c r="A388" s="1">
        <f ca="1">RAND()</f>
        <v>0.30678645748967426</v>
      </c>
      <c r="B388" s="1"/>
      <c r="C388">
        <v>1</v>
      </c>
      <c r="D388" t="s">
        <v>393</v>
      </c>
      <c r="E388" t="s">
        <v>30777</v>
      </c>
      <c r="F388">
        <v>2</v>
      </c>
      <c r="G388" t="s">
        <v>0</v>
      </c>
      <c r="H388" t="s">
        <v>394</v>
      </c>
      <c r="I388" t="s">
        <v>30540</v>
      </c>
    </row>
    <row r="389" spans="1:9">
      <c r="A389" s="1">
        <f ca="1">RAND()</f>
        <v>0.80614140416392177</v>
      </c>
      <c r="B389" s="1"/>
      <c r="C389">
        <v>2</v>
      </c>
      <c r="D389" t="s">
        <v>389</v>
      </c>
      <c r="E389" t="s">
        <v>30778</v>
      </c>
      <c r="F389">
        <v>4</v>
      </c>
      <c r="G389" t="s">
        <v>0</v>
      </c>
      <c r="H389" t="s">
        <v>390</v>
      </c>
      <c r="I389" t="s">
        <v>30540</v>
      </c>
    </row>
    <row r="390" spans="1:9">
      <c r="A390" s="1">
        <f ca="1">RAND()</f>
        <v>0.1770137972897492</v>
      </c>
      <c r="B390" s="1"/>
      <c r="C390">
        <v>3</v>
      </c>
      <c r="D390" t="s">
        <v>391</v>
      </c>
      <c r="E390" t="s">
        <v>30778</v>
      </c>
      <c r="F390">
        <v>4</v>
      </c>
      <c r="G390" t="s">
        <v>0</v>
      </c>
      <c r="H390" t="s">
        <v>392</v>
      </c>
      <c r="I390" t="s">
        <v>30540</v>
      </c>
    </row>
    <row r="391" spans="1:9">
      <c r="A391" s="1">
        <f ca="1">RAND()</f>
        <v>0.72355760752943221</v>
      </c>
      <c r="B391" s="1"/>
      <c r="C391">
        <v>6</v>
      </c>
      <c r="D391" t="s">
        <v>385</v>
      </c>
      <c r="E391" t="s">
        <v>30779</v>
      </c>
      <c r="F391">
        <v>5</v>
      </c>
      <c r="G391" t="s">
        <v>0</v>
      </c>
      <c r="H391" t="s">
        <v>386</v>
      </c>
      <c r="I391" t="s">
        <v>30540</v>
      </c>
    </row>
    <row r="392" spans="1:9">
      <c r="A392" s="1">
        <f ca="1">RAND()</f>
        <v>0.74584770208359796</v>
      </c>
      <c r="B392" s="1"/>
      <c r="C392">
        <v>5</v>
      </c>
      <c r="D392" t="s">
        <v>383</v>
      </c>
      <c r="E392" t="s">
        <v>30779</v>
      </c>
      <c r="F392">
        <v>4</v>
      </c>
      <c r="G392" t="s">
        <v>10</v>
      </c>
      <c r="H392" t="s">
        <v>384</v>
      </c>
      <c r="I392" t="s">
        <v>30540</v>
      </c>
    </row>
    <row r="393" spans="1:9">
      <c r="A393" s="1">
        <f ca="1">RAND()</f>
        <v>8.9806518519447653E-2</v>
      </c>
      <c r="B393" s="1"/>
      <c r="C393">
        <v>7</v>
      </c>
      <c r="D393" t="s">
        <v>387</v>
      </c>
      <c r="E393" t="s">
        <v>30779</v>
      </c>
      <c r="F393">
        <v>3</v>
      </c>
      <c r="G393" t="s">
        <v>0</v>
      </c>
      <c r="H393" t="s">
        <v>388</v>
      </c>
      <c r="I393" t="s">
        <v>30540</v>
      </c>
    </row>
    <row r="394" spans="1:9">
      <c r="A394" s="1">
        <f ca="1">RAND()</f>
        <v>0.26761781115018646</v>
      </c>
      <c r="B394" s="1"/>
      <c r="C394">
        <v>4</v>
      </c>
      <c r="D394" t="s">
        <v>381</v>
      </c>
      <c r="E394" t="s">
        <v>30779</v>
      </c>
      <c r="F394">
        <v>2</v>
      </c>
      <c r="G394" t="s">
        <v>9</v>
      </c>
      <c r="H394" t="s">
        <v>382</v>
      </c>
      <c r="I394" t="s">
        <v>30540</v>
      </c>
    </row>
    <row r="395" spans="1:9">
      <c r="A395" s="1">
        <f ca="1">RAND()</f>
        <v>0.3755818876414061</v>
      </c>
      <c r="B395" s="1"/>
      <c r="C395">
        <v>2</v>
      </c>
      <c r="D395" t="s">
        <v>379</v>
      </c>
      <c r="E395" t="s">
        <v>30780</v>
      </c>
      <c r="F395">
        <v>4</v>
      </c>
      <c r="G395" t="s">
        <v>1</v>
      </c>
      <c r="H395" t="s">
        <v>380</v>
      </c>
      <c r="I395" t="s">
        <v>30540</v>
      </c>
    </row>
    <row r="396" spans="1:9">
      <c r="A396" s="1">
        <f ca="1">RAND()</f>
        <v>0.23767301884502046</v>
      </c>
      <c r="B396" s="1"/>
      <c r="C396">
        <v>1</v>
      </c>
      <c r="D396" t="s">
        <v>377</v>
      </c>
      <c r="E396" t="s">
        <v>30781</v>
      </c>
      <c r="F396">
        <v>4</v>
      </c>
      <c r="G396" t="s">
        <v>15</v>
      </c>
      <c r="H396" t="s">
        <v>378</v>
      </c>
      <c r="I396" t="s">
        <v>30540</v>
      </c>
    </row>
    <row r="397" spans="1:9">
      <c r="A397" s="1">
        <f ca="1">RAND()</f>
        <v>0.65686142073156206</v>
      </c>
      <c r="B397" s="1"/>
      <c r="C397">
        <v>1</v>
      </c>
      <c r="D397" t="s">
        <v>375</v>
      </c>
      <c r="E397" t="s">
        <v>30782</v>
      </c>
      <c r="F397">
        <v>4</v>
      </c>
      <c r="G397" t="s">
        <v>0</v>
      </c>
      <c r="H397" t="s">
        <v>376</v>
      </c>
      <c r="I397" t="s">
        <v>30540</v>
      </c>
    </row>
    <row r="398" spans="1:9">
      <c r="A398" s="1">
        <f ca="1">RAND()</f>
        <v>0.52450124803326725</v>
      </c>
      <c r="B398" s="1"/>
      <c r="C398">
        <v>3</v>
      </c>
      <c r="D398" t="s">
        <v>373</v>
      </c>
      <c r="E398" t="s">
        <v>30783</v>
      </c>
      <c r="F398">
        <v>5</v>
      </c>
      <c r="G398" t="s">
        <v>10</v>
      </c>
      <c r="H398" t="s">
        <v>374</v>
      </c>
      <c r="I398" t="s">
        <v>30540</v>
      </c>
    </row>
    <row r="399" spans="1:9">
      <c r="A399" s="1">
        <f ca="1">RAND()</f>
        <v>0.85698134426883998</v>
      </c>
      <c r="B399" s="1"/>
      <c r="C399">
        <v>2</v>
      </c>
      <c r="D399" t="s">
        <v>369</v>
      </c>
      <c r="E399" t="s">
        <v>30784</v>
      </c>
      <c r="F399">
        <v>4</v>
      </c>
      <c r="G399" t="s">
        <v>9</v>
      </c>
      <c r="H399" t="s">
        <v>370</v>
      </c>
      <c r="I399" t="s">
        <v>30540</v>
      </c>
    </row>
    <row r="400" spans="1:9">
      <c r="A400" s="1">
        <f ca="1">RAND()</f>
        <v>0.1551803624893181</v>
      </c>
      <c r="B400" s="1"/>
      <c r="C400">
        <v>9</v>
      </c>
      <c r="D400" t="s">
        <v>371</v>
      </c>
      <c r="E400" t="s">
        <v>30784</v>
      </c>
      <c r="F400">
        <v>4</v>
      </c>
      <c r="G400" t="s">
        <v>14</v>
      </c>
      <c r="H400" t="s">
        <v>372</v>
      </c>
      <c r="I400" t="s">
        <v>30540</v>
      </c>
    </row>
    <row r="401" spans="1:9">
      <c r="A401" s="1">
        <f ca="1">RAND()</f>
        <v>0.91596010398783201</v>
      </c>
      <c r="B401" s="1"/>
      <c r="C401">
        <v>1</v>
      </c>
      <c r="D401" t="s">
        <v>367</v>
      </c>
      <c r="E401" t="s">
        <v>30785</v>
      </c>
      <c r="F401">
        <v>4</v>
      </c>
      <c r="G401" t="s">
        <v>1</v>
      </c>
      <c r="H401" t="s">
        <v>368</v>
      </c>
      <c r="I401" t="s">
        <v>30540</v>
      </c>
    </row>
    <row r="402" spans="1:9">
      <c r="A402" s="1">
        <f ca="1">RAND()</f>
        <v>0.1962263607345347</v>
      </c>
      <c r="B402" s="1"/>
      <c r="C402">
        <v>2</v>
      </c>
      <c r="D402" t="s">
        <v>365</v>
      </c>
      <c r="E402" t="s">
        <v>30786</v>
      </c>
      <c r="F402">
        <v>2</v>
      </c>
      <c r="G402" t="s">
        <v>9</v>
      </c>
      <c r="H402" t="s">
        <v>366</v>
      </c>
      <c r="I402" t="s">
        <v>30540</v>
      </c>
    </row>
    <row r="403" spans="1:9">
      <c r="A403" s="1">
        <f ca="1">RAND()</f>
        <v>4.7981732914366804E-2</v>
      </c>
      <c r="B403" s="1"/>
      <c r="C403">
        <v>1</v>
      </c>
      <c r="D403" t="s">
        <v>363</v>
      </c>
      <c r="E403" t="s">
        <v>30787</v>
      </c>
      <c r="F403">
        <v>4</v>
      </c>
      <c r="G403" t="s">
        <v>1</v>
      </c>
      <c r="H403" t="s">
        <v>364</v>
      </c>
      <c r="I403" t="s">
        <v>30540</v>
      </c>
    </row>
    <row r="404" spans="1:9">
      <c r="A404" s="1">
        <f ca="1">RAND()</f>
        <v>0.33829810972679242</v>
      </c>
      <c r="B404" s="1"/>
      <c r="C404">
        <v>1</v>
      </c>
      <c r="D404" t="s">
        <v>361</v>
      </c>
      <c r="E404" t="s">
        <v>30788</v>
      </c>
      <c r="F404">
        <v>4</v>
      </c>
      <c r="G404" t="s">
        <v>1</v>
      </c>
      <c r="H404" t="s">
        <v>362</v>
      </c>
      <c r="I404" t="s">
        <v>30540</v>
      </c>
    </row>
    <row r="405" spans="1:9">
      <c r="A405" s="1">
        <f ca="1">RAND()</f>
        <v>0.21734881114314275</v>
      </c>
      <c r="B405" s="1"/>
      <c r="C405">
        <v>5</v>
      </c>
      <c r="D405" t="s">
        <v>359</v>
      </c>
      <c r="E405" t="s">
        <v>30789</v>
      </c>
      <c r="F405">
        <v>4</v>
      </c>
      <c r="G405" t="s">
        <v>0</v>
      </c>
      <c r="H405" t="s">
        <v>360</v>
      </c>
      <c r="I405" t="s">
        <v>30540</v>
      </c>
    </row>
    <row r="406" spans="1:9">
      <c r="A406" s="1">
        <f ca="1">RAND()</f>
        <v>0.88392944576800747</v>
      </c>
      <c r="B406" s="1"/>
      <c r="C406">
        <v>3</v>
      </c>
      <c r="D406" t="s">
        <v>357</v>
      </c>
      <c r="E406" t="s">
        <v>30789</v>
      </c>
      <c r="F406">
        <v>2</v>
      </c>
      <c r="G406" t="s">
        <v>0</v>
      </c>
      <c r="H406" t="s">
        <v>358</v>
      </c>
      <c r="I406" t="s">
        <v>30540</v>
      </c>
    </row>
    <row r="407" spans="1:9">
      <c r="A407" s="1">
        <f ca="1">RAND()</f>
        <v>0.18747451225581357</v>
      </c>
      <c r="B407" s="1"/>
      <c r="C407">
        <v>3</v>
      </c>
      <c r="D407" t="s">
        <v>355</v>
      </c>
      <c r="E407" t="s">
        <v>30790</v>
      </c>
      <c r="F407">
        <v>4</v>
      </c>
      <c r="G407" t="s">
        <v>1</v>
      </c>
      <c r="H407" t="s">
        <v>356</v>
      </c>
      <c r="I407" t="s">
        <v>30540</v>
      </c>
    </row>
    <row r="408" spans="1:9">
      <c r="A408" s="1">
        <f ca="1">RAND()</f>
        <v>0.18956988916693751</v>
      </c>
      <c r="B408" s="1"/>
      <c r="C408">
        <v>2</v>
      </c>
      <c r="D408" t="s">
        <v>351</v>
      </c>
      <c r="E408" t="s">
        <v>30791</v>
      </c>
      <c r="F408">
        <v>4</v>
      </c>
      <c r="G408" t="s">
        <v>9</v>
      </c>
      <c r="H408" t="s">
        <v>352</v>
      </c>
      <c r="I408" t="s">
        <v>30540</v>
      </c>
    </row>
    <row r="409" spans="1:9">
      <c r="A409" s="1">
        <f ca="1">RAND()</f>
        <v>0.40757246456700569</v>
      </c>
      <c r="B409" s="1"/>
      <c r="C409">
        <v>3</v>
      </c>
      <c r="D409" t="s">
        <v>353</v>
      </c>
      <c r="E409" t="s">
        <v>30791</v>
      </c>
      <c r="F409">
        <v>4</v>
      </c>
      <c r="G409" t="s">
        <v>0</v>
      </c>
      <c r="H409" t="s">
        <v>354</v>
      </c>
      <c r="I409" t="s">
        <v>30540</v>
      </c>
    </row>
    <row r="410" spans="1:9">
      <c r="A410" s="1">
        <f ca="1">RAND()</f>
        <v>0.99745169241095777</v>
      </c>
      <c r="B410" s="1"/>
      <c r="C410">
        <v>1</v>
      </c>
      <c r="D410" t="s">
        <v>349</v>
      </c>
      <c r="E410" t="s">
        <v>30791</v>
      </c>
      <c r="F410">
        <v>1</v>
      </c>
      <c r="G410" t="s">
        <v>9</v>
      </c>
      <c r="H410" t="s">
        <v>350</v>
      </c>
      <c r="I410" t="s">
        <v>30540</v>
      </c>
    </row>
    <row r="411" spans="1:9">
      <c r="A411" s="1">
        <f ca="1">RAND()</f>
        <v>0.28087175243787976</v>
      </c>
      <c r="B411" s="1"/>
      <c r="C411">
        <v>1</v>
      </c>
      <c r="D411" t="s">
        <v>347</v>
      </c>
      <c r="E411" t="s">
        <v>30792</v>
      </c>
      <c r="F411">
        <v>5</v>
      </c>
      <c r="G411" t="s">
        <v>0</v>
      </c>
      <c r="H411" t="s">
        <v>348</v>
      </c>
      <c r="I411" t="s">
        <v>30540</v>
      </c>
    </row>
    <row r="412" spans="1:9">
      <c r="A412" s="1">
        <f ca="1">RAND()</f>
        <v>9.7725622975265436E-2</v>
      </c>
      <c r="B412" s="1"/>
      <c r="C412">
        <v>1</v>
      </c>
      <c r="D412" t="s">
        <v>1480</v>
      </c>
      <c r="E412" t="s">
        <v>30793</v>
      </c>
      <c r="F412">
        <v>4</v>
      </c>
      <c r="G412" t="s">
        <v>0</v>
      </c>
      <c r="H412" t="s">
        <v>1481</v>
      </c>
      <c r="I412" t="s">
        <v>30540</v>
      </c>
    </row>
    <row r="413" spans="1:9">
      <c r="A413" s="1">
        <f ca="1">RAND()</f>
        <v>0.93667055098048513</v>
      </c>
      <c r="B413" s="1"/>
      <c r="C413">
        <v>4</v>
      </c>
      <c r="D413" t="s">
        <v>1478</v>
      </c>
      <c r="E413" t="s">
        <v>30794</v>
      </c>
      <c r="F413">
        <v>4</v>
      </c>
      <c r="G413" t="s">
        <v>0</v>
      </c>
      <c r="H413" t="s">
        <v>1479</v>
      </c>
      <c r="I413" t="s">
        <v>30540</v>
      </c>
    </row>
    <row r="414" spans="1:9">
      <c r="A414" s="1">
        <f ca="1">RAND()</f>
        <v>0.8653934720451576</v>
      </c>
      <c r="B414" s="1"/>
      <c r="C414">
        <v>1</v>
      </c>
      <c r="D414" t="s">
        <v>1476</v>
      </c>
      <c r="E414" t="s">
        <v>30795</v>
      </c>
      <c r="F414">
        <v>4</v>
      </c>
      <c r="G414" t="s">
        <v>0</v>
      </c>
      <c r="H414" t="s">
        <v>1477</v>
      </c>
      <c r="I414" t="s">
        <v>30540</v>
      </c>
    </row>
    <row r="415" spans="1:9">
      <c r="A415" s="1">
        <f ca="1">RAND()</f>
        <v>0.48519493546309256</v>
      </c>
      <c r="B415" s="1"/>
      <c r="C415">
        <v>3</v>
      </c>
      <c r="D415" t="s">
        <v>1474</v>
      </c>
      <c r="E415" t="s">
        <v>30796</v>
      </c>
      <c r="F415">
        <v>4</v>
      </c>
      <c r="G415" t="s">
        <v>13</v>
      </c>
      <c r="H415" t="s">
        <v>1475</v>
      </c>
      <c r="I415" t="s">
        <v>30540</v>
      </c>
    </row>
    <row r="416" spans="1:9">
      <c r="A416" s="1">
        <f ca="1">RAND()</f>
        <v>9.8858290526912751E-2</v>
      </c>
      <c r="B416" s="1"/>
      <c r="C416">
        <v>1</v>
      </c>
      <c r="D416" t="s">
        <v>1472</v>
      </c>
      <c r="E416" t="s">
        <v>30797</v>
      </c>
      <c r="F416">
        <v>4</v>
      </c>
      <c r="G416" t="s">
        <v>0</v>
      </c>
      <c r="H416" t="s">
        <v>1473</v>
      </c>
      <c r="I416" t="s">
        <v>30540</v>
      </c>
    </row>
    <row r="417" spans="1:9">
      <c r="A417" s="1">
        <f ca="1">RAND()</f>
        <v>0.9550551227269708</v>
      </c>
      <c r="B417" s="1"/>
      <c r="C417">
        <v>5</v>
      </c>
      <c r="D417" t="s">
        <v>1468</v>
      </c>
      <c r="E417" t="s">
        <v>30798</v>
      </c>
      <c r="F417">
        <v>5</v>
      </c>
      <c r="G417" t="s">
        <v>2</v>
      </c>
      <c r="H417" t="s">
        <v>1469</v>
      </c>
      <c r="I417" t="s">
        <v>30540</v>
      </c>
    </row>
    <row r="418" spans="1:9">
      <c r="A418" s="1">
        <f ca="1">RAND()</f>
        <v>0.17505734308379828</v>
      </c>
      <c r="B418" s="1"/>
      <c r="C418">
        <v>6</v>
      </c>
      <c r="D418" t="s">
        <v>1470</v>
      </c>
      <c r="E418" t="s">
        <v>30798</v>
      </c>
      <c r="F418">
        <v>4</v>
      </c>
      <c r="G418" t="s">
        <v>0</v>
      </c>
      <c r="H418" t="s">
        <v>1471</v>
      </c>
      <c r="I418" t="s">
        <v>30540</v>
      </c>
    </row>
    <row r="419" spans="1:9">
      <c r="A419" s="1">
        <f ca="1">RAND()</f>
        <v>0.56179695231305171</v>
      </c>
      <c r="B419" s="1"/>
      <c r="C419">
        <v>1</v>
      </c>
      <c r="D419" t="s">
        <v>1466</v>
      </c>
      <c r="E419" t="s">
        <v>30798</v>
      </c>
      <c r="F419">
        <v>4</v>
      </c>
      <c r="G419" t="s">
        <v>2</v>
      </c>
      <c r="H419" t="s">
        <v>1467</v>
      </c>
      <c r="I419" t="s">
        <v>30540</v>
      </c>
    </row>
    <row r="420" spans="1:9">
      <c r="A420" s="1">
        <f ca="1">RAND()</f>
        <v>0.45805685535931939</v>
      </c>
      <c r="B420" s="1"/>
      <c r="C420">
        <v>4</v>
      </c>
      <c r="D420" t="s">
        <v>1464</v>
      </c>
      <c r="E420" t="s">
        <v>30799</v>
      </c>
      <c r="F420">
        <v>1</v>
      </c>
      <c r="G420" t="s">
        <v>15</v>
      </c>
      <c r="H420" t="s">
        <v>1465</v>
      </c>
      <c r="I420" t="s">
        <v>30540</v>
      </c>
    </row>
    <row r="421" spans="1:9">
      <c r="A421" s="1">
        <f ca="1">RAND()</f>
        <v>0.9215059655281993</v>
      </c>
      <c r="B421" s="1"/>
      <c r="C421">
        <v>1</v>
      </c>
      <c r="D421" t="s">
        <v>1462</v>
      </c>
      <c r="E421" t="s">
        <v>30800</v>
      </c>
      <c r="F421">
        <v>4</v>
      </c>
      <c r="G421" t="s">
        <v>0</v>
      </c>
      <c r="H421" t="s">
        <v>1463</v>
      </c>
      <c r="I421" t="s">
        <v>30540</v>
      </c>
    </row>
    <row r="422" spans="1:9">
      <c r="A422" s="1">
        <f ca="1">RAND()</f>
        <v>0.88719277154937359</v>
      </c>
      <c r="B422" s="1"/>
      <c r="C422">
        <v>1</v>
      </c>
      <c r="D422" t="s">
        <v>1460</v>
      </c>
      <c r="E422" t="s">
        <v>30801</v>
      </c>
      <c r="F422">
        <v>4</v>
      </c>
      <c r="G422" t="s">
        <v>15</v>
      </c>
      <c r="H422" t="s">
        <v>1461</v>
      </c>
      <c r="I422" t="s">
        <v>30540</v>
      </c>
    </row>
    <row r="423" spans="1:9">
      <c r="A423" s="1">
        <f ca="1">RAND()</f>
        <v>0.20520038852075584</v>
      </c>
      <c r="B423" s="1"/>
      <c r="C423">
        <v>4</v>
      </c>
      <c r="D423" t="s">
        <v>1458</v>
      </c>
      <c r="E423" t="s">
        <v>30802</v>
      </c>
      <c r="F423">
        <v>5</v>
      </c>
      <c r="G423" t="s">
        <v>0</v>
      </c>
      <c r="H423" t="s">
        <v>1459</v>
      </c>
      <c r="I423" t="s">
        <v>30540</v>
      </c>
    </row>
    <row r="424" spans="1:9">
      <c r="A424" s="1">
        <f ca="1">RAND()</f>
        <v>0.51496302345347733</v>
      </c>
      <c r="B424" s="1"/>
      <c r="C424">
        <v>1</v>
      </c>
      <c r="D424" t="s">
        <v>1456</v>
      </c>
      <c r="E424" t="s">
        <v>30802</v>
      </c>
      <c r="F424">
        <v>4</v>
      </c>
      <c r="G424" t="s">
        <v>1</v>
      </c>
      <c r="H424" t="s">
        <v>1457</v>
      </c>
      <c r="I424" t="s">
        <v>30540</v>
      </c>
    </row>
    <row r="425" spans="1:9">
      <c r="A425" s="1">
        <f ca="1">RAND()</f>
        <v>1.0093449527910692E-2</v>
      </c>
      <c r="B425" s="1"/>
      <c r="C425">
        <v>2</v>
      </c>
      <c r="D425" t="s">
        <v>1454</v>
      </c>
      <c r="E425" t="s">
        <v>30803</v>
      </c>
      <c r="F425">
        <v>4</v>
      </c>
      <c r="G425" t="s">
        <v>1</v>
      </c>
      <c r="H425" t="s">
        <v>1455</v>
      </c>
      <c r="I425" t="s">
        <v>30540</v>
      </c>
    </row>
    <row r="426" spans="1:9">
      <c r="A426" s="1">
        <f ca="1">RAND()</f>
        <v>0.62344619939174772</v>
      </c>
      <c r="B426" s="1"/>
      <c r="C426">
        <v>1</v>
      </c>
      <c r="D426" t="s">
        <v>1452</v>
      </c>
      <c r="E426" t="s">
        <v>30803</v>
      </c>
      <c r="F426">
        <v>4</v>
      </c>
      <c r="G426" t="s">
        <v>0</v>
      </c>
      <c r="H426" t="s">
        <v>1453</v>
      </c>
      <c r="I426" t="s">
        <v>30540</v>
      </c>
    </row>
    <row r="427" spans="1:9">
      <c r="A427" s="1">
        <f ca="1">RAND()</f>
        <v>1.7442222961449594E-2</v>
      </c>
      <c r="B427" s="1"/>
      <c r="C427">
        <v>3</v>
      </c>
      <c r="D427" t="s">
        <v>1450</v>
      </c>
      <c r="E427" t="s">
        <v>30804</v>
      </c>
      <c r="F427">
        <v>4</v>
      </c>
      <c r="G427" t="s">
        <v>0</v>
      </c>
      <c r="H427" t="s">
        <v>1451</v>
      </c>
      <c r="I427" t="s">
        <v>30540</v>
      </c>
    </row>
    <row r="428" spans="1:9">
      <c r="A428" s="1">
        <f ca="1">RAND()</f>
        <v>0.91620387018876626</v>
      </c>
      <c r="B428" s="1"/>
      <c r="C428">
        <v>6</v>
      </c>
      <c r="D428" t="s">
        <v>1448</v>
      </c>
      <c r="E428" t="s">
        <v>30805</v>
      </c>
      <c r="F428">
        <v>5</v>
      </c>
      <c r="G428" t="s">
        <v>0</v>
      </c>
      <c r="H428" t="s">
        <v>1449</v>
      </c>
      <c r="I428" t="s">
        <v>30540</v>
      </c>
    </row>
    <row r="429" spans="1:9">
      <c r="A429" s="1">
        <f ca="1">RAND()</f>
        <v>0.74096604469187499</v>
      </c>
      <c r="B429" s="1"/>
      <c r="C429">
        <v>1</v>
      </c>
      <c r="D429" t="s">
        <v>1446</v>
      </c>
      <c r="E429" t="s">
        <v>30806</v>
      </c>
      <c r="F429">
        <v>4</v>
      </c>
      <c r="G429" t="s">
        <v>0</v>
      </c>
      <c r="H429" t="s">
        <v>1447</v>
      </c>
      <c r="I429" t="s">
        <v>30540</v>
      </c>
    </row>
    <row r="430" spans="1:9">
      <c r="A430" s="1">
        <f ca="1">RAND()</f>
        <v>0.66759311915074937</v>
      </c>
      <c r="B430" s="1"/>
      <c r="C430">
        <v>1</v>
      </c>
      <c r="D430" t="s">
        <v>1442</v>
      </c>
      <c r="E430" t="s">
        <v>30807</v>
      </c>
      <c r="F430">
        <v>4</v>
      </c>
      <c r="G430" t="s">
        <v>0</v>
      </c>
      <c r="H430" t="s">
        <v>1443</v>
      </c>
      <c r="I430" t="s">
        <v>30540</v>
      </c>
    </row>
    <row r="431" spans="1:9">
      <c r="A431" s="1">
        <f ca="1">RAND()</f>
        <v>4.8695516787314874E-2</v>
      </c>
      <c r="B431" s="1"/>
      <c r="C431">
        <v>3</v>
      </c>
      <c r="D431" t="s">
        <v>1444</v>
      </c>
      <c r="E431" t="s">
        <v>30807</v>
      </c>
      <c r="F431">
        <v>4</v>
      </c>
      <c r="G431" t="s">
        <v>0</v>
      </c>
      <c r="H431" t="s">
        <v>1445</v>
      </c>
      <c r="I431" t="s">
        <v>30540</v>
      </c>
    </row>
    <row r="432" spans="1:9">
      <c r="A432" s="1">
        <f ca="1">RAND()</f>
        <v>3.8899034972259883E-2</v>
      </c>
      <c r="B432" s="1"/>
      <c r="C432">
        <v>2</v>
      </c>
      <c r="D432" t="s">
        <v>1440</v>
      </c>
      <c r="E432" t="s">
        <v>30808</v>
      </c>
      <c r="F432">
        <v>4</v>
      </c>
      <c r="G432" t="s">
        <v>2</v>
      </c>
      <c r="H432" t="s">
        <v>1441</v>
      </c>
      <c r="I432" t="s">
        <v>30540</v>
      </c>
    </row>
    <row r="433" spans="1:9">
      <c r="A433" s="1">
        <f ca="1">RAND()</f>
        <v>0.5998908544909004</v>
      </c>
      <c r="B433" s="1"/>
      <c r="C433">
        <v>1</v>
      </c>
      <c r="D433" t="s">
        <v>1438</v>
      </c>
      <c r="E433" t="s">
        <v>30809</v>
      </c>
      <c r="F433">
        <v>4</v>
      </c>
      <c r="G433" t="s">
        <v>10</v>
      </c>
      <c r="H433" t="s">
        <v>1439</v>
      </c>
      <c r="I433" t="s">
        <v>30540</v>
      </c>
    </row>
    <row r="434" spans="1:9">
      <c r="A434" s="1">
        <f ca="1">RAND()</f>
        <v>0.11432604587097428</v>
      </c>
      <c r="B434" s="1"/>
      <c r="C434">
        <v>4</v>
      </c>
      <c r="D434" t="s">
        <v>1436</v>
      </c>
      <c r="E434" t="s">
        <v>30810</v>
      </c>
      <c r="F434">
        <v>4</v>
      </c>
      <c r="G434" t="s">
        <v>15</v>
      </c>
      <c r="H434" t="s">
        <v>1437</v>
      </c>
      <c r="I434" t="s">
        <v>30540</v>
      </c>
    </row>
    <row r="435" spans="1:9">
      <c r="A435" s="1">
        <f ca="1">RAND()</f>
        <v>0.75241072681665522</v>
      </c>
      <c r="B435" s="1"/>
      <c r="C435">
        <v>4</v>
      </c>
      <c r="D435" t="s">
        <v>1427</v>
      </c>
      <c r="E435" t="s">
        <v>30811</v>
      </c>
      <c r="F435">
        <v>4</v>
      </c>
      <c r="G435" t="s">
        <v>15</v>
      </c>
      <c r="H435" t="s">
        <v>1428</v>
      </c>
      <c r="I435" t="s">
        <v>30540</v>
      </c>
    </row>
    <row r="436" spans="1:9">
      <c r="A436" s="1">
        <f ca="1">RAND()</f>
        <v>0.95859581189436405</v>
      </c>
      <c r="B436" s="1"/>
      <c r="C436">
        <v>6</v>
      </c>
      <c r="D436" t="s">
        <v>1429</v>
      </c>
      <c r="E436" t="s">
        <v>30811</v>
      </c>
      <c r="F436">
        <v>4</v>
      </c>
      <c r="G436" t="s">
        <v>1426</v>
      </c>
      <c r="H436" t="s">
        <v>1430</v>
      </c>
      <c r="I436" t="s">
        <v>30540</v>
      </c>
    </row>
    <row r="437" spans="1:9">
      <c r="A437" s="1">
        <f ca="1">RAND()</f>
        <v>0.84611141005800583</v>
      </c>
      <c r="B437" s="1"/>
      <c r="C437">
        <v>8</v>
      </c>
      <c r="D437" t="s">
        <v>1432</v>
      </c>
      <c r="E437" t="s">
        <v>30811</v>
      </c>
      <c r="F437">
        <v>4</v>
      </c>
      <c r="G437" t="s">
        <v>0</v>
      </c>
      <c r="H437" t="s">
        <v>1433</v>
      </c>
      <c r="I437" t="s">
        <v>30540</v>
      </c>
    </row>
    <row r="438" spans="1:9">
      <c r="A438" s="1">
        <f ca="1">RAND()</f>
        <v>0.99930356852640889</v>
      </c>
      <c r="B438" s="1"/>
      <c r="C438">
        <v>9</v>
      </c>
      <c r="D438" t="s">
        <v>1434</v>
      </c>
      <c r="E438" t="s">
        <v>30811</v>
      </c>
      <c r="F438">
        <v>4</v>
      </c>
      <c r="G438" t="s">
        <v>770</v>
      </c>
      <c r="H438" t="s">
        <v>1435</v>
      </c>
      <c r="I438" t="s">
        <v>30540</v>
      </c>
    </row>
    <row r="439" spans="1:9">
      <c r="A439" s="1">
        <f ca="1">RAND()</f>
        <v>0.29416052445476137</v>
      </c>
      <c r="B439" s="1"/>
      <c r="C439">
        <v>2</v>
      </c>
      <c r="D439" t="s">
        <v>1424</v>
      </c>
      <c r="E439" t="s">
        <v>30812</v>
      </c>
      <c r="F439">
        <v>4</v>
      </c>
      <c r="G439" t="s">
        <v>0</v>
      </c>
      <c r="H439" t="s">
        <v>1425</v>
      </c>
      <c r="I439" t="s">
        <v>30540</v>
      </c>
    </row>
    <row r="440" spans="1:9">
      <c r="A440" s="1">
        <f ca="1">RAND()</f>
        <v>0.76183820745756303</v>
      </c>
      <c r="B440" s="1"/>
      <c r="C440">
        <v>1</v>
      </c>
      <c r="D440" t="s">
        <v>1422</v>
      </c>
      <c r="E440" t="s">
        <v>30812</v>
      </c>
      <c r="F440">
        <v>4</v>
      </c>
      <c r="G440" t="s">
        <v>765</v>
      </c>
      <c r="H440" t="s">
        <v>1423</v>
      </c>
      <c r="I440" t="s">
        <v>30540</v>
      </c>
    </row>
    <row r="441" spans="1:9">
      <c r="A441" s="1">
        <f ca="1">RAND()</f>
        <v>1.8321615299769389E-2</v>
      </c>
      <c r="B441" s="1"/>
      <c r="C441">
        <v>2</v>
      </c>
      <c r="D441" t="s">
        <v>1420</v>
      </c>
      <c r="E441" t="s">
        <v>30813</v>
      </c>
      <c r="F441">
        <v>4</v>
      </c>
      <c r="G441" t="s">
        <v>766</v>
      </c>
      <c r="H441" t="s">
        <v>1421</v>
      </c>
      <c r="I441" t="s">
        <v>30540</v>
      </c>
    </row>
    <row r="442" spans="1:9">
      <c r="A442" s="1">
        <f ca="1">RAND()</f>
        <v>0.75494722073315934</v>
      </c>
      <c r="B442" s="1"/>
      <c r="C442">
        <v>1</v>
      </c>
      <c r="D442" t="s">
        <v>1416</v>
      </c>
      <c r="E442" t="s">
        <v>30814</v>
      </c>
      <c r="F442">
        <v>4</v>
      </c>
      <c r="G442" t="s">
        <v>766</v>
      </c>
      <c r="H442" t="s">
        <v>1417</v>
      </c>
      <c r="I442" t="s">
        <v>30540</v>
      </c>
    </row>
    <row r="443" spans="1:9">
      <c r="A443" s="1">
        <f ca="1">RAND()</f>
        <v>4.6470947472310731E-2</v>
      </c>
      <c r="B443" s="1"/>
      <c r="C443">
        <v>3</v>
      </c>
      <c r="D443" t="s">
        <v>1418</v>
      </c>
      <c r="E443" t="s">
        <v>30814</v>
      </c>
      <c r="F443">
        <v>3</v>
      </c>
      <c r="G443" t="s">
        <v>762</v>
      </c>
      <c r="H443" t="s">
        <v>1419</v>
      </c>
      <c r="I443" t="s">
        <v>30540</v>
      </c>
    </row>
    <row r="444" spans="1:9">
      <c r="A444" s="1">
        <f ca="1">RAND()</f>
        <v>0.38349411236391984</v>
      </c>
      <c r="B444" s="1"/>
      <c r="C444">
        <v>2</v>
      </c>
      <c r="D444" t="s">
        <v>1414</v>
      </c>
      <c r="E444" t="s">
        <v>30815</v>
      </c>
      <c r="F444">
        <v>4</v>
      </c>
      <c r="G444" t="s">
        <v>0</v>
      </c>
      <c r="H444" t="s">
        <v>1415</v>
      </c>
      <c r="I444" t="s">
        <v>30540</v>
      </c>
    </row>
    <row r="445" spans="1:9">
      <c r="A445" s="1">
        <f ca="1">RAND()</f>
        <v>0.35172244859955626</v>
      </c>
      <c r="B445" s="1"/>
      <c r="C445">
        <v>1</v>
      </c>
      <c r="D445" t="s">
        <v>1412</v>
      </c>
      <c r="E445" t="s">
        <v>30815</v>
      </c>
      <c r="F445">
        <v>4</v>
      </c>
      <c r="G445" t="s">
        <v>9</v>
      </c>
      <c r="H445" t="s">
        <v>1413</v>
      </c>
      <c r="I445" t="s">
        <v>30540</v>
      </c>
    </row>
    <row r="446" spans="1:9">
      <c r="A446" s="1">
        <f ca="1">RAND()</f>
        <v>0.8105718516506466</v>
      </c>
      <c r="B446" s="1"/>
      <c r="C446">
        <v>2</v>
      </c>
      <c r="D446" t="s">
        <v>1410</v>
      </c>
      <c r="E446" t="s">
        <v>30816</v>
      </c>
      <c r="F446">
        <v>5</v>
      </c>
      <c r="G446" t="s">
        <v>10</v>
      </c>
      <c r="H446" t="s">
        <v>1411</v>
      </c>
      <c r="I446" t="s">
        <v>30540</v>
      </c>
    </row>
    <row r="447" spans="1:9">
      <c r="A447" s="1">
        <f ca="1">RAND()</f>
        <v>0.31253480287428637</v>
      </c>
      <c r="B447" s="1"/>
      <c r="C447">
        <v>1</v>
      </c>
      <c r="D447" t="s">
        <v>1408</v>
      </c>
      <c r="E447" t="s">
        <v>30816</v>
      </c>
      <c r="F447">
        <v>4</v>
      </c>
      <c r="G447" t="s">
        <v>762</v>
      </c>
      <c r="H447" t="s">
        <v>1409</v>
      </c>
      <c r="I447" t="s">
        <v>30540</v>
      </c>
    </row>
    <row r="448" spans="1:9">
      <c r="A448" s="1">
        <f ca="1">RAND()</f>
        <v>0.35921902599130429</v>
      </c>
      <c r="B448" s="1"/>
      <c r="C448">
        <v>1</v>
      </c>
      <c r="D448" t="s">
        <v>1406</v>
      </c>
      <c r="E448" t="s">
        <v>30817</v>
      </c>
      <c r="F448">
        <v>3</v>
      </c>
      <c r="G448" t="s">
        <v>15</v>
      </c>
      <c r="H448" t="s">
        <v>1407</v>
      </c>
      <c r="I448" t="s">
        <v>30540</v>
      </c>
    </row>
    <row r="449" spans="1:9">
      <c r="A449" s="1">
        <f ca="1">RAND()</f>
        <v>0.71446087592126473</v>
      </c>
      <c r="B449" s="1"/>
      <c r="C449">
        <v>1</v>
      </c>
      <c r="D449" t="s">
        <v>1404</v>
      </c>
      <c r="E449" t="s">
        <v>30818</v>
      </c>
      <c r="F449">
        <v>4</v>
      </c>
      <c r="G449" t="s">
        <v>0</v>
      </c>
      <c r="H449" t="s">
        <v>1405</v>
      </c>
      <c r="I449" t="s">
        <v>30540</v>
      </c>
    </row>
    <row r="450" spans="1:9">
      <c r="A450" s="1">
        <f ca="1">RAND()</f>
        <v>0.11768216432042578</v>
      </c>
      <c r="B450" s="1"/>
      <c r="C450">
        <v>2</v>
      </c>
      <c r="D450" t="s">
        <v>1402</v>
      </c>
      <c r="E450" t="s">
        <v>30819</v>
      </c>
      <c r="F450">
        <v>4</v>
      </c>
      <c r="G450" t="s">
        <v>0</v>
      </c>
      <c r="H450" t="s">
        <v>1403</v>
      </c>
      <c r="I450" t="s">
        <v>30540</v>
      </c>
    </row>
    <row r="451" spans="1:9">
      <c r="A451" s="1">
        <f ca="1">RAND()</f>
        <v>0.63749112115059647</v>
      </c>
      <c r="B451" s="1"/>
      <c r="C451">
        <v>1</v>
      </c>
      <c r="D451" t="s">
        <v>1400</v>
      </c>
      <c r="E451" t="s">
        <v>30819</v>
      </c>
      <c r="F451">
        <v>2</v>
      </c>
      <c r="G451" t="s">
        <v>0</v>
      </c>
      <c r="H451" t="s">
        <v>1401</v>
      </c>
      <c r="I451" t="s">
        <v>30540</v>
      </c>
    </row>
    <row r="452" spans="1:9">
      <c r="A452" s="1">
        <f ca="1">RAND()</f>
        <v>0.99144704481115986</v>
      </c>
      <c r="B452" s="1"/>
      <c r="C452">
        <v>1</v>
      </c>
      <c r="D452" t="s">
        <v>1398</v>
      </c>
      <c r="E452" t="s">
        <v>30820</v>
      </c>
      <c r="F452">
        <v>4</v>
      </c>
      <c r="G452" t="s">
        <v>0</v>
      </c>
      <c r="H452" t="s">
        <v>1399</v>
      </c>
      <c r="I452" t="s">
        <v>30540</v>
      </c>
    </row>
    <row r="453" spans="1:9">
      <c r="A453" s="1">
        <f ca="1">RAND()</f>
        <v>0.35250775445408955</v>
      </c>
      <c r="B453" s="1"/>
      <c r="C453">
        <v>3</v>
      </c>
      <c r="D453" t="s">
        <v>1396</v>
      </c>
      <c r="E453" t="s">
        <v>30821</v>
      </c>
      <c r="F453">
        <v>4</v>
      </c>
      <c r="G453" t="s">
        <v>0</v>
      </c>
      <c r="H453" t="s">
        <v>1397</v>
      </c>
      <c r="I453" t="s">
        <v>30540</v>
      </c>
    </row>
    <row r="454" spans="1:9">
      <c r="A454" s="1">
        <f ca="1">RAND()</f>
        <v>0.21634495504856177</v>
      </c>
      <c r="B454" s="1"/>
      <c r="C454">
        <v>3</v>
      </c>
      <c r="D454" t="s">
        <v>1394</v>
      </c>
      <c r="E454" t="s">
        <v>30822</v>
      </c>
      <c r="F454">
        <v>4</v>
      </c>
      <c r="G454" t="s">
        <v>2</v>
      </c>
      <c r="H454" t="s">
        <v>1395</v>
      </c>
      <c r="I454" t="s">
        <v>30540</v>
      </c>
    </row>
    <row r="455" spans="1:9">
      <c r="A455" s="1">
        <f ca="1">RAND()</f>
        <v>0.34042818117616636</v>
      </c>
      <c r="B455" s="1"/>
      <c r="C455">
        <v>2</v>
      </c>
      <c r="D455" t="s">
        <v>1392</v>
      </c>
      <c r="E455" t="s">
        <v>30823</v>
      </c>
      <c r="F455">
        <v>4</v>
      </c>
      <c r="G455" t="s">
        <v>0</v>
      </c>
      <c r="H455" t="s">
        <v>1393</v>
      </c>
      <c r="I455" t="s">
        <v>30540</v>
      </c>
    </row>
    <row r="456" spans="1:9">
      <c r="A456" s="1">
        <f ca="1">RAND()</f>
        <v>0.72404624075144919</v>
      </c>
      <c r="B456" s="1"/>
      <c r="C456">
        <v>1</v>
      </c>
      <c r="D456" t="s">
        <v>1390</v>
      </c>
      <c r="E456" t="s">
        <v>30824</v>
      </c>
      <c r="F456">
        <v>5</v>
      </c>
      <c r="G456" t="s">
        <v>0</v>
      </c>
      <c r="H456" t="s">
        <v>1391</v>
      </c>
      <c r="I456" t="s">
        <v>30540</v>
      </c>
    </row>
    <row r="457" spans="1:9">
      <c r="A457" s="1">
        <f ca="1">RAND()</f>
        <v>0.89420421796323657</v>
      </c>
      <c r="B457" s="1"/>
      <c r="C457">
        <v>5</v>
      </c>
      <c r="D457" t="s">
        <v>1388</v>
      </c>
      <c r="E457" t="s">
        <v>30825</v>
      </c>
      <c r="F457">
        <v>4</v>
      </c>
      <c r="G457" t="s">
        <v>0</v>
      </c>
      <c r="H457" t="s">
        <v>1389</v>
      </c>
      <c r="I457" t="s">
        <v>30540</v>
      </c>
    </row>
    <row r="458" spans="1:9">
      <c r="A458" s="1">
        <f ca="1">RAND()</f>
        <v>0.85708571441855108</v>
      </c>
      <c r="B458" s="1"/>
      <c r="C458">
        <v>5</v>
      </c>
      <c r="D458" t="s">
        <v>1384</v>
      </c>
      <c r="E458" t="s">
        <v>30826</v>
      </c>
      <c r="F458">
        <v>5</v>
      </c>
      <c r="G458" t="s">
        <v>0</v>
      </c>
      <c r="H458" t="s">
        <v>1385</v>
      </c>
      <c r="I458" t="s">
        <v>30540</v>
      </c>
    </row>
    <row r="459" spans="1:9">
      <c r="A459" s="1">
        <f ca="1">RAND()</f>
        <v>0.53884603165705158</v>
      </c>
      <c r="B459" s="1"/>
      <c r="C459">
        <v>6</v>
      </c>
      <c r="D459" t="s">
        <v>1386</v>
      </c>
      <c r="E459" t="s">
        <v>30826</v>
      </c>
      <c r="F459">
        <v>4</v>
      </c>
      <c r="G459" t="s">
        <v>0</v>
      </c>
      <c r="H459" t="s">
        <v>1387</v>
      </c>
      <c r="I459" t="s">
        <v>30540</v>
      </c>
    </row>
    <row r="460" spans="1:9">
      <c r="A460" s="1">
        <f ca="1">RAND()</f>
        <v>0.46613826107291589</v>
      </c>
      <c r="B460" s="1"/>
      <c r="C460">
        <v>3</v>
      </c>
      <c r="D460" t="s">
        <v>1382</v>
      </c>
      <c r="E460" t="s">
        <v>30827</v>
      </c>
      <c r="F460">
        <v>5</v>
      </c>
      <c r="G460" t="s">
        <v>0</v>
      </c>
      <c r="H460" t="s">
        <v>1383</v>
      </c>
      <c r="I460" t="s">
        <v>30540</v>
      </c>
    </row>
    <row r="461" spans="1:9">
      <c r="A461" s="1">
        <f ca="1">RAND()</f>
        <v>0.74179995734920467</v>
      </c>
      <c r="B461" s="1"/>
      <c r="C461">
        <v>4</v>
      </c>
      <c r="D461" t="s">
        <v>1380</v>
      </c>
      <c r="E461" t="s">
        <v>30828</v>
      </c>
      <c r="F461">
        <v>5</v>
      </c>
      <c r="G461" t="s">
        <v>1</v>
      </c>
      <c r="H461" t="s">
        <v>1381</v>
      </c>
      <c r="I461" t="s">
        <v>30540</v>
      </c>
    </row>
    <row r="462" spans="1:9">
      <c r="A462" s="1">
        <f ca="1">RAND()</f>
        <v>0.90038976235092039</v>
      </c>
      <c r="B462" s="1"/>
      <c r="C462">
        <v>2</v>
      </c>
      <c r="D462" t="s">
        <v>1376</v>
      </c>
      <c r="E462" t="s">
        <v>30828</v>
      </c>
      <c r="F462">
        <v>4</v>
      </c>
      <c r="G462" t="s">
        <v>0</v>
      </c>
      <c r="H462" t="s">
        <v>1377</v>
      </c>
      <c r="I462" t="s">
        <v>30540</v>
      </c>
    </row>
    <row r="463" spans="1:9">
      <c r="A463" s="1">
        <f ca="1">RAND()</f>
        <v>0.23788969054085551</v>
      </c>
      <c r="B463" s="1"/>
      <c r="C463">
        <v>3</v>
      </c>
      <c r="D463" t="s">
        <v>1378</v>
      </c>
      <c r="E463" t="s">
        <v>30828</v>
      </c>
      <c r="F463">
        <v>3</v>
      </c>
      <c r="G463" t="s">
        <v>15</v>
      </c>
      <c r="H463" t="s">
        <v>1379</v>
      </c>
      <c r="I463" t="s">
        <v>30540</v>
      </c>
    </row>
    <row r="464" spans="1:9">
      <c r="A464" s="1">
        <f ca="1">RAND()</f>
        <v>0.67701186776506761</v>
      </c>
      <c r="B464" s="1"/>
      <c r="C464">
        <v>1</v>
      </c>
      <c r="D464" t="s">
        <v>1372</v>
      </c>
      <c r="E464" t="s">
        <v>30829</v>
      </c>
      <c r="F464">
        <v>4</v>
      </c>
      <c r="G464" t="s">
        <v>15</v>
      </c>
      <c r="H464" t="s">
        <v>1373</v>
      </c>
      <c r="I464" t="s">
        <v>30540</v>
      </c>
    </row>
    <row r="465" spans="1:9">
      <c r="A465" s="1">
        <f ca="1">RAND()</f>
        <v>0.64246352020708652</v>
      </c>
      <c r="B465" s="1"/>
      <c r="C465">
        <v>2</v>
      </c>
      <c r="D465" t="s">
        <v>1374</v>
      </c>
      <c r="E465" t="s">
        <v>30829</v>
      </c>
      <c r="F465">
        <v>2</v>
      </c>
      <c r="G465" t="s">
        <v>0</v>
      </c>
      <c r="H465" t="s">
        <v>1375</v>
      </c>
      <c r="I465" t="s">
        <v>30540</v>
      </c>
    </row>
    <row r="466" spans="1:9">
      <c r="A466" s="1">
        <f ca="1">RAND()</f>
        <v>0.41205838036743914</v>
      </c>
      <c r="B466" s="1"/>
      <c r="C466">
        <v>1</v>
      </c>
      <c r="D466" t="s">
        <v>1370</v>
      </c>
      <c r="E466" t="s">
        <v>30830</v>
      </c>
      <c r="F466">
        <v>4</v>
      </c>
      <c r="G466" t="s">
        <v>0</v>
      </c>
      <c r="H466" t="s">
        <v>1371</v>
      </c>
      <c r="I466" t="s">
        <v>30540</v>
      </c>
    </row>
    <row r="467" spans="1:9">
      <c r="A467" s="1">
        <f ca="1">RAND()</f>
        <v>0.85625267833860963</v>
      </c>
      <c r="B467" s="1"/>
      <c r="C467">
        <v>4</v>
      </c>
      <c r="D467" t="s">
        <v>1368</v>
      </c>
      <c r="E467" t="s">
        <v>30831</v>
      </c>
      <c r="F467">
        <v>4</v>
      </c>
      <c r="G467" t="s">
        <v>0</v>
      </c>
      <c r="H467" t="s">
        <v>1369</v>
      </c>
      <c r="I467" t="s">
        <v>30540</v>
      </c>
    </row>
    <row r="468" spans="1:9">
      <c r="A468" s="1">
        <f ca="1">RAND()</f>
        <v>0.35987256197598161</v>
      </c>
      <c r="B468" s="1"/>
      <c r="C468">
        <v>5</v>
      </c>
      <c r="D468" t="s">
        <v>1364</v>
      </c>
      <c r="E468" t="s">
        <v>30832</v>
      </c>
      <c r="F468">
        <v>4</v>
      </c>
      <c r="G468" t="s">
        <v>1</v>
      </c>
      <c r="H468" t="s">
        <v>1365</v>
      </c>
      <c r="I468" t="s">
        <v>30540</v>
      </c>
    </row>
    <row r="469" spans="1:9">
      <c r="A469" s="1">
        <f ca="1">RAND()</f>
        <v>0.34825133693181931</v>
      </c>
      <c r="B469" s="1"/>
      <c r="C469">
        <v>3</v>
      </c>
      <c r="D469" t="s">
        <v>1362</v>
      </c>
      <c r="E469" t="s">
        <v>30832</v>
      </c>
      <c r="F469">
        <v>4</v>
      </c>
      <c r="G469" t="s">
        <v>0</v>
      </c>
      <c r="H469" t="s">
        <v>1363</v>
      </c>
      <c r="I469" t="s">
        <v>30540</v>
      </c>
    </row>
    <row r="470" spans="1:9">
      <c r="A470" s="1">
        <f ca="1">RAND()</f>
        <v>0.53071043425703923</v>
      </c>
      <c r="B470" s="1"/>
      <c r="C470">
        <v>6</v>
      </c>
      <c r="D470" t="s">
        <v>1366</v>
      </c>
      <c r="E470" t="s">
        <v>30832</v>
      </c>
      <c r="F470">
        <v>3</v>
      </c>
      <c r="G470" t="s">
        <v>0</v>
      </c>
      <c r="H470" t="s">
        <v>1367</v>
      </c>
      <c r="I470" t="s">
        <v>30540</v>
      </c>
    </row>
    <row r="471" spans="1:9">
      <c r="A471" s="1">
        <f ca="1">RAND()</f>
        <v>0.37937567958066321</v>
      </c>
      <c r="B471" s="1"/>
      <c r="C471">
        <v>2</v>
      </c>
      <c r="D471" t="s">
        <v>1360</v>
      </c>
      <c r="E471" t="s">
        <v>30833</v>
      </c>
      <c r="F471">
        <v>2</v>
      </c>
      <c r="G471" t="s">
        <v>1</v>
      </c>
      <c r="H471" t="s">
        <v>1361</v>
      </c>
      <c r="I471" t="s">
        <v>30540</v>
      </c>
    </row>
    <row r="472" spans="1:9">
      <c r="A472" s="1">
        <f ca="1">RAND()</f>
        <v>0.50681621840717506</v>
      </c>
      <c r="B472" s="1"/>
      <c r="C472">
        <v>1</v>
      </c>
      <c r="D472" t="s">
        <v>1356</v>
      </c>
      <c r="E472" t="s">
        <v>30834</v>
      </c>
      <c r="F472">
        <v>3</v>
      </c>
      <c r="G472" t="s">
        <v>10</v>
      </c>
      <c r="H472" t="s">
        <v>1357</v>
      </c>
      <c r="I472" t="s">
        <v>30540</v>
      </c>
    </row>
    <row r="473" spans="1:9">
      <c r="A473" s="1">
        <f ca="1">RAND()</f>
        <v>0.78590891208024094</v>
      </c>
      <c r="B473" s="1"/>
      <c r="C473">
        <v>3</v>
      </c>
      <c r="D473" t="s">
        <v>1358</v>
      </c>
      <c r="E473" t="s">
        <v>30834</v>
      </c>
      <c r="F473">
        <v>3</v>
      </c>
      <c r="G473" t="s">
        <v>1</v>
      </c>
      <c r="H473" t="s">
        <v>1359</v>
      </c>
      <c r="I473" t="s">
        <v>30540</v>
      </c>
    </row>
    <row r="474" spans="1:9">
      <c r="A474" s="1">
        <f ca="1">RAND()</f>
        <v>0.83487678945033483</v>
      </c>
      <c r="B474" s="1"/>
      <c r="C474">
        <v>1</v>
      </c>
      <c r="D474" t="s">
        <v>1354</v>
      </c>
      <c r="E474" t="s">
        <v>30835</v>
      </c>
      <c r="F474">
        <v>4</v>
      </c>
      <c r="G474" t="s">
        <v>0</v>
      </c>
      <c r="H474" t="s">
        <v>1355</v>
      </c>
      <c r="I474" t="s">
        <v>30540</v>
      </c>
    </row>
    <row r="475" spans="1:9">
      <c r="A475" s="1">
        <f ca="1">RAND()</f>
        <v>4.1313452033813758E-2</v>
      </c>
      <c r="B475" s="1"/>
      <c r="C475">
        <v>2</v>
      </c>
      <c r="D475" t="s">
        <v>1352</v>
      </c>
      <c r="E475" t="s">
        <v>30836</v>
      </c>
      <c r="F475">
        <v>3</v>
      </c>
      <c r="G475" t="s">
        <v>15</v>
      </c>
      <c r="H475" t="s">
        <v>1353</v>
      </c>
      <c r="I475" t="s">
        <v>30540</v>
      </c>
    </row>
    <row r="476" spans="1:9">
      <c r="A476" s="1">
        <f ca="1">RAND()</f>
        <v>0.83350958267297892</v>
      </c>
      <c r="B476" s="1"/>
      <c r="C476">
        <v>3</v>
      </c>
      <c r="D476" t="s">
        <v>1350</v>
      </c>
      <c r="E476" t="s">
        <v>30837</v>
      </c>
      <c r="F476">
        <v>2</v>
      </c>
      <c r="G476" t="s">
        <v>15</v>
      </c>
      <c r="H476" t="s">
        <v>1351</v>
      </c>
      <c r="I476" t="s">
        <v>30540</v>
      </c>
    </row>
    <row r="477" spans="1:9">
      <c r="A477" s="1">
        <f ca="1">RAND()</f>
        <v>0.5451976719174404</v>
      </c>
      <c r="B477" s="1"/>
      <c r="C477">
        <v>2</v>
      </c>
      <c r="D477" t="s">
        <v>1348</v>
      </c>
      <c r="E477" t="s">
        <v>30838</v>
      </c>
      <c r="F477">
        <v>4</v>
      </c>
      <c r="G477" t="s">
        <v>0</v>
      </c>
      <c r="H477" t="s">
        <v>1349</v>
      </c>
      <c r="I477" t="s">
        <v>30540</v>
      </c>
    </row>
    <row r="478" spans="1:9">
      <c r="A478" s="1">
        <f ca="1">RAND()</f>
        <v>0.56263719272523161</v>
      </c>
      <c r="B478" s="1"/>
      <c r="C478">
        <v>2</v>
      </c>
      <c r="D478" t="s">
        <v>1346</v>
      </c>
      <c r="E478" t="s">
        <v>30839</v>
      </c>
      <c r="F478">
        <v>4</v>
      </c>
      <c r="G478" t="s">
        <v>0</v>
      </c>
      <c r="H478" t="s">
        <v>1347</v>
      </c>
      <c r="I478" t="s">
        <v>30540</v>
      </c>
    </row>
    <row r="479" spans="1:9">
      <c r="A479" s="1">
        <f ca="1">RAND()</f>
        <v>0.42131108412754548</v>
      </c>
      <c r="B479" s="1"/>
      <c r="C479">
        <v>4</v>
      </c>
      <c r="D479" t="s">
        <v>1344</v>
      </c>
      <c r="E479" t="s">
        <v>30840</v>
      </c>
      <c r="F479">
        <v>5</v>
      </c>
      <c r="G479" t="s">
        <v>0</v>
      </c>
      <c r="H479" t="s">
        <v>1345</v>
      </c>
      <c r="I479" t="s">
        <v>30540</v>
      </c>
    </row>
    <row r="480" spans="1:9">
      <c r="A480" s="1">
        <f ca="1">RAND()</f>
        <v>1.8466040908610704E-2</v>
      </c>
      <c r="B480" s="1"/>
      <c r="C480">
        <v>3</v>
      </c>
      <c r="D480" t="s">
        <v>1342</v>
      </c>
      <c r="E480" t="s">
        <v>30840</v>
      </c>
      <c r="F480">
        <v>4</v>
      </c>
      <c r="G480" t="s">
        <v>0</v>
      </c>
      <c r="H480" t="s">
        <v>1343</v>
      </c>
      <c r="I480" t="s">
        <v>30540</v>
      </c>
    </row>
    <row r="481" spans="1:9">
      <c r="A481" s="1">
        <f ca="1">RAND()</f>
        <v>0.19134634221377145</v>
      </c>
      <c r="B481" s="1"/>
      <c r="C481">
        <v>2</v>
      </c>
      <c r="D481" t="s">
        <v>1340</v>
      </c>
      <c r="E481" t="s">
        <v>30841</v>
      </c>
      <c r="F481">
        <v>4</v>
      </c>
      <c r="G481" t="s">
        <v>0</v>
      </c>
      <c r="H481" t="s">
        <v>1341</v>
      </c>
      <c r="I481" t="s">
        <v>30540</v>
      </c>
    </row>
    <row r="482" spans="1:9">
      <c r="A482" s="1">
        <f ca="1">RAND()</f>
        <v>0.2994549272456295</v>
      </c>
      <c r="B482" s="1"/>
      <c r="C482">
        <v>1</v>
      </c>
      <c r="D482" t="s">
        <v>1338</v>
      </c>
      <c r="E482" t="s">
        <v>30841</v>
      </c>
      <c r="F482">
        <v>2</v>
      </c>
      <c r="G482" t="s">
        <v>10</v>
      </c>
      <c r="H482" t="s">
        <v>1339</v>
      </c>
      <c r="I482" t="s">
        <v>30540</v>
      </c>
    </row>
    <row r="483" spans="1:9">
      <c r="A483" s="1">
        <f ca="1">RAND()</f>
        <v>0.82953752433235817</v>
      </c>
      <c r="B483" s="1"/>
      <c r="C483">
        <v>1</v>
      </c>
      <c r="D483" t="s">
        <v>1330</v>
      </c>
      <c r="E483" t="s">
        <v>30842</v>
      </c>
      <c r="F483">
        <v>4</v>
      </c>
      <c r="G483" t="s">
        <v>9</v>
      </c>
      <c r="H483" t="s">
        <v>1331</v>
      </c>
      <c r="I483" t="s">
        <v>30540</v>
      </c>
    </row>
    <row r="484" spans="1:9">
      <c r="A484" s="1">
        <f ca="1">RAND()</f>
        <v>0.3817917203500597</v>
      </c>
      <c r="B484" s="1"/>
      <c r="C484">
        <v>3</v>
      </c>
      <c r="D484" t="s">
        <v>1334</v>
      </c>
      <c r="E484" t="s">
        <v>30842</v>
      </c>
      <c r="F484">
        <v>4</v>
      </c>
      <c r="G484" t="s">
        <v>10</v>
      </c>
      <c r="H484" t="s">
        <v>1335</v>
      </c>
      <c r="I484" t="s">
        <v>30540</v>
      </c>
    </row>
    <row r="485" spans="1:9">
      <c r="A485" s="1">
        <f ca="1">RAND()</f>
        <v>0.77315400160278103</v>
      </c>
      <c r="B485" s="1"/>
      <c r="C485">
        <v>4</v>
      </c>
      <c r="D485" t="s">
        <v>1336</v>
      </c>
      <c r="E485" t="s">
        <v>30842</v>
      </c>
      <c r="F485">
        <v>3</v>
      </c>
      <c r="G485" t="s">
        <v>1</v>
      </c>
      <c r="H485" t="s">
        <v>1337</v>
      </c>
      <c r="I485" t="s">
        <v>30540</v>
      </c>
    </row>
    <row r="486" spans="1:9">
      <c r="A486" s="1">
        <f ca="1">RAND()</f>
        <v>6.2425650585153925E-2</v>
      </c>
      <c r="B486" s="1"/>
      <c r="C486">
        <v>2</v>
      </c>
      <c r="D486" t="s">
        <v>1332</v>
      </c>
      <c r="E486" t="s">
        <v>30842</v>
      </c>
      <c r="F486">
        <v>1</v>
      </c>
      <c r="G486" t="s">
        <v>2</v>
      </c>
      <c r="H486" t="s">
        <v>1333</v>
      </c>
      <c r="I486" t="s">
        <v>30540</v>
      </c>
    </row>
    <row r="487" spans="1:9">
      <c r="A487" s="1">
        <f ca="1">RAND()</f>
        <v>0.16293555204902388</v>
      </c>
      <c r="B487" s="1"/>
      <c r="C487">
        <v>3</v>
      </c>
      <c r="D487" t="s">
        <v>1326</v>
      </c>
      <c r="E487" t="s">
        <v>30843</v>
      </c>
      <c r="F487">
        <v>4</v>
      </c>
      <c r="G487" t="s">
        <v>9</v>
      </c>
      <c r="H487" t="s">
        <v>1327</v>
      </c>
      <c r="I487" t="s">
        <v>30540</v>
      </c>
    </row>
    <row r="488" spans="1:9">
      <c r="A488" s="1">
        <f ca="1">RAND()</f>
        <v>0.7922724206144568</v>
      </c>
      <c r="B488" s="1"/>
      <c r="C488">
        <v>5</v>
      </c>
      <c r="D488" t="s">
        <v>1328</v>
      </c>
      <c r="E488" t="s">
        <v>30843</v>
      </c>
      <c r="F488">
        <v>1</v>
      </c>
      <c r="G488" t="s">
        <v>0</v>
      </c>
      <c r="H488" t="s">
        <v>1329</v>
      </c>
      <c r="I488" t="s">
        <v>30540</v>
      </c>
    </row>
    <row r="489" spans="1:9">
      <c r="A489" s="1">
        <f ca="1">RAND()</f>
        <v>0.7077792247870649</v>
      </c>
      <c r="B489" s="1"/>
      <c r="C489">
        <v>2</v>
      </c>
      <c r="D489" t="s">
        <v>1324</v>
      </c>
      <c r="E489" t="s">
        <v>30844</v>
      </c>
      <c r="F489">
        <v>4</v>
      </c>
      <c r="G489" t="s">
        <v>0</v>
      </c>
      <c r="H489" t="s">
        <v>1325</v>
      </c>
      <c r="I489" t="s">
        <v>30540</v>
      </c>
    </row>
    <row r="490" spans="1:9">
      <c r="A490" s="1">
        <f ca="1">RAND()</f>
        <v>3.9172004536140892E-2</v>
      </c>
      <c r="B490" s="1"/>
      <c r="C490">
        <v>3</v>
      </c>
      <c r="D490" t="s">
        <v>1320</v>
      </c>
      <c r="E490" t="s">
        <v>30845</v>
      </c>
      <c r="F490">
        <v>4</v>
      </c>
      <c r="G490" t="s">
        <v>0</v>
      </c>
      <c r="H490" t="s">
        <v>1321</v>
      </c>
      <c r="I490" t="s">
        <v>30540</v>
      </c>
    </row>
    <row r="491" spans="1:9">
      <c r="A491" s="1">
        <f ca="1">RAND()</f>
        <v>0.74697392753641578</v>
      </c>
      <c r="B491" s="1"/>
      <c r="C491">
        <v>4</v>
      </c>
      <c r="D491" t="s">
        <v>1322</v>
      </c>
      <c r="E491" t="s">
        <v>30845</v>
      </c>
      <c r="F491">
        <v>2</v>
      </c>
      <c r="G491" t="s">
        <v>0</v>
      </c>
      <c r="H491" t="s">
        <v>1323</v>
      </c>
      <c r="I491" t="s">
        <v>30540</v>
      </c>
    </row>
    <row r="492" spans="1:9">
      <c r="A492" s="1">
        <f ca="1">RAND()</f>
        <v>0.52854220158511522</v>
      </c>
      <c r="B492" s="1"/>
      <c r="C492">
        <v>1</v>
      </c>
      <c r="D492" t="s">
        <v>1316</v>
      </c>
      <c r="E492" t="s">
        <v>30846</v>
      </c>
      <c r="F492">
        <v>4</v>
      </c>
      <c r="G492" t="s">
        <v>10</v>
      </c>
      <c r="H492" t="s">
        <v>1317</v>
      </c>
      <c r="I492" t="s">
        <v>30540</v>
      </c>
    </row>
    <row r="493" spans="1:9">
      <c r="A493" s="1">
        <f ca="1">RAND()</f>
        <v>4.1309366511745882E-2</v>
      </c>
      <c r="B493" s="1"/>
      <c r="C493">
        <v>2</v>
      </c>
      <c r="D493" t="s">
        <v>1318</v>
      </c>
      <c r="E493" t="s">
        <v>30846</v>
      </c>
      <c r="F493">
        <v>4</v>
      </c>
      <c r="G493" t="s">
        <v>15</v>
      </c>
      <c r="H493" t="s">
        <v>1319</v>
      </c>
      <c r="I493" t="s">
        <v>30540</v>
      </c>
    </row>
    <row r="494" spans="1:9">
      <c r="A494" s="1">
        <f ca="1">RAND()</f>
        <v>0.97003985343961074</v>
      </c>
      <c r="B494" s="1"/>
      <c r="C494">
        <v>2</v>
      </c>
      <c r="D494" t="s">
        <v>1314</v>
      </c>
      <c r="E494" t="s">
        <v>30847</v>
      </c>
      <c r="F494">
        <v>5</v>
      </c>
      <c r="G494" t="s">
        <v>0</v>
      </c>
      <c r="H494" t="s">
        <v>1315</v>
      </c>
      <c r="I494" t="s">
        <v>30540</v>
      </c>
    </row>
    <row r="495" spans="1:9">
      <c r="A495" s="1">
        <f ca="1">RAND()</f>
        <v>0.83151744473543854</v>
      </c>
      <c r="B495" s="1"/>
      <c r="C495">
        <v>3</v>
      </c>
      <c r="D495" t="s">
        <v>1312</v>
      </c>
      <c r="E495" t="s">
        <v>30848</v>
      </c>
      <c r="F495">
        <v>4</v>
      </c>
      <c r="G495" t="s">
        <v>0</v>
      </c>
      <c r="H495" t="s">
        <v>1313</v>
      </c>
      <c r="I495" t="s">
        <v>30540</v>
      </c>
    </row>
    <row r="496" spans="1:9">
      <c r="A496" s="1">
        <f ca="1">RAND()</f>
        <v>0.99567825653034059</v>
      </c>
      <c r="B496" s="1"/>
      <c r="C496">
        <v>2</v>
      </c>
      <c r="D496" t="s">
        <v>1310</v>
      </c>
      <c r="E496" t="s">
        <v>30848</v>
      </c>
      <c r="F496">
        <v>4</v>
      </c>
      <c r="G496" t="s">
        <v>9</v>
      </c>
      <c r="H496" t="s">
        <v>1311</v>
      </c>
      <c r="I496" t="s">
        <v>30540</v>
      </c>
    </row>
    <row r="497" spans="1:9">
      <c r="A497" s="1">
        <f ca="1">RAND()</f>
        <v>0.33671136315758265</v>
      </c>
      <c r="B497" s="1"/>
      <c r="C497">
        <v>2</v>
      </c>
      <c r="D497" t="s">
        <v>1308</v>
      </c>
      <c r="E497" t="s">
        <v>30849</v>
      </c>
      <c r="F497">
        <v>4</v>
      </c>
      <c r="G497" t="s">
        <v>0</v>
      </c>
      <c r="H497" t="s">
        <v>1309</v>
      </c>
      <c r="I497" t="s">
        <v>30540</v>
      </c>
    </row>
    <row r="498" spans="1:9">
      <c r="A498" s="1">
        <f ca="1">RAND()</f>
        <v>0.15454988556057392</v>
      </c>
      <c r="B498" s="1"/>
      <c r="C498">
        <v>1</v>
      </c>
      <c r="D498" t="s">
        <v>1302</v>
      </c>
      <c r="E498" t="s">
        <v>30850</v>
      </c>
      <c r="F498">
        <v>4</v>
      </c>
      <c r="G498" t="s">
        <v>9</v>
      </c>
      <c r="H498" t="s">
        <v>1303</v>
      </c>
      <c r="I498" t="s">
        <v>30540</v>
      </c>
    </row>
    <row r="499" spans="1:9">
      <c r="A499" s="1">
        <f ca="1">RAND()</f>
        <v>0.63695339464883916</v>
      </c>
      <c r="B499" s="1"/>
      <c r="C499">
        <v>7</v>
      </c>
      <c r="D499" t="s">
        <v>1306</v>
      </c>
      <c r="E499" t="s">
        <v>30850</v>
      </c>
      <c r="F499">
        <v>4</v>
      </c>
      <c r="G499" t="s">
        <v>9</v>
      </c>
      <c r="H499" t="s">
        <v>1307</v>
      </c>
      <c r="I499" t="s">
        <v>30540</v>
      </c>
    </row>
    <row r="500" spans="1:9">
      <c r="A500" s="1">
        <f ca="1">RAND()</f>
        <v>0.20712404580205657</v>
      </c>
      <c r="B500" s="1"/>
      <c r="C500">
        <v>4</v>
      </c>
      <c r="D500" t="s">
        <v>1304</v>
      </c>
      <c r="E500" t="s">
        <v>30850</v>
      </c>
      <c r="F500">
        <v>4</v>
      </c>
      <c r="G500" t="s">
        <v>14</v>
      </c>
      <c r="H500" t="s">
        <v>1305</v>
      </c>
      <c r="I500" t="s">
        <v>30540</v>
      </c>
    </row>
    <row r="501" spans="1:9">
      <c r="A501" s="1">
        <f ca="1">RAND()</f>
        <v>0.53041629745769336</v>
      </c>
      <c r="B501" s="1"/>
      <c r="C501">
        <v>6</v>
      </c>
      <c r="D501" t="s">
        <v>1300</v>
      </c>
      <c r="E501" t="s">
        <v>30851</v>
      </c>
      <c r="F501">
        <v>4</v>
      </c>
      <c r="G501" t="s">
        <v>9</v>
      </c>
      <c r="H501" t="s">
        <v>1301</v>
      </c>
      <c r="I501" t="s">
        <v>30540</v>
      </c>
    </row>
    <row r="502" spans="1:9">
      <c r="A502" s="1">
        <f ca="1">RAND()</f>
        <v>0.98658909586657251</v>
      </c>
      <c r="B502" s="1"/>
      <c r="C502">
        <v>3</v>
      </c>
      <c r="D502" t="s">
        <v>1298</v>
      </c>
      <c r="E502" t="s">
        <v>30851</v>
      </c>
      <c r="F502">
        <v>2</v>
      </c>
      <c r="G502" t="s">
        <v>9</v>
      </c>
      <c r="H502" t="s">
        <v>1299</v>
      </c>
      <c r="I502" t="s">
        <v>30540</v>
      </c>
    </row>
    <row r="503" spans="1:9">
      <c r="A503" s="1">
        <f ca="1">RAND()</f>
        <v>0.40634039459068583</v>
      </c>
      <c r="B503" s="1"/>
      <c r="C503">
        <v>1</v>
      </c>
      <c r="D503" t="s">
        <v>1296</v>
      </c>
      <c r="E503" t="s">
        <v>30852</v>
      </c>
      <c r="F503">
        <v>2</v>
      </c>
      <c r="G503" t="s">
        <v>2</v>
      </c>
      <c r="H503" t="s">
        <v>1297</v>
      </c>
      <c r="I503" t="s">
        <v>30540</v>
      </c>
    </row>
    <row r="504" spans="1:9">
      <c r="A504" s="1">
        <f ca="1">RAND()</f>
        <v>0.88343168149481566</v>
      </c>
      <c r="B504" s="1"/>
      <c r="C504">
        <v>2</v>
      </c>
      <c r="D504" t="s">
        <v>1293</v>
      </c>
      <c r="E504" t="s">
        <v>30853</v>
      </c>
      <c r="F504">
        <v>4</v>
      </c>
      <c r="G504" t="s">
        <v>0</v>
      </c>
      <c r="H504" t="s">
        <v>1294</v>
      </c>
      <c r="I504" t="s">
        <v>30540</v>
      </c>
    </row>
    <row r="505" spans="1:9">
      <c r="A505" s="1">
        <f ca="1">RAND()</f>
        <v>0.43224602039402737</v>
      </c>
      <c r="B505" s="1"/>
      <c r="C505">
        <v>4</v>
      </c>
      <c r="D505" t="s">
        <v>1289</v>
      </c>
      <c r="E505" t="s">
        <v>30854</v>
      </c>
      <c r="F505">
        <v>4</v>
      </c>
      <c r="G505" t="s">
        <v>10</v>
      </c>
      <c r="H505" t="s">
        <v>1290</v>
      </c>
      <c r="I505" t="s">
        <v>30540</v>
      </c>
    </row>
    <row r="506" spans="1:9">
      <c r="A506" s="1">
        <f ca="1">RAND()</f>
        <v>0.63271274410876743</v>
      </c>
      <c r="B506" s="1"/>
      <c r="C506">
        <v>7</v>
      </c>
      <c r="D506" t="s">
        <v>1291</v>
      </c>
      <c r="E506" t="s">
        <v>30854</v>
      </c>
      <c r="F506">
        <v>4</v>
      </c>
      <c r="G506" t="s">
        <v>0</v>
      </c>
      <c r="H506" t="s">
        <v>1292</v>
      </c>
      <c r="I506" t="s">
        <v>30540</v>
      </c>
    </row>
    <row r="507" spans="1:9">
      <c r="A507" s="1">
        <f ca="1">RAND()</f>
        <v>0.14021388266788049</v>
      </c>
      <c r="B507" s="1"/>
      <c r="C507">
        <v>2</v>
      </c>
      <c r="D507" t="s">
        <v>1287</v>
      </c>
      <c r="E507" t="s">
        <v>30855</v>
      </c>
      <c r="F507">
        <v>4</v>
      </c>
      <c r="G507" t="s">
        <v>15</v>
      </c>
      <c r="H507" t="s">
        <v>1288</v>
      </c>
      <c r="I507" t="s">
        <v>30540</v>
      </c>
    </row>
    <row r="508" spans="1:9">
      <c r="A508" s="1">
        <f ca="1">RAND()</f>
        <v>2.2601377716296112E-2</v>
      </c>
      <c r="B508" s="1"/>
      <c r="C508">
        <v>2</v>
      </c>
      <c r="D508" t="s">
        <v>1285</v>
      </c>
      <c r="E508" t="s">
        <v>30856</v>
      </c>
      <c r="F508">
        <v>5</v>
      </c>
      <c r="G508" t="s">
        <v>0</v>
      </c>
      <c r="H508" t="s">
        <v>1286</v>
      </c>
      <c r="I508" t="s">
        <v>30540</v>
      </c>
    </row>
    <row r="509" spans="1:9">
      <c r="A509" s="1">
        <f ca="1">RAND()</f>
        <v>0.17437438839273922</v>
      </c>
      <c r="B509" s="1"/>
      <c r="C509">
        <v>9</v>
      </c>
      <c r="D509" t="s">
        <v>1283</v>
      </c>
      <c r="E509" t="s">
        <v>30857</v>
      </c>
      <c r="F509">
        <v>5</v>
      </c>
      <c r="G509" t="s">
        <v>0</v>
      </c>
      <c r="H509" t="s">
        <v>1284</v>
      </c>
      <c r="I509" t="s">
        <v>30540</v>
      </c>
    </row>
    <row r="510" spans="1:9">
      <c r="A510" s="1">
        <f ca="1">RAND()</f>
        <v>0.36491845679162283</v>
      </c>
      <c r="B510" s="1"/>
      <c r="C510">
        <v>2</v>
      </c>
      <c r="D510" t="s">
        <v>1279</v>
      </c>
      <c r="E510" t="s">
        <v>30857</v>
      </c>
      <c r="F510">
        <v>4</v>
      </c>
      <c r="G510" t="s">
        <v>10</v>
      </c>
      <c r="H510" t="s">
        <v>1280</v>
      </c>
      <c r="I510" t="s">
        <v>30540</v>
      </c>
    </row>
    <row r="511" spans="1:9">
      <c r="A511" s="1">
        <f ca="1">RAND()</f>
        <v>5.0139149298375041E-2</v>
      </c>
      <c r="B511" s="1"/>
      <c r="C511">
        <v>5</v>
      </c>
      <c r="D511" t="s">
        <v>1281</v>
      </c>
      <c r="E511" t="s">
        <v>30857</v>
      </c>
      <c r="F511">
        <v>4</v>
      </c>
      <c r="G511" t="s">
        <v>9</v>
      </c>
      <c r="H511" t="s">
        <v>1282</v>
      </c>
      <c r="I511" t="s">
        <v>30540</v>
      </c>
    </row>
    <row r="512" spans="1:9">
      <c r="A512" s="1">
        <f ca="1">RAND()</f>
        <v>0.2453256882435203</v>
      </c>
      <c r="B512" s="1"/>
      <c r="C512">
        <v>4</v>
      </c>
      <c r="D512" t="s">
        <v>1277</v>
      </c>
      <c r="E512" t="s">
        <v>30858</v>
      </c>
      <c r="F512">
        <v>4</v>
      </c>
      <c r="G512" t="s">
        <v>0</v>
      </c>
      <c r="H512" t="s">
        <v>1278</v>
      </c>
      <c r="I512" t="s">
        <v>30540</v>
      </c>
    </row>
    <row r="513" spans="1:9">
      <c r="A513" s="1">
        <f ca="1">RAND()</f>
        <v>0.52236985883073983</v>
      </c>
      <c r="B513" s="1"/>
      <c r="C513">
        <v>2</v>
      </c>
      <c r="D513" t="s">
        <v>1275</v>
      </c>
      <c r="E513" t="s">
        <v>30859</v>
      </c>
      <c r="F513">
        <v>5</v>
      </c>
      <c r="G513" t="s">
        <v>0</v>
      </c>
      <c r="H513" t="s">
        <v>1276</v>
      </c>
      <c r="I513" t="s">
        <v>30540</v>
      </c>
    </row>
    <row r="514" spans="1:9">
      <c r="A514" s="1">
        <f ca="1">RAND()</f>
        <v>0.93862523741569814</v>
      </c>
      <c r="B514" s="1"/>
      <c r="C514">
        <v>1</v>
      </c>
      <c r="D514" t="s">
        <v>1271</v>
      </c>
      <c r="E514" t="s">
        <v>30860</v>
      </c>
      <c r="F514">
        <v>5</v>
      </c>
      <c r="G514" t="s">
        <v>10</v>
      </c>
      <c r="H514" t="s">
        <v>1272</v>
      </c>
      <c r="I514" t="s">
        <v>30540</v>
      </c>
    </row>
    <row r="515" spans="1:9">
      <c r="A515" s="1">
        <f ca="1">RAND()</f>
        <v>0.20043464013743795</v>
      </c>
      <c r="B515" s="1"/>
      <c r="C515">
        <v>6</v>
      </c>
      <c r="D515" t="s">
        <v>1273</v>
      </c>
      <c r="E515" t="s">
        <v>30860</v>
      </c>
      <c r="F515">
        <v>4</v>
      </c>
      <c r="G515" t="s">
        <v>0</v>
      </c>
      <c r="H515" t="s">
        <v>1274</v>
      </c>
      <c r="I515" t="s">
        <v>30540</v>
      </c>
    </row>
    <row r="516" spans="1:9">
      <c r="A516" s="1">
        <f ca="1">RAND()</f>
        <v>0.52981659379869273</v>
      </c>
      <c r="B516" s="1"/>
      <c r="C516">
        <v>2</v>
      </c>
      <c r="D516" t="s">
        <v>1269</v>
      </c>
      <c r="E516" t="s">
        <v>30861</v>
      </c>
      <c r="F516">
        <v>4</v>
      </c>
      <c r="G516" t="s">
        <v>1</v>
      </c>
      <c r="H516" t="s">
        <v>1270</v>
      </c>
      <c r="I516" t="s">
        <v>30540</v>
      </c>
    </row>
    <row r="517" spans="1:9">
      <c r="A517" s="1">
        <f ca="1">RAND()</f>
        <v>0.22397215103175871</v>
      </c>
      <c r="B517" s="1"/>
      <c r="C517">
        <v>1</v>
      </c>
      <c r="D517" t="s">
        <v>1267</v>
      </c>
      <c r="E517" t="s">
        <v>30861</v>
      </c>
      <c r="F517">
        <v>4</v>
      </c>
      <c r="G517" t="s">
        <v>15</v>
      </c>
      <c r="H517" t="s">
        <v>1268</v>
      </c>
      <c r="I517" t="s">
        <v>30540</v>
      </c>
    </row>
    <row r="518" spans="1:9">
      <c r="A518" s="1">
        <f ca="1">RAND()</f>
        <v>0.56761904359853055</v>
      </c>
      <c r="B518" s="1"/>
      <c r="C518">
        <v>5</v>
      </c>
      <c r="D518" t="s">
        <v>1265</v>
      </c>
      <c r="E518" t="s">
        <v>30862</v>
      </c>
      <c r="F518">
        <v>4</v>
      </c>
      <c r="G518" t="s">
        <v>1</v>
      </c>
      <c r="H518" t="s">
        <v>1266</v>
      </c>
      <c r="I518" t="s">
        <v>30540</v>
      </c>
    </row>
    <row r="519" spans="1:9">
      <c r="A519" s="1">
        <f ca="1">RAND()</f>
        <v>0.73895749996663995</v>
      </c>
      <c r="B519" s="1"/>
      <c r="C519">
        <v>6</v>
      </c>
      <c r="D519" t="s">
        <v>1263</v>
      </c>
      <c r="E519" t="s">
        <v>30863</v>
      </c>
      <c r="F519">
        <v>4</v>
      </c>
      <c r="G519" t="s">
        <v>9</v>
      </c>
      <c r="H519" t="s">
        <v>1264</v>
      </c>
      <c r="I519" t="s">
        <v>30540</v>
      </c>
    </row>
    <row r="520" spans="1:9">
      <c r="A520" s="1">
        <f ca="1">RAND()</f>
        <v>0.10267271017978552</v>
      </c>
      <c r="B520" s="1"/>
      <c r="C520">
        <v>1</v>
      </c>
      <c r="D520" t="s">
        <v>1257</v>
      </c>
      <c r="E520" t="s">
        <v>30863</v>
      </c>
      <c r="F520">
        <v>4</v>
      </c>
      <c r="G520" t="s">
        <v>15</v>
      </c>
      <c r="H520" t="s">
        <v>1258</v>
      </c>
      <c r="I520" t="s">
        <v>30540</v>
      </c>
    </row>
    <row r="521" spans="1:9">
      <c r="A521" s="1">
        <f ca="1">RAND()</f>
        <v>0.82955479642490526</v>
      </c>
      <c r="B521" s="1"/>
      <c r="C521">
        <v>3</v>
      </c>
      <c r="D521" t="s">
        <v>1259</v>
      </c>
      <c r="E521" t="s">
        <v>30863</v>
      </c>
      <c r="F521">
        <v>4</v>
      </c>
      <c r="G521" t="s">
        <v>15</v>
      </c>
      <c r="H521" t="s">
        <v>1260</v>
      </c>
      <c r="I521" t="s">
        <v>30540</v>
      </c>
    </row>
    <row r="522" spans="1:9">
      <c r="A522" s="1">
        <f ca="1">RAND()</f>
        <v>0.85572434210592685</v>
      </c>
      <c r="B522" s="1"/>
      <c r="C522">
        <v>5</v>
      </c>
      <c r="D522" t="s">
        <v>1261</v>
      </c>
      <c r="E522" t="s">
        <v>30863</v>
      </c>
      <c r="F522">
        <v>4</v>
      </c>
      <c r="G522" t="s">
        <v>0</v>
      </c>
      <c r="H522" t="s">
        <v>1262</v>
      </c>
      <c r="I522" t="s">
        <v>30540</v>
      </c>
    </row>
    <row r="523" spans="1:9">
      <c r="A523" s="1">
        <f ca="1">RAND()</f>
        <v>0.63733210952950803</v>
      </c>
      <c r="B523" s="1"/>
      <c r="C523">
        <v>1</v>
      </c>
      <c r="D523" t="s">
        <v>1255</v>
      </c>
      <c r="E523" t="s">
        <v>30864</v>
      </c>
      <c r="F523">
        <v>5</v>
      </c>
      <c r="G523" t="s">
        <v>0</v>
      </c>
      <c r="H523" t="s">
        <v>1256</v>
      </c>
      <c r="I523" t="s">
        <v>30540</v>
      </c>
    </row>
    <row r="524" spans="1:9">
      <c r="A524" s="1">
        <f ca="1">RAND()</f>
        <v>0.35983554725851374</v>
      </c>
      <c r="B524" s="1"/>
      <c r="C524">
        <v>1</v>
      </c>
      <c r="D524" t="s">
        <v>1253</v>
      </c>
      <c r="E524" t="s">
        <v>30865</v>
      </c>
      <c r="F524">
        <v>4</v>
      </c>
      <c r="G524" t="s">
        <v>0</v>
      </c>
      <c r="H524" t="s">
        <v>1254</v>
      </c>
      <c r="I524" t="s">
        <v>30540</v>
      </c>
    </row>
    <row r="525" spans="1:9">
      <c r="A525" s="1">
        <f ca="1">RAND()</f>
        <v>0.33990207641677939</v>
      </c>
      <c r="B525" s="1"/>
      <c r="C525">
        <v>2</v>
      </c>
      <c r="D525" t="s">
        <v>1249</v>
      </c>
      <c r="E525" t="s">
        <v>30866</v>
      </c>
      <c r="F525">
        <v>4</v>
      </c>
      <c r="G525" t="s">
        <v>13</v>
      </c>
      <c r="H525" t="s">
        <v>1250</v>
      </c>
      <c r="I525" t="s">
        <v>30540</v>
      </c>
    </row>
    <row r="526" spans="1:9">
      <c r="A526" s="1">
        <f ca="1">RAND()</f>
        <v>0.92377814205353415</v>
      </c>
      <c r="B526" s="1"/>
      <c r="C526">
        <v>4</v>
      </c>
      <c r="D526" t="s">
        <v>1251</v>
      </c>
      <c r="E526" t="s">
        <v>30866</v>
      </c>
      <c r="F526">
        <v>4</v>
      </c>
      <c r="G526" t="s">
        <v>9</v>
      </c>
      <c r="H526" t="s">
        <v>1252</v>
      </c>
      <c r="I526" t="s">
        <v>30540</v>
      </c>
    </row>
    <row r="527" spans="1:9">
      <c r="A527" s="1">
        <f ca="1">RAND()</f>
        <v>2.4909768208849492E-3</v>
      </c>
      <c r="B527" s="1"/>
      <c r="C527">
        <v>2</v>
      </c>
      <c r="D527" t="s">
        <v>1245</v>
      </c>
      <c r="E527" t="s">
        <v>30867</v>
      </c>
      <c r="F527">
        <v>4</v>
      </c>
      <c r="G527" t="s">
        <v>0</v>
      </c>
      <c r="H527" t="s">
        <v>1246</v>
      </c>
      <c r="I527" t="s">
        <v>30540</v>
      </c>
    </row>
    <row r="528" spans="1:9">
      <c r="A528" s="1">
        <f ca="1">RAND()</f>
        <v>0.56478392556100232</v>
      </c>
      <c r="B528" s="1"/>
      <c r="C528">
        <v>1</v>
      </c>
      <c r="D528" t="s">
        <v>1243</v>
      </c>
      <c r="E528" t="s">
        <v>30867</v>
      </c>
      <c r="F528">
        <v>4</v>
      </c>
      <c r="G528" t="s">
        <v>0</v>
      </c>
      <c r="H528" t="s">
        <v>1244</v>
      </c>
      <c r="I528" t="s">
        <v>30540</v>
      </c>
    </row>
    <row r="529" spans="1:9">
      <c r="A529" s="1">
        <f ca="1">RAND()</f>
        <v>0.65758774028454636</v>
      </c>
      <c r="B529" s="1"/>
      <c r="C529">
        <v>4</v>
      </c>
      <c r="D529" t="s">
        <v>1247</v>
      </c>
      <c r="E529" t="s">
        <v>30867</v>
      </c>
      <c r="F529">
        <v>2</v>
      </c>
      <c r="G529" t="s">
        <v>15</v>
      </c>
      <c r="H529" t="s">
        <v>1248</v>
      </c>
      <c r="I529" t="s">
        <v>30540</v>
      </c>
    </row>
    <row r="530" spans="1:9">
      <c r="A530" s="1">
        <f ca="1">RAND()</f>
        <v>0.5995152316920731</v>
      </c>
      <c r="B530" s="1"/>
      <c r="C530">
        <v>4</v>
      </c>
      <c r="D530" t="s">
        <v>1239</v>
      </c>
      <c r="E530" t="s">
        <v>30868</v>
      </c>
      <c r="F530">
        <v>4</v>
      </c>
      <c r="G530" t="s">
        <v>0</v>
      </c>
      <c r="H530" t="s">
        <v>1240</v>
      </c>
      <c r="I530" t="s">
        <v>30540</v>
      </c>
    </row>
    <row r="531" spans="1:9">
      <c r="A531" s="1">
        <f ca="1">RAND()</f>
        <v>0.98610632081206984</v>
      </c>
      <c r="B531" s="1"/>
      <c r="C531">
        <v>5</v>
      </c>
      <c r="D531" t="s">
        <v>1241</v>
      </c>
      <c r="E531" t="s">
        <v>30868</v>
      </c>
      <c r="F531">
        <v>4</v>
      </c>
      <c r="G531" t="s">
        <v>0</v>
      </c>
      <c r="H531" t="s">
        <v>1242</v>
      </c>
      <c r="I531" t="s">
        <v>30540</v>
      </c>
    </row>
    <row r="532" spans="1:9">
      <c r="A532" s="1">
        <f ca="1">RAND()</f>
        <v>0.44300115159419251</v>
      </c>
      <c r="B532" s="1"/>
      <c r="C532">
        <v>1</v>
      </c>
      <c r="D532" t="s">
        <v>1235</v>
      </c>
      <c r="E532" t="s">
        <v>30868</v>
      </c>
      <c r="F532">
        <v>4</v>
      </c>
      <c r="G532" t="s">
        <v>10</v>
      </c>
      <c r="H532" t="s">
        <v>1236</v>
      </c>
      <c r="I532" t="s">
        <v>30540</v>
      </c>
    </row>
    <row r="533" spans="1:9">
      <c r="A533" s="1">
        <f ca="1">RAND()</f>
        <v>0.47667903570381642</v>
      </c>
      <c r="B533" s="1"/>
      <c r="C533">
        <v>2</v>
      </c>
      <c r="D533" t="s">
        <v>1237</v>
      </c>
      <c r="E533" t="s">
        <v>30868</v>
      </c>
      <c r="F533">
        <v>4</v>
      </c>
      <c r="G533" t="s">
        <v>1</v>
      </c>
      <c r="H533" t="s">
        <v>1238</v>
      </c>
      <c r="I533" t="s">
        <v>30540</v>
      </c>
    </row>
    <row r="534" spans="1:9">
      <c r="A534" s="1">
        <f ca="1">RAND()</f>
        <v>6.897789748880423E-2</v>
      </c>
      <c r="B534" s="1"/>
      <c r="C534">
        <v>2</v>
      </c>
      <c r="D534" t="s">
        <v>1233</v>
      </c>
      <c r="E534" t="s">
        <v>30869</v>
      </c>
      <c r="F534">
        <v>5</v>
      </c>
      <c r="G534" t="s">
        <v>0</v>
      </c>
      <c r="H534" t="s">
        <v>1234</v>
      </c>
      <c r="I534" t="s">
        <v>30540</v>
      </c>
    </row>
    <row r="535" spans="1:9">
      <c r="A535" s="1">
        <f ca="1">RAND()</f>
        <v>0.21825042125360261</v>
      </c>
      <c r="B535" s="1"/>
      <c r="C535">
        <v>1</v>
      </c>
      <c r="D535" t="s">
        <v>1231</v>
      </c>
      <c r="E535" t="s">
        <v>30870</v>
      </c>
      <c r="F535">
        <v>4</v>
      </c>
      <c r="G535" t="s">
        <v>0</v>
      </c>
      <c r="H535" t="s">
        <v>1232</v>
      </c>
      <c r="I535" t="s">
        <v>30540</v>
      </c>
    </row>
    <row r="536" spans="1:9">
      <c r="A536" s="1">
        <f ca="1">RAND()</f>
        <v>0.45686313124119826</v>
      </c>
      <c r="B536" s="1"/>
      <c r="C536">
        <v>4</v>
      </c>
      <c r="D536" t="s">
        <v>1229</v>
      </c>
      <c r="E536" t="s">
        <v>30871</v>
      </c>
      <c r="F536">
        <v>4</v>
      </c>
      <c r="G536" t="s">
        <v>1</v>
      </c>
      <c r="H536" t="s">
        <v>1230</v>
      </c>
      <c r="I536" t="s">
        <v>30540</v>
      </c>
    </row>
    <row r="537" spans="1:9">
      <c r="A537" s="1">
        <f ca="1">RAND()</f>
        <v>0.71346238569436859</v>
      </c>
      <c r="B537" s="1"/>
      <c r="C537">
        <v>3</v>
      </c>
      <c r="D537" t="s">
        <v>1227</v>
      </c>
      <c r="E537" t="s">
        <v>30872</v>
      </c>
      <c r="F537">
        <v>5</v>
      </c>
      <c r="G537" t="s">
        <v>15</v>
      </c>
      <c r="H537" t="s">
        <v>1228</v>
      </c>
      <c r="I537" t="s">
        <v>30540</v>
      </c>
    </row>
    <row r="538" spans="1:9">
      <c r="A538" s="1">
        <f ca="1">RAND()</f>
        <v>0.95427779171342542</v>
      </c>
      <c r="B538" s="1"/>
      <c r="C538">
        <v>3</v>
      </c>
      <c r="D538" t="s">
        <v>1225</v>
      </c>
      <c r="E538" t="s">
        <v>30873</v>
      </c>
      <c r="F538">
        <v>4</v>
      </c>
      <c r="G538" t="s">
        <v>0</v>
      </c>
      <c r="H538" t="s">
        <v>1226</v>
      </c>
      <c r="I538" t="s">
        <v>30540</v>
      </c>
    </row>
    <row r="539" spans="1:9">
      <c r="A539" s="1">
        <f ca="1">RAND()</f>
        <v>0.78835599457134142</v>
      </c>
      <c r="B539" s="1"/>
      <c r="C539">
        <v>10</v>
      </c>
      <c r="D539" t="s">
        <v>1223</v>
      </c>
      <c r="E539" t="s">
        <v>30874</v>
      </c>
      <c r="F539">
        <v>5</v>
      </c>
      <c r="G539" t="s">
        <v>0</v>
      </c>
      <c r="H539" t="s">
        <v>1224</v>
      </c>
      <c r="I539" t="s">
        <v>30540</v>
      </c>
    </row>
    <row r="540" spans="1:9">
      <c r="A540" s="1">
        <f ca="1">RAND()</f>
        <v>0.17070673652394386</v>
      </c>
      <c r="B540" s="1"/>
      <c r="C540">
        <v>1</v>
      </c>
      <c r="D540" t="s">
        <v>1215</v>
      </c>
      <c r="E540" t="s">
        <v>30874</v>
      </c>
      <c r="F540">
        <v>4</v>
      </c>
      <c r="G540" t="s">
        <v>2</v>
      </c>
      <c r="H540" t="s">
        <v>1216</v>
      </c>
      <c r="I540" t="s">
        <v>30540</v>
      </c>
    </row>
    <row r="541" spans="1:9">
      <c r="A541" s="1">
        <f ca="1">RAND()</f>
        <v>0.96703510300179285</v>
      </c>
      <c r="B541" s="1"/>
      <c r="C541">
        <v>4</v>
      </c>
      <c r="D541" t="s">
        <v>1217</v>
      </c>
      <c r="E541" t="s">
        <v>30874</v>
      </c>
      <c r="F541">
        <v>4</v>
      </c>
      <c r="G541" t="s">
        <v>9</v>
      </c>
      <c r="H541" t="s">
        <v>1218</v>
      </c>
      <c r="I541" t="s">
        <v>30540</v>
      </c>
    </row>
    <row r="542" spans="1:9">
      <c r="A542" s="1">
        <f ca="1">RAND()</f>
        <v>0.62122639513181432</v>
      </c>
      <c r="B542" s="1"/>
      <c r="C542">
        <v>8</v>
      </c>
      <c r="D542" t="s">
        <v>1219</v>
      </c>
      <c r="E542" t="s">
        <v>30874</v>
      </c>
      <c r="F542">
        <v>4</v>
      </c>
      <c r="G542" t="s">
        <v>9</v>
      </c>
      <c r="H542" t="s">
        <v>1220</v>
      </c>
      <c r="I542" t="s">
        <v>30540</v>
      </c>
    </row>
    <row r="543" spans="1:9">
      <c r="A543" s="1">
        <f ca="1">RAND()</f>
        <v>0.2376969995287157</v>
      </c>
      <c r="B543" s="1"/>
      <c r="C543">
        <v>9</v>
      </c>
      <c r="D543" t="s">
        <v>1221</v>
      </c>
      <c r="E543" t="s">
        <v>30874</v>
      </c>
      <c r="F543">
        <v>4</v>
      </c>
      <c r="G543" t="s">
        <v>9</v>
      </c>
      <c r="H543" t="s">
        <v>1222</v>
      </c>
      <c r="I543" t="s">
        <v>30540</v>
      </c>
    </row>
    <row r="544" spans="1:9">
      <c r="A544" s="1">
        <f ca="1">RAND()</f>
        <v>0.31398377727066629</v>
      </c>
      <c r="B544" s="1"/>
      <c r="C544">
        <v>2</v>
      </c>
      <c r="D544" t="s">
        <v>1213</v>
      </c>
      <c r="E544" t="s">
        <v>30875</v>
      </c>
      <c r="F544">
        <v>4</v>
      </c>
      <c r="G544" t="s">
        <v>1</v>
      </c>
      <c r="H544" t="s">
        <v>1214</v>
      </c>
      <c r="I544" t="s">
        <v>30540</v>
      </c>
    </row>
    <row r="545" spans="1:9">
      <c r="A545" s="1">
        <f ca="1">RAND()</f>
        <v>0.63080224865125167</v>
      </c>
      <c r="B545" s="1"/>
      <c r="C545">
        <v>4</v>
      </c>
      <c r="D545" t="s">
        <v>1211</v>
      </c>
      <c r="E545" t="s">
        <v>30876</v>
      </c>
      <c r="F545">
        <v>4</v>
      </c>
      <c r="G545" t="s">
        <v>0</v>
      </c>
      <c r="H545" t="s">
        <v>1212</v>
      </c>
      <c r="I545" t="s">
        <v>30540</v>
      </c>
    </row>
    <row r="546" spans="1:9">
      <c r="A546" s="1">
        <f ca="1">RAND()</f>
        <v>0.67993025045849653</v>
      </c>
      <c r="B546" s="1"/>
      <c r="C546">
        <v>2</v>
      </c>
      <c r="D546" t="s">
        <v>1203</v>
      </c>
      <c r="E546" t="s">
        <v>30877</v>
      </c>
      <c r="F546">
        <v>4</v>
      </c>
      <c r="G546" t="s">
        <v>0</v>
      </c>
      <c r="H546" t="s">
        <v>1204</v>
      </c>
      <c r="I546" t="s">
        <v>30540</v>
      </c>
    </row>
    <row r="547" spans="1:9">
      <c r="A547" s="1">
        <f ca="1">RAND()</f>
        <v>0.74210175381039067</v>
      </c>
      <c r="B547" s="1"/>
      <c r="C547">
        <v>5</v>
      </c>
      <c r="D547" t="s">
        <v>1209</v>
      </c>
      <c r="E547" t="s">
        <v>30877</v>
      </c>
      <c r="F547">
        <v>4</v>
      </c>
      <c r="G547" t="s">
        <v>1</v>
      </c>
      <c r="H547" t="s">
        <v>1210</v>
      </c>
      <c r="I547" t="s">
        <v>30540</v>
      </c>
    </row>
    <row r="548" spans="1:9">
      <c r="A548" s="1">
        <f ca="1">RAND()</f>
        <v>0.75202629093360884</v>
      </c>
      <c r="B548" s="1"/>
      <c r="C548">
        <v>1</v>
      </c>
      <c r="D548" t="s">
        <v>1201</v>
      </c>
      <c r="E548" t="s">
        <v>30877</v>
      </c>
      <c r="F548">
        <v>4</v>
      </c>
      <c r="G548" t="s">
        <v>10</v>
      </c>
      <c r="H548" t="s">
        <v>1202</v>
      </c>
      <c r="I548" t="s">
        <v>30540</v>
      </c>
    </row>
    <row r="549" spans="1:9">
      <c r="A549" s="1">
        <f ca="1">RAND()</f>
        <v>0.38165918363785656</v>
      </c>
      <c r="B549" s="1"/>
      <c r="C549">
        <v>4</v>
      </c>
      <c r="D549" t="s">
        <v>1207</v>
      </c>
      <c r="E549" t="s">
        <v>30877</v>
      </c>
      <c r="F549">
        <v>4</v>
      </c>
      <c r="G549" t="s">
        <v>0</v>
      </c>
      <c r="H549" t="s">
        <v>1208</v>
      </c>
      <c r="I549" t="s">
        <v>30540</v>
      </c>
    </row>
    <row r="550" spans="1:9">
      <c r="A550" s="1">
        <f ca="1">RAND()</f>
        <v>0.82403244576602319</v>
      </c>
      <c r="B550" s="1"/>
      <c r="C550">
        <v>3</v>
      </c>
      <c r="D550" t="s">
        <v>1205</v>
      </c>
      <c r="E550" t="s">
        <v>30877</v>
      </c>
      <c r="F550">
        <v>4</v>
      </c>
      <c r="G550" t="s">
        <v>13</v>
      </c>
      <c r="H550" t="s">
        <v>1206</v>
      </c>
      <c r="I550" t="s">
        <v>30540</v>
      </c>
    </row>
    <row r="551" spans="1:9">
      <c r="A551" s="1">
        <f ca="1">RAND()</f>
        <v>0.80455319930786728</v>
      </c>
      <c r="B551" s="1"/>
      <c r="C551">
        <v>4</v>
      </c>
      <c r="D551" t="s">
        <v>1199</v>
      </c>
      <c r="E551" t="s">
        <v>30878</v>
      </c>
      <c r="F551">
        <v>4</v>
      </c>
      <c r="G551" t="s">
        <v>0</v>
      </c>
      <c r="H551" t="s">
        <v>1200</v>
      </c>
      <c r="I551" t="s">
        <v>30540</v>
      </c>
    </row>
    <row r="552" spans="1:9">
      <c r="A552" s="1">
        <f ca="1">RAND()</f>
        <v>0.55284788584264122</v>
      </c>
      <c r="B552" s="1"/>
      <c r="C552">
        <v>1</v>
      </c>
      <c r="D552" t="s">
        <v>1197</v>
      </c>
      <c r="E552" t="s">
        <v>30878</v>
      </c>
      <c r="F552">
        <v>3</v>
      </c>
      <c r="G552" t="s">
        <v>10</v>
      </c>
      <c r="H552" t="s">
        <v>1198</v>
      </c>
      <c r="I552" t="s">
        <v>30540</v>
      </c>
    </row>
    <row r="553" spans="1:9">
      <c r="A553" s="1">
        <f ca="1">RAND()</f>
        <v>0.19385609713070595</v>
      </c>
      <c r="B553" s="1"/>
      <c r="C553">
        <v>2</v>
      </c>
      <c r="D553" t="s">
        <v>1193</v>
      </c>
      <c r="E553" t="s">
        <v>30879</v>
      </c>
      <c r="F553">
        <v>5</v>
      </c>
      <c r="G553" t="s">
        <v>0</v>
      </c>
      <c r="H553" t="s">
        <v>1194</v>
      </c>
      <c r="I553" t="s">
        <v>30540</v>
      </c>
    </row>
    <row r="554" spans="1:9">
      <c r="A554" s="1">
        <f ca="1">RAND()</f>
        <v>0.13055208022384857</v>
      </c>
      <c r="B554" s="1"/>
      <c r="C554">
        <v>4</v>
      </c>
      <c r="D554" t="s">
        <v>1195</v>
      </c>
      <c r="E554" t="s">
        <v>30879</v>
      </c>
      <c r="F554">
        <v>4</v>
      </c>
      <c r="G554" t="s">
        <v>1</v>
      </c>
      <c r="H554" t="s">
        <v>1196</v>
      </c>
      <c r="I554" t="s">
        <v>30540</v>
      </c>
    </row>
    <row r="555" spans="1:9">
      <c r="A555" s="1">
        <f ca="1">RAND()</f>
        <v>5.6827829155958298E-2</v>
      </c>
      <c r="B555" s="1"/>
      <c r="C555">
        <v>5</v>
      </c>
      <c r="D555" t="s">
        <v>1191</v>
      </c>
      <c r="E555" t="s">
        <v>30880</v>
      </c>
      <c r="F555">
        <v>5</v>
      </c>
      <c r="G555" t="s">
        <v>9</v>
      </c>
      <c r="H555" t="s">
        <v>1192</v>
      </c>
      <c r="I555" t="s">
        <v>30540</v>
      </c>
    </row>
    <row r="556" spans="1:9">
      <c r="A556" s="1">
        <f ca="1">RAND()</f>
        <v>0.97709212637815079</v>
      </c>
      <c r="B556" s="1"/>
      <c r="C556">
        <v>4</v>
      </c>
      <c r="D556" t="s">
        <v>1189</v>
      </c>
      <c r="E556" t="s">
        <v>30880</v>
      </c>
      <c r="F556">
        <v>2</v>
      </c>
      <c r="G556" t="s">
        <v>13</v>
      </c>
      <c r="H556" t="s">
        <v>1190</v>
      </c>
      <c r="I556" t="s">
        <v>30540</v>
      </c>
    </row>
    <row r="557" spans="1:9">
      <c r="A557" s="1">
        <f ca="1">RAND()</f>
        <v>0.82277568327646322</v>
      </c>
      <c r="B557" s="1"/>
      <c r="C557">
        <v>2</v>
      </c>
      <c r="D557" t="s">
        <v>1187</v>
      </c>
      <c r="E557" t="s">
        <v>30881</v>
      </c>
      <c r="F557">
        <v>5</v>
      </c>
      <c r="G557" t="s">
        <v>0</v>
      </c>
      <c r="H557" t="s">
        <v>1188</v>
      </c>
      <c r="I557" t="s">
        <v>30540</v>
      </c>
    </row>
    <row r="558" spans="1:9">
      <c r="A558" s="1">
        <f ca="1">RAND()</f>
        <v>0.61978502438401073</v>
      </c>
      <c r="B558" s="1"/>
      <c r="C558">
        <v>1</v>
      </c>
      <c r="D558" t="s">
        <v>1185</v>
      </c>
      <c r="E558" t="s">
        <v>30881</v>
      </c>
      <c r="F558">
        <v>5</v>
      </c>
      <c r="G558" t="s">
        <v>9</v>
      </c>
      <c r="H558" t="s">
        <v>1186</v>
      </c>
      <c r="I558" t="s">
        <v>30540</v>
      </c>
    </row>
    <row r="559" spans="1:9">
      <c r="A559" s="1">
        <f ca="1">RAND()</f>
        <v>0.75032669579510791</v>
      </c>
      <c r="B559" s="1"/>
      <c r="C559">
        <v>2</v>
      </c>
      <c r="D559" t="s">
        <v>1183</v>
      </c>
      <c r="E559" t="s">
        <v>30882</v>
      </c>
      <c r="F559">
        <v>2</v>
      </c>
      <c r="G559" t="s">
        <v>0</v>
      </c>
      <c r="H559" t="s">
        <v>1184</v>
      </c>
      <c r="I559" t="s">
        <v>30540</v>
      </c>
    </row>
    <row r="560" spans="1:9">
      <c r="A560" s="1">
        <f ca="1">RAND()</f>
        <v>0.28176430895858307</v>
      </c>
      <c r="B560" s="1"/>
      <c r="C560">
        <v>1</v>
      </c>
      <c r="D560" t="s">
        <v>1181</v>
      </c>
      <c r="E560" t="s">
        <v>30883</v>
      </c>
      <c r="F560">
        <v>4</v>
      </c>
      <c r="G560" t="s">
        <v>2</v>
      </c>
      <c r="H560" t="s">
        <v>1182</v>
      </c>
      <c r="I560" t="s">
        <v>30540</v>
      </c>
    </row>
    <row r="561" spans="1:9">
      <c r="A561" s="1">
        <f ca="1">RAND()</f>
        <v>0.85179712800660434</v>
      </c>
      <c r="B561" s="1"/>
      <c r="C561">
        <v>3</v>
      </c>
      <c r="D561" t="s">
        <v>1179</v>
      </c>
      <c r="E561" t="s">
        <v>30884</v>
      </c>
      <c r="F561">
        <v>5</v>
      </c>
      <c r="G561" t="s">
        <v>0</v>
      </c>
      <c r="H561" t="s">
        <v>1180</v>
      </c>
      <c r="I561" t="s">
        <v>30540</v>
      </c>
    </row>
    <row r="562" spans="1:9">
      <c r="A562" s="1">
        <f ca="1">RAND()</f>
        <v>0.37230164945938349</v>
      </c>
      <c r="B562" s="1"/>
      <c r="C562">
        <v>5</v>
      </c>
      <c r="D562" t="s">
        <v>1177</v>
      </c>
      <c r="E562" t="s">
        <v>30885</v>
      </c>
      <c r="F562">
        <v>4</v>
      </c>
      <c r="G562" t="s">
        <v>0</v>
      </c>
      <c r="H562" t="s">
        <v>1178</v>
      </c>
      <c r="I562" t="s">
        <v>30540</v>
      </c>
    </row>
    <row r="563" spans="1:9">
      <c r="A563" s="1">
        <f ca="1">RAND()</f>
        <v>0.66038586573722657</v>
      </c>
      <c r="B563" s="1"/>
      <c r="C563">
        <v>1</v>
      </c>
      <c r="D563" t="s">
        <v>1171</v>
      </c>
      <c r="E563" t="s">
        <v>30886</v>
      </c>
      <c r="F563">
        <v>5</v>
      </c>
      <c r="H563" t="s">
        <v>1172</v>
      </c>
      <c r="I563" t="s">
        <v>30540</v>
      </c>
    </row>
    <row r="564" spans="1:9">
      <c r="A564" s="1">
        <f ca="1">RAND()</f>
        <v>0.53280845536805443</v>
      </c>
      <c r="B564" s="1"/>
      <c r="C564">
        <v>3</v>
      </c>
      <c r="D564" t="s">
        <v>1175</v>
      </c>
      <c r="E564" t="s">
        <v>30886</v>
      </c>
      <c r="F564">
        <v>5</v>
      </c>
      <c r="H564" t="s">
        <v>1176</v>
      </c>
      <c r="I564" t="s">
        <v>30540</v>
      </c>
    </row>
    <row r="565" spans="1:9">
      <c r="A565" s="1">
        <f ca="1">RAND()</f>
        <v>0.94394411292445579</v>
      </c>
      <c r="B565" s="1"/>
      <c r="C565">
        <v>2</v>
      </c>
      <c r="D565" t="s">
        <v>1173</v>
      </c>
      <c r="E565" t="s">
        <v>30886</v>
      </c>
      <c r="F565">
        <v>4</v>
      </c>
      <c r="H565" t="s">
        <v>1174</v>
      </c>
      <c r="I565" t="s">
        <v>30540</v>
      </c>
    </row>
    <row r="566" spans="1:9">
      <c r="A566" s="1">
        <f ca="1">RAND()</f>
        <v>0.9491299319373</v>
      </c>
      <c r="B566" s="1"/>
      <c r="C566">
        <v>2</v>
      </c>
      <c r="D566" t="s">
        <v>1169</v>
      </c>
      <c r="E566" t="s">
        <v>30887</v>
      </c>
      <c r="F566">
        <v>5</v>
      </c>
      <c r="G566" t="s">
        <v>15</v>
      </c>
      <c r="H566" t="s">
        <v>1170</v>
      </c>
      <c r="I566" t="s">
        <v>30540</v>
      </c>
    </row>
    <row r="567" spans="1:9">
      <c r="A567" s="1">
        <f ca="1">RAND()</f>
        <v>0.23244239285792856</v>
      </c>
      <c r="B567" s="1"/>
      <c r="C567">
        <v>1</v>
      </c>
      <c r="D567" t="s">
        <v>1167</v>
      </c>
      <c r="E567" t="s">
        <v>30887</v>
      </c>
      <c r="F567">
        <v>4</v>
      </c>
      <c r="G567" t="s">
        <v>14</v>
      </c>
      <c r="H567" t="s">
        <v>1168</v>
      </c>
      <c r="I567" t="s">
        <v>30540</v>
      </c>
    </row>
    <row r="568" spans="1:9">
      <c r="A568" s="1">
        <f ca="1">RAND()</f>
        <v>0.76331556328177386</v>
      </c>
      <c r="B568" s="1"/>
      <c r="C568">
        <v>4</v>
      </c>
      <c r="D568" t="s">
        <v>1165</v>
      </c>
      <c r="E568" t="s">
        <v>30888</v>
      </c>
      <c r="F568">
        <v>5</v>
      </c>
      <c r="H568" t="s">
        <v>1166</v>
      </c>
      <c r="I568" t="s">
        <v>30540</v>
      </c>
    </row>
    <row r="569" spans="1:9">
      <c r="A569" s="1">
        <f ca="1">RAND()</f>
        <v>0.51453137723283304</v>
      </c>
      <c r="B569" s="1"/>
      <c r="C569">
        <v>2</v>
      </c>
      <c r="D569" t="s">
        <v>1161</v>
      </c>
      <c r="E569" t="s">
        <v>30888</v>
      </c>
      <c r="F569">
        <v>4</v>
      </c>
      <c r="H569" t="s">
        <v>1162</v>
      </c>
      <c r="I569" t="s">
        <v>30540</v>
      </c>
    </row>
    <row r="570" spans="1:9">
      <c r="A570" s="1">
        <f ca="1">RAND()</f>
        <v>0.2595170940812267</v>
      </c>
      <c r="B570" s="1"/>
      <c r="C570">
        <v>3</v>
      </c>
      <c r="D570" t="s">
        <v>1163</v>
      </c>
      <c r="E570" t="s">
        <v>30888</v>
      </c>
      <c r="F570">
        <v>4</v>
      </c>
      <c r="H570" t="s">
        <v>1164</v>
      </c>
      <c r="I570" t="s">
        <v>30540</v>
      </c>
    </row>
    <row r="571" spans="1:9">
      <c r="A571" s="1">
        <f ca="1">RAND()</f>
        <v>0.50913951852750317</v>
      </c>
      <c r="B571" s="1"/>
      <c r="C571">
        <v>4</v>
      </c>
      <c r="D571" t="s">
        <v>1159</v>
      </c>
      <c r="E571" t="s">
        <v>30889</v>
      </c>
      <c r="F571">
        <v>5</v>
      </c>
      <c r="H571" t="s">
        <v>1160</v>
      </c>
      <c r="I571" t="s">
        <v>30540</v>
      </c>
    </row>
    <row r="572" spans="1:9">
      <c r="A572" s="1">
        <f ca="1">RAND()</f>
        <v>0.66544658480991348</v>
      </c>
      <c r="B572" s="1"/>
      <c r="C572">
        <v>3</v>
      </c>
      <c r="D572" t="s">
        <v>1157</v>
      </c>
      <c r="E572" t="s">
        <v>30889</v>
      </c>
      <c r="F572">
        <v>4</v>
      </c>
      <c r="H572" t="s">
        <v>1158</v>
      </c>
      <c r="I572" t="s">
        <v>30540</v>
      </c>
    </row>
    <row r="573" spans="1:9">
      <c r="A573" s="1">
        <f ca="1">RAND()</f>
        <v>0.90548213316660153</v>
      </c>
      <c r="B573" s="1"/>
      <c r="C573">
        <v>3</v>
      </c>
      <c r="D573" t="s">
        <v>1155</v>
      </c>
      <c r="E573" t="s">
        <v>30890</v>
      </c>
      <c r="F573">
        <v>4</v>
      </c>
      <c r="H573" t="s">
        <v>1156</v>
      </c>
      <c r="I573" t="s">
        <v>30540</v>
      </c>
    </row>
    <row r="574" spans="1:9">
      <c r="A574" s="1">
        <f ca="1">RAND()</f>
        <v>0.18071786684615965</v>
      </c>
      <c r="B574" s="1"/>
      <c r="C574">
        <v>2</v>
      </c>
      <c r="D574" t="s">
        <v>1153</v>
      </c>
      <c r="E574" t="s">
        <v>30891</v>
      </c>
      <c r="F574">
        <v>4</v>
      </c>
      <c r="G574" t="s">
        <v>2</v>
      </c>
      <c r="H574" t="s">
        <v>1154</v>
      </c>
      <c r="I574" t="s">
        <v>30540</v>
      </c>
    </row>
    <row r="575" spans="1:9">
      <c r="A575" s="1">
        <f ca="1">RAND()</f>
        <v>0.85898780081187287</v>
      </c>
      <c r="B575" s="1"/>
      <c r="C575">
        <v>3</v>
      </c>
      <c r="D575" t="s">
        <v>1151</v>
      </c>
      <c r="E575" t="s">
        <v>30892</v>
      </c>
      <c r="F575">
        <v>4</v>
      </c>
      <c r="H575" t="s">
        <v>1152</v>
      </c>
      <c r="I575" t="s">
        <v>30540</v>
      </c>
    </row>
    <row r="576" spans="1:9">
      <c r="A576" s="1">
        <f ca="1">RAND()</f>
        <v>0.65994260641989189</v>
      </c>
      <c r="B576" s="1"/>
      <c r="C576">
        <v>4</v>
      </c>
      <c r="D576" t="s">
        <v>1147</v>
      </c>
      <c r="E576" t="s">
        <v>30893</v>
      </c>
      <c r="F576">
        <v>5</v>
      </c>
      <c r="H576" t="s">
        <v>1148</v>
      </c>
      <c r="I576" t="s">
        <v>30540</v>
      </c>
    </row>
    <row r="577" spans="1:9">
      <c r="A577" s="1">
        <f ca="1">RAND()</f>
        <v>0.6999441233452014</v>
      </c>
      <c r="B577" s="1"/>
      <c r="C577">
        <v>5</v>
      </c>
      <c r="D577" t="s">
        <v>1149</v>
      </c>
      <c r="E577" t="s">
        <v>30893</v>
      </c>
      <c r="F577">
        <v>4</v>
      </c>
      <c r="H577" t="s">
        <v>1150</v>
      </c>
      <c r="I577" t="s">
        <v>30540</v>
      </c>
    </row>
    <row r="578" spans="1:9">
      <c r="A578" s="1">
        <f ca="1">RAND()</f>
        <v>0.6567562450057709</v>
      </c>
      <c r="B578" s="1"/>
      <c r="C578">
        <v>2</v>
      </c>
      <c r="D578" t="s">
        <v>1145</v>
      </c>
      <c r="E578" t="s">
        <v>30894</v>
      </c>
      <c r="F578">
        <v>3</v>
      </c>
      <c r="H578" t="s">
        <v>1146</v>
      </c>
      <c r="I578" t="s">
        <v>30540</v>
      </c>
    </row>
    <row r="579" spans="1:9">
      <c r="A579" s="1">
        <f ca="1">RAND()</f>
        <v>8.385418102140263E-2</v>
      </c>
      <c r="B579" s="1"/>
      <c r="C579">
        <v>3</v>
      </c>
      <c r="D579" t="s">
        <v>1143</v>
      </c>
      <c r="E579" t="s">
        <v>30895</v>
      </c>
      <c r="F579">
        <v>4</v>
      </c>
      <c r="H579" t="s">
        <v>1144</v>
      </c>
      <c r="I579" t="s">
        <v>30540</v>
      </c>
    </row>
    <row r="580" spans="1:9">
      <c r="A580" s="1">
        <f ca="1">RAND()</f>
        <v>1.966969611957603E-2</v>
      </c>
      <c r="B580" s="1"/>
      <c r="C580">
        <v>2</v>
      </c>
      <c r="D580" t="s">
        <v>1141</v>
      </c>
      <c r="E580" t="s">
        <v>30896</v>
      </c>
      <c r="F580">
        <v>4</v>
      </c>
      <c r="H580" t="s">
        <v>1142</v>
      </c>
      <c r="I580" t="s">
        <v>30540</v>
      </c>
    </row>
    <row r="581" spans="1:9">
      <c r="A581" s="1">
        <f ca="1">RAND()</f>
        <v>8.1551469958003109E-2</v>
      </c>
      <c r="B581" s="1"/>
      <c r="C581">
        <v>4</v>
      </c>
      <c r="D581" t="s">
        <v>1137</v>
      </c>
      <c r="E581" t="s">
        <v>30897</v>
      </c>
      <c r="F581">
        <v>5</v>
      </c>
      <c r="H581" t="s">
        <v>1138</v>
      </c>
      <c r="I581" t="s">
        <v>30540</v>
      </c>
    </row>
    <row r="582" spans="1:9">
      <c r="A582" s="1">
        <f ca="1">RAND()</f>
        <v>0.81446760023729103</v>
      </c>
      <c r="B582" s="1"/>
      <c r="C582">
        <v>7</v>
      </c>
      <c r="D582" t="s">
        <v>1139</v>
      </c>
      <c r="E582" t="s">
        <v>30897</v>
      </c>
      <c r="F582">
        <v>4</v>
      </c>
      <c r="H582" t="s">
        <v>1140</v>
      </c>
      <c r="I582" t="s">
        <v>30540</v>
      </c>
    </row>
    <row r="583" spans="1:9">
      <c r="A583" s="1">
        <f ca="1">RAND()</f>
        <v>0.12034144456464035</v>
      </c>
      <c r="B583" s="1"/>
      <c r="C583">
        <v>1</v>
      </c>
      <c r="D583" t="s">
        <v>1135</v>
      </c>
      <c r="E583" t="s">
        <v>30898</v>
      </c>
      <c r="F583">
        <v>4</v>
      </c>
      <c r="G583" t="s">
        <v>2</v>
      </c>
      <c r="H583" t="s">
        <v>1136</v>
      </c>
      <c r="I583" t="s">
        <v>30540</v>
      </c>
    </row>
    <row r="584" spans="1:9">
      <c r="A584" s="1">
        <f ca="1">RAND()</f>
        <v>0.71111093435870865</v>
      </c>
      <c r="B584" s="1"/>
      <c r="C584">
        <v>1</v>
      </c>
      <c r="D584" t="s">
        <v>1131</v>
      </c>
      <c r="E584" t="s">
        <v>30899</v>
      </c>
      <c r="F584">
        <v>4</v>
      </c>
      <c r="H584" t="s">
        <v>1132</v>
      </c>
      <c r="I584" t="s">
        <v>30540</v>
      </c>
    </row>
    <row r="585" spans="1:9">
      <c r="A585" s="1">
        <f ca="1">RAND()</f>
        <v>0.94536988395667199</v>
      </c>
      <c r="B585" s="1"/>
      <c r="C585">
        <v>3</v>
      </c>
      <c r="D585" t="s">
        <v>1133</v>
      </c>
      <c r="E585" t="s">
        <v>30899</v>
      </c>
      <c r="F585">
        <v>4</v>
      </c>
      <c r="H585" t="s">
        <v>1134</v>
      </c>
      <c r="I585" t="s">
        <v>30540</v>
      </c>
    </row>
    <row r="586" spans="1:9">
      <c r="A586" s="1">
        <f ca="1">RAND()</f>
        <v>0.1350062733008196</v>
      </c>
      <c r="B586" s="1"/>
      <c r="C586">
        <v>2</v>
      </c>
      <c r="D586" t="s">
        <v>1129</v>
      </c>
      <c r="E586" t="s">
        <v>30900</v>
      </c>
      <c r="F586">
        <v>4</v>
      </c>
      <c r="H586" t="s">
        <v>1130</v>
      </c>
      <c r="I586" t="s">
        <v>30540</v>
      </c>
    </row>
    <row r="587" spans="1:9">
      <c r="A587" s="1">
        <f ca="1">RAND()</f>
        <v>0.8487884237946457</v>
      </c>
      <c r="B587" s="1"/>
      <c r="C587">
        <v>2</v>
      </c>
      <c r="D587" t="s">
        <v>1127</v>
      </c>
      <c r="E587" t="s">
        <v>30901</v>
      </c>
      <c r="F587">
        <v>4</v>
      </c>
      <c r="H587" t="s">
        <v>1128</v>
      </c>
      <c r="I587" t="s">
        <v>30540</v>
      </c>
    </row>
    <row r="588" spans="1:9">
      <c r="A588" s="1">
        <f ca="1">RAND()</f>
        <v>0.99525549749643216</v>
      </c>
      <c r="B588" s="1"/>
      <c r="C588">
        <v>3</v>
      </c>
      <c r="D588" t="s">
        <v>1123</v>
      </c>
      <c r="E588" t="s">
        <v>30902</v>
      </c>
      <c r="F588">
        <v>5</v>
      </c>
      <c r="H588" t="s">
        <v>1124</v>
      </c>
      <c r="I588" t="s">
        <v>30540</v>
      </c>
    </row>
    <row r="589" spans="1:9">
      <c r="A589" s="1">
        <f ca="1">RAND()</f>
        <v>0.10512477091366201</v>
      </c>
      <c r="B589" s="1"/>
      <c r="C589">
        <v>4</v>
      </c>
      <c r="D589" t="s">
        <v>1125</v>
      </c>
      <c r="E589" t="s">
        <v>30902</v>
      </c>
      <c r="F589">
        <v>4</v>
      </c>
      <c r="H589" t="s">
        <v>1126</v>
      </c>
      <c r="I589" t="s">
        <v>30540</v>
      </c>
    </row>
    <row r="590" spans="1:9">
      <c r="A590" s="1">
        <f ca="1">RAND()</f>
        <v>0.13098734761115283</v>
      </c>
      <c r="B590" s="1"/>
      <c r="C590">
        <v>1</v>
      </c>
      <c r="D590" t="s">
        <v>1121</v>
      </c>
      <c r="E590" t="s">
        <v>30903</v>
      </c>
      <c r="F590">
        <v>5</v>
      </c>
      <c r="H590" t="s">
        <v>1122</v>
      </c>
      <c r="I590" t="s">
        <v>30540</v>
      </c>
    </row>
    <row r="591" spans="1:9">
      <c r="A591" s="1">
        <f ca="1">RAND()</f>
        <v>0.10792581926437206</v>
      </c>
      <c r="B591" s="1"/>
      <c r="C591">
        <v>4</v>
      </c>
      <c r="D591" t="s">
        <v>1119</v>
      </c>
      <c r="E591" t="s">
        <v>30904</v>
      </c>
      <c r="F591">
        <v>4</v>
      </c>
      <c r="G591" t="s">
        <v>14</v>
      </c>
      <c r="H591" t="s">
        <v>1120</v>
      </c>
      <c r="I591" t="s">
        <v>30540</v>
      </c>
    </row>
    <row r="592" spans="1:9">
      <c r="A592" s="1">
        <f ca="1">RAND()</f>
        <v>0.66370686537759482</v>
      </c>
      <c r="B592" s="1"/>
      <c r="C592">
        <v>4</v>
      </c>
      <c r="D592" t="s">
        <v>1117</v>
      </c>
      <c r="E592" t="s">
        <v>30905</v>
      </c>
      <c r="F592">
        <v>4</v>
      </c>
      <c r="H592" t="s">
        <v>1118</v>
      </c>
      <c r="I592" t="s">
        <v>30540</v>
      </c>
    </row>
    <row r="593" spans="1:9">
      <c r="A593" s="1">
        <f ca="1">RAND()</f>
        <v>0.30924780096890647</v>
      </c>
      <c r="B593" s="1"/>
      <c r="C593">
        <v>1</v>
      </c>
      <c r="D593" t="s">
        <v>1115</v>
      </c>
      <c r="E593" t="s">
        <v>30906</v>
      </c>
      <c r="F593">
        <v>4</v>
      </c>
      <c r="H593" t="s">
        <v>1116</v>
      </c>
      <c r="I593" t="s">
        <v>30540</v>
      </c>
    </row>
    <row r="594" spans="1:9">
      <c r="A594" s="1">
        <f ca="1">RAND()</f>
        <v>0.79053285128956607</v>
      </c>
      <c r="B594" s="1"/>
      <c r="C594">
        <v>4</v>
      </c>
      <c r="D594" t="s">
        <v>1113</v>
      </c>
      <c r="E594" t="s">
        <v>30907</v>
      </c>
      <c r="F594">
        <v>2</v>
      </c>
      <c r="H594" t="s">
        <v>1114</v>
      </c>
      <c r="I594" t="s">
        <v>30540</v>
      </c>
    </row>
    <row r="595" spans="1:9">
      <c r="A595" s="1">
        <f ca="1">RAND()</f>
        <v>0.52638519741998646</v>
      </c>
      <c r="B595" s="1"/>
      <c r="C595">
        <v>2</v>
      </c>
      <c r="D595" t="s">
        <v>1111</v>
      </c>
      <c r="E595" t="s">
        <v>30908</v>
      </c>
      <c r="F595">
        <v>4</v>
      </c>
      <c r="H595" t="s">
        <v>1112</v>
      </c>
      <c r="I595" t="s">
        <v>30540</v>
      </c>
    </row>
    <row r="596" spans="1:9">
      <c r="A596" s="1">
        <f ca="1">RAND()</f>
        <v>0.15450268371498521</v>
      </c>
      <c r="B596" s="1"/>
      <c r="C596">
        <v>8</v>
      </c>
      <c r="D596" t="s">
        <v>1107</v>
      </c>
      <c r="E596" t="s">
        <v>30909</v>
      </c>
      <c r="F596">
        <v>4</v>
      </c>
      <c r="H596" t="s">
        <v>1108</v>
      </c>
      <c r="I596" t="s">
        <v>30540</v>
      </c>
    </row>
    <row r="597" spans="1:9">
      <c r="A597" s="1">
        <f ca="1">RAND()</f>
        <v>0.48401703366238724</v>
      </c>
      <c r="B597" s="1"/>
      <c r="C597">
        <v>5</v>
      </c>
      <c r="D597" t="s">
        <v>1105</v>
      </c>
      <c r="E597" t="s">
        <v>30909</v>
      </c>
      <c r="F597">
        <v>4</v>
      </c>
      <c r="H597" t="s">
        <v>1106</v>
      </c>
      <c r="I597" t="s">
        <v>30540</v>
      </c>
    </row>
    <row r="598" spans="1:9">
      <c r="A598" s="1">
        <f ca="1">RAND()</f>
        <v>0.39590410763661299</v>
      </c>
      <c r="B598" s="1"/>
      <c r="C598">
        <v>9</v>
      </c>
      <c r="D598" t="s">
        <v>1109</v>
      </c>
      <c r="E598" t="s">
        <v>30909</v>
      </c>
      <c r="F598">
        <v>4</v>
      </c>
      <c r="H598" t="s">
        <v>1110</v>
      </c>
      <c r="I598" t="s">
        <v>30540</v>
      </c>
    </row>
    <row r="599" spans="1:9">
      <c r="A599" s="1">
        <f ca="1">RAND()</f>
        <v>7.5959309776759132E-2</v>
      </c>
      <c r="B599" s="1"/>
      <c r="C599">
        <v>1</v>
      </c>
      <c r="D599" t="s">
        <v>1101</v>
      </c>
      <c r="E599" t="s">
        <v>30910</v>
      </c>
      <c r="F599">
        <v>5</v>
      </c>
      <c r="H599" t="s">
        <v>1102</v>
      </c>
      <c r="I599" t="s">
        <v>30540</v>
      </c>
    </row>
    <row r="600" spans="1:9">
      <c r="A600" s="1">
        <f ca="1">RAND()</f>
        <v>0.93507614877039302</v>
      </c>
      <c r="B600" s="1"/>
      <c r="C600">
        <v>2</v>
      </c>
      <c r="D600" t="s">
        <v>1103</v>
      </c>
      <c r="E600" t="s">
        <v>30910</v>
      </c>
      <c r="F600">
        <v>4</v>
      </c>
      <c r="H600" t="s">
        <v>1104</v>
      </c>
      <c r="I600" t="s">
        <v>30540</v>
      </c>
    </row>
    <row r="601" spans="1:9">
      <c r="A601" s="1">
        <f ca="1">RAND()</f>
        <v>0.4332059730561485</v>
      </c>
      <c r="B601" s="1"/>
      <c r="C601">
        <v>1</v>
      </c>
      <c r="D601" t="s">
        <v>1097</v>
      </c>
      <c r="E601" t="s">
        <v>30911</v>
      </c>
      <c r="F601">
        <v>4</v>
      </c>
      <c r="H601" t="s">
        <v>1098</v>
      </c>
      <c r="I601" t="s">
        <v>30540</v>
      </c>
    </row>
    <row r="602" spans="1:9">
      <c r="A602" s="1">
        <f ca="1">RAND()</f>
        <v>0.43146402894368463</v>
      </c>
      <c r="B602" s="1"/>
      <c r="C602">
        <v>2</v>
      </c>
      <c r="D602" t="s">
        <v>1099</v>
      </c>
      <c r="E602" t="s">
        <v>30911</v>
      </c>
      <c r="F602">
        <v>4</v>
      </c>
      <c r="H602" t="s">
        <v>1100</v>
      </c>
      <c r="I602" t="s">
        <v>30540</v>
      </c>
    </row>
    <row r="603" spans="1:9">
      <c r="A603" s="1">
        <f ca="1">RAND()</f>
        <v>0.52981715218451964</v>
      </c>
      <c r="B603" s="1"/>
      <c r="C603">
        <v>7</v>
      </c>
      <c r="D603" t="s">
        <v>1093</v>
      </c>
      <c r="E603" t="s">
        <v>30912</v>
      </c>
      <c r="F603">
        <v>4</v>
      </c>
      <c r="H603" t="s">
        <v>1094</v>
      </c>
      <c r="I603" t="s">
        <v>30540</v>
      </c>
    </row>
    <row r="604" spans="1:9">
      <c r="A604" s="1">
        <f ca="1">RAND()</f>
        <v>1.4489737975626027E-2</v>
      </c>
      <c r="B604" s="1"/>
      <c r="C604">
        <v>2</v>
      </c>
      <c r="D604" t="s">
        <v>1089</v>
      </c>
      <c r="E604" t="s">
        <v>30912</v>
      </c>
      <c r="F604">
        <v>4</v>
      </c>
      <c r="H604" t="s">
        <v>1090</v>
      </c>
      <c r="I604" t="s">
        <v>30540</v>
      </c>
    </row>
    <row r="605" spans="1:9">
      <c r="A605" s="1">
        <f ca="1">RAND()</f>
        <v>0.34122622110322343</v>
      </c>
      <c r="B605" s="1"/>
      <c r="C605">
        <v>9</v>
      </c>
      <c r="D605" t="s">
        <v>1095</v>
      </c>
      <c r="E605" t="s">
        <v>30912</v>
      </c>
      <c r="F605">
        <v>4</v>
      </c>
      <c r="H605" t="s">
        <v>1096</v>
      </c>
      <c r="I605" t="s">
        <v>30540</v>
      </c>
    </row>
    <row r="606" spans="1:9">
      <c r="A606" s="1">
        <f ca="1">RAND()</f>
        <v>0.30931527232000333</v>
      </c>
      <c r="B606" s="1"/>
      <c r="C606">
        <v>6</v>
      </c>
      <c r="D606" t="s">
        <v>1091</v>
      </c>
      <c r="E606" t="s">
        <v>30912</v>
      </c>
      <c r="F606">
        <v>3</v>
      </c>
      <c r="H606" t="s">
        <v>1092</v>
      </c>
      <c r="I606" t="s">
        <v>30540</v>
      </c>
    </row>
    <row r="607" spans="1:9">
      <c r="A607" s="1">
        <f ca="1">RAND()</f>
        <v>0.82823184354580681</v>
      </c>
      <c r="B607" s="1"/>
      <c r="C607">
        <v>1</v>
      </c>
      <c r="D607" t="s">
        <v>1087</v>
      </c>
      <c r="E607" t="s">
        <v>30913</v>
      </c>
      <c r="F607">
        <v>5</v>
      </c>
      <c r="H607" t="s">
        <v>1088</v>
      </c>
      <c r="I607" t="s">
        <v>30540</v>
      </c>
    </row>
    <row r="608" spans="1:9">
      <c r="A608" s="1">
        <f ca="1">RAND()</f>
        <v>0.1410042304567759</v>
      </c>
      <c r="B608" s="1"/>
      <c r="C608">
        <v>3</v>
      </c>
      <c r="D608" t="s">
        <v>1083</v>
      </c>
      <c r="E608" t="s">
        <v>30914</v>
      </c>
      <c r="F608">
        <v>5</v>
      </c>
      <c r="H608" t="s">
        <v>1084</v>
      </c>
      <c r="I608" t="s">
        <v>30540</v>
      </c>
    </row>
    <row r="609" spans="1:9">
      <c r="A609" s="1">
        <f ca="1">RAND()</f>
        <v>0.36948822058627817</v>
      </c>
      <c r="B609" s="1"/>
      <c r="C609">
        <v>4</v>
      </c>
      <c r="D609" t="s">
        <v>1085</v>
      </c>
      <c r="E609" t="s">
        <v>30914</v>
      </c>
      <c r="F609">
        <v>5</v>
      </c>
      <c r="H609" t="s">
        <v>1086</v>
      </c>
      <c r="I609" t="s">
        <v>30540</v>
      </c>
    </row>
    <row r="610" spans="1:9">
      <c r="A610" s="1">
        <f ca="1">RAND()</f>
        <v>0.87877382010985805</v>
      </c>
      <c r="B610" s="1"/>
      <c r="C610">
        <v>4</v>
      </c>
      <c r="D610" t="s">
        <v>1079</v>
      </c>
      <c r="E610" t="s">
        <v>30915</v>
      </c>
      <c r="F610">
        <v>4</v>
      </c>
      <c r="H610" t="s">
        <v>1080</v>
      </c>
      <c r="I610" t="s">
        <v>30540</v>
      </c>
    </row>
    <row r="611" spans="1:9">
      <c r="A611" s="1">
        <f ca="1">RAND()</f>
        <v>0.29064944353563049</v>
      </c>
      <c r="B611" s="1"/>
      <c r="C611">
        <v>5</v>
      </c>
      <c r="D611" t="s">
        <v>1081</v>
      </c>
      <c r="E611" t="s">
        <v>30915</v>
      </c>
      <c r="F611">
        <v>3</v>
      </c>
      <c r="H611" t="s">
        <v>1082</v>
      </c>
      <c r="I611" t="s">
        <v>30540</v>
      </c>
    </row>
    <row r="612" spans="1:9">
      <c r="A612" s="1">
        <f ca="1">RAND()</f>
        <v>0.132303877260319</v>
      </c>
      <c r="B612" s="1"/>
      <c r="C612">
        <v>4</v>
      </c>
      <c r="D612" t="s">
        <v>1077</v>
      </c>
      <c r="E612" t="s">
        <v>30916</v>
      </c>
      <c r="F612">
        <v>4</v>
      </c>
      <c r="H612" t="s">
        <v>1078</v>
      </c>
      <c r="I612" t="s">
        <v>30540</v>
      </c>
    </row>
    <row r="613" spans="1:9">
      <c r="A613" s="1">
        <f ca="1">RAND()</f>
        <v>1.8510114452525372E-2</v>
      </c>
      <c r="B613" s="1"/>
      <c r="C613">
        <v>5</v>
      </c>
      <c r="D613" t="s">
        <v>1075</v>
      </c>
      <c r="E613" t="s">
        <v>30917</v>
      </c>
      <c r="F613">
        <v>5</v>
      </c>
      <c r="H613" t="s">
        <v>1076</v>
      </c>
      <c r="I613" t="s">
        <v>30540</v>
      </c>
    </row>
    <row r="614" spans="1:9">
      <c r="A614" s="1">
        <f ca="1">RAND()</f>
        <v>0.15315837928878528</v>
      </c>
      <c r="B614" s="1"/>
      <c r="C614">
        <v>1</v>
      </c>
      <c r="D614" t="s">
        <v>1071</v>
      </c>
      <c r="E614" t="s">
        <v>30918</v>
      </c>
      <c r="F614">
        <v>4</v>
      </c>
      <c r="H614" t="s">
        <v>1072</v>
      </c>
      <c r="I614" t="s">
        <v>30540</v>
      </c>
    </row>
    <row r="615" spans="1:9">
      <c r="A615" s="1">
        <f ca="1">RAND()</f>
        <v>0.69768285319670154</v>
      </c>
      <c r="B615" s="1"/>
      <c r="C615">
        <v>2</v>
      </c>
      <c r="D615" t="s">
        <v>1073</v>
      </c>
      <c r="E615" t="s">
        <v>30918</v>
      </c>
      <c r="F615">
        <v>4</v>
      </c>
      <c r="H615" t="s">
        <v>1074</v>
      </c>
      <c r="I615" t="s">
        <v>30540</v>
      </c>
    </row>
    <row r="616" spans="1:9">
      <c r="A616" s="1">
        <f ca="1">RAND()</f>
        <v>0.46949551362714159</v>
      </c>
      <c r="B616" s="1"/>
      <c r="C616">
        <v>3</v>
      </c>
      <c r="D616" t="s">
        <v>1067</v>
      </c>
      <c r="E616" t="s">
        <v>30919</v>
      </c>
      <c r="F616">
        <v>5</v>
      </c>
      <c r="H616" t="s">
        <v>1068</v>
      </c>
      <c r="I616" t="s">
        <v>30540</v>
      </c>
    </row>
    <row r="617" spans="1:9">
      <c r="A617" s="1">
        <f ca="1">RAND()</f>
        <v>0.74699274959558737</v>
      </c>
      <c r="B617" s="1"/>
      <c r="C617">
        <v>4</v>
      </c>
      <c r="D617" t="s">
        <v>1069</v>
      </c>
      <c r="E617" t="s">
        <v>30919</v>
      </c>
      <c r="F617">
        <v>4</v>
      </c>
      <c r="H617" t="s">
        <v>1070</v>
      </c>
      <c r="I617" t="s">
        <v>30540</v>
      </c>
    </row>
    <row r="618" spans="1:9">
      <c r="A618" s="1">
        <f ca="1">RAND()</f>
        <v>1.5865529284343038E-2</v>
      </c>
      <c r="B618" s="1"/>
      <c r="C618">
        <v>1</v>
      </c>
      <c r="D618" t="s">
        <v>1065</v>
      </c>
      <c r="E618" t="s">
        <v>30919</v>
      </c>
      <c r="F618">
        <v>4</v>
      </c>
      <c r="H618" t="s">
        <v>1066</v>
      </c>
      <c r="I618" t="s">
        <v>30540</v>
      </c>
    </row>
    <row r="619" spans="1:9">
      <c r="A619" s="1">
        <f ca="1">RAND()</f>
        <v>0.52580725125587924</v>
      </c>
      <c r="B619" s="1"/>
      <c r="C619">
        <v>3</v>
      </c>
      <c r="D619" t="s">
        <v>1063</v>
      </c>
      <c r="E619" t="s">
        <v>30920</v>
      </c>
      <c r="F619">
        <v>4</v>
      </c>
      <c r="H619" t="s">
        <v>1064</v>
      </c>
      <c r="I619" t="s">
        <v>30540</v>
      </c>
    </row>
    <row r="620" spans="1:9">
      <c r="A620" s="1">
        <f ca="1">RAND()</f>
        <v>1.4544366600733882E-3</v>
      </c>
      <c r="B620" s="1"/>
      <c r="C620">
        <v>1</v>
      </c>
      <c r="D620" t="s">
        <v>1057</v>
      </c>
      <c r="E620" t="s">
        <v>30921</v>
      </c>
      <c r="F620">
        <v>4</v>
      </c>
      <c r="G620" t="s">
        <v>838</v>
      </c>
      <c r="H620" t="s">
        <v>1058</v>
      </c>
      <c r="I620" t="s">
        <v>30540</v>
      </c>
    </row>
    <row r="621" spans="1:9">
      <c r="A621" s="1">
        <f ca="1">RAND()</f>
        <v>0.27332027482880483</v>
      </c>
      <c r="B621" s="1"/>
      <c r="C621">
        <v>2</v>
      </c>
      <c r="D621" t="s">
        <v>1059</v>
      </c>
      <c r="E621" t="s">
        <v>30921</v>
      </c>
      <c r="F621">
        <v>3</v>
      </c>
      <c r="H621" t="s">
        <v>1060</v>
      </c>
      <c r="I621" t="s">
        <v>30540</v>
      </c>
    </row>
    <row r="622" spans="1:9">
      <c r="A622" s="1">
        <f ca="1">RAND()</f>
        <v>0.83558216483367087</v>
      </c>
      <c r="B622" s="1"/>
      <c r="C622">
        <v>3</v>
      </c>
      <c r="D622" t="s">
        <v>1061</v>
      </c>
      <c r="E622" t="s">
        <v>30921</v>
      </c>
      <c r="F622">
        <v>2</v>
      </c>
      <c r="H622" t="s">
        <v>1062</v>
      </c>
      <c r="I622" t="s">
        <v>30540</v>
      </c>
    </row>
    <row r="623" spans="1:9">
      <c r="A623" s="1">
        <f ca="1">RAND()</f>
        <v>1.055218138036651E-2</v>
      </c>
      <c r="B623" s="1"/>
      <c r="C623">
        <v>3</v>
      </c>
      <c r="D623" t="s">
        <v>1055</v>
      </c>
      <c r="E623" t="s">
        <v>30922</v>
      </c>
      <c r="F623">
        <v>4</v>
      </c>
      <c r="H623" t="s">
        <v>1056</v>
      </c>
      <c r="I623" t="s">
        <v>30540</v>
      </c>
    </row>
    <row r="624" spans="1:9">
      <c r="A624" s="1">
        <f ca="1">RAND()</f>
        <v>0.40933518952740855</v>
      </c>
      <c r="B624" s="1"/>
      <c r="C624">
        <v>2</v>
      </c>
      <c r="D624" t="s">
        <v>1053</v>
      </c>
      <c r="E624" t="s">
        <v>30922</v>
      </c>
      <c r="F624">
        <v>4</v>
      </c>
      <c r="H624" t="s">
        <v>1054</v>
      </c>
      <c r="I624" t="s">
        <v>30540</v>
      </c>
    </row>
    <row r="625" spans="1:9">
      <c r="A625" s="1">
        <f ca="1">RAND()</f>
        <v>0.15080709511572321</v>
      </c>
      <c r="B625" s="1"/>
      <c r="C625">
        <v>3</v>
      </c>
      <c r="D625" t="s">
        <v>1051</v>
      </c>
      <c r="E625" t="s">
        <v>30923</v>
      </c>
      <c r="F625">
        <v>4</v>
      </c>
      <c r="H625" t="s">
        <v>1052</v>
      </c>
      <c r="I625" t="s">
        <v>30540</v>
      </c>
    </row>
    <row r="626" spans="1:9">
      <c r="A626" s="1">
        <f ca="1">RAND()</f>
        <v>0.85805622844366058</v>
      </c>
      <c r="B626" s="1"/>
      <c r="C626">
        <v>6</v>
      </c>
      <c r="D626" t="s">
        <v>1049</v>
      </c>
      <c r="E626" t="s">
        <v>30924</v>
      </c>
      <c r="F626">
        <v>3</v>
      </c>
      <c r="H626" t="s">
        <v>1050</v>
      </c>
      <c r="I626" t="s">
        <v>30540</v>
      </c>
    </row>
    <row r="627" spans="1:9">
      <c r="A627" s="1">
        <f ca="1">RAND()</f>
        <v>0.32785592815224862</v>
      </c>
      <c r="B627" s="1"/>
      <c r="C627">
        <v>5</v>
      </c>
      <c r="D627" t="s">
        <v>1047</v>
      </c>
      <c r="E627" t="s">
        <v>30925</v>
      </c>
      <c r="F627">
        <v>4</v>
      </c>
      <c r="H627" t="s">
        <v>1048</v>
      </c>
      <c r="I627" t="s">
        <v>30540</v>
      </c>
    </row>
    <row r="628" spans="1:9">
      <c r="A628" s="1">
        <f ca="1">RAND()</f>
        <v>0.36940139355554402</v>
      </c>
      <c r="B628" s="1"/>
      <c r="C628">
        <v>3</v>
      </c>
      <c r="D628" t="s">
        <v>1045</v>
      </c>
      <c r="E628" t="s">
        <v>30925</v>
      </c>
      <c r="F628">
        <v>2</v>
      </c>
      <c r="H628" t="s">
        <v>1046</v>
      </c>
      <c r="I628" t="s">
        <v>30540</v>
      </c>
    </row>
    <row r="629" spans="1:9">
      <c r="A629" s="1">
        <f ca="1">RAND()</f>
        <v>0.33838246688564266</v>
      </c>
      <c r="B629" s="1"/>
      <c r="C629">
        <v>1</v>
      </c>
      <c r="D629" t="s">
        <v>1043</v>
      </c>
      <c r="E629" t="s">
        <v>30925</v>
      </c>
      <c r="F629">
        <v>2</v>
      </c>
      <c r="H629" t="s">
        <v>1044</v>
      </c>
      <c r="I629" t="s">
        <v>30540</v>
      </c>
    </row>
    <row r="630" spans="1:9">
      <c r="A630" s="1">
        <f ca="1">RAND()</f>
        <v>0.21287357417487529</v>
      </c>
      <c r="B630" s="1"/>
      <c r="C630">
        <v>1</v>
      </c>
      <c r="D630" t="s">
        <v>1039</v>
      </c>
      <c r="E630" t="s">
        <v>30926</v>
      </c>
      <c r="F630">
        <v>4</v>
      </c>
      <c r="H630" t="s">
        <v>1040</v>
      </c>
      <c r="I630" t="s">
        <v>30540</v>
      </c>
    </row>
    <row r="631" spans="1:9">
      <c r="A631" s="1">
        <f ca="1">RAND()</f>
        <v>0.10744069368616183</v>
      </c>
      <c r="B631" s="1"/>
      <c r="C631">
        <v>4</v>
      </c>
      <c r="D631" t="s">
        <v>1041</v>
      </c>
      <c r="E631" t="s">
        <v>30926</v>
      </c>
      <c r="F631">
        <v>3</v>
      </c>
      <c r="H631" t="s">
        <v>1042</v>
      </c>
      <c r="I631" t="s">
        <v>30540</v>
      </c>
    </row>
    <row r="632" spans="1:9">
      <c r="A632" s="1">
        <f ca="1">RAND()</f>
        <v>3.9563117444608165E-2</v>
      </c>
      <c r="B632" s="1"/>
      <c r="C632">
        <v>4</v>
      </c>
      <c r="D632" t="s">
        <v>1037</v>
      </c>
      <c r="E632" t="s">
        <v>30927</v>
      </c>
      <c r="F632">
        <v>4</v>
      </c>
      <c r="G632" t="s">
        <v>838</v>
      </c>
      <c r="H632" t="s">
        <v>1038</v>
      </c>
      <c r="I632" t="s">
        <v>30540</v>
      </c>
    </row>
    <row r="633" spans="1:9">
      <c r="A633" s="1">
        <f ca="1">RAND()</f>
        <v>0.49661909709487817</v>
      </c>
      <c r="B633" s="1"/>
      <c r="C633">
        <v>3</v>
      </c>
      <c r="D633" t="s">
        <v>1035</v>
      </c>
      <c r="E633" t="s">
        <v>30927</v>
      </c>
      <c r="F633">
        <v>4</v>
      </c>
      <c r="H633" t="s">
        <v>1036</v>
      </c>
      <c r="I633" t="s">
        <v>30540</v>
      </c>
    </row>
    <row r="634" spans="1:9">
      <c r="A634" s="1">
        <f ca="1">RAND()</f>
        <v>0.53402593590986958</v>
      </c>
      <c r="B634" s="1"/>
      <c r="C634">
        <v>2</v>
      </c>
      <c r="D634" t="s">
        <v>1033</v>
      </c>
      <c r="E634" t="s">
        <v>30928</v>
      </c>
      <c r="F634">
        <v>5</v>
      </c>
      <c r="H634" t="s">
        <v>1034</v>
      </c>
      <c r="I634" t="s">
        <v>30540</v>
      </c>
    </row>
    <row r="635" spans="1:9">
      <c r="A635" s="1">
        <f ca="1">RAND()</f>
        <v>0.26386989629970337</v>
      </c>
      <c r="B635" s="1"/>
      <c r="C635">
        <v>4</v>
      </c>
      <c r="D635" t="s">
        <v>1031</v>
      </c>
      <c r="E635" t="s">
        <v>30929</v>
      </c>
      <c r="F635">
        <v>5</v>
      </c>
      <c r="H635" t="s">
        <v>1032</v>
      </c>
      <c r="I635" t="s">
        <v>30540</v>
      </c>
    </row>
    <row r="636" spans="1:9">
      <c r="A636" s="1">
        <f ca="1">RAND()</f>
        <v>0.3456698938453433</v>
      </c>
      <c r="B636" s="1"/>
      <c r="C636">
        <v>3</v>
      </c>
      <c r="D636" t="s">
        <v>1029</v>
      </c>
      <c r="E636" t="s">
        <v>30929</v>
      </c>
      <c r="F636">
        <v>4</v>
      </c>
      <c r="H636" t="s">
        <v>1030</v>
      </c>
      <c r="I636" t="s">
        <v>30540</v>
      </c>
    </row>
    <row r="637" spans="1:9">
      <c r="A637" s="1">
        <f ca="1">RAND()</f>
        <v>0.42632682824411428</v>
      </c>
      <c r="B637" s="1"/>
      <c r="C637">
        <v>2</v>
      </c>
      <c r="D637" t="s">
        <v>1027</v>
      </c>
      <c r="E637" t="s">
        <v>30929</v>
      </c>
      <c r="F637">
        <v>4</v>
      </c>
      <c r="H637" t="s">
        <v>1028</v>
      </c>
      <c r="I637" t="s">
        <v>30540</v>
      </c>
    </row>
    <row r="638" spans="1:9">
      <c r="A638" s="1">
        <f ca="1">RAND()</f>
        <v>0.63301783368651565</v>
      </c>
      <c r="B638" s="1"/>
      <c r="C638">
        <v>8</v>
      </c>
      <c r="D638" t="s">
        <v>1025</v>
      </c>
      <c r="E638" t="s">
        <v>30930</v>
      </c>
      <c r="F638">
        <v>4</v>
      </c>
      <c r="H638" t="s">
        <v>1026</v>
      </c>
      <c r="I638" t="s">
        <v>30540</v>
      </c>
    </row>
    <row r="639" spans="1:9">
      <c r="A639" s="1">
        <f ca="1">RAND()</f>
        <v>0.89564374083610798</v>
      </c>
      <c r="B639" s="1"/>
      <c r="C639">
        <v>1</v>
      </c>
      <c r="D639" t="s">
        <v>1019</v>
      </c>
      <c r="E639" t="s">
        <v>30930</v>
      </c>
      <c r="F639">
        <v>4</v>
      </c>
      <c r="H639" t="s">
        <v>1020</v>
      </c>
      <c r="I639" t="s">
        <v>30540</v>
      </c>
    </row>
    <row r="640" spans="1:9">
      <c r="A640" s="1">
        <f ca="1">RAND()</f>
        <v>0.65328136583195051</v>
      </c>
      <c r="B640" s="1"/>
      <c r="C640">
        <v>5</v>
      </c>
      <c r="D640" t="s">
        <v>1021</v>
      </c>
      <c r="E640" t="s">
        <v>30930</v>
      </c>
      <c r="F640">
        <v>4</v>
      </c>
      <c r="H640" t="s">
        <v>1022</v>
      </c>
      <c r="I640" t="s">
        <v>30540</v>
      </c>
    </row>
    <row r="641" spans="1:9">
      <c r="A641" s="1">
        <f ca="1">RAND()</f>
        <v>0.60320926762992821</v>
      </c>
      <c r="B641" s="1"/>
      <c r="C641">
        <v>6</v>
      </c>
      <c r="D641" t="s">
        <v>1023</v>
      </c>
      <c r="E641" t="s">
        <v>30930</v>
      </c>
      <c r="F641">
        <v>4</v>
      </c>
      <c r="H641" t="s">
        <v>1024</v>
      </c>
      <c r="I641" t="s">
        <v>30540</v>
      </c>
    </row>
    <row r="642" spans="1:9">
      <c r="A642" s="1">
        <f ca="1">RAND()</f>
        <v>5.9030304613065798E-3</v>
      </c>
      <c r="B642" s="1"/>
      <c r="C642">
        <v>4</v>
      </c>
      <c r="D642" t="s">
        <v>1013</v>
      </c>
      <c r="E642" t="s">
        <v>30931</v>
      </c>
      <c r="F642">
        <v>4</v>
      </c>
      <c r="H642" t="s">
        <v>1014</v>
      </c>
      <c r="I642" t="s">
        <v>30540</v>
      </c>
    </row>
    <row r="643" spans="1:9">
      <c r="A643" s="1">
        <f ca="1">RAND()</f>
        <v>0.98752066320631093</v>
      </c>
      <c r="B643" s="1"/>
      <c r="C643">
        <v>7</v>
      </c>
      <c r="D643" t="s">
        <v>1017</v>
      </c>
      <c r="E643" t="s">
        <v>30931</v>
      </c>
      <c r="F643">
        <v>3</v>
      </c>
      <c r="H643" t="s">
        <v>1018</v>
      </c>
      <c r="I643" t="s">
        <v>30540</v>
      </c>
    </row>
    <row r="644" spans="1:9">
      <c r="A644" s="1">
        <f ca="1">RAND()</f>
        <v>0.80842812578355783</v>
      </c>
      <c r="B644" s="1"/>
      <c r="C644">
        <v>5</v>
      </c>
      <c r="D644" t="s">
        <v>1015</v>
      </c>
      <c r="E644" t="s">
        <v>30931</v>
      </c>
      <c r="F644">
        <v>1</v>
      </c>
      <c r="H644" t="s">
        <v>1016</v>
      </c>
      <c r="I644" t="s">
        <v>30540</v>
      </c>
    </row>
    <row r="645" spans="1:9">
      <c r="A645" s="1">
        <f ca="1">RAND()</f>
        <v>0.27275577677465823</v>
      </c>
      <c r="B645" s="1"/>
      <c r="C645">
        <v>4</v>
      </c>
      <c r="D645" t="s">
        <v>1011</v>
      </c>
      <c r="E645" t="s">
        <v>30932</v>
      </c>
      <c r="F645">
        <v>5</v>
      </c>
      <c r="G645" t="s">
        <v>838</v>
      </c>
      <c r="H645" t="s">
        <v>1012</v>
      </c>
      <c r="I645" t="s">
        <v>30540</v>
      </c>
    </row>
    <row r="646" spans="1:9">
      <c r="A646" s="1">
        <f ca="1">RAND()</f>
        <v>0.35962121970037597</v>
      </c>
      <c r="B646" s="1"/>
      <c r="C646">
        <v>2</v>
      </c>
      <c r="D646" t="s">
        <v>1009</v>
      </c>
      <c r="E646" t="s">
        <v>30932</v>
      </c>
      <c r="F646">
        <v>4</v>
      </c>
      <c r="H646" t="s">
        <v>1010</v>
      </c>
      <c r="I646" t="s">
        <v>30540</v>
      </c>
    </row>
    <row r="647" spans="1:9">
      <c r="A647" s="1">
        <f ca="1">RAND()</f>
        <v>0.52519113354303959</v>
      </c>
      <c r="B647" s="1"/>
      <c r="C647">
        <v>4</v>
      </c>
      <c r="D647" t="s">
        <v>1007</v>
      </c>
      <c r="E647" t="s">
        <v>30933</v>
      </c>
      <c r="F647">
        <v>4</v>
      </c>
      <c r="H647" t="s">
        <v>1008</v>
      </c>
      <c r="I647" t="s">
        <v>30540</v>
      </c>
    </row>
    <row r="648" spans="1:9">
      <c r="A648" s="1">
        <f ca="1">RAND()</f>
        <v>0.80757333775639262</v>
      </c>
      <c r="B648" s="1"/>
      <c r="C648">
        <v>3</v>
      </c>
      <c r="D648" t="s">
        <v>1005</v>
      </c>
      <c r="E648" t="s">
        <v>30933</v>
      </c>
      <c r="F648">
        <v>4</v>
      </c>
      <c r="G648" t="s">
        <v>838</v>
      </c>
      <c r="H648" t="s">
        <v>1006</v>
      </c>
      <c r="I648" t="s">
        <v>30540</v>
      </c>
    </row>
    <row r="649" spans="1:9">
      <c r="A649" s="1">
        <f ca="1">RAND()</f>
        <v>0.64308907183828312</v>
      </c>
      <c r="B649" s="1"/>
      <c r="C649">
        <v>5</v>
      </c>
      <c r="D649" t="s">
        <v>1001</v>
      </c>
      <c r="E649" t="s">
        <v>30934</v>
      </c>
      <c r="F649">
        <v>5</v>
      </c>
      <c r="H649" t="s">
        <v>1002</v>
      </c>
      <c r="I649" t="s">
        <v>30540</v>
      </c>
    </row>
    <row r="650" spans="1:9">
      <c r="A650" s="1">
        <f ca="1">RAND()</f>
        <v>0.74063400704405691</v>
      </c>
      <c r="B650" s="1"/>
      <c r="C650">
        <v>6</v>
      </c>
      <c r="D650" t="s">
        <v>1003</v>
      </c>
      <c r="E650" t="s">
        <v>30934</v>
      </c>
      <c r="F650">
        <v>4</v>
      </c>
      <c r="H650" t="s">
        <v>1004</v>
      </c>
      <c r="I650" t="s">
        <v>30540</v>
      </c>
    </row>
    <row r="651" spans="1:9">
      <c r="A651" s="1">
        <f ca="1">RAND()</f>
        <v>0.73724749882047469</v>
      </c>
      <c r="B651" s="1"/>
      <c r="C651">
        <v>1</v>
      </c>
      <c r="D651" t="s">
        <v>997</v>
      </c>
      <c r="E651" t="s">
        <v>30935</v>
      </c>
      <c r="F651">
        <v>4</v>
      </c>
      <c r="H651" t="s">
        <v>998</v>
      </c>
      <c r="I651" t="s">
        <v>30540</v>
      </c>
    </row>
    <row r="652" spans="1:9">
      <c r="A652" s="1">
        <f ca="1">RAND()</f>
        <v>1.6235919221801343E-2</v>
      </c>
      <c r="B652" s="1"/>
      <c r="C652">
        <v>2</v>
      </c>
      <c r="D652" t="s">
        <v>999</v>
      </c>
      <c r="E652" t="s">
        <v>30935</v>
      </c>
      <c r="F652">
        <v>4</v>
      </c>
      <c r="H652" t="s">
        <v>1000</v>
      </c>
      <c r="I652" t="s">
        <v>30540</v>
      </c>
    </row>
    <row r="653" spans="1:9">
      <c r="A653" s="1">
        <f ca="1">RAND()</f>
        <v>0.45376288977490531</v>
      </c>
      <c r="B653" s="1"/>
      <c r="C653">
        <v>2</v>
      </c>
      <c r="D653" t="s">
        <v>995</v>
      </c>
      <c r="E653" t="s">
        <v>30936</v>
      </c>
      <c r="F653">
        <v>2</v>
      </c>
      <c r="H653" t="s">
        <v>996</v>
      </c>
      <c r="I653" t="s">
        <v>30540</v>
      </c>
    </row>
    <row r="654" spans="1:9">
      <c r="A654" s="1">
        <f ca="1">RAND()</f>
        <v>0.57784417752659045</v>
      </c>
      <c r="B654" s="1"/>
      <c r="C654">
        <v>6</v>
      </c>
      <c r="D654" t="s">
        <v>991</v>
      </c>
      <c r="E654" t="s">
        <v>30937</v>
      </c>
      <c r="F654">
        <v>5</v>
      </c>
      <c r="H654" t="s">
        <v>992</v>
      </c>
      <c r="I654" t="s">
        <v>30540</v>
      </c>
    </row>
    <row r="655" spans="1:9">
      <c r="A655" s="1">
        <f ca="1">RAND()</f>
        <v>0.96688719795867695</v>
      </c>
      <c r="B655" s="1"/>
      <c r="C655">
        <v>7</v>
      </c>
      <c r="D655" t="s">
        <v>993</v>
      </c>
      <c r="E655" t="s">
        <v>30937</v>
      </c>
      <c r="F655">
        <v>5</v>
      </c>
      <c r="H655" t="s">
        <v>994</v>
      </c>
      <c r="I655" t="s">
        <v>30540</v>
      </c>
    </row>
    <row r="656" spans="1:9">
      <c r="A656" s="1">
        <f ca="1">RAND()</f>
        <v>0.94347183858678996</v>
      </c>
      <c r="B656" s="1"/>
      <c r="C656">
        <v>3</v>
      </c>
      <c r="D656" t="s">
        <v>989</v>
      </c>
      <c r="E656" t="s">
        <v>30937</v>
      </c>
      <c r="F656">
        <v>4</v>
      </c>
      <c r="H656" t="s">
        <v>990</v>
      </c>
      <c r="I656" t="s">
        <v>30540</v>
      </c>
    </row>
    <row r="657" spans="1:9">
      <c r="A657" s="1">
        <f ca="1">RAND()</f>
        <v>0.16546413525694492</v>
      </c>
      <c r="B657" s="1"/>
      <c r="C657">
        <v>4</v>
      </c>
      <c r="D657" t="s">
        <v>987</v>
      </c>
      <c r="E657" t="s">
        <v>30938</v>
      </c>
      <c r="F657">
        <v>4</v>
      </c>
      <c r="H657" t="s">
        <v>988</v>
      </c>
      <c r="I657" t="s">
        <v>30540</v>
      </c>
    </row>
    <row r="658" spans="1:9">
      <c r="A658" s="1">
        <f ca="1">RAND()</f>
        <v>0.67620894841684065</v>
      </c>
      <c r="B658" s="1"/>
      <c r="C658">
        <v>2</v>
      </c>
      <c r="D658" t="s">
        <v>985</v>
      </c>
      <c r="E658" t="s">
        <v>30938</v>
      </c>
      <c r="F658">
        <v>3</v>
      </c>
      <c r="H658" t="s">
        <v>986</v>
      </c>
      <c r="I658" t="s">
        <v>30540</v>
      </c>
    </row>
    <row r="659" spans="1:9">
      <c r="A659" s="1">
        <f ca="1">RAND()</f>
        <v>0.62531294244563951</v>
      </c>
      <c r="B659" s="1"/>
      <c r="C659">
        <v>1</v>
      </c>
      <c r="D659" t="s">
        <v>979</v>
      </c>
      <c r="E659" t="s">
        <v>30939</v>
      </c>
      <c r="F659">
        <v>4</v>
      </c>
      <c r="H659" t="s">
        <v>980</v>
      </c>
      <c r="I659" t="s">
        <v>30540</v>
      </c>
    </row>
    <row r="660" spans="1:9">
      <c r="A660" s="1">
        <f ca="1">RAND()</f>
        <v>0.14859956591909529</v>
      </c>
      <c r="B660" s="1"/>
      <c r="C660">
        <v>3</v>
      </c>
      <c r="D660" t="s">
        <v>981</v>
      </c>
      <c r="E660" t="s">
        <v>30939</v>
      </c>
      <c r="F660">
        <v>4</v>
      </c>
      <c r="H660" t="s">
        <v>982</v>
      </c>
      <c r="I660" t="s">
        <v>30540</v>
      </c>
    </row>
    <row r="661" spans="1:9">
      <c r="A661" s="1">
        <f ca="1">RAND()</f>
        <v>0.46979910818932191</v>
      </c>
      <c r="B661" s="1"/>
      <c r="C661">
        <v>4</v>
      </c>
      <c r="D661" t="s">
        <v>983</v>
      </c>
      <c r="E661" t="s">
        <v>30939</v>
      </c>
      <c r="F661">
        <v>2</v>
      </c>
      <c r="H661" t="s">
        <v>984</v>
      </c>
      <c r="I661" t="s">
        <v>30540</v>
      </c>
    </row>
    <row r="662" spans="1:9">
      <c r="A662" s="1">
        <f ca="1">RAND()</f>
        <v>0.44635480495862523</v>
      </c>
      <c r="B662" s="1"/>
      <c r="C662">
        <v>5</v>
      </c>
      <c r="D662" t="s">
        <v>977</v>
      </c>
      <c r="E662" t="s">
        <v>30940</v>
      </c>
      <c r="F662">
        <v>4</v>
      </c>
      <c r="H662" t="s">
        <v>978</v>
      </c>
      <c r="I662" t="s">
        <v>30540</v>
      </c>
    </row>
    <row r="663" spans="1:9">
      <c r="A663" s="1">
        <f ca="1">RAND()</f>
        <v>0.7210571102118567</v>
      </c>
      <c r="B663" s="1"/>
      <c r="C663">
        <v>1</v>
      </c>
      <c r="D663" t="s">
        <v>975</v>
      </c>
      <c r="E663" t="s">
        <v>30940</v>
      </c>
      <c r="F663">
        <v>3</v>
      </c>
      <c r="H663" t="s">
        <v>976</v>
      </c>
      <c r="I663" t="s">
        <v>30540</v>
      </c>
    </row>
    <row r="664" spans="1:9">
      <c r="A664" s="1">
        <f ca="1">RAND()</f>
        <v>0.76784665996269597</v>
      </c>
      <c r="B664" s="1"/>
      <c r="C664">
        <v>3</v>
      </c>
      <c r="D664" t="s">
        <v>973</v>
      </c>
      <c r="E664" t="s">
        <v>30941</v>
      </c>
      <c r="F664">
        <v>4</v>
      </c>
      <c r="H664" t="s">
        <v>974</v>
      </c>
      <c r="I664" t="s">
        <v>30540</v>
      </c>
    </row>
    <row r="665" spans="1:9">
      <c r="A665" s="1">
        <f ca="1">RAND()</f>
        <v>0.52440326087692035</v>
      </c>
      <c r="B665" s="1"/>
      <c r="C665">
        <v>7</v>
      </c>
      <c r="D665" t="s">
        <v>971</v>
      </c>
      <c r="E665" t="s">
        <v>30942</v>
      </c>
      <c r="F665">
        <v>4</v>
      </c>
      <c r="H665" t="s">
        <v>972</v>
      </c>
      <c r="I665" t="s">
        <v>30540</v>
      </c>
    </row>
    <row r="666" spans="1:9">
      <c r="A666" s="1">
        <f ca="1">RAND()</f>
        <v>6.4866439175223611E-2</v>
      </c>
      <c r="B666" s="1"/>
      <c r="C666">
        <v>1</v>
      </c>
      <c r="D666" t="s">
        <v>967</v>
      </c>
      <c r="E666" t="s">
        <v>30943</v>
      </c>
      <c r="F666">
        <v>4</v>
      </c>
      <c r="G666" t="s">
        <v>838</v>
      </c>
      <c r="H666" t="s">
        <v>968</v>
      </c>
      <c r="I666" t="s">
        <v>30540</v>
      </c>
    </row>
    <row r="667" spans="1:9">
      <c r="A667" s="1">
        <f ca="1">RAND()</f>
        <v>0.55277369422782163</v>
      </c>
      <c r="B667" s="1"/>
      <c r="C667">
        <v>5</v>
      </c>
      <c r="D667" t="s">
        <v>969</v>
      </c>
      <c r="E667" t="s">
        <v>30943</v>
      </c>
      <c r="F667">
        <v>4</v>
      </c>
      <c r="H667" t="s">
        <v>970</v>
      </c>
      <c r="I667" t="s">
        <v>30540</v>
      </c>
    </row>
    <row r="668" spans="1:9">
      <c r="A668" s="1">
        <f ca="1">RAND()</f>
        <v>0.16230577388658329</v>
      </c>
      <c r="B668" s="1"/>
      <c r="C668">
        <v>4</v>
      </c>
      <c r="D668" t="s">
        <v>965</v>
      </c>
      <c r="E668" t="s">
        <v>30944</v>
      </c>
      <c r="F668">
        <v>4</v>
      </c>
      <c r="H668" t="s">
        <v>966</v>
      </c>
      <c r="I668" t="s">
        <v>30540</v>
      </c>
    </row>
    <row r="669" spans="1:9">
      <c r="A669" s="1">
        <f ca="1">RAND()</f>
        <v>8.6971550583706425E-2</v>
      </c>
      <c r="B669" s="1"/>
      <c r="C669">
        <v>2</v>
      </c>
      <c r="D669" t="s">
        <v>963</v>
      </c>
      <c r="E669" t="s">
        <v>30944</v>
      </c>
      <c r="F669">
        <v>3</v>
      </c>
      <c r="H669" t="s">
        <v>964</v>
      </c>
      <c r="I669" t="s">
        <v>30540</v>
      </c>
    </row>
    <row r="670" spans="1:9">
      <c r="A670" s="1">
        <f ca="1">RAND()</f>
        <v>0.41651603461816</v>
      </c>
      <c r="B670" s="1"/>
      <c r="C670">
        <v>5</v>
      </c>
      <c r="D670" t="s">
        <v>961</v>
      </c>
      <c r="E670" t="s">
        <v>30945</v>
      </c>
      <c r="F670">
        <v>4</v>
      </c>
      <c r="H670" t="s">
        <v>962</v>
      </c>
      <c r="I670" t="s">
        <v>30540</v>
      </c>
    </row>
    <row r="671" spans="1:9">
      <c r="A671" s="1">
        <f ca="1">RAND()</f>
        <v>9.6503778690767317E-2</v>
      </c>
      <c r="B671" s="1"/>
      <c r="C671">
        <v>4</v>
      </c>
      <c r="D671" t="s">
        <v>959</v>
      </c>
      <c r="E671" t="s">
        <v>30945</v>
      </c>
      <c r="F671">
        <v>4</v>
      </c>
      <c r="H671" t="s">
        <v>960</v>
      </c>
      <c r="I671" t="s">
        <v>30540</v>
      </c>
    </row>
    <row r="672" spans="1:9">
      <c r="A672" s="1">
        <f ca="1">RAND()</f>
        <v>0.87179483862328644</v>
      </c>
      <c r="B672" s="1"/>
      <c r="C672">
        <v>3</v>
      </c>
      <c r="D672" t="s">
        <v>957</v>
      </c>
      <c r="E672" t="s">
        <v>30946</v>
      </c>
      <c r="F672">
        <v>4</v>
      </c>
      <c r="H672" t="s">
        <v>958</v>
      </c>
      <c r="I672" t="s">
        <v>30540</v>
      </c>
    </row>
    <row r="673" spans="1:9">
      <c r="A673" s="1">
        <f ca="1">RAND()</f>
        <v>0.3021563389599542</v>
      </c>
      <c r="B673" s="1"/>
      <c r="C673">
        <v>2</v>
      </c>
      <c r="D673" t="s">
        <v>955</v>
      </c>
      <c r="E673" t="s">
        <v>30947</v>
      </c>
      <c r="F673">
        <v>4</v>
      </c>
      <c r="H673" t="s">
        <v>956</v>
      </c>
      <c r="I673" t="s">
        <v>30540</v>
      </c>
    </row>
    <row r="674" spans="1:9">
      <c r="A674" s="1">
        <f ca="1">RAND()</f>
        <v>0.63398536254239768</v>
      </c>
      <c r="B674" s="1"/>
      <c r="C674">
        <v>4</v>
      </c>
      <c r="D674" t="s">
        <v>953</v>
      </c>
      <c r="E674" t="s">
        <v>30948</v>
      </c>
      <c r="F674">
        <v>4</v>
      </c>
      <c r="H674" t="s">
        <v>954</v>
      </c>
      <c r="I674" t="s">
        <v>30540</v>
      </c>
    </row>
    <row r="675" spans="1:9">
      <c r="A675" s="1">
        <f ca="1">RAND()</f>
        <v>0.7359488464606585</v>
      </c>
      <c r="B675" s="1"/>
      <c r="C675">
        <v>2</v>
      </c>
      <c r="D675" t="s">
        <v>951</v>
      </c>
      <c r="E675" t="s">
        <v>30949</v>
      </c>
      <c r="F675">
        <v>4</v>
      </c>
      <c r="H675" t="s">
        <v>952</v>
      </c>
      <c r="I675" t="s">
        <v>30540</v>
      </c>
    </row>
    <row r="676" spans="1:9">
      <c r="A676" s="1">
        <f ca="1">RAND()</f>
        <v>0.41648306671983759</v>
      </c>
      <c r="B676" s="1"/>
      <c r="C676">
        <v>1</v>
      </c>
      <c r="D676" t="s">
        <v>949</v>
      </c>
      <c r="E676" t="s">
        <v>30949</v>
      </c>
      <c r="F676">
        <v>2</v>
      </c>
      <c r="G676" t="s">
        <v>838</v>
      </c>
      <c r="H676" t="s">
        <v>950</v>
      </c>
      <c r="I676" t="s">
        <v>30540</v>
      </c>
    </row>
    <row r="677" spans="1:9">
      <c r="A677" s="1">
        <f ca="1">RAND()</f>
        <v>0.90317492454307846</v>
      </c>
      <c r="B677" s="1"/>
      <c r="C677">
        <v>3</v>
      </c>
      <c r="D677" t="s">
        <v>947</v>
      </c>
      <c r="E677" t="s">
        <v>30950</v>
      </c>
      <c r="F677">
        <v>4</v>
      </c>
      <c r="H677" t="s">
        <v>948</v>
      </c>
      <c r="I677" t="s">
        <v>30540</v>
      </c>
    </row>
    <row r="678" spans="1:9">
      <c r="A678" s="1">
        <f ca="1">RAND()</f>
        <v>0.37169714191261294</v>
      </c>
      <c r="B678" s="1"/>
      <c r="C678">
        <v>1</v>
      </c>
      <c r="D678" t="s">
        <v>945</v>
      </c>
      <c r="E678" t="s">
        <v>30951</v>
      </c>
      <c r="F678">
        <v>4</v>
      </c>
      <c r="G678" t="s">
        <v>838</v>
      </c>
      <c r="H678" t="s">
        <v>946</v>
      </c>
      <c r="I678" t="s">
        <v>30540</v>
      </c>
    </row>
    <row r="679" spans="1:9">
      <c r="A679" s="1">
        <f ca="1">RAND()</f>
        <v>0.14514734141133601</v>
      </c>
      <c r="B679" s="1"/>
      <c r="C679">
        <v>1</v>
      </c>
      <c r="D679" t="s">
        <v>943</v>
      </c>
      <c r="E679" t="s">
        <v>30952</v>
      </c>
      <c r="F679">
        <v>3</v>
      </c>
      <c r="H679" t="s">
        <v>944</v>
      </c>
      <c r="I679" t="s">
        <v>30540</v>
      </c>
    </row>
    <row r="680" spans="1:9">
      <c r="A680" s="1">
        <f ca="1">RAND()</f>
        <v>0.74670176286880141</v>
      </c>
      <c r="B680" s="1"/>
      <c r="C680">
        <v>1</v>
      </c>
      <c r="D680" t="s">
        <v>941</v>
      </c>
      <c r="E680" t="s">
        <v>30953</v>
      </c>
      <c r="F680">
        <v>4</v>
      </c>
      <c r="H680" t="s">
        <v>942</v>
      </c>
      <c r="I680" t="s">
        <v>30540</v>
      </c>
    </row>
    <row r="681" spans="1:9">
      <c r="A681" s="1">
        <f ca="1">RAND()</f>
        <v>0.89715918834101793</v>
      </c>
      <c r="B681" s="1"/>
      <c r="C681">
        <v>3</v>
      </c>
      <c r="D681" t="s">
        <v>939</v>
      </c>
      <c r="E681" t="s">
        <v>30954</v>
      </c>
      <c r="F681">
        <v>3</v>
      </c>
      <c r="H681" t="s">
        <v>940</v>
      </c>
      <c r="I681" t="s">
        <v>30540</v>
      </c>
    </row>
    <row r="682" spans="1:9">
      <c r="A682" s="1">
        <f ca="1">RAND()</f>
        <v>0.25232354012249469</v>
      </c>
      <c r="B682" s="1"/>
      <c r="C682">
        <v>3</v>
      </c>
      <c r="D682" t="s">
        <v>937</v>
      </c>
      <c r="E682" t="s">
        <v>30955</v>
      </c>
      <c r="F682">
        <v>4</v>
      </c>
      <c r="H682" t="s">
        <v>938</v>
      </c>
      <c r="I682" t="s">
        <v>30540</v>
      </c>
    </row>
    <row r="683" spans="1:9">
      <c r="A683" s="1">
        <f ca="1">RAND()</f>
        <v>0.14482988436617938</v>
      </c>
      <c r="B683" s="1"/>
      <c r="C683">
        <v>8</v>
      </c>
      <c r="D683" t="s">
        <v>933</v>
      </c>
      <c r="E683" t="s">
        <v>30956</v>
      </c>
      <c r="F683">
        <v>5</v>
      </c>
      <c r="G683" t="s">
        <v>15</v>
      </c>
      <c r="H683" t="s">
        <v>934</v>
      </c>
      <c r="I683" t="s">
        <v>30540</v>
      </c>
    </row>
    <row r="684" spans="1:9">
      <c r="A684" s="1">
        <f ca="1">RAND()</f>
        <v>3.1435375690555323E-2</v>
      </c>
      <c r="B684" s="1"/>
      <c r="C684">
        <v>1</v>
      </c>
      <c r="D684" t="s">
        <v>927</v>
      </c>
      <c r="E684" t="s">
        <v>30956</v>
      </c>
      <c r="F684">
        <v>4</v>
      </c>
      <c r="G684" t="s">
        <v>15</v>
      </c>
      <c r="H684" t="s">
        <v>928</v>
      </c>
      <c r="I684" t="s">
        <v>30540</v>
      </c>
    </row>
    <row r="685" spans="1:9">
      <c r="A685" s="1">
        <f ca="1">RAND()</f>
        <v>8.6255222233734274E-3</v>
      </c>
      <c r="B685" s="1"/>
      <c r="C685">
        <v>6</v>
      </c>
      <c r="D685" t="s">
        <v>931</v>
      </c>
      <c r="E685" t="s">
        <v>30956</v>
      </c>
      <c r="F685">
        <v>4</v>
      </c>
      <c r="G685" t="s">
        <v>0</v>
      </c>
      <c r="H685" t="s">
        <v>932</v>
      </c>
      <c r="I685" t="s">
        <v>30540</v>
      </c>
    </row>
    <row r="686" spans="1:9">
      <c r="A686" s="1">
        <f ca="1">RAND()</f>
        <v>0.9198919715995425</v>
      </c>
      <c r="B686" s="1"/>
      <c r="C686">
        <v>9</v>
      </c>
      <c r="D686" t="s">
        <v>935</v>
      </c>
      <c r="E686" t="s">
        <v>30956</v>
      </c>
      <c r="F686">
        <v>4</v>
      </c>
      <c r="G686" t="s">
        <v>1</v>
      </c>
      <c r="H686" t="s">
        <v>936</v>
      </c>
      <c r="I686" t="s">
        <v>30540</v>
      </c>
    </row>
    <row r="687" spans="1:9">
      <c r="A687" s="1">
        <f ca="1">RAND()</f>
        <v>0.14512936698498902</v>
      </c>
      <c r="B687" s="1"/>
      <c r="C687">
        <v>3</v>
      </c>
      <c r="D687" t="s">
        <v>929</v>
      </c>
      <c r="E687" t="s">
        <v>30956</v>
      </c>
      <c r="F687">
        <v>3</v>
      </c>
      <c r="G687" t="s">
        <v>10</v>
      </c>
      <c r="H687" t="s">
        <v>930</v>
      </c>
      <c r="I687" t="s">
        <v>30540</v>
      </c>
    </row>
    <row r="688" spans="1:9">
      <c r="A688" s="1">
        <f ca="1">RAND()</f>
        <v>0.94671833743765565</v>
      </c>
      <c r="B688" s="1"/>
      <c r="C688">
        <v>1</v>
      </c>
      <c r="D688" t="s">
        <v>925</v>
      </c>
      <c r="E688" t="s">
        <v>30957</v>
      </c>
      <c r="F688">
        <v>4</v>
      </c>
      <c r="H688" t="s">
        <v>926</v>
      </c>
      <c r="I688" t="s">
        <v>30540</v>
      </c>
    </row>
    <row r="689" spans="1:9">
      <c r="A689" s="1">
        <f ca="1">RAND()</f>
        <v>0.21717690390574007</v>
      </c>
      <c r="B689" s="1"/>
      <c r="C689">
        <v>6</v>
      </c>
      <c r="D689" t="s">
        <v>923</v>
      </c>
      <c r="E689" t="s">
        <v>30958</v>
      </c>
      <c r="F689">
        <v>4</v>
      </c>
      <c r="H689" t="s">
        <v>924</v>
      </c>
      <c r="I689" t="s">
        <v>30540</v>
      </c>
    </row>
    <row r="690" spans="1:9">
      <c r="A690" s="1">
        <f ca="1">RAND()</f>
        <v>0.48105378165625057</v>
      </c>
      <c r="B690" s="1"/>
      <c r="C690">
        <v>3</v>
      </c>
      <c r="D690" t="s">
        <v>921</v>
      </c>
      <c r="E690" t="s">
        <v>30958</v>
      </c>
      <c r="F690">
        <v>4</v>
      </c>
      <c r="H690" t="s">
        <v>922</v>
      </c>
      <c r="I690" t="s">
        <v>30540</v>
      </c>
    </row>
    <row r="691" spans="1:9">
      <c r="A691" s="1">
        <f ca="1">RAND()</f>
        <v>0.40637797235333462</v>
      </c>
      <c r="B691" s="1"/>
      <c r="C691">
        <v>2</v>
      </c>
      <c r="D691" t="s">
        <v>917</v>
      </c>
      <c r="E691" t="s">
        <v>30959</v>
      </c>
      <c r="F691">
        <v>4</v>
      </c>
      <c r="H691" t="s">
        <v>918</v>
      </c>
      <c r="I691" t="s">
        <v>30540</v>
      </c>
    </row>
    <row r="692" spans="1:9">
      <c r="A692" s="1">
        <f ca="1">RAND()</f>
        <v>0.5295878090835836</v>
      </c>
      <c r="B692" s="1"/>
      <c r="C692">
        <v>3</v>
      </c>
      <c r="D692" t="s">
        <v>919</v>
      </c>
      <c r="E692" t="s">
        <v>30959</v>
      </c>
      <c r="F692">
        <v>4</v>
      </c>
      <c r="H692" t="s">
        <v>920</v>
      </c>
      <c r="I692" t="s">
        <v>30540</v>
      </c>
    </row>
    <row r="693" spans="1:9">
      <c r="A693" s="1">
        <f ca="1">RAND()</f>
        <v>0.22179972806023129</v>
      </c>
      <c r="B693" s="1"/>
      <c r="C693">
        <v>1</v>
      </c>
      <c r="D693" t="s">
        <v>915</v>
      </c>
      <c r="E693" t="s">
        <v>30959</v>
      </c>
      <c r="F693">
        <v>4</v>
      </c>
      <c r="H693" t="s">
        <v>916</v>
      </c>
      <c r="I693" t="s">
        <v>30540</v>
      </c>
    </row>
    <row r="694" spans="1:9">
      <c r="A694" s="1">
        <f ca="1">RAND()</f>
        <v>0.12723840015022414</v>
      </c>
      <c r="B694" s="1"/>
      <c r="C694">
        <v>2</v>
      </c>
      <c r="D694" t="s">
        <v>913</v>
      </c>
      <c r="E694" t="s">
        <v>30960</v>
      </c>
      <c r="F694">
        <v>4</v>
      </c>
      <c r="G694" t="s">
        <v>838</v>
      </c>
      <c r="H694" t="s">
        <v>914</v>
      </c>
      <c r="I694" t="s">
        <v>30540</v>
      </c>
    </row>
    <row r="695" spans="1:9">
      <c r="A695" s="1">
        <f ca="1">RAND()</f>
        <v>0.91982315120188884</v>
      </c>
      <c r="B695" s="1"/>
      <c r="C695">
        <v>3</v>
      </c>
      <c r="D695" t="s">
        <v>911</v>
      </c>
      <c r="E695" t="s">
        <v>30961</v>
      </c>
      <c r="F695">
        <v>4</v>
      </c>
      <c r="H695" t="s">
        <v>912</v>
      </c>
      <c r="I695" t="s">
        <v>30540</v>
      </c>
    </row>
    <row r="696" spans="1:9">
      <c r="A696" s="1">
        <f ca="1">RAND()</f>
        <v>0.60671942678546842</v>
      </c>
      <c r="B696" s="1"/>
      <c r="C696">
        <v>5</v>
      </c>
      <c r="D696" t="s">
        <v>909</v>
      </c>
      <c r="E696" t="s">
        <v>30962</v>
      </c>
      <c r="F696">
        <v>5</v>
      </c>
      <c r="H696" t="s">
        <v>910</v>
      </c>
      <c r="I696" t="s">
        <v>30540</v>
      </c>
    </row>
    <row r="697" spans="1:9">
      <c r="A697" s="1">
        <f ca="1">RAND()</f>
        <v>0.26006511782563635</v>
      </c>
      <c r="B697" s="1"/>
      <c r="C697">
        <v>2</v>
      </c>
      <c r="D697" t="s">
        <v>907</v>
      </c>
      <c r="E697" t="s">
        <v>30962</v>
      </c>
      <c r="F697">
        <v>3</v>
      </c>
      <c r="H697" t="s">
        <v>908</v>
      </c>
      <c r="I697" t="s">
        <v>30540</v>
      </c>
    </row>
    <row r="698" spans="1:9">
      <c r="A698" s="1">
        <f ca="1">RAND()</f>
        <v>0.97279237789326567</v>
      </c>
      <c r="B698" s="1"/>
      <c r="C698">
        <v>5</v>
      </c>
      <c r="D698" t="s">
        <v>901</v>
      </c>
      <c r="E698" t="s">
        <v>30963</v>
      </c>
      <c r="F698">
        <v>4</v>
      </c>
      <c r="H698" t="s">
        <v>902</v>
      </c>
      <c r="I698" t="s">
        <v>30540</v>
      </c>
    </row>
    <row r="699" spans="1:9">
      <c r="A699" s="1">
        <f ca="1">RAND()</f>
        <v>0.29575363032621538</v>
      </c>
      <c r="B699" s="1"/>
      <c r="C699">
        <v>6</v>
      </c>
      <c r="D699" t="s">
        <v>903</v>
      </c>
      <c r="E699" t="s">
        <v>30963</v>
      </c>
      <c r="F699">
        <v>4</v>
      </c>
      <c r="H699" t="s">
        <v>904</v>
      </c>
      <c r="I699" t="s">
        <v>30540</v>
      </c>
    </row>
    <row r="700" spans="1:9">
      <c r="A700" s="1">
        <f ca="1">RAND()</f>
        <v>0.8800704281668672</v>
      </c>
      <c r="B700" s="1"/>
      <c r="C700">
        <v>7</v>
      </c>
      <c r="D700" t="s">
        <v>905</v>
      </c>
      <c r="E700" t="s">
        <v>30963</v>
      </c>
      <c r="F700">
        <v>1</v>
      </c>
      <c r="H700" t="s">
        <v>906</v>
      </c>
      <c r="I700" t="s">
        <v>30540</v>
      </c>
    </row>
    <row r="701" spans="1:9">
      <c r="A701" s="1">
        <f ca="1">RAND()</f>
        <v>0.35047657551537759</v>
      </c>
      <c r="B701" s="1"/>
      <c r="C701">
        <v>1</v>
      </c>
      <c r="D701" t="s">
        <v>897</v>
      </c>
      <c r="E701" t="s">
        <v>30964</v>
      </c>
      <c r="F701">
        <v>5</v>
      </c>
      <c r="H701" t="s">
        <v>898</v>
      </c>
      <c r="I701" t="s">
        <v>30540</v>
      </c>
    </row>
    <row r="702" spans="1:9">
      <c r="A702" s="1">
        <f ca="1">RAND()</f>
        <v>0.68406083318005406</v>
      </c>
      <c r="B702" s="1"/>
      <c r="C702">
        <v>3</v>
      </c>
      <c r="D702" t="s">
        <v>899</v>
      </c>
      <c r="E702" t="s">
        <v>30964</v>
      </c>
      <c r="F702">
        <v>4</v>
      </c>
      <c r="H702" t="s">
        <v>900</v>
      </c>
      <c r="I702" t="s">
        <v>30540</v>
      </c>
    </row>
    <row r="703" spans="1:9">
      <c r="A703" s="1">
        <f ca="1">RAND()</f>
        <v>0.69287725376618126</v>
      </c>
      <c r="B703" s="1"/>
      <c r="C703">
        <v>2</v>
      </c>
      <c r="D703" t="s">
        <v>893</v>
      </c>
      <c r="E703" t="s">
        <v>30965</v>
      </c>
      <c r="F703">
        <v>4</v>
      </c>
      <c r="H703" t="s">
        <v>894</v>
      </c>
      <c r="I703" t="s">
        <v>30540</v>
      </c>
    </row>
    <row r="704" spans="1:9">
      <c r="A704" s="1">
        <f ca="1">RAND()</f>
        <v>0.95642965246292388</v>
      </c>
      <c r="B704" s="1"/>
      <c r="C704">
        <v>1</v>
      </c>
      <c r="D704" t="s">
        <v>891</v>
      </c>
      <c r="E704" t="s">
        <v>30965</v>
      </c>
      <c r="F704">
        <v>4</v>
      </c>
      <c r="H704" t="s">
        <v>892</v>
      </c>
      <c r="I704" t="s">
        <v>30540</v>
      </c>
    </row>
    <row r="705" spans="1:9">
      <c r="A705" s="1">
        <f ca="1">RAND()</f>
        <v>0.77003296477176086</v>
      </c>
      <c r="B705" s="1"/>
      <c r="C705">
        <v>4</v>
      </c>
      <c r="D705" t="s">
        <v>895</v>
      </c>
      <c r="E705" t="s">
        <v>30965</v>
      </c>
      <c r="F705">
        <v>3</v>
      </c>
      <c r="H705" t="s">
        <v>896</v>
      </c>
      <c r="I705" t="s">
        <v>30540</v>
      </c>
    </row>
    <row r="706" spans="1:9">
      <c r="A706" s="1">
        <f ca="1">RAND()</f>
        <v>5.4891862690554794E-2</v>
      </c>
      <c r="B706" s="1"/>
      <c r="C706">
        <v>5</v>
      </c>
      <c r="D706" t="s">
        <v>889</v>
      </c>
      <c r="E706" t="s">
        <v>30966</v>
      </c>
      <c r="F706">
        <v>5</v>
      </c>
      <c r="H706" t="s">
        <v>890</v>
      </c>
      <c r="I706" t="s">
        <v>30540</v>
      </c>
    </row>
    <row r="707" spans="1:9">
      <c r="A707" s="1">
        <f ca="1">RAND()</f>
        <v>0.65719227057027041</v>
      </c>
      <c r="B707" s="1"/>
      <c r="C707">
        <v>4</v>
      </c>
      <c r="D707" t="s">
        <v>887</v>
      </c>
      <c r="E707" t="s">
        <v>30966</v>
      </c>
      <c r="F707">
        <v>4</v>
      </c>
      <c r="H707" t="s">
        <v>888</v>
      </c>
      <c r="I707" t="s">
        <v>30540</v>
      </c>
    </row>
    <row r="708" spans="1:9">
      <c r="A708" s="1">
        <f ca="1">RAND()</f>
        <v>0.83938048963765277</v>
      </c>
      <c r="B708" s="1"/>
      <c r="C708">
        <v>1</v>
      </c>
      <c r="D708" t="s">
        <v>885</v>
      </c>
      <c r="E708" t="s">
        <v>30966</v>
      </c>
      <c r="F708">
        <v>4</v>
      </c>
      <c r="H708" t="s">
        <v>886</v>
      </c>
      <c r="I708" t="s">
        <v>30540</v>
      </c>
    </row>
    <row r="709" spans="1:9">
      <c r="A709" s="1">
        <f ca="1">RAND()</f>
        <v>5.130945632581585E-2</v>
      </c>
      <c r="B709" s="1"/>
      <c r="C709">
        <v>2</v>
      </c>
      <c r="D709" t="s">
        <v>877</v>
      </c>
      <c r="E709" t="s">
        <v>30967</v>
      </c>
      <c r="F709">
        <v>4</v>
      </c>
      <c r="H709" t="s">
        <v>878</v>
      </c>
      <c r="I709" t="s">
        <v>30540</v>
      </c>
    </row>
    <row r="710" spans="1:9">
      <c r="A710" s="1">
        <f ca="1">RAND()</f>
        <v>0.34695240641984704</v>
      </c>
      <c r="B710" s="1"/>
      <c r="C710">
        <v>8</v>
      </c>
      <c r="D710" t="s">
        <v>883</v>
      </c>
      <c r="E710" t="s">
        <v>30967</v>
      </c>
      <c r="F710">
        <v>4</v>
      </c>
      <c r="H710" t="s">
        <v>884</v>
      </c>
      <c r="I710" t="s">
        <v>30540</v>
      </c>
    </row>
    <row r="711" spans="1:9">
      <c r="A711" s="1">
        <f ca="1">RAND()</f>
        <v>8.7549529909731527E-2</v>
      </c>
      <c r="B711" s="1"/>
      <c r="C711">
        <v>5</v>
      </c>
      <c r="D711" t="s">
        <v>879</v>
      </c>
      <c r="E711" t="s">
        <v>30967</v>
      </c>
      <c r="F711">
        <v>4</v>
      </c>
      <c r="H711" t="s">
        <v>880</v>
      </c>
      <c r="I711" t="s">
        <v>30540</v>
      </c>
    </row>
    <row r="712" spans="1:9">
      <c r="A712" s="1">
        <f ca="1">RAND()</f>
        <v>0.30258588844105494</v>
      </c>
      <c r="B712" s="1"/>
      <c r="C712">
        <v>7</v>
      </c>
      <c r="D712" t="s">
        <v>881</v>
      </c>
      <c r="E712" t="s">
        <v>30967</v>
      </c>
      <c r="F712">
        <v>3</v>
      </c>
      <c r="H712" t="s">
        <v>882</v>
      </c>
      <c r="I712" t="s">
        <v>30540</v>
      </c>
    </row>
    <row r="713" spans="1:9">
      <c r="A713" s="1">
        <f ca="1">RAND()</f>
        <v>0.27666834220179426</v>
      </c>
      <c r="B713" s="1"/>
      <c r="C713">
        <v>5</v>
      </c>
      <c r="D713" t="s">
        <v>875</v>
      </c>
      <c r="E713" t="s">
        <v>30968</v>
      </c>
      <c r="F713">
        <v>4</v>
      </c>
      <c r="H713" t="s">
        <v>876</v>
      </c>
      <c r="I713" t="s">
        <v>30540</v>
      </c>
    </row>
    <row r="714" spans="1:9">
      <c r="A714" s="1">
        <f ca="1">RAND()</f>
        <v>7.358673322255127E-2</v>
      </c>
      <c r="B714" s="1"/>
      <c r="C714">
        <v>2</v>
      </c>
      <c r="D714" t="s">
        <v>873</v>
      </c>
      <c r="E714" t="s">
        <v>30968</v>
      </c>
      <c r="F714">
        <v>4</v>
      </c>
      <c r="H714" t="s">
        <v>874</v>
      </c>
      <c r="I714" t="s">
        <v>30540</v>
      </c>
    </row>
    <row r="715" spans="1:9">
      <c r="A715" s="1">
        <f ca="1">RAND()</f>
        <v>4.3374288723616594E-2</v>
      </c>
      <c r="B715" s="1"/>
      <c r="C715">
        <v>1</v>
      </c>
      <c r="D715" t="s">
        <v>871</v>
      </c>
      <c r="E715" t="s">
        <v>30969</v>
      </c>
      <c r="F715">
        <v>5</v>
      </c>
      <c r="H715" t="s">
        <v>872</v>
      </c>
      <c r="I715" t="s">
        <v>30540</v>
      </c>
    </row>
    <row r="716" spans="1:9">
      <c r="A716" s="1">
        <f ca="1">RAND()</f>
        <v>0.85228420567321506</v>
      </c>
      <c r="B716" s="1"/>
      <c r="C716">
        <v>10</v>
      </c>
      <c r="D716" t="s">
        <v>869</v>
      </c>
      <c r="E716" t="s">
        <v>30970</v>
      </c>
      <c r="F716">
        <v>4</v>
      </c>
      <c r="H716" t="s">
        <v>870</v>
      </c>
      <c r="I716" t="s">
        <v>30540</v>
      </c>
    </row>
    <row r="717" spans="1:9">
      <c r="A717" s="1">
        <f ca="1">RAND()</f>
        <v>0.68371624742751291</v>
      </c>
      <c r="B717" s="1"/>
      <c r="C717">
        <v>4</v>
      </c>
      <c r="D717" t="s">
        <v>865</v>
      </c>
      <c r="E717" t="s">
        <v>30970</v>
      </c>
      <c r="F717">
        <v>4</v>
      </c>
      <c r="H717" t="s">
        <v>866</v>
      </c>
      <c r="I717" t="s">
        <v>30540</v>
      </c>
    </row>
    <row r="718" spans="1:9">
      <c r="A718" s="1">
        <f ca="1">RAND()</f>
        <v>0.77788217324991293</v>
      </c>
      <c r="B718" s="1"/>
      <c r="C718">
        <v>7</v>
      </c>
      <c r="D718" t="s">
        <v>867</v>
      </c>
      <c r="E718" t="s">
        <v>30970</v>
      </c>
      <c r="F718">
        <v>1</v>
      </c>
      <c r="H718" t="s">
        <v>868</v>
      </c>
      <c r="I718" t="s">
        <v>30540</v>
      </c>
    </row>
    <row r="719" spans="1:9">
      <c r="A719" s="1">
        <f ca="1">RAND()</f>
        <v>0.62460394390646912</v>
      </c>
      <c r="B719" s="1"/>
      <c r="C719">
        <v>6</v>
      </c>
      <c r="D719" t="s">
        <v>863</v>
      </c>
      <c r="E719" t="s">
        <v>30971</v>
      </c>
      <c r="F719">
        <v>4</v>
      </c>
      <c r="H719" t="s">
        <v>864</v>
      </c>
      <c r="I719" t="s">
        <v>30540</v>
      </c>
    </row>
    <row r="720" spans="1:9">
      <c r="A720" s="1">
        <f ca="1">RAND()</f>
        <v>0.69460164703024208</v>
      </c>
      <c r="B720" s="1"/>
      <c r="C720">
        <v>3</v>
      </c>
      <c r="D720" t="s">
        <v>861</v>
      </c>
      <c r="E720" t="s">
        <v>30971</v>
      </c>
      <c r="F720">
        <v>4</v>
      </c>
      <c r="H720" t="s">
        <v>862</v>
      </c>
      <c r="I720" t="s">
        <v>30540</v>
      </c>
    </row>
    <row r="721" spans="1:9">
      <c r="A721" s="1">
        <f ca="1">RAND()</f>
        <v>0.56944463299533121</v>
      </c>
      <c r="B721" s="1"/>
      <c r="C721">
        <v>4</v>
      </c>
      <c r="D721" t="s">
        <v>859</v>
      </c>
      <c r="E721" t="s">
        <v>30972</v>
      </c>
      <c r="F721">
        <v>4</v>
      </c>
      <c r="G721" t="s">
        <v>838</v>
      </c>
      <c r="H721" t="s">
        <v>860</v>
      </c>
      <c r="I721" t="s">
        <v>30540</v>
      </c>
    </row>
    <row r="722" spans="1:9">
      <c r="A722" s="1">
        <f ca="1">RAND()</f>
        <v>0.10885218707818589</v>
      </c>
      <c r="B722" s="1"/>
      <c r="C722">
        <v>1</v>
      </c>
      <c r="D722" t="s">
        <v>857</v>
      </c>
      <c r="E722" t="s">
        <v>30973</v>
      </c>
      <c r="F722">
        <v>4</v>
      </c>
      <c r="H722" t="s">
        <v>858</v>
      </c>
      <c r="I722" t="s">
        <v>30540</v>
      </c>
    </row>
    <row r="723" spans="1:9">
      <c r="A723" s="1">
        <f ca="1">RAND()</f>
        <v>0.22365626077077949</v>
      </c>
      <c r="B723" s="1"/>
      <c r="C723">
        <v>2</v>
      </c>
      <c r="D723" t="s">
        <v>855</v>
      </c>
      <c r="E723" t="s">
        <v>30974</v>
      </c>
      <c r="F723">
        <v>4</v>
      </c>
      <c r="G723" t="s">
        <v>10</v>
      </c>
      <c r="H723" t="s">
        <v>856</v>
      </c>
      <c r="I723" t="s">
        <v>30540</v>
      </c>
    </row>
    <row r="724" spans="1:9">
      <c r="A724" s="1">
        <f ca="1">RAND()</f>
        <v>0.18269251510968776</v>
      </c>
      <c r="B724" s="1"/>
      <c r="C724">
        <v>1</v>
      </c>
      <c r="D724" t="s">
        <v>853</v>
      </c>
      <c r="E724" t="s">
        <v>30974</v>
      </c>
      <c r="F724">
        <v>4</v>
      </c>
      <c r="G724" t="s">
        <v>15</v>
      </c>
      <c r="H724" t="s">
        <v>854</v>
      </c>
      <c r="I724" t="s">
        <v>30540</v>
      </c>
    </row>
    <row r="725" spans="1:9">
      <c r="A725" s="1">
        <f ca="1">RAND()</f>
        <v>0.53415249155152011</v>
      </c>
      <c r="B725" s="1"/>
      <c r="C725">
        <v>6</v>
      </c>
      <c r="D725" t="s">
        <v>851</v>
      </c>
      <c r="E725" t="s">
        <v>30975</v>
      </c>
      <c r="F725">
        <v>4</v>
      </c>
      <c r="H725" t="s">
        <v>852</v>
      </c>
      <c r="I725" t="s">
        <v>30540</v>
      </c>
    </row>
    <row r="726" spans="1:9">
      <c r="A726" s="1">
        <f ca="1">RAND()</f>
        <v>0.23044007941259048</v>
      </c>
      <c r="B726" s="1"/>
      <c r="C726">
        <v>1</v>
      </c>
      <c r="D726" t="s">
        <v>849</v>
      </c>
      <c r="E726" t="s">
        <v>30976</v>
      </c>
      <c r="F726">
        <v>4</v>
      </c>
      <c r="H726" t="s">
        <v>850</v>
      </c>
      <c r="I726" t="s">
        <v>30540</v>
      </c>
    </row>
    <row r="727" spans="1:9">
      <c r="A727" s="1">
        <f ca="1">RAND()</f>
        <v>0.35115250032840906</v>
      </c>
      <c r="B727" s="1"/>
      <c r="C727">
        <v>3</v>
      </c>
      <c r="D727" t="s">
        <v>847</v>
      </c>
      <c r="E727" t="s">
        <v>30977</v>
      </c>
      <c r="F727">
        <v>2</v>
      </c>
      <c r="H727" t="s">
        <v>848</v>
      </c>
      <c r="I727" t="s">
        <v>30540</v>
      </c>
    </row>
    <row r="728" spans="1:9">
      <c r="A728" s="1">
        <f ca="1">RAND()</f>
        <v>0.78864657776622749</v>
      </c>
      <c r="B728" s="1"/>
      <c r="C728">
        <v>2</v>
      </c>
      <c r="D728" t="s">
        <v>845</v>
      </c>
      <c r="E728" t="s">
        <v>30978</v>
      </c>
      <c r="F728">
        <v>4</v>
      </c>
      <c r="H728" t="s">
        <v>846</v>
      </c>
      <c r="I728" t="s">
        <v>30540</v>
      </c>
    </row>
    <row r="729" spans="1:9">
      <c r="A729" s="1">
        <f ca="1">RAND()</f>
        <v>0.69007476810662227</v>
      </c>
      <c r="B729" s="1"/>
      <c r="C729">
        <v>7</v>
      </c>
      <c r="D729" t="s">
        <v>843</v>
      </c>
      <c r="E729" t="s">
        <v>30979</v>
      </c>
      <c r="F729">
        <v>4</v>
      </c>
      <c r="H729" t="s">
        <v>844</v>
      </c>
      <c r="I729" t="s">
        <v>30540</v>
      </c>
    </row>
    <row r="730" spans="1:9">
      <c r="A730" s="1">
        <f ca="1">RAND()</f>
        <v>0.86023331991132856</v>
      </c>
      <c r="B730" s="1"/>
      <c r="C730">
        <v>2</v>
      </c>
      <c r="D730" t="s">
        <v>839</v>
      </c>
      <c r="E730" t="s">
        <v>30979</v>
      </c>
      <c r="F730">
        <v>4</v>
      </c>
      <c r="H730" t="s">
        <v>840</v>
      </c>
      <c r="I730" t="s">
        <v>30540</v>
      </c>
    </row>
    <row r="731" spans="1:9">
      <c r="A731" s="1">
        <f ca="1">RAND()</f>
        <v>0.50716616637341316</v>
      </c>
      <c r="B731" s="1"/>
      <c r="C731">
        <v>3</v>
      </c>
      <c r="D731" t="s">
        <v>841</v>
      </c>
      <c r="E731" t="s">
        <v>30979</v>
      </c>
      <c r="F731">
        <v>4</v>
      </c>
      <c r="H731" t="s">
        <v>842</v>
      </c>
      <c r="I731" t="s">
        <v>30540</v>
      </c>
    </row>
    <row r="732" spans="1:9">
      <c r="A732" s="1">
        <f ca="1">RAND()</f>
        <v>0.281414667629585</v>
      </c>
      <c r="B732" s="1"/>
      <c r="C732">
        <v>7</v>
      </c>
      <c r="D732" t="s">
        <v>836</v>
      </c>
      <c r="E732" t="s">
        <v>30980</v>
      </c>
      <c r="F732">
        <v>5</v>
      </c>
      <c r="H732" t="s">
        <v>837</v>
      </c>
      <c r="I732" t="s">
        <v>30540</v>
      </c>
    </row>
    <row r="733" spans="1:9">
      <c r="A733" s="1">
        <f ca="1">RAND()</f>
        <v>8.972707045131012E-2</v>
      </c>
      <c r="B733" s="1"/>
      <c r="C733">
        <v>5</v>
      </c>
      <c r="D733" t="s">
        <v>834</v>
      </c>
      <c r="E733" t="s">
        <v>30980</v>
      </c>
      <c r="F733">
        <v>4</v>
      </c>
      <c r="H733" t="s">
        <v>835</v>
      </c>
      <c r="I733" t="s">
        <v>30540</v>
      </c>
    </row>
    <row r="734" spans="1:9">
      <c r="A734" s="1">
        <f ca="1">RAND()</f>
        <v>0.94444607296323202</v>
      </c>
      <c r="B734" s="1"/>
      <c r="C734">
        <v>1</v>
      </c>
      <c r="D734" t="s">
        <v>832</v>
      </c>
      <c r="E734" t="s">
        <v>30980</v>
      </c>
      <c r="F734">
        <v>4</v>
      </c>
      <c r="H734" t="s">
        <v>833</v>
      </c>
      <c r="I734" t="s">
        <v>30540</v>
      </c>
    </row>
    <row r="735" spans="1:9">
      <c r="A735" s="1">
        <f ca="1">RAND()</f>
        <v>0.15968803386521868</v>
      </c>
      <c r="B735" s="1"/>
      <c r="C735">
        <v>4</v>
      </c>
      <c r="D735" t="s">
        <v>2430</v>
      </c>
      <c r="E735" t="s">
        <v>30981</v>
      </c>
      <c r="F735">
        <v>4</v>
      </c>
      <c r="H735" t="s">
        <v>2431</v>
      </c>
      <c r="I735" t="s">
        <v>30540</v>
      </c>
    </row>
    <row r="736" spans="1:9">
      <c r="A736" s="1">
        <f ca="1">RAND()</f>
        <v>0.47888183406921658</v>
      </c>
      <c r="B736" s="1"/>
      <c r="C736">
        <v>4</v>
      </c>
      <c r="D736" t="s">
        <v>2430</v>
      </c>
      <c r="E736" t="s">
        <v>30981</v>
      </c>
      <c r="F736">
        <v>4</v>
      </c>
      <c r="H736" t="s">
        <v>2431</v>
      </c>
      <c r="I736" t="s">
        <v>30540</v>
      </c>
    </row>
    <row r="737" spans="1:9">
      <c r="A737" s="1">
        <f ca="1">RAND()</f>
        <v>0.19533298409388344</v>
      </c>
      <c r="B737" s="1"/>
      <c r="C737">
        <v>3</v>
      </c>
      <c r="D737" t="s">
        <v>2428</v>
      </c>
      <c r="E737" t="s">
        <v>30981</v>
      </c>
      <c r="F737">
        <v>4</v>
      </c>
      <c r="H737" t="s">
        <v>2429</v>
      </c>
      <c r="I737" t="s">
        <v>30540</v>
      </c>
    </row>
    <row r="738" spans="1:9">
      <c r="A738" s="1">
        <f ca="1">RAND()</f>
        <v>0.16800697412751664</v>
      </c>
      <c r="B738" s="1"/>
      <c r="C738">
        <v>3</v>
      </c>
      <c r="D738" t="s">
        <v>2428</v>
      </c>
      <c r="E738" t="s">
        <v>30981</v>
      </c>
      <c r="F738">
        <v>4</v>
      </c>
      <c r="H738" t="s">
        <v>2429</v>
      </c>
      <c r="I738" t="s">
        <v>30540</v>
      </c>
    </row>
    <row r="739" spans="1:9">
      <c r="A739" s="1">
        <f ca="1">RAND()</f>
        <v>0.41697018274883868</v>
      </c>
      <c r="B739" s="1"/>
      <c r="C739">
        <v>9</v>
      </c>
      <c r="D739" t="s">
        <v>2426</v>
      </c>
      <c r="E739" t="s">
        <v>30982</v>
      </c>
      <c r="F739">
        <v>5</v>
      </c>
      <c r="H739" t="s">
        <v>2427</v>
      </c>
      <c r="I739" t="s">
        <v>30540</v>
      </c>
    </row>
    <row r="740" spans="1:9">
      <c r="A740" s="1">
        <f ca="1">RAND()</f>
        <v>0.9521402284279713</v>
      </c>
      <c r="B740" s="1"/>
      <c r="C740">
        <v>9</v>
      </c>
      <c r="D740" t="s">
        <v>2426</v>
      </c>
      <c r="E740" t="s">
        <v>30982</v>
      </c>
      <c r="F740">
        <v>5</v>
      </c>
      <c r="H740" t="s">
        <v>2427</v>
      </c>
      <c r="I740" t="s">
        <v>30540</v>
      </c>
    </row>
    <row r="741" spans="1:9">
      <c r="A741" s="1">
        <f ca="1">RAND()</f>
        <v>0.26097380261082015</v>
      </c>
      <c r="B741" s="1"/>
      <c r="C741">
        <v>7</v>
      </c>
      <c r="D741" t="s">
        <v>2424</v>
      </c>
      <c r="E741" t="s">
        <v>30982</v>
      </c>
      <c r="F741">
        <v>4</v>
      </c>
      <c r="H741" t="s">
        <v>2425</v>
      </c>
      <c r="I741" t="s">
        <v>30540</v>
      </c>
    </row>
    <row r="742" spans="1:9">
      <c r="A742" s="1">
        <f ca="1">RAND()</f>
        <v>0.20841919010320731</v>
      </c>
      <c r="B742" s="1"/>
      <c r="C742">
        <v>7</v>
      </c>
      <c r="D742" t="s">
        <v>2424</v>
      </c>
      <c r="E742" t="s">
        <v>30982</v>
      </c>
      <c r="F742">
        <v>4</v>
      </c>
      <c r="H742" t="s">
        <v>2425</v>
      </c>
      <c r="I742" t="s">
        <v>30540</v>
      </c>
    </row>
    <row r="743" spans="1:9">
      <c r="A743" s="1">
        <f ca="1">RAND()</f>
        <v>0.45572879575882708</v>
      </c>
      <c r="B743" s="1"/>
      <c r="C743">
        <v>3</v>
      </c>
      <c r="D743" t="s">
        <v>2422</v>
      </c>
      <c r="E743" t="s">
        <v>30982</v>
      </c>
      <c r="F743">
        <v>4</v>
      </c>
      <c r="H743" t="s">
        <v>2423</v>
      </c>
      <c r="I743" t="s">
        <v>30540</v>
      </c>
    </row>
    <row r="744" spans="1:9">
      <c r="A744" s="1">
        <f ca="1">RAND()</f>
        <v>0.36239249519967587</v>
      </c>
      <c r="B744" s="1"/>
      <c r="C744">
        <v>3</v>
      </c>
      <c r="D744" t="s">
        <v>2422</v>
      </c>
      <c r="E744" t="s">
        <v>30982</v>
      </c>
      <c r="F744">
        <v>4</v>
      </c>
      <c r="H744" t="s">
        <v>2423</v>
      </c>
      <c r="I744" t="s">
        <v>30540</v>
      </c>
    </row>
    <row r="745" spans="1:9">
      <c r="A745" s="1">
        <f ca="1">RAND()</f>
        <v>0.13948042349154055</v>
      </c>
      <c r="B745" s="1"/>
      <c r="C745">
        <v>10</v>
      </c>
      <c r="D745" t="s">
        <v>2418</v>
      </c>
      <c r="E745" t="s">
        <v>30983</v>
      </c>
      <c r="F745">
        <v>5</v>
      </c>
      <c r="H745" t="s">
        <v>2419</v>
      </c>
      <c r="I745" t="s">
        <v>30540</v>
      </c>
    </row>
    <row r="746" spans="1:9">
      <c r="A746" s="1">
        <f ca="1">RAND()</f>
        <v>0.29645547436942765</v>
      </c>
      <c r="B746" s="1"/>
      <c r="C746">
        <v>11</v>
      </c>
      <c r="D746" t="s">
        <v>2420</v>
      </c>
      <c r="E746" t="s">
        <v>30983</v>
      </c>
      <c r="F746">
        <v>5</v>
      </c>
      <c r="H746" t="s">
        <v>2421</v>
      </c>
      <c r="I746" t="s">
        <v>30540</v>
      </c>
    </row>
    <row r="747" spans="1:9">
      <c r="A747" s="1">
        <f ca="1">RAND()</f>
        <v>0.47762826766640909</v>
      </c>
      <c r="B747" s="1"/>
      <c r="C747">
        <v>11</v>
      </c>
      <c r="D747" t="s">
        <v>2420</v>
      </c>
      <c r="E747" t="s">
        <v>30983</v>
      </c>
      <c r="F747">
        <v>5</v>
      </c>
      <c r="H747" t="s">
        <v>2421</v>
      </c>
      <c r="I747" t="s">
        <v>30540</v>
      </c>
    </row>
    <row r="748" spans="1:9">
      <c r="A748" s="1">
        <f ca="1">RAND()</f>
        <v>0.43433503144106078</v>
      </c>
      <c r="B748" s="1"/>
      <c r="C748">
        <v>10</v>
      </c>
      <c r="D748" t="s">
        <v>2418</v>
      </c>
      <c r="E748" t="s">
        <v>30983</v>
      </c>
      <c r="F748">
        <v>5</v>
      </c>
      <c r="H748" t="s">
        <v>2419</v>
      </c>
      <c r="I748" t="s">
        <v>30540</v>
      </c>
    </row>
    <row r="749" spans="1:9">
      <c r="A749" s="1">
        <f ca="1">RAND()</f>
        <v>0.52669222314387909</v>
      </c>
      <c r="B749" s="1"/>
      <c r="C749">
        <v>5</v>
      </c>
      <c r="D749" t="s">
        <v>2412</v>
      </c>
      <c r="E749" t="s">
        <v>30983</v>
      </c>
      <c r="F749">
        <v>4</v>
      </c>
      <c r="H749" t="s">
        <v>2413</v>
      </c>
      <c r="I749" t="s">
        <v>30540</v>
      </c>
    </row>
    <row r="750" spans="1:9">
      <c r="A750" s="1">
        <f ca="1">RAND()</f>
        <v>0.51077468581614371</v>
      </c>
      <c r="B750" s="1"/>
      <c r="C750">
        <v>7</v>
      </c>
      <c r="D750" t="s">
        <v>2416</v>
      </c>
      <c r="E750" t="s">
        <v>30983</v>
      </c>
      <c r="F750">
        <v>4</v>
      </c>
      <c r="H750" t="s">
        <v>2417</v>
      </c>
      <c r="I750" t="s">
        <v>30540</v>
      </c>
    </row>
    <row r="751" spans="1:9">
      <c r="A751" s="1">
        <f ca="1">RAND()</f>
        <v>0.74286012223768672</v>
      </c>
      <c r="B751" s="1"/>
      <c r="C751">
        <v>6</v>
      </c>
      <c r="D751" t="s">
        <v>2414</v>
      </c>
      <c r="E751" t="s">
        <v>30983</v>
      </c>
      <c r="F751">
        <v>4</v>
      </c>
      <c r="H751" t="s">
        <v>2415</v>
      </c>
      <c r="I751" t="s">
        <v>30540</v>
      </c>
    </row>
    <row r="752" spans="1:9">
      <c r="A752" s="1">
        <f ca="1">RAND()</f>
        <v>0.21501417334996076</v>
      </c>
      <c r="B752" s="1"/>
      <c r="C752">
        <v>6</v>
      </c>
      <c r="D752" t="s">
        <v>2414</v>
      </c>
      <c r="E752" t="s">
        <v>30983</v>
      </c>
      <c r="F752">
        <v>4</v>
      </c>
      <c r="H752" t="s">
        <v>2415</v>
      </c>
      <c r="I752" t="s">
        <v>30540</v>
      </c>
    </row>
    <row r="753" spans="1:9">
      <c r="A753" s="1">
        <f ca="1">RAND()</f>
        <v>0.48444503784962201</v>
      </c>
      <c r="B753" s="1"/>
      <c r="C753">
        <v>5</v>
      </c>
      <c r="D753" t="s">
        <v>2412</v>
      </c>
      <c r="E753" t="s">
        <v>30983</v>
      </c>
      <c r="F753">
        <v>4</v>
      </c>
      <c r="H753" t="s">
        <v>2413</v>
      </c>
      <c r="I753" t="s">
        <v>30540</v>
      </c>
    </row>
    <row r="754" spans="1:9">
      <c r="A754" s="1">
        <f ca="1">RAND()</f>
        <v>4.216658690837527E-2</v>
      </c>
      <c r="B754" s="1"/>
      <c r="C754">
        <v>7</v>
      </c>
      <c r="D754" t="s">
        <v>2416</v>
      </c>
      <c r="E754" t="s">
        <v>30983</v>
      </c>
      <c r="F754">
        <v>4</v>
      </c>
      <c r="H754" t="s">
        <v>2417</v>
      </c>
      <c r="I754" t="s">
        <v>30540</v>
      </c>
    </row>
    <row r="755" spans="1:9">
      <c r="A755" s="1">
        <f ca="1">RAND()</f>
        <v>0.77475689375655932</v>
      </c>
      <c r="B755" s="1"/>
      <c r="C755">
        <v>2</v>
      </c>
      <c r="D755" t="s">
        <v>2410</v>
      </c>
      <c r="E755" t="s">
        <v>30984</v>
      </c>
      <c r="F755">
        <v>5</v>
      </c>
      <c r="H755" t="s">
        <v>2411</v>
      </c>
      <c r="I755" t="s">
        <v>30540</v>
      </c>
    </row>
    <row r="756" spans="1:9">
      <c r="A756" s="1">
        <f ca="1">RAND()</f>
        <v>0.44447673426722534</v>
      </c>
      <c r="B756" s="1"/>
      <c r="C756">
        <v>2</v>
      </c>
      <c r="D756" t="s">
        <v>2410</v>
      </c>
      <c r="E756" t="s">
        <v>30984</v>
      </c>
      <c r="F756">
        <v>5</v>
      </c>
      <c r="H756" t="s">
        <v>2411</v>
      </c>
      <c r="I756" t="s">
        <v>30540</v>
      </c>
    </row>
    <row r="757" spans="1:9">
      <c r="A757" s="1">
        <f ca="1">RAND()</f>
        <v>0.86937497783701356</v>
      </c>
      <c r="B757" s="1"/>
      <c r="C757">
        <v>4</v>
      </c>
      <c r="D757" t="s">
        <v>2408</v>
      </c>
      <c r="E757" t="s">
        <v>30985</v>
      </c>
      <c r="F757">
        <v>5</v>
      </c>
      <c r="H757" t="s">
        <v>2409</v>
      </c>
      <c r="I757" t="s">
        <v>30540</v>
      </c>
    </row>
    <row r="758" spans="1:9">
      <c r="A758" s="1">
        <f ca="1">RAND()</f>
        <v>0.72696230240676807</v>
      </c>
      <c r="B758" s="1"/>
      <c r="C758">
        <v>3</v>
      </c>
      <c r="D758" t="s">
        <v>2406</v>
      </c>
      <c r="E758" t="s">
        <v>30985</v>
      </c>
      <c r="F758">
        <v>5</v>
      </c>
      <c r="H758" t="s">
        <v>2407</v>
      </c>
      <c r="I758" t="s">
        <v>30540</v>
      </c>
    </row>
    <row r="759" spans="1:9">
      <c r="A759" s="1">
        <f ca="1">RAND()</f>
        <v>0.48082219844739815</v>
      </c>
      <c r="B759" s="1"/>
      <c r="C759">
        <v>3</v>
      </c>
      <c r="D759" t="s">
        <v>2406</v>
      </c>
      <c r="E759" t="s">
        <v>30985</v>
      </c>
      <c r="F759">
        <v>5</v>
      </c>
      <c r="H759" t="s">
        <v>2407</v>
      </c>
      <c r="I759" t="s">
        <v>30540</v>
      </c>
    </row>
    <row r="760" spans="1:9">
      <c r="A760" s="1">
        <f ca="1">RAND()</f>
        <v>0.33234997110727715</v>
      </c>
      <c r="B760" s="1"/>
      <c r="C760">
        <v>4</v>
      </c>
      <c r="D760" t="s">
        <v>2408</v>
      </c>
      <c r="E760" t="s">
        <v>30985</v>
      </c>
      <c r="F760">
        <v>5</v>
      </c>
      <c r="H760" t="s">
        <v>2409</v>
      </c>
      <c r="I760" t="s">
        <v>30540</v>
      </c>
    </row>
    <row r="761" spans="1:9">
      <c r="A761" s="1">
        <f ca="1">RAND()</f>
        <v>0.29720999299331252</v>
      </c>
      <c r="B761" s="1"/>
      <c r="C761">
        <v>1</v>
      </c>
      <c r="D761" t="s">
        <v>2404</v>
      </c>
      <c r="E761" t="s">
        <v>30985</v>
      </c>
      <c r="F761">
        <v>4</v>
      </c>
      <c r="H761" t="s">
        <v>2405</v>
      </c>
      <c r="I761" t="s">
        <v>30540</v>
      </c>
    </row>
    <row r="762" spans="1:9">
      <c r="A762" s="1">
        <f ca="1">RAND()</f>
        <v>0.53340556774447789</v>
      </c>
      <c r="B762" s="1"/>
      <c r="C762">
        <v>1</v>
      </c>
      <c r="D762" t="s">
        <v>2404</v>
      </c>
      <c r="E762" t="s">
        <v>30985</v>
      </c>
      <c r="F762">
        <v>4</v>
      </c>
      <c r="H762" t="s">
        <v>2405</v>
      </c>
      <c r="I762" t="s">
        <v>30540</v>
      </c>
    </row>
    <row r="763" spans="1:9">
      <c r="A763" s="1">
        <f ca="1">RAND()</f>
        <v>9.7800580398724191E-2</v>
      </c>
      <c r="B763" s="1"/>
      <c r="C763">
        <v>1</v>
      </c>
      <c r="D763" t="s">
        <v>2402</v>
      </c>
      <c r="E763" t="s">
        <v>30986</v>
      </c>
      <c r="F763">
        <v>4</v>
      </c>
      <c r="H763" t="s">
        <v>2403</v>
      </c>
      <c r="I763" t="s">
        <v>30540</v>
      </c>
    </row>
    <row r="764" spans="1:9">
      <c r="A764" s="1">
        <f ca="1">RAND()</f>
        <v>9.575637004073323E-2</v>
      </c>
      <c r="B764" s="1"/>
      <c r="C764">
        <v>1</v>
      </c>
      <c r="D764" t="s">
        <v>2402</v>
      </c>
      <c r="E764" t="s">
        <v>30986</v>
      </c>
      <c r="F764">
        <v>4</v>
      </c>
      <c r="H764" t="s">
        <v>2403</v>
      </c>
      <c r="I764" t="s">
        <v>30540</v>
      </c>
    </row>
    <row r="765" spans="1:9">
      <c r="A765" s="1">
        <f ca="1">RAND()</f>
        <v>9.8012821511614501E-2</v>
      </c>
      <c r="B765" s="1"/>
      <c r="C765">
        <v>5</v>
      </c>
      <c r="D765" t="s">
        <v>2400</v>
      </c>
      <c r="E765" t="s">
        <v>30987</v>
      </c>
      <c r="F765">
        <v>4</v>
      </c>
      <c r="H765" t="s">
        <v>2401</v>
      </c>
      <c r="I765" t="s">
        <v>30540</v>
      </c>
    </row>
    <row r="766" spans="1:9">
      <c r="A766" s="1">
        <f ca="1">RAND()</f>
        <v>0.43662368146548003</v>
      </c>
      <c r="B766" s="1"/>
      <c r="C766">
        <v>5</v>
      </c>
      <c r="D766" t="s">
        <v>2400</v>
      </c>
      <c r="E766" t="s">
        <v>30987</v>
      </c>
      <c r="F766">
        <v>4</v>
      </c>
      <c r="H766" t="s">
        <v>2401</v>
      </c>
      <c r="I766" t="s">
        <v>30540</v>
      </c>
    </row>
    <row r="767" spans="1:9">
      <c r="A767" s="1">
        <f ca="1">RAND()</f>
        <v>0.93863970533831953</v>
      </c>
      <c r="B767" s="1"/>
      <c r="C767">
        <v>4</v>
      </c>
      <c r="D767" t="s">
        <v>2398</v>
      </c>
      <c r="E767" t="s">
        <v>30987</v>
      </c>
      <c r="F767">
        <v>2</v>
      </c>
      <c r="H767" t="s">
        <v>2399</v>
      </c>
      <c r="I767" t="s">
        <v>30540</v>
      </c>
    </row>
    <row r="768" spans="1:9">
      <c r="A768" s="1">
        <f ca="1">RAND()</f>
        <v>0.97432535453629543</v>
      </c>
      <c r="B768" s="1"/>
      <c r="C768">
        <v>4</v>
      </c>
      <c r="D768" t="s">
        <v>2398</v>
      </c>
      <c r="E768" t="s">
        <v>30987</v>
      </c>
      <c r="F768">
        <v>2</v>
      </c>
      <c r="H768" t="s">
        <v>2399</v>
      </c>
      <c r="I768" t="s">
        <v>30540</v>
      </c>
    </row>
    <row r="769" spans="1:9">
      <c r="A769" s="1">
        <f ca="1">RAND()</f>
        <v>0.54499903579321274</v>
      </c>
      <c r="B769" s="1"/>
      <c r="C769">
        <v>3</v>
      </c>
      <c r="D769" t="s">
        <v>2396</v>
      </c>
      <c r="E769" t="s">
        <v>30988</v>
      </c>
      <c r="F769">
        <v>4</v>
      </c>
      <c r="H769" t="s">
        <v>2397</v>
      </c>
      <c r="I769" t="s">
        <v>30540</v>
      </c>
    </row>
    <row r="770" spans="1:9">
      <c r="A770" s="1">
        <f ca="1">RAND()</f>
        <v>0.69023728314860877</v>
      </c>
      <c r="B770" s="1"/>
      <c r="C770">
        <v>3</v>
      </c>
      <c r="D770" t="s">
        <v>2396</v>
      </c>
      <c r="E770" t="s">
        <v>30988</v>
      </c>
      <c r="F770">
        <v>4</v>
      </c>
      <c r="H770" t="s">
        <v>2397</v>
      </c>
      <c r="I770" t="s">
        <v>30540</v>
      </c>
    </row>
    <row r="771" spans="1:9">
      <c r="A771" s="1">
        <f ca="1">RAND()</f>
        <v>1.5538856501336462E-2</v>
      </c>
      <c r="B771" s="1"/>
      <c r="C771">
        <v>10</v>
      </c>
      <c r="D771" t="s">
        <v>2390</v>
      </c>
      <c r="E771" t="s">
        <v>30989</v>
      </c>
      <c r="F771">
        <v>4</v>
      </c>
      <c r="H771" t="s">
        <v>2391</v>
      </c>
      <c r="I771" t="s">
        <v>30540</v>
      </c>
    </row>
    <row r="772" spans="1:9">
      <c r="A772" s="1">
        <f ca="1">RAND()</f>
        <v>0.81255377367970538</v>
      </c>
      <c r="B772" s="1"/>
      <c r="C772">
        <v>10</v>
      </c>
      <c r="D772" t="s">
        <v>2390</v>
      </c>
      <c r="E772" t="s">
        <v>30989</v>
      </c>
      <c r="F772">
        <v>4</v>
      </c>
      <c r="H772" t="s">
        <v>2391</v>
      </c>
      <c r="I772" t="s">
        <v>30540</v>
      </c>
    </row>
    <row r="773" spans="1:9">
      <c r="A773" s="1">
        <f ca="1">RAND()</f>
        <v>1.0919059001385345E-2</v>
      </c>
      <c r="B773" s="1"/>
      <c r="C773">
        <v>2</v>
      </c>
      <c r="D773" t="s">
        <v>2388</v>
      </c>
      <c r="E773" t="s">
        <v>30989</v>
      </c>
      <c r="F773">
        <v>4</v>
      </c>
      <c r="H773" t="s">
        <v>2389</v>
      </c>
      <c r="I773" t="s">
        <v>30540</v>
      </c>
    </row>
    <row r="774" spans="1:9">
      <c r="A774" s="1">
        <f ca="1">RAND()</f>
        <v>0.87648856892679095</v>
      </c>
      <c r="B774" s="1"/>
      <c r="C774">
        <v>11</v>
      </c>
      <c r="D774" t="s">
        <v>2392</v>
      </c>
      <c r="E774" t="s">
        <v>30989</v>
      </c>
      <c r="F774">
        <v>4</v>
      </c>
      <c r="H774" t="s">
        <v>2393</v>
      </c>
      <c r="I774" t="s">
        <v>30540</v>
      </c>
    </row>
    <row r="775" spans="1:9">
      <c r="A775" s="1">
        <f ca="1">RAND()</f>
        <v>0.55264357821856569</v>
      </c>
      <c r="B775" s="1"/>
      <c r="C775">
        <v>2</v>
      </c>
      <c r="D775" t="s">
        <v>2388</v>
      </c>
      <c r="E775" t="s">
        <v>30989</v>
      </c>
      <c r="F775">
        <v>4</v>
      </c>
      <c r="H775" t="s">
        <v>2389</v>
      </c>
      <c r="I775" t="s">
        <v>30540</v>
      </c>
    </row>
    <row r="776" spans="1:9">
      <c r="A776" s="1">
        <f ca="1">RAND()</f>
        <v>0.93609224665315138</v>
      </c>
      <c r="B776" s="1"/>
      <c r="C776">
        <v>12</v>
      </c>
      <c r="D776" t="s">
        <v>2394</v>
      </c>
      <c r="E776" t="s">
        <v>30989</v>
      </c>
      <c r="F776">
        <v>4</v>
      </c>
      <c r="H776" t="s">
        <v>2395</v>
      </c>
      <c r="I776" t="s">
        <v>30540</v>
      </c>
    </row>
    <row r="777" spans="1:9">
      <c r="A777" s="1">
        <f ca="1">RAND()</f>
        <v>0.89519416134300611</v>
      </c>
      <c r="B777" s="1"/>
      <c r="C777">
        <v>12</v>
      </c>
      <c r="D777" t="s">
        <v>2394</v>
      </c>
      <c r="E777" t="s">
        <v>30989</v>
      </c>
      <c r="F777">
        <v>4</v>
      </c>
      <c r="H777" t="s">
        <v>2395</v>
      </c>
      <c r="I777" t="s">
        <v>30540</v>
      </c>
    </row>
    <row r="778" spans="1:9">
      <c r="A778" s="1">
        <f ca="1">RAND()</f>
        <v>0.30746207419810434</v>
      </c>
      <c r="B778" s="1"/>
      <c r="C778">
        <v>11</v>
      </c>
      <c r="D778" t="s">
        <v>2392</v>
      </c>
      <c r="E778" t="s">
        <v>30989</v>
      </c>
      <c r="F778">
        <v>4</v>
      </c>
      <c r="H778" t="s">
        <v>2393</v>
      </c>
      <c r="I778" t="s">
        <v>30540</v>
      </c>
    </row>
    <row r="779" spans="1:9">
      <c r="A779" s="1">
        <f ca="1">RAND()</f>
        <v>0.14014002808395465</v>
      </c>
      <c r="B779" s="1"/>
      <c r="C779">
        <v>6</v>
      </c>
      <c r="D779" t="s">
        <v>2378</v>
      </c>
      <c r="E779" t="s">
        <v>30990</v>
      </c>
      <c r="F779">
        <v>5</v>
      </c>
      <c r="H779" t="s">
        <v>2379</v>
      </c>
      <c r="I779" t="s">
        <v>30540</v>
      </c>
    </row>
    <row r="780" spans="1:9">
      <c r="A780" s="1">
        <f ca="1">RAND()</f>
        <v>0.74458801032594424</v>
      </c>
      <c r="B780" s="1"/>
      <c r="C780">
        <v>12</v>
      </c>
      <c r="D780" t="s">
        <v>2384</v>
      </c>
      <c r="E780" t="s">
        <v>30990</v>
      </c>
      <c r="F780">
        <v>5</v>
      </c>
      <c r="H780" t="s">
        <v>2385</v>
      </c>
      <c r="I780" t="s">
        <v>30540</v>
      </c>
    </row>
    <row r="781" spans="1:9">
      <c r="A781" s="1">
        <f ca="1">RAND()</f>
        <v>0.89795360312913142</v>
      </c>
      <c r="B781" s="1"/>
      <c r="C781">
        <v>12</v>
      </c>
      <c r="D781" t="s">
        <v>2384</v>
      </c>
      <c r="E781" t="s">
        <v>30990</v>
      </c>
      <c r="F781">
        <v>5</v>
      </c>
      <c r="H781" t="s">
        <v>2385</v>
      </c>
      <c r="I781" t="s">
        <v>30540</v>
      </c>
    </row>
    <row r="782" spans="1:9">
      <c r="A782" s="1">
        <f ca="1">RAND()</f>
        <v>0.72548316981110306</v>
      </c>
      <c r="B782" s="1"/>
      <c r="C782">
        <v>6</v>
      </c>
      <c r="D782" t="s">
        <v>2378</v>
      </c>
      <c r="E782" t="s">
        <v>30990</v>
      </c>
      <c r="F782">
        <v>5</v>
      </c>
      <c r="H782" t="s">
        <v>2379</v>
      </c>
      <c r="I782" t="s">
        <v>30540</v>
      </c>
    </row>
    <row r="783" spans="1:9">
      <c r="A783" s="1">
        <f ca="1">RAND()</f>
        <v>0.57472627225148409</v>
      </c>
      <c r="B783" s="1"/>
      <c r="C783">
        <v>2</v>
      </c>
      <c r="D783" t="s">
        <v>2376</v>
      </c>
      <c r="E783" t="s">
        <v>30990</v>
      </c>
      <c r="F783">
        <v>4</v>
      </c>
      <c r="H783" t="s">
        <v>2377</v>
      </c>
      <c r="I783" t="s">
        <v>30540</v>
      </c>
    </row>
    <row r="784" spans="1:9">
      <c r="A784" s="1">
        <f ca="1">RAND()</f>
        <v>0.70382482091847609</v>
      </c>
      <c r="B784" s="1"/>
      <c r="C784">
        <v>10</v>
      </c>
      <c r="D784" t="s">
        <v>2380</v>
      </c>
      <c r="E784" t="s">
        <v>30990</v>
      </c>
      <c r="F784">
        <v>4</v>
      </c>
      <c r="H784" t="s">
        <v>2381</v>
      </c>
      <c r="I784" t="s">
        <v>30540</v>
      </c>
    </row>
    <row r="785" spans="1:9">
      <c r="A785" s="1">
        <f ca="1">RAND()</f>
        <v>0.69928477975597525</v>
      </c>
      <c r="B785" s="1"/>
      <c r="C785">
        <v>10</v>
      </c>
      <c r="D785" t="s">
        <v>2380</v>
      </c>
      <c r="E785" t="s">
        <v>30990</v>
      </c>
      <c r="F785">
        <v>4</v>
      </c>
      <c r="H785" t="s">
        <v>2381</v>
      </c>
      <c r="I785" t="s">
        <v>30540</v>
      </c>
    </row>
    <row r="786" spans="1:9">
      <c r="A786" s="1">
        <f ca="1">RAND()</f>
        <v>0.74181593864733275</v>
      </c>
      <c r="B786" s="1"/>
      <c r="C786">
        <v>2</v>
      </c>
      <c r="D786" t="s">
        <v>2376</v>
      </c>
      <c r="E786" t="s">
        <v>30990</v>
      </c>
      <c r="F786">
        <v>4</v>
      </c>
      <c r="H786" t="s">
        <v>2377</v>
      </c>
      <c r="I786" t="s">
        <v>30540</v>
      </c>
    </row>
    <row r="787" spans="1:9">
      <c r="A787" s="1">
        <f ca="1">RAND()</f>
        <v>0.31789478553240047</v>
      </c>
      <c r="B787" s="1"/>
      <c r="C787">
        <v>11</v>
      </c>
      <c r="D787" t="s">
        <v>2382</v>
      </c>
      <c r="E787" t="s">
        <v>30990</v>
      </c>
      <c r="F787">
        <v>3</v>
      </c>
      <c r="H787" t="s">
        <v>2383</v>
      </c>
      <c r="I787" t="s">
        <v>30540</v>
      </c>
    </row>
    <row r="788" spans="1:9">
      <c r="A788" s="1">
        <f ca="1">RAND()</f>
        <v>0.18230158824340881</v>
      </c>
      <c r="B788" s="1"/>
      <c r="C788">
        <v>11</v>
      </c>
      <c r="D788" t="s">
        <v>2382</v>
      </c>
      <c r="E788" t="s">
        <v>30990</v>
      </c>
      <c r="F788">
        <v>3</v>
      </c>
      <c r="H788" t="s">
        <v>2383</v>
      </c>
      <c r="I788" t="s">
        <v>30540</v>
      </c>
    </row>
    <row r="789" spans="1:9">
      <c r="A789" s="1">
        <f ca="1">RAND()</f>
        <v>0.36733712630838655</v>
      </c>
      <c r="B789" s="1"/>
      <c r="C789">
        <v>14</v>
      </c>
      <c r="D789" t="s">
        <v>2386</v>
      </c>
      <c r="E789" t="s">
        <v>30990</v>
      </c>
      <c r="F789">
        <v>2</v>
      </c>
      <c r="H789" t="s">
        <v>2387</v>
      </c>
      <c r="I789" t="s">
        <v>30540</v>
      </c>
    </row>
    <row r="790" spans="1:9">
      <c r="A790" s="1">
        <f ca="1">RAND()</f>
        <v>0.41335731216684668</v>
      </c>
      <c r="B790" s="1"/>
      <c r="C790">
        <v>14</v>
      </c>
      <c r="D790" t="s">
        <v>2386</v>
      </c>
      <c r="E790" t="s">
        <v>30990</v>
      </c>
      <c r="F790">
        <v>2</v>
      </c>
      <c r="H790" t="s">
        <v>2387</v>
      </c>
      <c r="I790" t="s">
        <v>30540</v>
      </c>
    </row>
    <row r="791" spans="1:9">
      <c r="A791" s="1">
        <f ca="1">RAND()</f>
        <v>0.71874197001860385</v>
      </c>
      <c r="B791" s="1"/>
      <c r="C791">
        <v>6</v>
      </c>
      <c r="D791" t="s">
        <v>2372</v>
      </c>
      <c r="E791" t="s">
        <v>30991</v>
      </c>
      <c r="F791">
        <v>5</v>
      </c>
      <c r="H791" t="s">
        <v>2373</v>
      </c>
      <c r="I791" t="s">
        <v>30540</v>
      </c>
    </row>
    <row r="792" spans="1:9">
      <c r="A792" s="1">
        <f ca="1">RAND()</f>
        <v>0.70925918069420346</v>
      </c>
      <c r="B792" s="1"/>
      <c r="C792">
        <v>6</v>
      </c>
      <c r="D792" t="s">
        <v>2372</v>
      </c>
      <c r="E792" t="s">
        <v>30991</v>
      </c>
      <c r="F792">
        <v>5</v>
      </c>
      <c r="H792" t="s">
        <v>2373</v>
      </c>
      <c r="I792" t="s">
        <v>30540</v>
      </c>
    </row>
    <row r="793" spans="1:9">
      <c r="A793" s="1">
        <f ca="1">RAND()</f>
        <v>0.45363904078509942</v>
      </c>
      <c r="B793" s="1"/>
      <c r="C793">
        <v>9</v>
      </c>
      <c r="D793" t="s">
        <v>2374</v>
      </c>
      <c r="E793" t="s">
        <v>30991</v>
      </c>
      <c r="F793">
        <v>4</v>
      </c>
      <c r="H793" t="s">
        <v>2375</v>
      </c>
      <c r="I793" t="s">
        <v>30540</v>
      </c>
    </row>
    <row r="794" spans="1:9">
      <c r="A794" s="1">
        <f ca="1">RAND()</f>
        <v>0.64334839136289956</v>
      </c>
      <c r="B794" s="1"/>
      <c r="C794">
        <v>9</v>
      </c>
      <c r="D794" t="s">
        <v>2374</v>
      </c>
      <c r="E794" t="s">
        <v>30991</v>
      </c>
      <c r="F794">
        <v>4</v>
      </c>
      <c r="H794" t="s">
        <v>2375</v>
      </c>
      <c r="I794" t="s">
        <v>30540</v>
      </c>
    </row>
    <row r="795" spans="1:9">
      <c r="A795" s="1">
        <f ca="1">RAND()</f>
        <v>0.86674343022189815</v>
      </c>
      <c r="B795" s="1"/>
      <c r="C795">
        <v>2</v>
      </c>
      <c r="D795" t="s">
        <v>2370</v>
      </c>
      <c r="E795" t="s">
        <v>30992</v>
      </c>
      <c r="F795">
        <v>4</v>
      </c>
      <c r="H795" t="s">
        <v>2371</v>
      </c>
      <c r="I795" t="s">
        <v>30540</v>
      </c>
    </row>
    <row r="796" spans="1:9">
      <c r="A796" s="1">
        <f ca="1">RAND()</f>
        <v>0.35752021687361091</v>
      </c>
      <c r="B796" s="1"/>
      <c r="C796">
        <v>2</v>
      </c>
      <c r="D796" t="s">
        <v>2370</v>
      </c>
      <c r="E796" t="s">
        <v>30992</v>
      </c>
      <c r="F796">
        <v>4</v>
      </c>
      <c r="H796" t="s">
        <v>2371</v>
      </c>
      <c r="I796" t="s">
        <v>30540</v>
      </c>
    </row>
    <row r="797" spans="1:9">
      <c r="A797" s="1">
        <f ca="1">RAND()</f>
        <v>0.44952039396587551</v>
      </c>
      <c r="B797" s="1"/>
      <c r="C797">
        <v>2</v>
      </c>
      <c r="D797" t="s">
        <v>2368</v>
      </c>
      <c r="E797" t="s">
        <v>30993</v>
      </c>
      <c r="F797">
        <v>4</v>
      </c>
      <c r="H797" t="s">
        <v>2369</v>
      </c>
      <c r="I797" t="s">
        <v>30540</v>
      </c>
    </row>
    <row r="798" spans="1:9">
      <c r="A798" s="1">
        <f ca="1">RAND()</f>
        <v>0.42306716300695613</v>
      </c>
      <c r="B798" s="1"/>
      <c r="C798">
        <v>2</v>
      </c>
      <c r="D798" t="s">
        <v>2368</v>
      </c>
      <c r="E798" t="s">
        <v>30993</v>
      </c>
      <c r="F798">
        <v>4</v>
      </c>
      <c r="H798" t="s">
        <v>2369</v>
      </c>
      <c r="I798" t="s">
        <v>30540</v>
      </c>
    </row>
    <row r="799" spans="1:9">
      <c r="A799" s="1">
        <f ca="1">RAND()</f>
        <v>0.38971232115185539</v>
      </c>
      <c r="B799" s="1"/>
      <c r="C799">
        <v>4</v>
      </c>
      <c r="D799" t="s">
        <v>2362</v>
      </c>
      <c r="E799" t="s">
        <v>30994</v>
      </c>
      <c r="F799">
        <v>5</v>
      </c>
      <c r="H799" t="s">
        <v>2363</v>
      </c>
      <c r="I799" t="s">
        <v>30540</v>
      </c>
    </row>
    <row r="800" spans="1:9">
      <c r="A800" s="1">
        <f ca="1">RAND()</f>
        <v>0.64306617945138189</v>
      </c>
      <c r="B800" s="1"/>
      <c r="C800">
        <v>4</v>
      </c>
      <c r="D800" t="s">
        <v>2362</v>
      </c>
      <c r="E800" t="s">
        <v>30994</v>
      </c>
      <c r="F800">
        <v>5</v>
      </c>
      <c r="H800" t="s">
        <v>2363</v>
      </c>
      <c r="I800" t="s">
        <v>30540</v>
      </c>
    </row>
    <row r="801" spans="1:9">
      <c r="A801" s="1">
        <f ca="1">RAND()</f>
        <v>0.84131574659243014</v>
      </c>
      <c r="B801" s="1"/>
      <c r="C801">
        <v>10</v>
      </c>
      <c r="D801" t="s">
        <v>2366</v>
      </c>
      <c r="E801" t="s">
        <v>30994</v>
      </c>
      <c r="F801">
        <v>4</v>
      </c>
      <c r="H801" t="s">
        <v>2367</v>
      </c>
      <c r="I801" t="s">
        <v>30540</v>
      </c>
    </row>
    <row r="802" spans="1:9">
      <c r="A802" s="1">
        <f ca="1">RAND()</f>
        <v>0.36791919350139879</v>
      </c>
      <c r="B802" s="1"/>
      <c r="C802">
        <v>10</v>
      </c>
      <c r="D802" t="s">
        <v>2366</v>
      </c>
      <c r="E802" t="s">
        <v>30994</v>
      </c>
      <c r="F802">
        <v>4</v>
      </c>
      <c r="H802" t="s">
        <v>2367</v>
      </c>
      <c r="I802" t="s">
        <v>30540</v>
      </c>
    </row>
    <row r="803" spans="1:9">
      <c r="A803" s="1">
        <f ca="1">RAND()</f>
        <v>0.67689850069750401</v>
      </c>
      <c r="B803" s="1"/>
      <c r="C803">
        <v>7</v>
      </c>
      <c r="D803" t="s">
        <v>2364</v>
      </c>
      <c r="E803" t="s">
        <v>30994</v>
      </c>
      <c r="F803">
        <v>2</v>
      </c>
      <c r="H803" t="s">
        <v>2365</v>
      </c>
      <c r="I803" t="s">
        <v>30540</v>
      </c>
    </row>
    <row r="804" spans="1:9">
      <c r="A804" s="1">
        <f ca="1">RAND()</f>
        <v>0.5930102893792264</v>
      </c>
      <c r="B804" s="1"/>
      <c r="C804">
        <v>7</v>
      </c>
      <c r="D804" t="s">
        <v>2364</v>
      </c>
      <c r="E804" t="s">
        <v>30994</v>
      </c>
      <c r="F804">
        <v>2</v>
      </c>
      <c r="H804" t="s">
        <v>2365</v>
      </c>
      <c r="I804" t="s">
        <v>30540</v>
      </c>
    </row>
    <row r="805" spans="1:9">
      <c r="A805" s="1">
        <f ca="1">RAND()</f>
        <v>0.63318659661062171</v>
      </c>
      <c r="B805" s="1"/>
      <c r="C805">
        <v>1</v>
      </c>
      <c r="D805" t="s">
        <v>2358</v>
      </c>
      <c r="E805" t="s">
        <v>30995</v>
      </c>
      <c r="F805">
        <v>4</v>
      </c>
      <c r="H805" t="s">
        <v>2359</v>
      </c>
      <c r="I805" t="s">
        <v>30540</v>
      </c>
    </row>
    <row r="806" spans="1:9">
      <c r="A806" s="1">
        <f ca="1">RAND()</f>
        <v>0.22612134532205874</v>
      </c>
      <c r="B806" s="1"/>
      <c r="C806">
        <v>3</v>
      </c>
      <c r="D806" t="s">
        <v>2360</v>
      </c>
      <c r="E806" t="s">
        <v>30995</v>
      </c>
      <c r="F806">
        <v>4</v>
      </c>
      <c r="H806" t="s">
        <v>2361</v>
      </c>
      <c r="I806" t="s">
        <v>30540</v>
      </c>
    </row>
    <row r="807" spans="1:9">
      <c r="A807" s="1">
        <f ca="1">RAND()</f>
        <v>0.80464205662571053</v>
      </c>
      <c r="B807" s="1"/>
      <c r="C807">
        <v>3</v>
      </c>
      <c r="D807" t="s">
        <v>2360</v>
      </c>
      <c r="E807" t="s">
        <v>30995</v>
      </c>
      <c r="F807">
        <v>4</v>
      </c>
      <c r="H807" t="s">
        <v>2361</v>
      </c>
      <c r="I807" t="s">
        <v>30540</v>
      </c>
    </row>
    <row r="808" spans="1:9">
      <c r="A808" s="1">
        <f ca="1">RAND()</f>
        <v>1.9666436641902041E-2</v>
      </c>
      <c r="B808" s="1"/>
      <c r="C808">
        <v>1</v>
      </c>
      <c r="D808" t="s">
        <v>2358</v>
      </c>
      <c r="E808" t="s">
        <v>30995</v>
      </c>
      <c r="F808">
        <v>4</v>
      </c>
      <c r="H808" t="s">
        <v>2359</v>
      </c>
      <c r="I808" t="s">
        <v>30540</v>
      </c>
    </row>
    <row r="809" spans="1:9">
      <c r="A809" s="1">
        <f ca="1">RAND()</f>
        <v>0.89677502035842138</v>
      </c>
      <c r="B809" s="1"/>
      <c r="C809">
        <v>2</v>
      </c>
      <c r="D809" t="s">
        <v>2356</v>
      </c>
      <c r="E809" t="s">
        <v>30996</v>
      </c>
      <c r="F809">
        <v>2</v>
      </c>
      <c r="H809" t="s">
        <v>2357</v>
      </c>
      <c r="I809" t="s">
        <v>30540</v>
      </c>
    </row>
    <row r="810" spans="1:9">
      <c r="A810" s="1">
        <f ca="1">RAND()</f>
        <v>0.94433813821812396</v>
      </c>
      <c r="B810" s="1"/>
      <c r="C810">
        <v>3</v>
      </c>
      <c r="D810" t="s">
        <v>2354</v>
      </c>
      <c r="E810" t="s">
        <v>30997</v>
      </c>
      <c r="F810">
        <v>5</v>
      </c>
      <c r="H810" t="s">
        <v>2355</v>
      </c>
      <c r="I810" t="s">
        <v>30540</v>
      </c>
    </row>
    <row r="811" spans="1:9">
      <c r="A811" s="1">
        <f ca="1">RAND()</f>
        <v>0.42664986288128581</v>
      </c>
      <c r="B811" s="1"/>
      <c r="C811">
        <v>1</v>
      </c>
      <c r="D811" t="s">
        <v>2352</v>
      </c>
      <c r="E811" t="s">
        <v>30997</v>
      </c>
      <c r="F811">
        <v>4</v>
      </c>
      <c r="H811" t="s">
        <v>2353</v>
      </c>
      <c r="I811" t="s">
        <v>30540</v>
      </c>
    </row>
    <row r="812" spans="1:9">
      <c r="A812" s="1">
        <f ca="1">RAND()</f>
        <v>0.65309686331644012</v>
      </c>
      <c r="B812" s="1"/>
      <c r="C812">
        <v>3</v>
      </c>
      <c r="D812" t="s">
        <v>2350</v>
      </c>
      <c r="E812" t="s">
        <v>30998</v>
      </c>
      <c r="F812">
        <v>4</v>
      </c>
      <c r="H812" t="s">
        <v>2351</v>
      </c>
      <c r="I812" t="s">
        <v>30540</v>
      </c>
    </row>
    <row r="813" spans="1:9">
      <c r="A813" s="1">
        <f ca="1">RAND()</f>
        <v>0.65940813008688048</v>
      </c>
      <c r="B813" s="1"/>
      <c r="C813">
        <v>6</v>
      </c>
      <c r="D813" t="s">
        <v>2348</v>
      </c>
      <c r="E813" t="s">
        <v>30999</v>
      </c>
      <c r="F813">
        <v>4</v>
      </c>
      <c r="H813" t="s">
        <v>2349</v>
      </c>
      <c r="I813" t="s">
        <v>30540</v>
      </c>
    </row>
    <row r="814" spans="1:9">
      <c r="A814" s="1">
        <f ca="1">RAND()</f>
        <v>0.27044025818527351</v>
      </c>
      <c r="B814" s="1"/>
      <c r="C814">
        <v>2</v>
      </c>
      <c r="D814" t="s">
        <v>2346</v>
      </c>
      <c r="E814" t="s">
        <v>31000</v>
      </c>
      <c r="F814">
        <v>4</v>
      </c>
      <c r="H814" t="s">
        <v>2347</v>
      </c>
      <c r="I814" t="s">
        <v>30540</v>
      </c>
    </row>
    <row r="815" spans="1:9">
      <c r="A815" s="1">
        <f ca="1">RAND()</f>
        <v>0.49546068025456302</v>
      </c>
      <c r="B815" s="1"/>
      <c r="C815">
        <v>4</v>
      </c>
      <c r="D815" t="s">
        <v>2340</v>
      </c>
      <c r="E815" t="s">
        <v>31001</v>
      </c>
      <c r="F815">
        <v>5</v>
      </c>
      <c r="H815" t="s">
        <v>2341</v>
      </c>
      <c r="I815" t="s">
        <v>30540</v>
      </c>
    </row>
    <row r="816" spans="1:9">
      <c r="A816" s="1">
        <f ca="1">RAND()</f>
        <v>4.341072748512842E-2</v>
      </c>
      <c r="B816" s="1"/>
      <c r="C816">
        <v>9</v>
      </c>
      <c r="D816" t="s">
        <v>2342</v>
      </c>
      <c r="E816" t="s">
        <v>31001</v>
      </c>
      <c r="F816">
        <v>5</v>
      </c>
      <c r="H816" t="s">
        <v>2343</v>
      </c>
      <c r="I816" t="s">
        <v>30540</v>
      </c>
    </row>
    <row r="817" spans="1:9">
      <c r="A817" s="1">
        <f ca="1">RAND()</f>
        <v>0.90807059359963005</v>
      </c>
      <c r="B817" s="1"/>
      <c r="C817">
        <v>1</v>
      </c>
      <c r="D817" t="s">
        <v>2338</v>
      </c>
      <c r="E817" t="s">
        <v>31001</v>
      </c>
      <c r="F817">
        <v>4</v>
      </c>
      <c r="H817" t="s">
        <v>2339</v>
      </c>
      <c r="I817" t="s">
        <v>30540</v>
      </c>
    </row>
    <row r="818" spans="1:9">
      <c r="A818" s="1">
        <f ca="1">RAND()</f>
        <v>0.97634555855388205</v>
      </c>
      <c r="B818" s="1"/>
      <c r="C818">
        <v>11</v>
      </c>
      <c r="D818" t="s">
        <v>2344</v>
      </c>
      <c r="E818" t="s">
        <v>31001</v>
      </c>
      <c r="F818">
        <v>4</v>
      </c>
      <c r="H818" t="s">
        <v>2345</v>
      </c>
      <c r="I818" t="s">
        <v>30540</v>
      </c>
    </row>
    <row r="819" spans="1:9">
      <c r="A819" s="1">
        <f ca="1">RAND()</f>
        <v>0.48502056750755485</v>
      </c>
      <c r="B819" s="1"/>
      <c r="C819">
        <v>6</v>
      </c>
      <c r="D819" t="s">
        <v>2332</v>
      </c>
      <c r="E819" t="s">
        <v>31002</v>
      </c>
      <c r="F819">
        <v>5</v>
      </c>
      <c r="H819" t="s">
        <v>2333</v>
      </c>
      <c r="I819" t="s">
        <v>30540</v>
      </c>
    </row>
    <row r="820" spans="1:9">
      <c r="A820" s="1">
        <f ca="1">RAND()</f>
        <v>0.4446246312457347</v>
      </c>
      <c r="B820" s="1"/>
      <c r="C820">
        <v>8</v>
      </c>
      <c r="D820" t="s">
        <v>2334</v>
      </c>
      <c r="E820" t="s">
        <v>31002</v>
      </c>
      <c r="F820">
        <v>4</v>
      </c>
      <c r="H820" t="s">
        <v>2335</v>
      </c>
      <c r="I820" t="s">
        <v>30540</v>
      </c>
    </row>
    <row r="821" spans="1:9">
      <c r="A821" s="1">
        <f ca="1">RAND()</f>
        <v>0.77471936609976888</v>
      </c>
      <c r="B821" s="1"/>
      <c r="C821">
        <v>4</v>
      </c>
      <c r="D821" t="s">
        <v>2328</v>
      </c>
      <c r="E821" t="s">
        <v>31002</v>
      </c>
      <c r="F821">
        <v>3</v>
      </c>
      <c r="H821" t="s">
        <v>2329</v>
      </c>
      <c r="I821" t="s">
        <v>30540</v>
      </c>
    </row>
    <row r="822" spans="1:9">
      <c r="A822" s="1">
        <f ca="1">RAND()</f>
        <v>0.21249952941775663</v>
      </c>
      <c r="B822" s="1"/>
      <c r="C822">
        <v>11</v>
      </c>
      <c r="D822" t="s">
        <v>2336</v>
      </c>
      <c r="E822" t="s">
        <v>31002</v>
      </c>
      <c r="F822">
        <v>3</v>
      </c>
      <c r="H822" t="s">
        <v>2337</v>
      </c>
      <c r="I822" t="s">
        <v>30540</v>
      </c>
    </row>
    <row r="823" spans="1:9">
      <c r="A823" s="1">
        <f ca="1">RAND()</f>
        <v>0.95530174208362195</v>
      </c>
      <c r="B823" s="1"/>
      <c r="C823">
        <v>5</v>
      </c>
      <c r="D823" t="s">
        <v>2330</v>
      </c>
      <c r="E823" t="s">
        <v>31002</v>
      </c>
      <c r="F823">
        <v>2</v>
      </c>
      <c r="H823" t="s">
        <v>2331</v>
      </c>
      <c r="I823" t="s">
        <v>30540</v>
      </c>
    </row>
    <row r="824" spans="1:9">
      <c r="A824" s="1">
        <f ca="1">RAND()</f>
        <v>0.32586401803744069</v>
      </c>
      <c r="B824" s="1"/>
      <c r="C824">
        <v>3</v>
      </c>
      <c r="D824" t="s">
        <v>2326</v>
      </c>
      <c r="E824" t="s">
        <v>31003</v>
      </c>
      <c r="F824">
        <v>5</v>
      </c>
      <c r="H824" t="s">
        <v>2327</v>
      </c>
      <c r="I824" t="s">
        <v>30540</v>
      </c>
    </row>
    <row r="825" spans="1:9">
      <c r="A825" s="1">
        <f ca="1">RAND()</f>
        <v>0.82149060057473466</v>
      </c>
      <c r="B825" s="1"/>
      <c r="C825">
        <v>1</v>
      </c>
      <c r="D825" t="s">
        <v>2324</v>
      </c>
      <c r="E825" t="s">
        <v>31003</v>
      </c>
      <c r="F825">
        <v>3</v>
      </c>
      <c r="H825" t="s">
        <v>2325</v>
      </c>
      <c r="I825" t="s">
        <v>30540</v>
      </c>
    </row>
    <row r="826" spans="1:9">
      <c r="A826" s="1">
        <f ca="1">RAND()</f>
        <v>0.35458039461839586</v>
      </c>
      <c r="B826" s="1"/>
      <c r="C826">
        <v>3</v>
      </c>
      <c r="D826" t="s">
        <v>2318</v>
      </c>
      <c r="E826" t="s">
        <v>31004</v>
      </c>
      <c r="F826">
        <v>5</v>
      </c>
      <c r="H826" t="s">
        <v>2319</v>
      </c>
      <c r="I826" t="s">
        <v>30540</v>
      </c>
    </row>
    <row r="827" spans="1:9">
      <c r="A827" s="1">
        <f ca="1">RAND()</f>
        <v>0.45765741290509532</v>
      </c>
      <c r="B827" s="1"/>
      <c r="C827">
        <v>4</v>
      </c>
      <c r="D827" t="s">
        <v>2320</v>
      </c>
      <c r="E827" t="s">
        <v>31004</v>
      </c>
      <c r="F827">
        <v>4</v>
      </c>
      <c r="H827" t="s">
        <v>2321</v>
      </c>
      <c r="I827" t="s">
        <v>30540</v>
      </c>
    </row>
    <row r="828" spans="1:9">
      <c r="A828" s="1">
        <f ca="1">RAND()</f>
        <v>0.61149087683162295</v>
      </c>
      <c r="B828" s="1"/>
      <c r="C828">
        <v>5</v>
      </c>
      <c r="D828" t="s">
        <v>2322</v>
      </c>
      <c r="E828" t="s">
        <v>31004</v>
      </c>
      <c r="F828">
        <v>4</v>
      </c>
      <c r="H828" t="s">
        <v>2323</v>
      </c>
      <c r="I828" t="s">
        <v>30540</v>
      </c>
    </row>
    <row r="829" spans="1:9">
      <c r="A829" s="1">
        <f ca="1">RAND()</f>
        <v>0.1148073362635752</v>
      </c>
      <c r="B829" s="1"/>
      <c r="C829">
        <v>2</v>
      </c>
      <c r="D829" t="s">
        <v>2316</v>
      </c>
      <c r="E829" t="s">
        <v>31005</v>
      </c>
      <c r="F829">
        <v>5</v>
      </c>
      <c r="H829" t="s">
        <v>2317</v>
      </c>
      <c r="I829" t="s">
        <v>30540</v>
      </c>
    </row>
    <row r="830" spans="1:9">
      <c r="A830" s="1">
        <f ca="1">RAND()</f>
        <v>0.42369718997592221</v>
      </c>
      <c r="B830" s="1"/>
      <c r="C830">
        <v>1</v>
      </c>
      <c r="D830" t="s">
        <v>2314</v>
      </c>
      <c r="E830" t="s">
        <v>31005</v>
      </c>
      <c r="F830">
        <v>5</v>
      </c>
      <c r="H830" t="s">
        <v>2315</v>
      </c>
      <c r="I830" t="s">
        <v>30540</v>
      </c>
    </row>
    <row r="831" spans="1:9">
      <c r="A831" s="1">
        <f ca="1">RAND()</f>
        <v>0.23223623824410777</v>
      </c>
      <c r="B831" s="1"/>
      <c r="C831">
        <v>6</v>
      </c>
      <c r="D831" t="s">
        <v>2310</v>
      </c>
      <c r="E831" t="s">
        <v>31006</v>
      </c>
      <c r="F831">
        <v>5</v>
      </c>
      <c r="H831" t="s">
        <v>2311</v>
      </c>
      <c r="I831" t="s">
        <v>30540</v>
      </c>
    </row>
    <row r="832" spans="1:9">
      <c r="A832" s="1">
        <f ca="1">RAND()</f>
        <v>0.49666417085184866</v>
      </c>
      <c r="B832" s="1"/>
      <c r="C832">
        <v>10</v>
      </c>
      <c r="D832" t="s">
        <v>2312</v>
      </c>
      <c r="E832" t="s">
        <v>31006</v>
      </c>
      <c r="F832">
        <v>4</v>
      </c>
      <c r="H832" t="s">
        <v>2313</v>
      </c>
      <c r="I832" t="s">
        <v>30540</v>
      </c>
    </row>
    <row r="833" spans="1:9">
      <c r="A833" s="1">
        <f ca="1">RAND()</f>
        <v>0.15432377006215381</v>
      </c>
      <c r="B833" s="1"/>
      <c r="C833">
        <v>3</v>
      </c>
      <c r="D833" t="s">
        <v>2302</v>
      </c>
      <c r="E833" t="s">
        <v>31007</v>
      </c>
      <c r="F833">
        <v>4</v>
      </c>
      <c r="H833" t="s">
        <v>2303</v>
      </c>
      <c r="I833" t="s">
        <v>30540</v>
      </c>
    </row>
    <row r="834" spans="1:9">
      <c r="A834" s="1">
        <f ca="1">RAND()</f>
        <v>0.87965491834191023</v>
      </c>
      <c r="B834" s="1"/>
      <c r="C834">
        <v>10</v>
      </c>
      <c r="D834" t="s">
        <v>2306</v>
      </c>
      <c r="E834" t="s">
        <v>31007</v>
      </c>
      <c r="F834">
        <v>4</v>
      </c>
      <c r="H834" t="s">
        <v>2307</v>
      </c>
      <c r="I834" t="s">
        <v>30540</v>
      </c>
    </row>
    <row r="835" spans="1:9">
      <c r="A835" s="1">
        <f ca="1">RAND()</f>
        <v>0.61440231675588319</v>
      </c>
      <c r="B835" s="1"/>
      <c r="C835">
        <v>8</v>
      </c>
      <c r="D835" t="s">
        <v>2304</v>
      </c>
      <c r="E835" t="s">
        <v>31007</v>
      </c>
      <c r="F835">
        <v>4</v>
      </c>
      <c r="H835" t="s">
        <v>2305</v>
      </c>
      <c r="I835" t="s">
        <v>30540</v>
      </c>
    </row>
    <row r="836" spans="1:9">
      <c r="A836" s="1">
        <f ca="1">RAND()</f>
        <v>0.95890751697924093</v>
      </c>
      <c r="B836" s="1"/>
      <c r="C836">
        <v>12</v>
      </c>
      <c r="D836" t="s">
        <v>2308</v>
      </c>
      <c r="E836" t="s">
        <v>31007</v>
      </c>
      <c r="F836">
        <v>4</v>
      </c>
      <c r="H836" t="s">
        <v>2309</v>
      </c>
      <c r="I836" t="s">
        <v>30540</v>
      </c>
    </row>
    <row r="837" spans="1:9">
      <c r="A837" s="1">
        <f ca="1">RAND()</f>
        <v>6.4802996928677081E-2</v>
      </c>
      <c r="B837" s="1"/>
      <c r="C837">
        <v>6</v>
      </c>
      <c r="D837" t="s">
        <v>2298</v>
      </c>
      <c r="E837" t="s">
        <v>31008</v>
      </c>
      <c r="F837">
        <v>5</v>
      </c>
      <c r="H837" t="s">
        <v>2299</v>
      </c>
      <c r="I837" t="s">
        <v>30540</v>
      </c>
    </row>
    <row r="838" spans="1:9">
      <c r="A838" s="1">
        <f ca="1">RAND()</f>
        <v>0.15686241964677883</v>
      </c>
      <c r="B838" s="1"/>
      <c r="C838">
        <v>7</v>
      </c>
      <c r="D838" t="s">
        <v>2300</v>
      </c>
      <c r="E838" t="s">
        <v>31008</v>
      </c>
      <c r="F838">
        <v>4</v>
      </c>
      <c r="H838" t="s">
        <v>2301</v>
      </c>
      <c r="I838" t="s">
        <v>30540</v>
      </c>
    </row>
    <row r="839" spans="1:9">
      <c r="A839" s="1">
        <f ca="1">RAND()</f>
        <v>0.23346634581118242</v>
      </c>
      <c r="B839" s="1"/>
      <c r="C839">
        <v>4</v>
      </c>
      <c r="D839" t="s">
        <v>2296</v>
      </c>
      <c r="E839" t="s">
        <v>31008</v>
      </c>
      <c r="F839">
        <v>4</v>
      </c>
      <c r="H839" t="s">
        <v>2297</v>
      </c>
      <c r="I839" t="s">
        <v>30540</v>
      </c>
    </row>
    <row r="840" spans="1:9">
      <c r="A840" s="1">
        <f ca="1">RAND()</f>
        <v>0.47253678184662407</v>
      </c>
      <c r="B840" s="1"/>
      <c r="C840">
        <v>3</v>
      </c>
      <c r="D840" t="s">
        <v>2294</v>
      </c>
      <c r="E840" t="s">
        <v>31009</v>
      </c>
      <c r="F840">
        <v>4</v>
      </c>
      <c r="H840" t="s">
        <v>2295</v>
      </c>
      <c r="I840" t="s">
        <v>30540</v>
      </c>
    </row>
    <row r="841" spans="1:9">
      <c r="A841" s="1">
        <f ca="1">RAND()</f>
        <v>0.71349704867774655</v>
      </c>
      <c r="B841" s="1"/>
      <c r="C841">
        <v>9</v>
      </c>
      <c r="D841" t="s">
        <v>2288</v>
      </c>
      <c r="E841" t="s">
        <v>31010</v>
      </c>
      <c r="F841">
        <v>5</v>
      </c>
      <c r="H841" t="s">
        <v>2289</v>
      </c>
      <c r="I841" t="s">
        <v>30540</v>
      </c>
    </row>
    <row r="842" spans="1:9">
      <c r="A842" s="1">
        <f ca="1">RAND()</f>
        <v>0.77491257443634531</v>
      </c>
      <c r="B842" s="1"/>
      <c r="C842">
        <v>6</v>
      </c>
      <c r="D842" t="s">
        <v>2284</v>
      </c>
      <c r="E842" t="s">
        <v>31010</v>
      </c>
      <c r="F842">
        <v>5</v>
      </c>
      <c r="H842" t="s">
        <v>2285</v>
      </c>
      <c r="I842" t="s">
        <v>30540</v>
      </c>
    </row>
    <row r="843" spans="1:9">
      <c r="A843" s="1">
        <f ca="1">RAND()</f>
        <v>0.52569630665650224</v>
      </c>
      <c r="B843" s="1"/>
      <c r="C843">
        <v>2</v>
      </c>
      <c r="D843" t="s">
        <v>2282</v>
      </c>
      <c r="E843" t="s">
        <v>31010</v>
      </c>
      <c r="F843">
        <v>5</v>
      </c>
      <c r="H843" t="s">
        <v>2283</v>
      </c>
      <c r="I843" t="s">
        <v>30540</v>
      </c>
    </row>
    <row r="844" spans="1:9">
      <c r="A844" s="1">
        <f ca="1">RAND()</f>
        <v>0.35700070844336951</v>
      </c>
      <c r="B844" s="1"/>
      <c r="C844">
        <v>10</v>
      </c>
      <c r="D844" t="s">
        <v>2290</v>
      </c>
      <c r="E844" t="s">
        <v>31010</v>
      </c>
      <c r="F844">
        <v>5</v>
      </c>
      <c r="H844" t="s">
        <v>2291</v>
      </c>
      <c r="I844" t="s">
        <v>30540</v>
      </c>
    </row>
    <row r="845" spans="1:9">
      <c r="A845" s="1">
        <f ca="1">RAND()</f>
        <v>0.54366039038084069</v>
      </c>
      <c r="B845" s="1"/>
      <c r="C845">
        <v>12</v>
      </c>
      <c r="D845" t="s">
        <v>2292</v>
      </c>
      <c r="E845" t="s">
        <v>31010</v>
      </c>
      <c r="F845">
        <v>4</v>
      </c>
      <c r="H845" t="s">
        <v>2293</v>
      </c>
      <c r="I845" t="s">
        <v>30540</v>
      </c>
    </row>
    <row r="846" spans="1:9">
      <c r="A846" s="1">
        <f ca="1">RAND()</f>
        <v>0.90394511741978323</v>
      </c>
      <c r="B846" s="1"/>
      <c r="C846">
        <v>7</v>
      </c>
      <c r="D846" t="s">
        <v>2286</v>
      </c>
      <c r="E846" t="s">
        <v>31010</v>
      </c>
      <c r="F846">
        <v>4</v>
      </c>
      <c r="H846" t="s">
        <v>2287</v>
      </c>
      <c r="I846" t="s">
        <v>30540</v>
      </c>
    </row>
    <row r="847" spans="1:9">
      <c r="A847" s="1">
        <f ca="1">RAND()</f>
        <v>0.78153775557892413</v>
      </c>
      <c r="B847" s="1"/>
      <c r="C847">
        <v>3</v>
      </c>
      <c r="D847" t="s">
        <v>2280</v>
      </c>
      <c r="E847" t="s">
        <v>31011</v>
      </c>
      <c r="F847">
        <v>5</v>
      </c>
      <c r="H847" t="s">
        <v>2281</v>
      </c>
      <c r="I847" t="s">
        <v>30540</v>
      </c>
    </row>
    <row r="848" spans="1:9">
      <c r="A848" s="1">
        <f ca="1">RAND()</f>
        <v>0.58333746036542622</v>
      </c>
      <c r="B848" s="1"/>
      <c r="C848">
        <v>2</v>
      </c>
      <c r="D848" t="s">
        <v>2274</v>
      </c>
      <c r="E848" t="s">
        <v>31012</v>
      </c>
      <c r="F848">
        <v>5</v>
      </c>
      <c r="H848" t="s">
        <v>2275</v>
      </c>
      <c r="I848" t="s">
        <v>30540</v>
      </c>
    </row>
    <row r="849" spans="1:9">
      <c r="A849" s="1">
        <f ca="1">RAND()</f>
        <v>0.82704117285452539</v>
      </c>
      <c r="B849" s="1"/>
      <c r="C849">
        <v>11</v>
      </c>
      <c r="D849" t="s">
        <v>2278</v>
      </c>
      <c r="E849" t="s">
        <v>31012</v>
      </c>
      <c r="F849">
        <v>5</v>
      </c>
      <c r="H849" t="s">
        <v>2279</v>
      </c>
      <c r="I849" t="s">
        <v>30540</v>
      </c>
    </row>
    <row r="850" spans="1:9">
      <c r="A850" s="1">
        <f ca="1">RAND()</f>
        <v>0.60826413847916683</v>
      </c>
      <c r="B850" s="1"/>
      <c r="C850">
        <v>1</v>
      </c>
      <c r="D850" t="s">
        <v>2272</v>
      </c>
      <c r="E850" t="s">
        <v>31012</v>
      </c>
      <c r="F850">
        <v>4</v>
      </c>
      <c r="H850" t="s">
        <v>2273</v>
      </c>
      <c r="I850" t="s">
        <v>30540</v>
      </c>
    </row>
    <row r="851" spans="1:9">
      <c r="A851" s="1">
        <f ca="1">RAND()</f>
        <v>0.66896918139456119</v>
      </c>
      <c r="B851" s="1"/>
      <c r="C851">
        <v>7</v>
      </c>
      <c r="D851" t="s">
        <v>2276</v>
      </c>
      <c r="E851" t="s">
        <v>31012</v>
      </c>
      <c r="F851">
        <v>4</v>
      </c>
      <c r="H851" t="s">
        <v>2277</v>
      </c>
      <c r="I851" t="s">
        <v>30540</v>
      </c>
    </row>
    <row r="852" spans="1:9">
      <c r="A852" s="1">
        <f ca="1">RAND()</f>
        <v>0.67464150770165421</v>
      </c>
      <c r="B852" s="1"/>
      <c r="C852">
        <v>8</v>
      </c>
      <c r="D852" t="s">
        <v>2270</v>
      </c>
      <c r="E852" t="s">
        <v>31013</v>
      </c>
      <c r="F852">
        <v>4</v>
      </c>
      <c r="H852" t="s">
        <v>2271</v>
      </c>
      <c r="I852" t="s">
        <v>30540</v>
      </c>
    </row>
    <row r="853" spans="1:9">
      <c r="A853" s="1">
        <f ca="1">RAND()</f>
        <v>0.22149620490313648</v>
      </c>
      <c r="B853" s="1"/>
      <c r="C853">
        <v>2</v>
      </c>
      <c r="D853" t="s">
        <v>2268</v>
      </c>
      <c r="E853" t="s">
        <v>31013</v>
      </c>
      <c r="F853">
        <v>2</v>
      </c>
      <c r="H853" t="s">
        <v>2269</v>
      </c>
      <c r="I853" t="s">
        <v>30540</v>
      </c>
    </row>
    <row r="854" spans="1:9">
      <c r="A854" s="1">
        <f ca="1">RAND()</f>
        <v>0.66155340372381533</v>
      </c>
      <c r="B854" s="1"/>
      <c r="C854">
        <v>2</v>
      </c>
      <c r="D854" t="s">
        <v>2264</v>
      </c>
      <c r="E854" t="s">
        <v>31014</v>
      </c>
      <c r="F854">
        <v>5</v>
      </c>
      <c r="H854" t="s">
        <v>2265</v>
      </c>
      <c r="I854" t="s">
        <v>30540</v>
      </c>
    </row>
    <row r="855" spans="1:9">
      <c r="A855" s="1">
        <f ca="1">RAND()</f>
        <v>0.7902887589071993</v>
      </c>
      <c r="B855" s="1"/>
      <c r="C855">
        <v>4</v>
      </c>
      <c r="D855" t="s">
        <v>2266</v>
      </c>
      <c r="E855" t="s">
        <v>31014</v>
      </c>
      <c r="F855">
        <v>4</v>
      </c>
      <c r="H855" t="s">
        <v>2267</v>
      </c>
      <c r="I855" t="s">
        <v>30540</v>
      </c>
    </row>
    <row r="856" spans="1:9">
      <c r="A856" s="1">
        <f ca="1">RAND()</f>
        <v>0.12751685717806482</v>
      </c>
      <c r="B856" s="1"/>
      <c r="C856">
        <v>4</v>
      </c>
      <c r="D856" t="s">
        <v>2262</v>
      </c>
      <c r="E856" t="s">
        <v>31015</v>
      </c>
      <c r="F856">
        <v>5</v>
      </c>
      <c r="H856" t="s">
        <v>2263</v>
      </c>
      <c r="I856" t="s">
        <v>30540</v>
      </c>
    </row>
    <row r="857" spans="1:9">
      <c r="A857" s="1">
        <f ca="1">RAND()</f>
        <v>0.75135753734643118</v>
      </c>
      <c r="B857" s="1"/>
      <c r="C857">
        <v>2</v>
      </c>
      <c r="D857" t="s">
        <v>2258</v>
      </c>
      <c r="E857" t="s">
        <v>31015</v>
      </c>
      <c r="F857">
        <v>4</v>
      </c>
      <c r="H857" t="s">
        <v>2261</v>
      </c>
      <c r="I857" t="s">
        <v>30540</v>
      </c>
    </row>
    <row r="858" spans="1:9">
      <c r="A858" s="1">
        <f ca="1">RAND()</f>
        <v>0.57512591568021909</v>
      </c>
      <c r="B858" s="1"/>
      <c r="C858">
        <v>3</v>
      </c>
      <c r="D858" t="s">
        <v>2259</v>
      </c>
      <c r="E858" t="s">
        <v>31016</v>
      </c>
      <c r="F858">
        <v>4</v>
      </c>
      <c r="H858" t="s">
        <v>2260</v>
      </c>
      <c r="I858" t="s">
        <v>30540</v>
      </c>
    </row>
    <row r="859" spans="1:9">
      <c r="A859" s="1">
        <f ca="1">RAND()</f>
        <v>0.41899467568568394</v>
      </c>
      <c r="B859" s="1"/>
      <c r="C859">
        <v>1</v>
      </c>
      <c r="D859" t="s">
        <v>2256</v>
      </c>
      <c r="E859" t="s">
        <v>31016</v>
      </c>
      <c r="F859">
        <v>1</v>
      </c>
      <c r="H859" t="s">
        <v>2257</v>
      </c>
      <c r="I859" t="s">
        <v>30540</v>
      </c>
    </row>
    <row r="860" spans="1:9">
      <c r="A860" s="1">
        <f ca="1">RAND()</f>
        <v>0.727749805190676</v>
      </c>
      <c r="B860" s="1"/>
      <c r="C860">
        <v>6</v>
      </c>
      <c r="D860" t="s">
        <v>2250</v>
      </c>
      <c r="E860" t="s">
        <v>31017</v>
      </c>
      <c r="F860">
        <v>5</v>
      </c>
      <c r="H860" t="s">
        <v>2251</v>
      </c>
      <c r="I860" t="s">
        <v>30540</v>
      </c>
    </row>
    <row r="861" spans="1:9">
      <c r="A861" s="1">
        <f ca="1">RAND()</f>
        <v>0.62839971467619427</v>
      </c>
      <c r="B861" s="1"/>
      <c r="C861">
        <v>11</v>
      </c>
      <c r="D861" t="s">
        <v>2254</v>
      </c>
      <c r="E861" t="s">
        <v>31017</v>
      </c>
      <c r="F861">
        <v>5</v>
      </c>
      <c r="H861" t="s">
        <v>2255</v>
      </c>
      <c r="I861" t="s">
        <v>30540</v>
      </c>
    </row>
    <row r="862" spans="1:9">
      <c r="A862" s="1">
        <f ca="1">RAND()</f>
        <v>0.2792301101303849</v>
      </c>
      <c r="B862" s="1"/>
      <c r="C862">
        <v>2</v>
      </c>
      <c r="D862" t="s">
        <v>2248</v>
      </c>
      <c r="E862" t="s">
        <v>31017</v>
      </c>
      <c r="F862">
        <v>4</v>
      </c>
      <c r="H862" t="s">
        <v>2249</v>
      </c>
      <c r="I862" t="s">
        <v>30540</v>
      </c>
    </row>
    <row r="863" spans="1:9">
      <c r="A863" s="1">
        <f ca="1">RAND()</f>
        <v>0.9056361363650175</v>
      </c>
      <c r="B863" s="1"/>
      <c r="C863">
        <v>1</v>
      </c>
      <c r="D863" t="s">
        <v>2246</v>
      </c>
      <c r="E863" t="s">
        <v>31017</v>
      </c>
      <c r="F863">
        <v>4</v>
      </c>
      <c r="H863" t="s">
        <v>2247</v>
      </c>
      <c r="I863" t="s">
        <v>30540</v>
      </c>
    </row>
    <row r="864" spans="1:9">
      <c r="A864" s="1">
        <f ca="1">RAND()</f>
        <v>0.5530002543960485</v>
      </c>
      <c r="B864" s="1"/>
      <c r="C864">
        <v>9</v>
      </c>
      <c r="D864" t="s">
        <v>2252</v>
      </c>
      <c r="E864" t="s">
        <v>31017</v>
      </c>
      <c r="F864">
        <v>2</v>
      </c>
      <c r="H864" t="s">
        <v>2253</v>
      </c>
      <c r="I864" t="s">
        <v>30540</v>
      </c>
    </row>
    <row r="865" spans="1:9">
      <c r="A865" s="1">
        <f ca="1">RAND()</f>
        <v>0.59192982742134803</v>
      </c>
      <c r="B865" s="1"/>
      <c r="C865">
        <v>2</v>
      </c>
      <c r="D865" t="s">
        <v>2244</v>
      </c>
      <c r="E865" t="s">
        <v>31018</v>
      </c>
      <c r="F865">
        <v>3</v>
      </c>
      <c r="H865" t="s">
        <v>2245</v>
      </c>
      <c r="I865" t="s">
        <v>30540</v>
      </c>
    </row>
    <row r="866" spans="1:9">
      <c r="A866" s="1">
        <f ca="1">RAND()</f>
        <v>0.7050993058779591</v>
      </c>
      <c r="B866" s="1"/>
      <c r="C866">
        <v>1</v>
      </c>
      <c r="D866" t="s">
        <v>2240</v>
      </c>
      <c r="E866" t="s">
        <v>31019</v>
      </c>
      <c r="F866">
        <v>4</v>
      </c>
      <c r="H866" t="s">
        <v>2241</v>
      </c>
      <c r="I866" t="s">
        <v>30540</v>
      </c>
    </row>
    <row r="867" spans="1:9">
      <c r="A867" s="1">
        <f ca="1">RAND()</f>
        <v>0.17023360442119817</v>
      </c>
      <c r="B867" s="1"/>
      <c r="C867">
        <v>3</v>
      </c>
      <c r="D867" t="s">
        <v>2242</v>
      </c>
      <c r="E867" t="s">
        <v>31019</v>
      </c>
      <c r="F867">
        <v>4</v>
      </c>
      <c r="H867" t="s">
        <v>2243</v>
      </c>
      <c r="I867" t="s">
        <v>30540</v>
      </c>
    </row>
    <row r="868" spans="1:9">
      <c r="A868" s="1">
        <f ca="1">RAND()</f>
        <v>0.38470869945849417</v>
      </c>
      <c r="B868" s="1"/>
      <c r="C868">
        <v>8</v>
      </c>
      <c r="D868" t="s">
        <v>2236</v>
      </c>
      <c r="E868" t="s">
        <v>31020</v>
      </c>
      <c r="F868">
        <v>5</v>
      </c>
      <c r="H868" t="s">
        <v>2237</v>
      </c>
      <c r="I868" t="s">
        <v>30540</v>
      </c>
    </row>
    <row r="869" spans="1:9">
      <c r="A869" s="1">
        <f ca="1">RAND()</f>
        <v>0.34333704073085414</v>
      </c>
      <c r="B869" s="1"/>
      <c r="C869">
        <v>2</v>
      </c>
      <c r="D869" t="s">
        <v>2234</v>
      </c>
      <c r="E869" t="s">
        <v>31020</v>
      </c>
      <c r="F869">
        <v>4</v>
      </c>
      <c r="H869" t="s">
        <v>2235</v>
      </c>
      <c r="I869" t="s">
        <v>30540</v>
      </c>
    </row>
    <row r="870" spans="1:9">
      <c r="A870" s="1">
        <f ca="1">RAND()</f>
        <v>0.14141880812132845</v>
      </c>
      <c r="B870" s="1"/>
      <c r="C870">
        <v>9</v>
      </c>
      <c r="D870" t="s">
        <v>2238</v>
      </c>
      <c r="E870" t="s">
        <v>31020</v>
      </c>
      <c r="F870">
        <v>2</v>
      </c>
      <c r="H870" t="s">
        <v>2239</v>
      </c>
      <c r="I870" t="s">
        <v>30540</v>
      </c>
    </row>
    <row r="871" spans="1:9">
      <c r="A871" s="1">
        <f ca="1">RAND()</f>
        <v>0.67525611480495906</v>
      </c>
      <c r="B871" s="1"/>
      <c r="C871">
        <v>3</v>
      </c>
      <c r="D871" t="s">
        <v>2232</v>
      </c>
      <c r="E871" t="s">
        <v>31021</v>
      </c>
      <c r="F871">
        <v>4</v>
      </c>
      <c r="H871" t="s">
        <v>2233</v>
      </c>
      <c r="I871" t="s">
        <v>30540</v>
      </c>
    </row>
    <row r="872" spans="1:9">
      <c r="A872" s="1">
        <f ca="1">RAND()</f>
        <v>0.50453489332640544</v>
      </c>
      <c r="B872" s="1"/>
      <c r="C872">
        <v>5</v>
      </c>
      <c r="D872" t="s">
        <v>2227</v>
      </c>
      <c r="E872" t="s">
        <v>31022</v>
      </c>
      <c r="F872">
        <v>5</v>
      </c>
      <c r="G872" t="s">
        <v>775</v>
      </c>
      <c r="H872" t="s">
        <v>2228</v>
      </c>
      <c r="I872" t="s">
        <v>30540</v>
      </c>
    </row>
    <row r="873" spans="1:9">
      <c r="A873" s="1">
        <f ca="1">RAND()</f>
        <v>0.25855733353952426</v>
      </c>
      <c r="B873" s="1"/>
      <c r="C873">
        <v>9</v>
      </c>
      <c r="D873" t="s">
        <v>2230</v>
      </c>
      <c r="E873" t="s">
        <v>31022</v>
      </c>
      <c r="F873">
        <v>3</v>
      </c>
      <c r="G873" t="s">
        <v>762</v>
      </c>
      <c r="H873" t="s">
        <v>2231</v>
      </c>
      <c r="I873" t="s">
        <v>30540</v>
      </c>
    </row>
    <row r="874" spans="1:9">
      <c r="A874" s="1">
        <f ca="1">RAND()</f>
        <v>0.4806282785870718</v>
      </c>
      <c r="B874" s="1"/>
      <c r="C874">
        <v>6</v>
      </c>
      <c r="D874" t="s">
        <v>2224</v>
      </c>
      <c r="E874" t="s">
        <v>31023</v>
      </c>
      <c r="F874">
        <v>5</v>
      </c>
      <c r="H874" t="s">
        <v>2225</v>
      </c>
      <c r="I874" t="s">
        <v>30540</v>
      </c>
    </row>
    <row r="875" spans="1:9">
      <c r="A875" s="1">
        <f ca="1">RAND()</f>
        <v>0.6133354397865638</v>
      </c>
      <c r="B875" s="1"/>
      <c r="C875">
        <v>4</v>
      </c>
      <c r="D875" t="s">
        <v>2222</v>
      </c>
      <c r="E875" t="s">
        <v>31024</v>
      </c>
      <c r="F875">
        <v>4</v>
      </c>
      <c r="H875" t="s">
        <v>2223</v>
      </c>
      <c r="I875" t="s">
        <v>30540</v>
      </c>
    </row>
    <row r="876" spans="1:9">
      <c r="A876" s="1">
        <f ca="1">RAND()</f>
        <v>0.47664658069193544</v>
      </c>
      <c r="B876" s="1"/>
      <c r="C876">
        <v>2</v>
      </c>
      <c r="D876" t="s">
        <v>2220</v>
      </c>
      <c r="E876" t="s">
        <v>31025</v>
      </c>
      <c r="F876">
        <v>1</v>
      </c>
      <c r="G876" t="s">
        <v>838</v>
      </c>
      <c r="H876" t="s">
        <v>2221</v>
      </c>
      <c r="I876" t="s">
        <v>30540</v>
      </c>
    </row>
    <row r="877" spans="1:9">
      <c r="A877" s="1">
        <f ca="1">RAND()</f>
        <v>0.68014423048172556</v>
      </c>
      <c r="B877" s="1"/>
      <c r="C877">
        <v>4</v>
      </c>
      <c r="D877" t="s">
        <v>2218</v>
      </c>
      <c r="E877" t="s">
        <v>31026</v>
      </c>
      <c r="F877">
        <v>5</v>
      </c>
      <c r="H877" t="s">
        <v>2219</v>
      </c>
      <c r="I877" t="s">
        <v>30540</v>
      </c>
    </row>
    <row r="878" spans="1:9">
      <c r="A878" s="1">
        <f ca="1">RAND()</f>
        <v>0.17925759342310821</v>
      </c>
      <c r="B878" s="1"/>
      <c r="C878">
        <v>1</v>
      </c>
      <c r="D878" t="s">
        <v>2216</v>
      </c>
      <c r="E878" t="s">
        <v>31026</v>
      </c>
      <c r="F878">
        <v>4</v>
      </c>
      <c r="H878" t="s">
        <v>2217</v>
      </c>
      <c r="I878" t="s">
        <v>30540</v>
      </c>
    </row>
    <row r="879" spans="1:9">
      <c r="A879" s="1">
        <f ca="1">RAND()</f>
        <v>0.86499435726153218</v>
      </c>
      <c r="B879" s="1"/>
      <c r="C879">
        <v>12</v>
      </c>
      <c r="D879" t="s">
        <v>2210</v>
      </c>
      <c r="E879" t="s">
        <v>31027</v>
      </c>
      <c r="F879">
        <v>4</v>
      </c>
      <c r="H879" t="s">
        <v>2211</v>
      </c>
      <c r="I879" t="s">
        <v>30540</v>
      </c>
    </row>
    <row r="880" spans="1:9">
      <c r="A880" s="1">
        <f ca="1">RAND()</f>
        <v>0.64874208073966499</v>
      </c>
      <c r="B880" s="1"/>
      <c r="C880">
        <v>2</v>
      </c>
      <c r="D880" t="s">
        <v>2206</v>
      </c>
      <c r="E880" t="s">
        <v>31027</v>
      </c>
      <c r="F880">
        <v>4</v>
      </c>
      <c r="H880" t="s">
        <v>2207</v>
      </c>
      <c r="I880" t="s">
        <v>30540</v>
      </c>
    </row>
    <row r="881" spans="1:9">
      <c r="A881" s="1">
        <f ca="1">RAND()</f>
        <v>5.5927713161501136E-2</v>
      </c>
      <c r="B881" s="1"/>
      <c r="C881">
        <v>15</v>
      </c>
      <c r="D881" t="s">
        <v>2212</v>
      </c>
      <c r="E881" t="s">
        <v>31027</v>
      </c>
      <c r="F881">
        <v>4</v>
      </c>
      <c r="H881" t="s">
        <v>2213</v>
      </c>
      <c r="I881" t="s">
        <v>30540</v>
      </c>
    </row>
    <row r="882" spans="1:9">
      <c r="A882" s="1">
        <f ca="1">RAND()</f>
        <v>3.4958888774670571E-2</v>
      </c>
      <c r="B882" s="1"/>
      <c r="C882">
        <v>16</v>
      </c>
      <c r="D882" t="s">
        <v>2214</v>
      </c>
      <c r="E882" t="s">
        <v>31027</v>
      </c>
      <c r="F882">
        <v>3</v>
      </c>
      <c r="H882" t="s">
        <v>2215</v>
      </c>
      <c r="I882" t="s">
        <v>30540</v>
      </c>
    </row>
    <row r="883" spans="1:9">
      <c r="A883" s="1">
        <f ca="1">RAND()</f>
        <v>0.10621206115006054</v>
      </c>
      <c r="B883" s="1"/>
      <c r="C883">
        <v>6</v>
      </c>
      <c r="D883" t="s">
        <v>2208</v>
      </c>
      <c r="E883" t="s">
        <v>31027</v>
      </c>
      <c r="F883">
        <v>3</v>
      </c>
      <c r="H883" t="s">
        <v>2209</v>
      </c>
      <c r="I883" t="s">
        <v>30540</v>
      </c>
    </row>
    <row r="884" spans="1:9">
      <c r="A884" s="1">
        <f ca="1">RAND()</f>
        <v>0.25809912645417499</v>
      </c>
      <c r="B884" s="1"/>
      <c r="C884">
        <v>7</v>
      </c>
      <c r="D884" t="s">
        <v>2202</v>
      </c>
      <c r="E884" t="s">
        <v>31028</v>
      </c>
      <c r="F884">
        <v>4</v>
      </c>
      <c r="H884" t="s">
        <v>2203</v>
      </c>
      <c r="I884" t="s">
        <v>30540</v>
      </c>
    </row>
    <row r="885" spans="1:9">
      <c r="A885" s="1">
        <f ca="1">RAND()</f>
        <v>0.33992821976018017</v>
      </c>
      <c r="B885" s="1"/>
      <c r="C885">
        <v>8</v>
      </c>
      <c r="D885" t="s">
        <v>2204</v>
      </c>
      <c r="E885" t="s">
        <v>31028</v>
      </c>
      <c r="F885">
        <v>4</v>
      </c>
      <c r="H885" t="s">
        <v>2205</v>
      </c>
      <c r="I885" t="s">
        <v>30540</v>
      </c>
    </row>
    <row r="886" spans="1:9">
      <c r="A886" s="1">
        <f ca="1">RAND()</f>
        <v>0.35116842416655492</v>
      </c>
      <c r="B886" s="1"/>
      <c r="C886">
        <v>1</v>
      </c>
      <c r="D886" t="s">
        <v>2200</v>
      </c>
      <c r="E886" t="s">
        <v>31028</v>
      </c>
      <c r="F886">
        <v>1</v>
      </c>
      <c r="H886" t="s">
        <v>2201</v>
      </c>
      <c r="I886" t="s">
        <v>30540</v>
      </c>
    </row>
    <row r="887" spans="1:9">
      <c r="A887" s="1">
        <f ca="1">RAND()</f>
        <v>0.43450388710279197</v>
      </c>
      <c r="B887" s="1"/>
      <c r="C887">
        <v>2</v>
      </c>
      <c r="D887" t="s">
        <v>2198</v>
      </c>
      <c r="E887" t="s">
        <v>31029</v>
      </c>
      <c r="F887">
        <v>4</v>
      </c>
      <c r="H887" t="s">
        <v>2199</v>
      </c>
      <c r="I887" t="s">
        <v>30540</v>
      </c>
    </row>
    <row r="888" spans="1:9">
      <c r="A888" s="1">
        <f ca="1">RAND()</f>
        <v>2.7092065804923959E-2</v>
      </c>
      <c r="B888" s="1"/>
      <c r="C888">
        <v>1</v>
      </c>
      <c r="D888" t="s">
        <v>2196</v>
      </c>
      <c r="E888" t="s">
        <v>31030</v>
      </c>
      <c r="F888">
        <v>3</v>
      </c>
      <c r="H888" t="s">
        <v>2197</v>
      </c>
      <c r="I888" t="s">
        <v>30540</v>
      </c>
    </row>
    <row r="889" spans="1:9">
      <c r="A889" s="1">
        <f ca="1">RAND()</f>
        <v>0.90082541846325181</v>
      </c>
      <c r="B889" s="1"/>
      <c r="C889">
        <v>2</v>
      </c>
      <c r="D889" t="s">
        <v>2194</v>
      </c>
      <c r="E889" t="s">
        <v>31031</v>
      </c>
      <c r="F889">
        <v>4</v>
      </c>
      <c r="H889" t="s">
        <v>2195</v>
      </c>
      <c r="I889" t="s">
        <v>30540</v>
      </c>
    </row>
    <row r="890" spans="1:9">
      <c r="A890" s="1">
        <f ca="1">RAND()</f>
        <v>0.11092688648276228</v>
      </c>
      <c r="B890" s="1"/>
      <c r="C890">
        <v>4</v>
      </c>
      <c r="D890" t="s">
        <v>2192</v>
      </c>
      <c r="E890" t="s">
        <v>31032</v>
      </c>
      <c r="F890">
        <v>2</v>
      </c>
      <c r="H890" t="s">
        <v>2193</v>
      </c>
      <c r="I890" t="s">
        <v>30540</v>
      </c>
    </row>
    <row r="891" spans="1:9">
      <c r="A891" s="1">
        <f ca="1">RAND()</f>
        <v>0.72772207255169752</v>
      </c>
      <c r="B891" s="1"/>
      <c r="C891">
        <v>1</v>
      </c>
      <c r="D891" t="s">
        <v>2190</v>
      </c>
      <c r="E891" t="s">
        <v>31033</v>
      </c>
      <c r="F891">
        <v>4</v>
      </c>
      <c r="H891" t="s">
        <v>2191</v>
      </c>
      <c r="I891" t="s">
        <v>30540</v>
      </c>
    </row>
    <row r="892" spans="1:9">
      <c r="A892" s="1">
        <f ca="1">RAND()</f>
        <v>8.3310249856422769E-2</v>
      </c>
      <c r="B892" s="1"/>
      <c r="C892">
        <v>2</v>
      </c>
      <c r="D892" t="s">
        <v>2188</v>
      </c>
      <c r="E892" t="s">
        <v>31034</v>
      </c>
      <c r="F892">
        <v>5</v>
      </c>
      <c r="H892" t="s">
        <v>2189</v>
      </c>
      <c r="I892" t="s">
        <v>30540</v>
      </c>
    </row>
    <row r="893" spans="1:9">
      <c r="A893" s="1">
        <f ca="1">RAND()</f>
        <v>0.96109554493975879</v>
      </c>
      <c r="B893" s="1"/>
      <c r="C893">
        <v>1</v>
      </c>
      <c r="D893" t="s">
        <v>2186</v>
      </c>
      <c r="E893" t="s">
        <v>31034</v>
      </c>
      <c r="F893">
        <v>4</v>
      </c>
      <c r="H893" t="s">
        <v>2187</v>
      </c>
      <c r="I893" t="s">
        <v>30540</v>
      </c>
    </row>
    <row r="894" spans="1:9">
      <c r="A894" s="1">
        <f ca="1">RAND()</f>
        <v>0.91463952181739638</v>
      </c>
      <c r="B894" s="1"/>
      <c r="C894">
        <v>6</v>
      </c>
      <c r="D894" t="s">
        <v>2184</v>
      </c>
      <c r="E894" t="s">
        <v>31035</v>
      </c>
      <c r="F894">
        <v>5</v>
      </c>
      <c r="H894" t="s">
        <v>2185</v>
      </c>
      <c r="I894" t="s">
        <v>30540</v>
      </c>
    </row>
    <row r="895" spans="1:9">
      <c r="A895" s="1">
        <f ca="1">RAND()</f>
        <v>0.71139078380473419</v>
      </c>
      <c r="B895" s="1"/>
      <c r="C895">
        <v>3</v>
      </c>
      <c r="D895" t="s">
        <v>2180</v>
      </c>
      <c r="E895" t="s">
        <v>31035</v>
      </c>
      <c r="F895">
        <v>5</v>
      </c>
      <c r="H895" t="s">
        <v>2181</v>
      </c>
      <c r="I895" t="s">
        <v>30540</v>
      </c>
    </row>
    <row r="896" spans="1:9">
      <c r="A896" s="1">
        <f ca="1">RAND()</f>
        <v>0.37595132251103458</v>
      </c>
      <c r="B896" s="1"/>
      <c r="C896">
        <v>1</v>
      </c>
      <c r="D896" t="s">
        <v>2178</v>
      </c>
      <c r="E896" t="s">
        <v>31035</v>
      </c>
      <c r="F896">
        <v>4</v>
      </c>
      <c r="H896" t="s">
        <v>2179</v>
      </c>
      <c r="I896" t="s">
        <v>30540</v>
      </c>
    </row>
    <row r="897" spans="1:9">
      <c r="A897" s="1">
        <f ca="1">RAND()</f>
        <v>0.13103638620103564</v>
      </c>
      <c r="B897" s="1"/>
      <c r="C897">
        <v>5</v>
      </c>
      <c r="D897" t="s">
        <v>2182</v>
      </c>
      <c r="E897" t="s">
        <v>31035</v>
      </c>
      <c r="F897">
        <v>4</v>
      </c>
      <c r="H897" t="s">
        <v>2183</v>
      </c>
      <c r="I897" t="s">
        <v>30540</v>
      </c>
    </row>
    <row r="898" spans="1:9">
      <c r="A898" s="1">
        <f ca="1">RAND()</f>
        <v>0.48969418017884203</v>
      </c>
      <c r="B898" s="1"/>
      <c r="C898">
        <v>9</v>
      </c>
      <c r="D898" t="s">
        <v>2176</v>
      </c>
      <c r="E898" t="s">
        <v>31036</v>
      </c>
      <c r="F898">
        <v>5</v>
      </c>
      <c r="H898" t="s">
        <v>2177</v>
      </c>
      <c r="I898" t="s">
        <v>30540</v>
      </c>
    </row>
    <row r="899" spans="1:9">
      <c r="A899" s="1">
        <f ca="1">RAND()</f>
        <v>0.99732009897908691</v>
      </c>
      <c r="B899" s="1"/>
      <c r="C899">
        <v>3</v>
      </c>
      <c r="D899" t="s">
        <v>2174</v>
      </c>
      <c r="E899" t="s">
        <v>31036</v>
      </c>
      <c r="F899">
        <v>3</v>
      </c>
      <c r="H899" t="s">
        <v>2175</v>
      </c>
      <c r="I899" t="s">
        <v>30540</v>
      </c>
    </row>
    <row r="900" spans="1:9">
      <c r="A900" s="1">
        <f ca="1">RAND()</f>
        <v>0.87241292656839453</v>
      </c>
      <c r="B900" s="1"/>
      <c r="C900">
        <v>1</v>
      </c>
      <c r="D900" t="s">
        <v>2172</v>
      </c>
      <c r="E900" t="s">
        <v>31037</v>
      </c>
      <c r="F900">
        <v>5</v>
      </c>
      <c r="G900" t="s">
        <v>838</v>
      </c>
      <c r="H900" t="s">
        <v>2173</v>
      </c>
      <c r="I900" t="s">
        <v>30540</v>
      </c>
    </row>
    <row r="901" spans="1:9">
      <c r="A901" s="1">
        <f ca="1">RAND()</f>
        <v>0.56990353228750179</v>
      </c>
      <c r="B901" s="1"/>
      <c r="C901">
        <v>6</v>
      </c>
      <c r="D901" t="s">
        <v>2170</v>
      </c>
      <c r="E901" t="s">
        <v>31038</v>
      </c>
      <c r="F901">
        <v>4</v>
      </c>
      <c r="H901" t="s">
        <v>2171</v>
      </c>
      <c r="I901" t="s">
        <v>30540</v>
      </c>
    </row>
    <row r="902" spans="1:9">
      <c r="A902" s="1">
        <f ca="1">RAND()</f>
        <v>0.3983531935072937</v>
      </c>
      <c r="B902" s="1"/>
      <c r="C902">
        <v>4</v>
      </c>
      <c r="D902" t="s">
        <v>2166</v>
      </c>
      <c r="E902" t="s">
        <v>31039</v>
      </c>
      <c r="F902">
        <v>5</v>
      </c>
      <c r="H902" t="s">
        <v>2167</v>
      </c>
      <c r="I902" t="s">
        <v>30540</v>
      </c>
    </row>
    <row r="903" spans="1:9">
      <c r="A903" s="1">
        <f ca="1">RAND()</f>
        <v>0.92947092817745358</v>
      </c>
      <c r="B903" s="1"/>
      <c r="C903">
        <v>2</v>
      </c>
      <c r="D903" t="s">
        <v>2164</v>
      </c>
      <c r="E903" t="s">
        <v>31039</v>
      </c>
      <c r="F903">
        <v>4</v>
      </c>
      <c r="H903" t="s">
        <v>2165</v>
      </c>
      <c r="I903" t="s">
        <v>30540</v>
      </c>
    </row>
    <row r="904" spans="1:9">
      <c r="A904" s="1">
        <f ca="1">RAND()</f>
        <v>0.10970994819005164</v>
      </c>
      <c r="B904" s="1"/>
      <c r="C904">
        <v>5</v>
      </c>
      <c r="D904" t="s">
        <v>2168</v>
      </c>
      <c r="E904" t="s">
        <v>31039</v>
      </c>
      <c r="F904">
        <v>3</v>
      </c>
      <c r="G904" t="s">
        <v>838</v>
      </c>
      <c r="H904" t="s">
        <v>2169</v>
      </c>
      <c r="I904" t="s">
        <v>30540</v>
      </c>
    </row>
    <row r="905" spans="1:9">
      <c r="A905" s="1">
        <f ca="1">RAND()</f>
        <v>0.79324360518000392</v>
      </c>
      <c r="B905" s="1"/>
      <c r="C905">
        <v>1</v>
      </c>
      <c r="D905" t="s">
        <v>2160</v>
      </c>
      <c r="E905" t="s">
        <v>31040</v>
      </c>
      <c r="F905">
        <v>5</v>
      </c>
      <c r="G905" t="s">
        <v>10</v>
      </c>
      <c r="H905" t="s">
        <v>2161</v>
      </c>
      <c r="I905" t="s">
        <v>30540</v>
      </c>
    </row>
    <row r="906" spans="1:9">
      <c r="A906" s="1">
        <f ca="1">RAND()</f>
        <v>0.48658420819979309</v>
      </c>
      <c r="B906" s="1"/>
      <c r="C906">
        <v>3</v>
      </c>
      <c r="D906" t="s">
        <v>2162</v>
      </c>
      <c r="E906" t="s">
        <v>31040</v>
      </c>
      <c r="F906">
        <v>2</v>
      </c>
      <c r="H906" t="s">
        <v>2163</v>
      </c>
      <c r="I906" t="s">
        <v>30540</v>
      </c>
    </row>
    <row r="907" spans="1:9">
      <c r="A907" s="1">
        <f ca="1">RAND()</f>
        <v>0.562516955168329</v>
      </c>
      <c r="B907" s="1"/>
      <c r="C907">
        <v>4</v>
      </c>
      <c r="D907" t="s">
        <v>2158</v>
      </c>
      <c r="E907" t="s">
        <v>31041</v>
      </c>
      <c r="F907">
        <v>5</v>
      </c>
      <c r="H907" t="s">
        <v>2159</v>
      </c>
      <c r="I907" t="s">
        <v>30540</v>
      </c>
    </row>
    <row r="908" spans="1:9">
      <c r="A908" s="1">
        <f ca="1">RAND()</f>
        <v>0.56254458078756842</v>
      </c>
      <c r="B908" s="1"/>
      <c r="C908">
        <v>6</v>
      </c>
      <c r="D908" t="s">
        <v>2156</v>
      </c>
      <c r="E908" t="s">
        <v>31042</v>
      </c>
      <c r="F908">
        <v>2</v>
      </c>
      <c r="H908" t="s">
        <v>2157</v>
      </c>
      <c r="I908" t="s">
        <v>30540</v>
      </c>
    </row>
    <row r="909" spans="1:9">
      <c r="A909" s="1">
        <f ca="1">RAND()</f>
        <v>1.2070563760840702E-2</v>
      </c>
      <c r="B909" s="1"/>
      <c r="C909">
        <v>3</v>
      </c>
      <c r="D909" t="s">
        <v>2152</v>
      </c>
      <c r="E909" t="s">
        <v>31043</v>
      </c>
      <c r="F909">
        <v>5</v>
      </c>
      <c r="H909" t="s">
        <v>2153</v>
      </c>
      <c r="I909" t="s">
        <v>30540</v>
      </c>
    </row>
    <row r="910" spans="1:9">
      <c r="A910" s="1">
        <f ca="1">RAND()</f>
        <v>0.20356292874025073</v>
      </c>
      <c r="B910" s="1"/>
      <c r="C910">
        <v>13</v>
      </c>
      <c r="D910" t="s">
        <v>2154</v>
      </c>
      <c r="E910" t="s">
        <v>31043</v>
      </c>
      <c r="F910">
        <v>5</v>
      </c>
      <c r="H910" t="s">
        <v>2155</v>
      </c>
      <c r="I910" t="s">
        <v>30540</v>
      </c>
    </row>
    <row r="911" spans="1:9">
      <c r="A911" s="1">
        <f ca="1">RAND()</f>
        <v>0.14618239804386579</v>
      </c>
      <c r="B911" s="1"/>
      <c r="C911">
        <v>1</v>
      </c>
      <c r="D911" t="s">
        <v>2150</v>
      </c>
      <c r="E911" t="s">
        <v>31043</v>
      </c>
      <c r="F911">
        <v>4</v>
      </c>
      <c r="G911" t="s">
        <v>838</v>
      </c>
      <c r="H911" t="s">
        <v>2151</v>
      </c>
      <c r="I911" t="s">
        <v>30540</v>
      </c>
    </row>
    <row r="912" spans="1:9">
      <c r="A912" s="1">
        <f ca="1">RAND()</f>
        <v>3.3914565513875061E-3</v>
      </c>
      <c r="B912" s="1"/>
      <c r="C912">
        <v>2</v>
      </c>
      <c r="D912" t="s">
        <v>2148</v>
      </c>
      <c r="E912" t="s">
        <v>31044</v>
      </c>
      <c r="F912">
        <v>3</v>
      </c>
      <c r="H912" t="s">
        <v>2149</v>
      </c>
      <c r="I912" t="s">
        <v>30540</v>
      </c>
    </row>
    <row r="913" spans="1:9">
      <c r="A913" s="1">
        <f ca="1">RAND()</f>
        <v>0.51590916229506389</v>
      </c>
      <c r="B913" s="1"/>
      <c r="C913">
        <v>2</v>
      </c>
      <c r="D913" t="s">
        <v>2146</v>
      </c>
      <c r="E913" t="s">
        <v>31045</v>
      </c>
      <c r="F913">
        <v>3</v>
      </c>
      <c r="H913" t="s">
        <v>2147</v>
      </c>
      <c r="I913" t="s">
        <v>30540</v>
      </c>
    </row>
    <row r="914" spans="1:9">
      <c r="A914" s="1">
        <f ca="1">RAND()</f>
        <v>0.90522904425040651</v>
      </c>
      <c r="B914" s="1"/>
      <c r="C914">
        <v>5</v>
      </c>
      <c r="D914" t="s">
        <v>2144</v>
      </c>
      <c r="E914" t="s">
        <v>31046</v>
      </c>
      <c r="F914">
        <v>4</v>
      </c>
      <c r="H914" t="s">
        <v>2145</v>
      </c>
      <c r="I914" t="s">
        <v>30540</v>
      </c>
    </row>
    <row r="915" spans="1:9">
      <c r="A915" s="1">
        <f ca="1">RAND()</f>
        <v>0.53917529988757973</v>
      </c>
      <c r="B915" s="1"/>
      <c r="C915">
        <v>1</v>
      </c>
      <c r="D915" t="s">
        <v>2142</v>
      </c>
      <c r="E915" t="s">
        <v>31047</v>
      </c>
      <c r="F915">
        <v>4</v>
      </c>
      <c r="H915" t="s">
        <v>2143</v>
      </c>
      <c r="I915" t="s">
        <v>30540</v>
      </c>
    </row>
    <row r="916" spans="1:9">
      <c r="A916" s="1">
        <f ca="1">RAND()</f>
        <v>0.5329351156222718</v>
      </c>
      <c r="B916" s="1"/>
      <c r="C916">
        <v>10</v>
      </c>
      <c r="D916" t="s">
        <v>2136</v>
      </c>
      <c r="E916" t="s">
        <v>31048</v>
      </c>
      <c r="F916">
        <v>5</v>
      </c>
      <c r="H916" t="s">
        <v>2137</v>
      </c>
      <c r="I916" t="s">
        <v>30540</v>
      </c>
    </row>
    <row r="917" spans="1:9">
      <c r="A917" s="1">
        <f ca="1">RAND()</f>
        <v>0.74735217270940335</v>
      </c>
      <c r="B917" s="1"/>
      <c r="C917">
        <v>8</v>
      </c>
      <c r="D917" t="s">
        <v>2134</v>
      </c>
      <c r="E917" t="s">
        <v>31048</v>
      </c>
      <c r="F917">
        <v>5</v>
      </c>
      <c r="H917" t="s">
        <v>2135</v>
      </c>
      <c r="I917" t="s">
        <v>30540</v>
      </c>
    </row>
    <row r="918" spans="1:9">
      <c r="A918" s="1">
        <f ca="1">RAND()</f>
        <v>0.60394913641570558</v>
      </c>
      <c r="B918" s="1"/>
      <c r="C918">
        <v>2</v>
      </c>
      <c r="D918" t="s">
        <v>2132</v>
      </c>
      <c r="E918" t="s">
        <v>31048</v>
      </c>
      <c r="F918">
        <v>4</v>
      </c>
      <c r="H918" t="s">
        <v>2133</v>
      </c>
      <c r="I918" t="s">
        <v>30540</v>
      </c>
    </row>
    <row r="919" spans="1:9">
      <c r="A919" s="1">
        <f ca="1">RAND()</f>
        <v>0.53949780003511905</v>
      </c>
      <c r="B919" s="1"/>
      <c r="C919">
        <v>11</v>
      </c>
      <c r="D919" t="s">
        <v>2138</v>
      </c>
      <c r="E919" t="s">
        <v>31048</v>
      </c>
      <c r="F919">
        <v>4</v>
      </c>
      <c r="H919" t="s">
        <v>2139</v>
      </c>
      <c r="I919" t="s">
        <v>30540</v>
      </c>
    </row>
    <row r="920" spans="1:9">
      <c r="A920" s="1">
        <f ca="1">RAND()</f>
        <v>0.28000954909137132</v>
      </c>
      <c r="B920" s="1"/>
      <c r="C920">
        <v>20</v>
      </c>
      <c r="D920" t="s">
        <v>2140</v>
      </c>
      <c r="E920" t="s">
        <v>31048</v>
      </c>
      <c r="F920">
        <v>2</v>
      </c>
      <c r="H920" t="s">
        <v>2141</v>
      </c>
      <c r="I920" t="s">
        <v>30540</v>
      </c>
    </row>
    <row r="921" spans="1:9">
      <c r="A921" s="1">
        <f ca="1">RAND()</f>
        <v>0.71895903141958828</v>
      </c>
      <c r="B921" s="1"/>
      <c r="C921">
        <v>7</v>
      </c>
      <c r="D921" t="s">
        <v>2130</v>
      </c>
      <c r="E921" t="s">
        <v>31049</v>
      </c>
      <c r="F921">
        <v>5</v>
      </c>
      <c r="H921" t="s">
        <v>2131</v>
      </c>
      <c r="I921" t="s">
        <v>30540</v>
      </c>
    </row>
    <row r="922" spans="1:9">
      <c r="A922" s="1">
        <f ca="1">RAND()</f>
        <v>0.62868415842892911</v>
      </c>
      <c r="B922" s="1"/>
      <c r="C922">
        <v>4</v>
      </c>
      <c r="D922" t="s">
        <v>2126</v>
      </c>
      <c r="E922" t="s">
        <v>31049</v>
      </c>
      <c r="F922">
        <v>4</v>
      </c>
      <c r="H922" t="s">
        <v>2127</v>
      </c>
      <c r="I922" t="s">
        <v>30540</v>
      </c>
    </row>
    <row r="923" spans="1:9">
      <c r="A923" s="1">
        <f ca="1">RAND()</f>
        <v>0.34090592546915788</v>
      </c>
      <c r="B923" s="1"/>
      <c r="C923">
        <v>3</v>
      </c>
      <c r="D923" t="s">
        <v>2124</v>
      </c>
      <c r="E923" t="s">
        <v>31049</v>
      </c>
      <c r="F923">
        <v>1</v>
      </c>
      <c r="H923" t="s">
        <v>2125</v>
      </c>
      <c r="I923" t="s">
        <v>30540</v>
      </c>
    </row>
    <row r="924" spans="1:9">
      <c r="A924" s="1">
        <f ca="1">RAND()</f>
        <v>3.0016824180789659E-2</v>
      </c>
      <c r="B924" s="1"/>
      <c r="C924">
        <v>5</v>
      </c>
      <c r="D924" t="s">
        <v>2128</v>
      </c>
      <c r="E924" t="s">
        <v>31049</v>
      </c>
      <c r="F924">
        <v>1</v>
      </c>
      <c r="H924" t="s">
        <v>2129</v>
      </c>
      <c r="I924" t="s">
        <v>30540</v>
      </c>
    </row>
    <row r="925" spans="1:9">
      <c r="A925" s="1">
        <f ca="1">RAND()</f>
        <v>0.69594119045179637</v>
      </c>
      <c r="B925" s="1"/>
      <c r="C925">
        <v>6</v>
      </c>
      <c r="D925" t="s">
        <v>2122</v>
      </c>
      <c r="E925" t="s">
        <v>31050</v>
      </c>
      <c r="F925">
        <v>3</v>
      </c>
      <c r="H925" t="s">
        <v>2123</v>
      </c>
      <c r="I925" t="s">
        <v>30540</v>
      </c>
    </row>
    <row r="926" spans="1:9">
      <c r="A926" s="1">
        <f ca="1">RAND()</f>
        <v>0.44394702722712576</v>
      </c>
      <c r="B926" s="1"/>
      <c r="C926">
        <v>2</v>
      </c>
      <c r="D926" t="s">
        <v>2120</v>
      </c>
      <c r="E926" t="s">
        <v>31051</v>
      </c>
      <c r="F926">
        <v>5</v>
      </c>
      <c r="H926" t="s">
        <v>2121</v>
      </c>
      <c r="I926" t="s">
        <v>30540</v>
      </c>
    </row>
    <row r="927" spans="1:9">
      <c r="A927" s="1">
        <f ca="1">RAND()</f>
        <v>2.2593782223241821E-2</v>
      </c>
      <c r="B927" s="1"/>
      <c r="C927">
        <v>2</v>
      </c>
      <c r="D927" t="s">
        <v>2118</v>
      </c>
      <c r="E927" t="s">
        <v>31052</v>
      </c>
      <c r="F927">
        <v>2</v>
      </c>
      <c r="H927" t="s">
        <v>2119</v>
      </c>
      <c r="I927" t="s">
        <v>30540</v>
      </c>
    </row>
    <row r="928" spans="1:9">
      <c r="A928" s="1">
        <f ca="1">RAND()</f>
        <v>0.80481266500472581</v>
      </c>
      <c r="B928" s="1"/>
      <c r="C928">
        <v>8</v>
      </c>
      <c r="D928" t="s">
        <v>2114</v>
      </c>
      <c r="E928" t="s">
        <v>31053</v>
      </c>
      <c r="F928">
        <v>5</v>
      </c>
      <c r="H928" t="s">
        <v>2115</v>
      </c>
      <c r="I928" t="s">
        <v>30540</v>
      </c>
    </row>
    <row r="929" spans="1:9">
      <c r="A929" s="1">
        <f ca="1">RAND()</f>
        <v>0.37974038998347837</v>
      </c>
      <c r="B929" s="1"/>
      <c r="C929">
        <v>9</v>
      </c>
      <c r="D929" t="s">
        <v>2116</v>
      </c>
      <c r="E929" t="s">
        <v>31053</v>
      </c>
      <c r="F929">
        <v>4</v>
      </c>
      <c r="H929" t="s">
        <v>2117</v>
      </c>
      <c r="I929" t="s">
        <v>30540</v>
      </c>
    </row>
    <row r="930" spans="1:9">
      <c r="A930" s="1">
        <f ca="1">RAND()</f>
        <v>0.62280860796077686</v>
      </c>
      <c r="B930" s="1"/>
      <c r="C930">
        <v>4</v>
      </c>
      <c r="D930" t="s">
        <v>2112</v>
      </c>
      <c r="E930" t="s">
        <v>31054</v>
      </c>
      <c r="F930">
        <v>5</v>
      </c>
      <c r="H930" t="s">
        <v>2113</v>
      </c>
      <c r="I930" t="s">
        <v>30540</v>
      </c>
    </row>
    <row r="931" spans="1:9">
      <c r="A931" s="1">
        <f ca="1">RAND()</f>
        <v>0.11203513110906937</v>
      </c>
      <c r="B931" s="1"/>
      <c r="C931">
        <v>3</v>
      </c>
      <c r="D931" t="s">
        <v>2110</v>
      </c>
      <c r="E931" t="s">
        <v>31054</v>
      </c>
      <c r="F931">
        <v>4</v>
      </c>
      <c r="H931" t="s">
        <v>2111</v>
      </c>
      <c r="I931" t="s">
        <v>30540</v>
      </c>
    </row>
    <row r="932" spans="1:9">
      <c r="A932" s="1">
        <f ca="1">RAND()</f>
        <v>0.78967193609148945</v>
      </c>
      <c r="B932" s="1"/>
      <c r="C932">
        <v>1</v>
      </c>
      <c r="D932" t="s">
        <v>2108</v>
      </c>
      <c r="E932" t="s">
        <v>31054</v>
      </c>
      <c r="F932">
        <v>4</v>
      </c>
      <c r="H932" t="s">
        <v>2109</v>
      </c>
      <c r="I932" t="s">
        <v>30540</v>
      </c>
    </row>
    <row r="933" spans="1:9">
      <c r="A933" s="1">
        <f ca="1">RAND()</f>
        <v>0.15684126662219144</v>
      </c>
      <c r="B933" s="1"/>
      <c r="C933">
        <v>4</v>
      </c>
      <c r="D933" t="s">
        <v>2106</v>
      </c>
      <c r="E933" t="s">
        <v>31055</v>
      </c>
      <c r="F933">
        <v>5</v>
      </c>
      <c r="H933" t="s">
        <v>2107</v>
      </c>
      <c r="I933" t="s">
        <v>30540</v>
      </c>
    </row>
    <row r="934" spans="1:9">
      <c r="A934" s="1">
        <f ca="1">RAND()</f>
        <v>0.72163072919917837</v>
      </c>
      <c r="B934" s="1"/>
      <c r="C934">
        <v>2</v>
      </c>
      <c r="D934" t="s">
        <v>2104</v>
      </c>
      <c r="E934" t="s">
        <v>31055</v>
      </c>
      <c r="F934">
        <v>4</v>
      </c>
      <c r="H934" t="s">
        <v>2105</v>
      </c>
      <c r="I934" t="s">
        <v>30540</v>
      </c>
    </row>
    <row r="935" spans="1:9">
      <c r="A935" s="1">
        <f ca="1">RAND()</f>
        <v>0.97465554819464595</v>
      </c>
      <c r="B935" s="1"/>
      <c r="C935">
        <v>1</v>
      </c>
      <c r="D935" t="s">
        <v>2096</v>
      </c>
      <c r="E935" t="s">
        <v>31056</v>
      </c>
      <c r="F935">
        <v>5</v>
      </c>
      <c r="H935" t="s">
        <v>2097</v>
      </c>
      <c r="I935" t="s">
        <v>30540</v>
      </c>
    </row>
    <row r="936" spans="1:9">
      <c r="A936" s="1">
        <f ca="1">RAND()</f>
        <v>0.39484647055089916</v>
      </c>
      <c r="B936" s="1"/>
      <c r="C936">
        <v>2</v>
      </c>
      <c r="D936" t="s">
        <v>2098</v>
      </c>
      <c r="E936" t="s">
        <v>31056</v>
      </c>
      <c r="F936">
        <v>4</v>
      </c>
      <c r="H936" t="s">
        <v>2099</v>
      </c>
      <c r="I936" t="s">
        <v>30540</v>
      </c>
    </row>
    <row r="937" spans="1:9">
      <c r="A937" s="1">
        <f ca="1">RAND()</f>
        <v>0.67776610494021605</v>
      </c>
      <c r="B937" s="1"/>
      <c r="C937">
        <v>10</v>
      </c>
      <c r="D937" t="s">
        <v>2102</v>
      </c>
      <c r="E937" t="s">
        <v>31056</v>
      </c>
      <c r="F937">
        <v>4</v>
      </c>
      <c r="H937" t="s">
        <v>2103</v>
      </c>
      <c r="I937" t="s">
        <v>30540</v>
      </c>
    </row>
    <row r="938" spans="1:9">
      <c r="A938" s="1">
        <f ca="1">RAND()</f>
        <v>0.70784308785858241</v>
      </c>
      <c r="B938" s="1"/>
      <c r="C938">
        <v>3</v>
      </c>
      <c r="D938" t="s">
        <v>2100</v>
      </c>
      <c r="E938" t="s">
        <v>31056</v>
      </c>
      <c r="F938">
        <v>2</v>
      </c>
      <c r="H938" t="s">
        <v>2101</v>
      </c>
      <c r="I938" t="s">
        <v>30540</v>
      </c>
    </row>
    <row r="939" spans="1:9">
      <c r="A939" s="1">
        <f ca="1">RAND()</f>
        <v>0.88774575595587801</v>
      </c>
      <c r="B939" s="1"/>
      <c r="C939">
        <v>1</v>
      </c>
      <c r="D939" t="s">
        <v>2094</v>
      </c>
      <c r="E939" t="s">
        <v>31057</v>
      </c>
      <c r="F939">
        <v>5</v>
      </c>
      <c r="H939" t="s">
        <v>2095</v>
      </c>
      <c r="I939" t="s">
        <v>30540</v>
      </c>
    </row>
    <row r="940" spans="1:9">
      <c r="A940" s="1">
        <f ca="1">RAND()</f>
        <v>0.17416473037574132</v>
      </c>
      <c r="B940" s="1"/>
      <c r="C940">
        <v>4</v>
      </c>
      <c r="D940" t="s">
        <v>2092</v>
      </c>
      <c r="E940" t="s">
        <v>31058</v>
      </c>
      <c r="F940">
        <v>4</v>
      </c>
      <c r="H940" t="s">
        <v>2093</v>
      </c>
      <c r="I940" t="s">
        <v>30540</v>
      </c>
    </row>
    <row r="941" spans="1:9">
      <c r="A941" s="1">
        <f ca="1">RAND()</f>
        <v>0.16556962770845152</v>
      </c>
      <c r="B941" s="1"/>
      <c r="C941">
        <v>3</v>
      </c>
      <c r="D941" t="s">
        <v>2086</v>
      </c>
      <c r="E941" t="s">
        <v>31059</v>
      </c>
      <c r="F941">
        <v>4</v>
      </c>
      <c r="H941" t="s">
        <v>2087</v>
      </c>
      <c r="I941" t="s">
        <v>30540</v>
      </c>
    </row>
    <row r="942" spans="1:9">
      <c r="A942" s="1">
        <f ca="1">RAND()</f>
        <v>0.32681439832229753</v>
      </c>
      <c r="B942" s="1"/>
      <c r="C942">
        <v>1</v>
      </c>
      <c r="D942" t="s">
        <v>2082</v>
      </c>
      <c r="E942" t="s">
        <v>31059</v>
      </c>
      <c r="F942">
        <v>4</v>
      </c>
      <c r="H942" t="s">
        <v>2083</v>
      </c>
      <c r="I942" t="s">
        <v>30540</v>
      </c>
    </row>
    <row r="943" spans="1:9">
      <c r="A943" s="1">
        <f ca="1">RAND()</f>
        <v>0.17852541961395463</v>
      </c>
      <c r="B943" s="1"/>
      <c r="C943">
        <v>4</v>
      </c>
      <c r="D943" t="s">
        <v>2088</v>
      </c>
      <c r="E943" t="s">
        <v>31059</v>
      </c>
      <c r="F943">
        <v>4</v>
      </c>
      <c r="H943" t="s">
        <v>2089</v>
      </c>
      <c r="I943" t="s">
        <v>30540</v>
      </c>
    </row>
    <row r="944" spans="1:9">
      <c r="A944" s="1">
        <f ca="1">RAND()</f>
        <v>0.9153855777800094</v>
      </c>
      <c r="B944" s="1"/>
      <c r="C944">
        <v>5</v>
      </c>
      <c r="D944" t="s">
        <v>2090</v>
      </c>
      <c r="E944" t="s">
        <v>31059</v>
      </c>
      <c r="F944">
        <v>4</v>
      </c>
      <c r="H944" t="s">
        <v>2091</v>
      </c>
      <c r="I944" t="s">
        <v>30540</v>
      </c>
    </row>
    <row r="945" spans="1:9">
      <c r="A945" s="1">
        <f ca="1">RAND()</f>
        <v>0.55548460752398976</v>
      </c>
      <c r="B945" s="1"/>
      <c r="C945">
        <v>2</v>
      </c>
      <c r="D945" t="s">
        <v>2084</v>
      </c>
      <c r="E945" t="s">
        <v>31059</v>
      </c>
      <c r="F945">
        <v>4</v>
      </c>
      <c r="H945" t="s">
        <v>2085</v>
      </c>
      <c r="I945" t="s">
        <v>30540</v>
      </c>
    </row>
    <row r="946" spans="1:9">
      <c r="A946" s="1">
        <f ca="1">RAND()</f>
        <v>0.81205673205326878</v>
      </c>
      <c r="B946" s="1"/>
      <c r="C946">
        <v>4</v>
      </c>
      <c r="D946" t="s">
        <v>2080</v>
      </c>
      <c r="E946" t="s">
        <v>31060</v>
      </c>
      <c r="F946">
        <v>1</v>
      </c>
      <c r="H946" t="s">
        <v>2081</v>
      </c>
      <c r="I946" t="s">
        <v>30540</v>
      </c>
    </row>
    <row r="947" spans="1:9">
      <c r="A947" s="1">
        <f ca="1">RAND()</f>
        <v>0.55905314164778064</v>
      </c>
      <c r="B947" s="1"/>
      <c r="C947">
        <v>2</v>
      </c>
      <c r="D947" t="s">
        <v>2078</v>
      </c>
      <c r="E947" t="s">
        <v>31061</v>
      </c>
      <c r="F947">
        <v>5</v>
      </c>
      <c r="H947" t="s">
        <v>2079</v>
      </c>
      <c r="I947" t="s">
        <v>30540</v>
      </c>
    </row>
    <row r="948" spans="1:9">
      <c r="A948" s="1">
        <f ca="1">RAND()</f>
        <v>0.22711042282328542</v>
      </c>
      <c r="B948" s="1"/>
      <c r="C948">
        <v>1</v>
      </c>
      <c r="D948" t="s">
        <v>2074</v>
      </c>
      <c r="E948" t="s">
        <v>31062</v>
      </c>
      <c r="F948">
        <v>4</v>
      </c>
      <c r="H948" t="s">
        <v>2075</v>
      </c>
      <c r="I948" t="s">
        <v>30540</v>
      </c>
    </row>
    <row r="949" spans="1:9">
      <c r="A949" s="1">
        <f ca="1">RAND()</f>
        <v>0.24314290077766854</v>
      </c>
      <c r="B949" s="1"/>
      <c r="C949">
        <v>5</v>
      </c>
      <c r="D949" t="s">
        <v>2076</v>
      </c>
      <c r="E949" t="s">
        <v>31062</v>
      </c>
      <c r="F949">
        <v>2</v>
      </c>
      <c r="H949" t="s">
        <v>2077</v>
      </c>
      <c r="I949" t="s">
        <v>30540</v>
      </c>
    </row>
    <row r="950" spans="1:9">
      <c r="A950" s="1">
        <f ca="1">RAND()</f>
        <v>0.49778960551941154</v>
      </c>
      <c r="B950" s="1"/>
      <c r="C950">
        <v>4</v>
      </c>
      <c r="D950" t="s">
        <v>2072</v>
      </c>
      <c r="E950" t="s">
        <v>31063</v>
      </c>
      <c r="F950">
        <v>4</v>
      </c>
      <c r="G950" t="s">
        <v>838</v>
      </c>
      <c r="H950" t="s">
        <v>2073</v>
      </c>
      <c r="I950" t="s">
        <v>30540</v>
      </c>
    </row>
    <row r="951" spans="1:9">
      <c r="A951" s="1">
        <f ca="1">RAND()</f>
        <v>0.98765128881002495</v>
      </c>
      <c r="B951" s="1"/>
      <c r="C951">
        <v>2</v>
      </c>
      <c r="D951" t="s">
        <v>2070</v>
      </c>
      <c r="E951" t="s">
        <v>31063</v>
      </c>
      <c r="F951">
        <v>3</v>
      </c>
      <c r="H951" t="s">
        <v>2071</v>
      </c>
      <c r="I951" t="s">
        <v>30540</v>
      </c>
    </row>
    <row r="952" spans="1:9">
      <c r="A952" s="1">
        <f ca="1">RAND()</f>
        <v>0.90572956270024463</v>
      </c>
      <c r="B952" s="1"/>
      <c r="C952">
        <v>1</v>
      </c>
      <c r="D952" t="s">
        <v>2064</v>
      </c>
      <c r="E952" t="s">
        <v>31064</v>
      </c>
      <c r="F952">
        <v>5</v>
      </c>
      <c r="H952" t="s">
        <v>2065</v>
      </c>
      <c r="I952" t="s">
        <v>30540</v>
      </c>
    </row>
    <row r="953" spans="1:9">
      <c r="A953" s="1">
        <f ca="1">RAND()</f>
        <v>0.6433748291756084</v>
      </c>
      <c r="B953" s="1"/>
      <c r="C953">
        <v>8</v>
      </c>
      <c r="D953" t="s">
        <v>2068</v>
      </c>
      <c r="E953" t="s">
        <v>31064</v>
      </c>
      <c r="F953">
        <v>4</v>
      </c>
      <c r="H953" t="s">
        <v>2069</v>
      </c>
      <c r="I953" t="s">
        <v>30540</v>
      </c>
    </row>
    <row r="954" spans="1:9">
      <c r="A954" s="1">
        <f ca="1">RAND()</f>
        <v>0.60358998698658695</v>
      </c>
      <c r="B954" s="1"/>
      <c r="C954">
        <v>5</v>
      </c>
      <c r="D954" t="s">
        <v>2066</v>
      </c>
      <c r="E954" t="s">
        <v>31064</v>
      </c>
      <c r="F954">
        <v>4</v>
      </c>
      <c r="H954" t="s">
        <v>2067</v>
      </c>
      <c r="I954" t="s">
        <v>30540</v>
      </c>
    </row>
    <row r="955" spans="1:9">
      <c r="A955" s="1">
        <f ca="1">RAND()</f>
        <v>0.41196742030204336</v>
      </c>
      <c r="B955" s="1"/>
      <c r="C955">
        <v>8</v>
      </c>
      <c r="D955" t="s">
        <v>2060</v>
      </c>
      <c r="E955" t="s">
        <v>31065</v>
      </c>
      <c r="F955">
        <v>5</v>
      </c>
      <c r="H955" t="s">
        <v>2061</v>
      </c>
      <c r="I955" t="s">
        <v>30540</v>
      </c>
    </row>
    <row r="956" spans="1:9">
      <c r="A956" s="1">
        <f ca="1">RAND()</f>
        <v>0.89648830094968157</v>
      </c>
      <c r="B956" s="1"/>
      <c r="C956">
        <v>7</v>
      </c>
      <c r="D956" t="s">
        <v>2058</v>
      </c>
      <c r="E956" t="s">
        <v>31065</v>
      </c>
      <c r="F956">
        <v>5</v>
      </c>
      <c r="H956" t="s">
        <v>2059</v>
      </c>
      <c r="I956" t="s">
        <v>30540</v>
      </c>
    </row>
    <row r="957" spans="1:9">
      <c r="A957" s="1">
        <f ca="1">RAND()</f>
        <v>0.16019021021267477</v>
      </c>
      <c r="B957" s="1"/>
      <c r="C957">
        <v>4</v>
      </c>
      <c r="D957" t="s">
        <v>2054</v>
      </c>
      <c r="E957" t="s">
        <v>31065</v>
      </c>
      <c r="F957">
        <v>5</v>
      </c>
      <c r="H957" t="s">
        <v>2055</v>
      </c>
      <c r="I957" t="s">
        <v>30540</v>
      </c>
    </row>
    <row r="958" spans="1:9">
      <c r="A958" s="1">
        <f ca="1">RAND()</f>
        <v>0.38132750200789378</v>
      </c>
      <c r="B958" s="1"/>
      <c r="C958">
        <v>10</v>
      </c>
      <c r="D958" t="s">
        <v>2062</v>
      </c>
      <c r="E958" t="s">
        <v>31065</v>
      </c>
      <c r="F958">
        <v>4</v>
      </c>
      <c r="H958" t="s">
        <v>2063</v>
      </c>
      <c r="I958" t="s">
        <v>30540</v>
      </c>
    </row>
    <row r="959" spans="1:9">
      <c r="A959" s="1">
        <f ca="1">RAND()</f>
        <v>0.86769191355596487</v>
      </c>
      <c r="B959" s="1"/>
      <c r="C959">
        <v>6</v>
      </c>
      <c r="D959" t="s">
        <v>2056</v>
      </c>
      <c r="E959" t="s">
        <v>31065</v>
      </c>
      <c r="F959">
        <v>3</v>
      </c>
      <c r="H959" t="s">
        <v>2057</v>
      </c>
      <c r="I959" t="s">
        <v>30540</v>
      </c>
    </row>
    <row r="960" spans="1:9">
      <c r="A960" s="1">
        <f ca="1">RAND()</f>
        <v>0.9585291020492358</v>
      </c>
      <c r="B960" s="1"/>
      <c r="C960">
        <v>1</v>
      </c>
      <c r="D960" t="s">
        <v>2050</v>
      </c>
      <c r="E960" t="s">
        <v>31066</v>
      </c>
      <c r="F960">
        <v>4</v>
      </c>
      <c r="H960" t="s">
        <v>2051</v>
      </c>
      <c r="I960" t="s">
        <v>30540</v>
      </c>
    </row>
    <row r="961" spans="1:9">
      <c r="A961" s="1">
        <f ca="1">RAND()</f>
        <v>0.72962203756683153</v>
      </c>
      <c r="B961" s="1"/>
      <c r="C961">
        <v>3</v>
      </c>
      <c r="D961" t="s">
        <v>2052</v>
      </c>
      <c r="E961" t="s">
        <v>31066</v>
      </c>
      <c r="F961">
        <v>4</v>
      </c>
      <c r="H961" t="s">
        <v>2053</v>
      </c>
      <c r="I961" t="s">
        <v>30540</v>
      </c>
    </row>
    <row r="962" spans="1:9">
      <c r="A962" s="1">
        <f ca="1">RAND()</f>
        <v>0.67741066802319072</v>
      </c>
      <c r="B962" s="1"/>
      <c r="C962">
        <v>2</v>
      </c>
      <c r="D962" t="s">
        <v>2048</v>
      </c>
      <c r="E962" t="s">
        <v>31067</v>
      </c>
      <c r="F962">
        <v>4</v>
      </c>
      <c r="H962" t="s">
        <v>2049</v>
      </c>
      <c r="I962" t="s">
        <v>30540</v>
      </c>
    </row>
    <row r="963" spans="1:9">
      <c r="A963" s="1">
        <f ca="1">RAND()</f>
        <v>1.5524383843769862E-2</v>
      </c>
      <c r="B963" s="1"/>
      <c r="C963">
        <v>11</v>
      </c>
      <c r="D963" t="s">
        <v>2046</v>
      </c>
      <c r="E963" t="s">
        <v>31068</v>
      </c>
      <c r="F963">
        <v>4</v>
      </c>
      <c r="H963" t="s">
        <v>2047</v>
      </c>
      <c r="I963" t="s">
        <v>30540</v>
      </c>
    </row>
    <row r="964" spans="1:9">
      <c r="A964" s="1">
        <f ca="1">RAND()</f>
        <v>0.59723191843553058</v>
      </c>
      <c r="B964" s="1"/>
      <c r="C964">
        <v>6</v>
      </c>
      <c r="D964" t="s">
        <v>2044</v>
      </c>
      <c r="E964" t="s">
        <v>31068</v>
      </c>
      <c r="F964">
        <v>2</v>
      </c>
      <c r="H964" t="s">
        <v>2045</v>
      </c>
      <c r="I964" t="s">
        <v>30540</v>
      </c>
    </row>
    <row r="965" spans="1:9">
      <c r="A965" s="1">
        <f ca="1">RAND()</f>
        <v>0.18127855052309272</v>
      </c>
      <c r="B965" s="1"/>
      <c r="C965">
        <v>4</v>
      </c>
      <c r="D965" t="s">
        <v>2042</v>
      </c>
      <c r="E965" t="s">
        <v>31069</v>
      </c>
      <c r="F965">
        <v>5</v>
      </c>
      <c r="H965" t="s">
        <v>2043</v>
      </c>
      <c r="I965" t="s">
        <v>30540</v>
      </c>
    </row>
    <row r="966" spans="1:9">
      <c r="A966" s="1">
        <f ca="1">RAND()</f>
        <v>0.80332703461590171</v>
      </c>
      <c r="B966" s="1"/>
      <c r="C966">
        <v>1</v>
      </c>
      <c r="D966" t="s">
        <v>2038</v>
      </c>
      <c r="E966" t="s">
        <v>31069</v>
      </c>
      <c r="F966">
        <v>5</v>
      </c>
      <c r="H966" t="s">
        <v>2039</v>
      </c>
      <c r="I966" t="s">
        <v>30540</v>
      </c>
    </row>
    <row r="967" spans="1:9">
      <c r="A967" s="1">
        <f ca="1">RAND()</f>
        <v>0.61240273965783687</v>
      </c>
      <c r="B967" s="1"/>
      <c r="C967">
        <v>3</v>
      </c>
      <c r="D967" t="s">
        <v>2040</v>
      </c>
      <c r="E967" t="s">
        <v>31069</v>
      </c>
      <c r="F967">
        <v>2</v>
      </c>
      <c r="H967" t="s">
        <v>2041</v>
      </c>
      <c r="I967" t="s">
        <v>30540</v>
      </c>
    </row>
    <row r="968" spans="1:9">
      <c r="A968" s="1">
        <f ca="1">RAND()</f>
        <v>0.82361679358684792</v>
      </c>
      <c r="B968" s="1"/>
      <c r="C968">
        <v>9</v>
      </c>
      <c r="D968" t="s">
        <v>2036</v>
      </c>
      <c r="E968" t="s">
        <v>31070</v>
      </c>
      <c r="F968">
        <v>4</v>
      </c>
      <c r="H968" t="s">
        <v>2037</v>
      </c>
      <c r="I968" t="s">
        <v>30540</v>
      </c>
    </row>
    <row r="969" spans="1:9">
      <c r="A969" s="1">
        <f ca="1">RAND()</f>
        <v>0.71769495041941289</v>
      </c>
      <c r="B969" s="1"/>
      <c r="C969">
        <v>2</v>
      </c>
      <c r="D969" t="s">
        <v>2034</v>
      </c>
      <c r="E969" t="s">
        <v>31070</v>
      </c>
      <c r="F969">
        <v>4</v>
      </c>
      <c r="G969" t="s">
        <v>0</v>
      </c>
      <c r="H969" t="s">
        <v>2035</v>
      </c>
      <c r="I969" t="s">
        <v>30540</v>
      </c>
    </row>
    <row r="970" spans="1:9">
      <c r="A970" s="1">
        <f ca="1">RAND()</f>
        <v>0.4380387111465186</v>
      </c>
      <c r="B970" s="1"/>
      <c r="C970">
        <v>8</v>
      </c>
      <c r="D970" t="s">
        <v>2028</v>
      </c>
      <c r="E970" t="s">
        <v>31071</v>
      </c>
      <c r="F970">
        <v>5</v>
      </c>
      <c r="H970" t="s">
        <v>2029</v>
      </c>
      <c r="I970" t="s">
        <v>30540</v>
      </c>
    </row>
    <row r="971" spans="1:9">
      <c r="A971" s="1">
        <f ca="1">RAND()</f>
        <v>0.23649280505377823</v>
      </c>
      <c r="B971" s="1"/>
      <c r="C971">
        <v>10</v>
      </c>
      <c r="D971" t="s">
        <v>2032</v>
      </c>
      <c r="E971" t="s">
        <v>31071</v>
      </c>
      <c r="F971">
        <v>5</v>
      </c>
      <c r="H971" t="s">
        <v>2033</v>
      </c>
      <c r="I971" t="s">
        <v>30540</v>
      </c>
    </row>
    <row r="972" spans="1:9">
      <c r="A972" s="1">
        <f ca="1">RAND()</f>
        <v>0.36505873434154845</v>
      </c>
      <c r="B972" s="1"/>
      <c r="C972">
        <v>1</v>
      </c>
      <c r="D972" t="s">
        <v>2022</v>
      </c>
      <c r="E972" t="s">
        <v>31071</v>
      </c>
      <c r="F972">
        <v>4</v>
      </c>
      <c r="H972" t="s">
        <v>2023</v>
      </c>
      <c r="I972" t="s">
        <v>30540</v>
      </c>
    </row>
    <row r="973" spans="1:9">
      <c r="A973" s="1">
        <f ca="1">RAND()</f>
        <v>0.88667611691517934</v>
      </c>
      <c r="B973" s="1"/>
      <c r="C973">
        <v>2</v>
      </c>
      <c r="D973" t="s">
        <v>2024</v>
      </c>
      <c r="E973" t="s">
        <v>31071</v>
      </c>
      <c r="F973">
        <v>4</v>
      </c>
      <c r="H973" t="s">
        <v>2025</v>
      </c>
      <c r="I973" t="s">
        <v>30540</v>
      </c>
    </row>
    <row r="974" spans="1:9">
      <c r="A974" s="1">
        <f ca="1">RAND()</f>
        <v>0.22040137665617565</v>
      </c>
      <c r="B974" s="1"/>
      <c r="C974">
        <v>9</v>
      </c>
      <c r="D974" t="s">
        <v>2030</v>
      </c>
      <c r="E974" t="s">
        <v>31071</v>
      </c>
      <c r="F974">
        <v>3</v>
      </c>
      <c r="H974" t="s">
        <v>2031</v>
      </c>
      <c r="I974" t="s">
        <v>30540</v>
      </c>
    </row>
    <row r="975" spans="1:9">
      <c r="A975" s="1">
        <f ca="1">RAND()</f>
        <v>0.35374407534929209</v>
      </c>
      <c r="B975" s="1"/>
      <c r="C975">
        <v>7</v>
      </c>
      <c r="D975" t="s">
        <v>2026</v>
      </c>
      <c r="E975" t="s">
        <v>31071</v>
      </c>
      <c r="F975">
        <v>3</v>
      </c>
      <c r="H975" t="s">
        <v>2027</v>
      </c>
      <c r="I975" t="s">
        <v>30540</v>
      </c>
    </row>
    <row r="976" spans="1:9">
      <c r="A976" s="1">
        <f ca="1">RAND()</f>
        <v>0.64684277586583494</v>
      </c>
      <c r="B976" s="1"/>
      <c r="C976">
        <v>2</v>
      </c>
      <c r="D976" t="s">
        <v>2020</v>
      </c>
      <c r="E976" t="s">
        <v>31072</v>
      </c>
      <c r="F976">
        <v>5</v>
      </c>
      <c r="H976" t="s">
        <v>2021</v>
      </c>
      <c r="I976" t="s">
        <v>30540</v>
      </c>
    </row>
    <row r="977" spans="1:9">
      <c r="A977" s="1">
        <f ca="1">RAND()</f>
        <v>0.24975280328692095</v>
      </c>
      <c r="B977" s="1"/>
      <c r="C977">
        <v>1</v>
      </c>
      <c r="D977" t="s">
        <v>2018</v>
      </c>
      <c r="E977" t="s">
        <v>31072</v>
      </c>
      <c r="F977">
        <v>5</v>
      </c>
      <c r="H977" t="s">
        <v>2019</v>
      </c>
      <c r="I977" t="s">
        <v>30540</v>
      </c>
    </row>
    <row r="978" spans="1:9">
      <c r="A978" s="1">
        <f ca="1">RAND()</f>
        <v>0.84264766962527493</v>
      </c>
      <c r="B978" s="1"/>
      <c r="C978">
        <v>1</v>
      </c>
      <c r="D978" t="s">
        <v>2016</v>
      </c>
      <c r="E978" t="s">
        <v>31073</v>
      </c>
      <c r="F978">
        <v>2</v>
      </c>
      <c r="H978" t="s">
        <v>2017</v>
      </c>
      <c r="I978" t="s">
        <v>30540</v>
      </c>
    </row>
    <row r="979" spans="1:9">
      <c r="A979" s="1">
        <f ca="1">RAND()</f>
        <v>0.90585556412247081</v>
      </c>
      <c r="B979" s="1"/>
      <c r="C979">
        <v>5</v>
      </c>
      <c r="D979" t="s">
        <v>2012</v>
      </c>
      <c r="E979" t="s">
        <v>31074</v>
      </c>
      <c r="F979">
        <v>4</v>
      </c>
      <c r="H979" t="s">
        <v>2013</v>
      </c>
      <c r="I979" t="s">
        <v>30540</v>
      </c>
    </row>
    <row r="980" spans="1:9">
      <c r="A980" s="1">
        <f ca="1">RAND()</f>
        <v>0.89095145742275128</v>
      </c>
      <c r="B980" s="1"/>
      <c r="C980">
        <v>8</v>
      </c>
      <c r="D980" t="s">
        <v>2014</v>
      </c>
      <c r="E980" t="s">
        <v>31074</v>
      </c>
      <c r="F980">
        <v>4</v>
      </c>
      <c r="H980" t="s">
        <v>2015</v>
      </c>
      <c r="I980" t="s">
        <v>30540</v>
      </c>
    </row>
    <row r="981" spans="1:9">
      <c r="A981" s="1">
        <f ca="1">RAND()</f>
        <v>0.71296185889405028</v>
      </c>
      <c r="B981" s="1"/>
      <c r="C981">
        <v>6</v>
      </c>
      <c r="D981" t="s">
        <v>2010</v>
      </c>
      <c r="E981" t="s">
        <v>31075</v>
      </c>
      <c r="F981">
        <v>4</v>
      </c>
      <c r="H981" t="s">
        <v>2011</v>
      </c>
      <c r="I981" t="s">
        <v>30540</v>
      </c>
    </row>
    <row r="982" spans="1:9">
      <c r="A982" s="1">
        <f ca="1">RAND()</f>
        <v>0.9807058334266523</v>
      </c>
      <c r="B982" s="1"/>
      <c r="C982">
        <v>4</v>
      </c>
      <c r="D982" t="s">
        <v>2008</v>
      </c>
      <c r="E982" t="s">
        <v>31075</v>
      </c>
      <c r="F982">
        <v>4</v>
      </c>
      <c r="H982" t="s">
        <v>2009</v>
      </c>
      <c r="I982" t="s">
        <v>30540</v>
      </c>
    </row>
    <row r="983" spans="1:9">
      <c r="A983" s="1">
        <f ca="1">RAND()</f>
        <v>0.8231107666164218</v>
      </c>
      <c r="B983" s="1"/>
      <c r="C983">
        <v>2</v>
      </c>
      <c r="D983" t="s">
        <v>2006</v>
      </c>
      <c r="E983" t="s">
        <v>31076</v>
      </c>
      <c r="F983">
        <v>5</v>
      </c>
      <c r="H983" t="s">
        <v>2007</v>
      </c>
      <c r="I983" t="s">
        <v>30540</v>
      </c>
    </row>
    <row r="984" spans="1:9">
      <c r="A984" s="1">
        <f ca="1">RAND()</f>
        <v>0.94686586818219276</v>
      </c>
      <c r="B984" s="1"/>
      <c r="C984">
        <v>4</v>
      </c>
      <c r="D984" t="s">
        <v>2002</v>
      </c>
      <c r="E984" t="s">
        <v>31077</v>
      </c>
      <c r="F984">
        <v>5</v>
      </c>
      <c r="H984" t="s">
        <v>2003</v>
      </c>
      <c r="I984" t="s">
        <v>30540</v>
      </c>
    </row>
    <row r="985" spans="1:9">
      <c r="A985" s="1">
        <f ca="1">RAND()</f>
        <v>0.20111984909024627</v>
      </c>
      <c r="B985" s="1"/>
      <c r="C985">
        <v>2</v>
      </c>
      <c r="D985" t="s">
        <v>2000</v>
      </c>
      <c r="E985" t="s">
        <v>31077</v>
      </c>
      <c r="F985">
        <v>5</v>
      </c>
      <c r="H985" t="s">
        <v>2001</v>
      </c>
      <c r="I985" t="s">
        <v>30540</v>
      </c>
    </row>
    <row r="986" spans="1:9">
      <c r="A986" s="1">
        <f ca="1">RAND()</f>
        <v>0.48954593993319362</v>
      </c>
      <c r="B986" s="1"/>
      <c r="C986">
        <v>7</v>
      </c>
      <c r="D986" t="s">
        <v>2004</v>
      </c>
      <c r="E986" t="s">
        <v>31077</v>
      </c>
      <c r="F986">
        <v>3</v>
      </c>
      <c r="H986" t="s">
        <v>2005</v>
      </c>
      <c r="I986" t="s">
        <v>30540</v>
      </c>
    </row>
    <row r="987" spans="1:9">
      <c r="A987" s="1">
        <f ca="1">RAND()</f>
        <v>0.72061389567772771</v>
      </c>
      <c r="B987" s="1"/>
      <c r="C987">
        <v>2</v>
      </c>
      <c r="D987" t="s">
        <v>1996</v>
      </c>
      <c r="E987" t="s">
        <v>31078</v>
      </c>
      <c r="F987">
        <v>4</v>
      </c>
      <c r="H987" t="s">
        <v>1997</v>
      </c>
      <c r="I987" t="s">
        <v>30540</v>
      </c>
    </row>
    <row r="988" spans="1:9">
      <c r="A988" s="1">
        <f ca="1">RAND()</f>
        <v>0.15156279583993371</v>
      </c>
      <c r="B988" s="1"/>
      <c r="C988">
        <v>3</v>
      </c>
      <c r="D988" t="s">
        <v>1998</v>
      </c>
      <c r="E988" t="s">
        <v>31078</v>
      </c>
      <c r="F988">
        <v>4</v>
      </c>
      <c r="H988" t="s">
        <v>1999</v>
      </c>
      <c r="I988" t="s">
        <v>30540</v>
      </c>
    </row>
    <row r="989" spans="1:9">
      <c r="A989" s="1">
        <f ca="1">RAND()</f>
        <v>0.43288311955732506</v>
      </c>
      <c r="B989" s="1"/>
      <c r="C989">
        <v>7</v>
      </c>
      <c r="D989" t="s">
        <v>1992</v>
      </c>
      <c r="E989" t="s">
        <v>31079</v>
      </c>
      <c r="F989">
        <v>5</v>
      </c>
      <c r="H989" t="s">
        <v>1993</v>
      </c>
      <c r="I989" t="s">
        <v>30540</v>
      </c>
    </row>
    <row r="990" spans="1:9">
      <c r="A990" s="1">
        <f ca="1">RAND()</f>
        <v>0.64243090806192715</v>
      </c>
      <c r="B990" s="1"/>
      <c r="C990">
        <v>3</v>
      </c>
      <c r="D990" t="s">
        <v>1990</v>
      </c>
      <c r="E990" t="s">
        <v>31079</v>
      </c>
      <c r="F990">
        <v>4</v>
      </c>
      <c r="H990" t="s">
        <v>1991</v>
      </c>
      <c r="I990" t="s">
        <v>30540</v>
      </c>
    </row>
    <row r="991" spans="1:9">
      <c r="A991" s="1">
        <f ca="1">RAND()</f>
        <v>0.51241940588425317</v>
      </c>
      <c r="B991" s="1"/>
      <c r="C991">
        <v>2</v>
      </c>
      <c r="D991" t="s">
        <v>1988</v>
      </c>
      <c r="E991" t="s">
        <v>31079</v>
      </c>
      <c r="F991">
        <v>3</v>
      </c>
      <c r="H991" t="s">
        <v>1989</v>
      </c>
      <c r="I991" t="s">
        <v>30540</v>
      </c>
    </row>
    <row r="992" spans="1:9">
      <c r="A992" s="1">
        <f ca="1">RAND()</f>
        <v>0.84766265980736499</v>
      </c>
      <c r="B992" s="1"/>
      <c r="C992">
        <v>1</v>
      </c>
      <c r="D992" t="s">
        <v>1986</v>
      </c>
      <c r="E992" t="s">
        <v>31079</v>
      </c>
      <c r="F992">
        <v>3</v>
      </c>
      <c r="H992" t="s">
        <v>1987</v>
      </c>
      <c r="I992" t="s">
        <v>30540</v>
      </c>
    </row>
    <row r="993" spans="1:9">
      <c r="A993" s="1">
        <f ca="1">RAND()</f>
        <v>0.44045753169632695</v>
      </c>
      <c r="B993" s="1"/>
      <c r="C993">
        <v>11</v>
      </c>
      <c r="D993" t="s">
        <v>1994</v>
      </c>
      <c r="E993" t="s">
        <v>31079</v>
      </c>
      <c r="F993">
        <v>2</v>
      </c>
      <c r="H993" t="s">
        <v>1995</v>
      </c>
      <c r="I993" t="s">
        <v>30540</v>
      </c>
    </row>
    <row r="994" spans="1:9">
      <c r="A994" s="1">
        <f ca="1">RAND()</f>
        <v>0.47248199371326616</v>
      </c>
      <c r="B994" s="1"/>
      <c r="C994">
        <v>6</v>
      </c>
      <c r="D994" t="s">
        <v>1984</v>
      </c>
      <c r="E994" t="s">
        <v>31080</v>
      </c>
      <c r="F994">
        <v>4</v>
      </c>
      <c r="H994" t="s">
        <v>1985</v>
      </c>
      <c r="I994" t="s">
        <v>30540</v>
      </c>
    </row>
    <row r="995" spans="1:9">
      <c r="A995" s="1">
        <f ca="1">RAND()</f>
        <v>0.44149582284774413</v>
      </c>
      <c r="B995" s="1"/>
      <c r="C995">
        <v>5</v>
      </c>
      <c r="D995" t="s">
        <v>1982</v>
      </c>
      <c r="E995" t="s">
        <v>31080</v>
      </c>
      <c r="F995">
        <v>1</v>
      </c>
      <c r="H995" t="s">
        <v>1983</v>
      </c>
      <c r="I995" t="s">
        <v>30540</v>
      </c>
    </row>
    <row r="996" spans="1:9">
      <c r="A996" s="1">
        <f ca="1">RAND()</f>
        <v>0.58975197329223084</v>
      </c>
      <c r="B996" s="1"/>
      <c r="C996">
        <v>8</v>
      </c>
      <c r="D996" t="s">
        <v>1980</v>
      </c>
      <c r="E996" t="s">
        <v>31081</v>
      </c>
      <c r="F996">
        <v>2</v>
      </c>
      <c r="H996" t="s">
        <v>1981</v>
      </c>
      <c r="I996" t="s">
        <v>30540</v>
      </c>
    </row>
    <row r="997" spans="1:9">
      <c r="A997" s="1">
        <f ca="1">RAND()</f>
        <v>0.99893357447611741</v>
      </c>
      <c r="B997" s="1"/>
      <c r="C997">
        <v>4</v>
      </c>
      <c r="D997" t="s">
        <v>1978</v>
      </c>
      <c r="E997" t="s">
        <v>31082</v>
      </c>
      <c r="F997">
        <v>5</v>
      </c>
      <c r="H997" t="s">
        <v>1979</v>
      </c>
      <c r="I997" t="s">
        <v>30540</v>
      </c>
    </row>
    <row r="998" spans="1:9">
      <c r="A998" s="1">
        <f ca="1">RAND()</f>
        <v>0.98183033238002282</v>
      </c>
      <c r="B998" s="1"/>
      <c r="C998">
        <v>1</v>
      </c>
      <c r="D998" t="s">
        <v>1976</v>
      </c>
      <c r="E998" t="s">
        <v>31082</v>
      </c>
      <c r="F998">
        <v>3</v>
      </c>
      <c r="H998" t="s">
        <v>1977</v>
      </c>
      <c r="I998" t="s">
        <v>30540</v>
      </c>
    </row>
    <row r="999" spans="1:9">
      <c r="A999" s="1">
        <f ca="1">RAND()</f>
        <v>0.40797884789011618</v>
      </c>
      <c r="B999" s="1"/>
      <c r="C999">
        <v>9</v>
      </c>
      <c r="D999" t="s">
        <v>1974</v>
      </c>
      <c r="E999" t="s">
        <v>31083</v>
      </c>
      <c r="F999">
        <v>5</v>
      </c>
      <c r="H999" t="s">
        <v>1975</v>
      </c>
      <c r="I999" t="s">
        <v>30540</v>
      </c>
    </row>
    <row r="1000" spans="1:9">
      <c r="A1000" s="1">
        <f ca="1">RAND()</f>
        <v>0.30114673630270572</v>
      </c>
      <c r="B1000" s="1"/>
      <c r="C1000">
        <v>2</v>
      </c>
      <c r="D1000" t="s">
        <v>1970</v>
      </c>
      <c r="E1000" t="s">
        <v>31083</v>
      </c>
      <c r="F1000">
        <v>4</v>
      </c>
      <c r="H1000" t="s">
        <v>1971</v>
      </c>
      <c r="I1000" t="s">
        <v>30540</v>
      </c>
    </row>
    <row r="1001" spans="1:9">
      <c r="A1001" s="1">
        <f ca="1">RAND()</f>
        <v>0.76401143722440235</v>
      </c>
      <c r="B1001" s="1"/>
      <c r="C1001">
        <v>3</v>
      </c>
      <c r="D1001" t="s">
        <v>1972</v>
      </c>
      <c r="E1001" t="s">
        <v>31083</v>
      </c>
      <c r="F1001">
        <v>3</v>
      </c>
      <c r="H1001" t="s">
        <v>1973</v>
      </c>
      <c r="I1001" t="s">
        <v>30540</v>
      </c>
    </row>
    <row r="1002" spans="1:9">
      <c r="A1002" s="1">
        <f ca="1">RAND()</f>
        <v>0.1406049535264815</v>
      </c>
      <c r="B1002" s="1"/>
      <c r="C1002">
        <v>1</v>
      </c>
      <c r="D1002" t="s">
        <v>1962</v>
      </c>
      <c r="E1002" t="s">
        <v>31084</v>
      </c>
      <c r="F1002">
        <v>4</v>
      </c>
      <c r="H1002" t="s">
        <v>1963</v>
      </c>
      <c r="I1002" t="s">
        <v>30540</v>
      </c>
    </row>
    <row r="1003" spans="1:9">
      <c r="A1003" s="1">
        <f ca="1">RAND()</f>
        <v>0.58235547360039008</v>
      </c>
      <c r="B1003" s="1"/>
      <c r="C1003">
        <v>5</v>
      </c>
      <c r="D1003" t="s">
        <v>1966</v>
      </c>
      <c r="E1003" t="s">
        <v>31084</v>
      </c>
      <c r="F1003">
        <v>3</v>
      </c>
      <c r="H1003" t="s">
        <v>1967</v>
      </c>
      <c r="I1003" t="s">
        <v>30540</v>
      </c>
    </row>
    <row r="1004" spans="1:9">
      <c r="A1004" s="1">
        <f ca="1">RAND()</f>
        <v>0.6457386471153016</v>
      </c>
      <c r="B1004" s="1"/>
      <c r="C1004">
        <v>6</v>
      </c>
      <c r="D1004" t="s">
        <v>1968</v>
      </c>
      <c r="E1004" t="s">
        <v>31084</v>
      </c>
      <c r="F1004">
        <v>2</v>
      </c>
      <c r="H1004" t="s">
        <v>1969</v>
      </c>
      <c r="I1004" t="s">
        <v>30540</v>
      </c>
    </row>
    <row r="1005" spans="1:9">
      <c r="A1005" s="1">
        <f ca="1">RAND()</f>
        <v>0.4165539157210344</v>
      </c>
      <c r="B1005" s="1"/>
      <c r="C1005">
        <v>2</v>
      </c>
      <c r="D1005" t="s">
        <v>1964</v>
      </c>
      <c r="E1005" t="s">
        <v>31084</v>
      </c>
      <c r="F1005">
        <v>1</v>
      </c>
      <c r="H1005" t="s">
        <v>1965</v>
      </c>
      <c r="I1005" t="s">
        <v>30540</v>
      </c>
    </row>
    <row r="1006" spans="1:9">
      <c r="A1006" s="1">
        <f ca="1">RAND()</f>
        <v>0.99842094902974998</v>
      </c>
      <c r="B1006" s="1"/>
      <c r="C1006">
        <v>2</v>
      </c>
      <c r="D1006" t="s">
        <v>1958</v>
      </c>
      <c r="E1006" t="s">
        <v>31085</v>
      </c>
      <c r="F1006">
        <v>5</v>
      </c>
      <c r="H1006" t="s">
        <v>1959</v>
      </c>
      <c r="I1006" t="s">
        <v>30540</v>
      </c>
    </row>
    <row r="1007" spans="1:9">
      <c r="A1007" s="1">
        <f ca="1">RAND()</f>
        <v>0.16848934224621481</v>
      </c>
      <c r="B1007" s="1"/>
      <c r="C1007">
        <v>4</v>
      </c>
      <c r="D1007" t="s">
        <v>1960</v>
      </c>
      <c r="E1007" t="s">
        <v>31085</v>
      </c>
      <c r="F1007">
        <v>5</v>
      </c>
      <c r="H1007" t="s">
        <v>1961</v>
      </c>
      <c r="I1007" t="s">
        <v>30540</v>
      </c>
    </row>
    <row r="1008" spans="1:9">
      <c r="A1008" s="1">
        <f ca="1">RAND()</f>
        <v>0.67166461416202727</v>
      </c>
      <c r="B1008" s="1"/>
      <c r="C1008">
        <v>1</v>
      </c>
      <c r="D1008" t="s">
        <v>1956</v>
      </c>
      <c r="E1008" t="s">
        <v>31086</v>
      </c>
      <c r="F1008">
        <v>1</v>
      </c>
      <c r="H1008" t="s">
        <v>1957</v>
      </c>
      <c r="I1008" t="s">
        <v>30540</v>
      </c>
    </row>
    <row r="1009" spans="1:9">
      <c r="A1009" s="1">
        <f ca="1">RAND()</f>
        <v>0.54551761137249555</v>
      </c>
      <c r="B1009" s="1"/>
      <c r="C1009">
        <v>4</v>
      </c>
      <c r="D1009" t="s">
        <v>1952</v>
      </c>
      <c r="E1009" t="s">
        <v>31087</v>
      </c>
      <c r="F1009">
        <v>5</v>
      </c>
      <c r="H1009" t="s">
        <v>1953</v>
      </c>
      <c r="I1009" t="s">
        <v>30540</v>
      </c>
    </row>
    <row r="1010" spans="1:9">
      <c r="A1010" s="1">
        <f ca="1">RAND()</f>
        <v>0.69864443929805109</v>
      </c>
      <c r="B1010" s="1"/>
      <c r="C1010">
        <v>2</v>
      </c>
      <c r="D1010" t="s">
        <v>1950</v>
      </c>
      <c r="E1010" t="s">
        <v>31087</v>
      </c>
      <c r="F1010">
        <v>4</v>
      </c>
      <c r="H1010" t="s">
        <v>1951</v>
      </c>
      <c r="I1010" t="s">
        <v>30540</v>
      </c>
    </row>
    <row r="1011" spans="1:9">
      <c r="A1011" s="1">
        <f ca="1">RAND()</f>
        <v>0.92745794896514444</v>
      </c>
      <c r="B1011" s="1"/>
      <c r="C1011">
        <v>5</v>
      </c>
      <c r="D1011" t="s">
        <v>1954</v>
      </c>
      <c r="E1011" t="s">
        <v>31087</v>
      </c>
      <c r="F1011">
        <v>4</v>
      </c>
      <c r="H1011" t="s">
        <v>1955</v>
      </c>
      <c r="I1011" t="s">
        <v>30540</v>
      </c>
    </row>
    <row r="1012" spans="1:9">
      <c r="A1012" s="1">
        <f ca="1">RAND()</f>
        <v>0.72308810748070218</v>
      </c>
      <c r="B1012" s="1"/>
      <c r="C1012">
        <v>4</v>
      </c>
      <c r="D1012" t="s">
        <v>1948</v>
      </c>
      <c r="E1012" t="s">
        <v>31088</v>
      </c>
      <c r="F1012">
        <v>5</v>
      </c>
      <c r="H1012" t="s">
        <v>1949</v>
      </c>
      <c r="I1012" t="s">
        <v>30540</v>
      </c>
    </row>
    <row r="1013" spans="1:9">
      <c r="A1013" s="1">
        <f ca="1">RAND()</f>
        <v>0.75755499679125737</v>
      </c>
      <c r="B1013" s="1"/>
      <c r="C1013">
        <v>1</v>
      </c>
      <c r="D1013" t="s">
        <v>1946</v>
      </c>
      <c r="E1013" t="s">
        <v>31088</v>
      </c>
      <c r="F1013">
        <v>4</v>
      </c>
      <c r="H1013" t="s">
        <v>1947</v>
      </c>
      <c r="I1013" t="s">
        <v>30540</v>
      </c>
    </row>
    <row r="1014" spans="1:9">
      <c r="A1014" s="1">
        <f ca="1">RAND()</f>
        <v>0.69122542260147635</v>
      </c>
      <c r="B1014" s="1"/>
      <c r="C1014">
        <v>3</v>
      </c>
      <c r="D1014" t="s">
        <v>1942</v>
      </c>
      <c r="E1014" t="s">
        <v>31089</v>
      </c>
      <c r="F1014">
        <v>5</v>
      </c>
      <c r="H1014" t="s">
        <v>1943</v>
      </c>
      <c r="I1014" t="s">
        <v>30540</v>
      </c>
    </row>
    <row r="1015" spans="1:9">
      <c r="A1015" s="1">
        <f ca="1">RAND()</f>
        <v>0.93726480202444296</v>
      </c>
      <c r="B1015" s="1"/>
      <c r="C1015">
        <v>4</v>
      </c>
      <c r="D1015" t="s">
        <v>1944</v>
      </c>
      <c r="E1015" t="s">
        <v>31089</v>
      </c>
      <c r="F1015">
        <v>4</v>
      </c>
      <c r="H1015" t="s">
        <v>1945</v>
      </c>
      <c r="I1015" t="s">
        <v>30540</v>
      </c>
    </row>
    <row r="1016" spans="1:9">
      <c r="A1016" s="1">
        <f ca="1">RAND()</f>
        <v>0.4107461653135781</v>
      </c>
      <c r="B1016" s="1"/>
      <c r="C1016">
        <v>2</v>
      </c>
      <c r="D1016" t="s">
        <v>1936</v>
      </c>
      <c r="E1016" t="s">
        <v>31090</v>
      </c>
      <c r="F1016">
        <v>5</v>
      </c>
      <c r="H1016" t="s">
        <v>1937</v>
      </c>
      <c r="I1016" t="s">
        <v>30540</v>
      </c>
    </row>
    <row r="1017" spans="1:9">
      <c r="A1017" s="1">
        <f ca="1">RAND()</f>
        <v>0.418495948342962</v>
      </c>
      <c r="B1017" s="1"/>
      <c r="C1017">
        <v>6</v>
      </c>
      <c r="D1017" t="s">
        <v>1940</v>
      </c>
      <c r="E1017" t="s">
        <v>31090</v>
      </c>
      <c r="F1017">
        <v>4</v>
      </c>
      <c r="H1017" t="s">
        <v>1941</v>
      </c>
      <c r="I1017" t="s">
        <v>30540</v>
      </c>
    </row>
    <row r="1018" spans="1:9">
      <c r="A1018" s="1">
        <f ca="1">RAND()</f>
        <v>0.50437762631147898</v>
      </c>
      <c r="B1018" s="1"/>
      <c r="C1018">
        <v>3</v>
      </c>
      <c r="D1018" t="s">
        <v>1938</v>
      </c>
      <c r="E1018" t="s">
        <v>31090</v>
      </c>
      <c r="F1018">
        <v>4</v>
      </c>
      <c r="H1018" t="s">
        <v>1939</v>
      </c>
      <c r="I1018" t="s">
        <v>30540</v>
      </c>
    </row>
    <row r="1019" spans="1:9">
      <c r="A1019" s="1">
        <f ca="1">RAND()</f>
        <v>0.89970546011868835</v>
      </c>
      <c r="B1019" s="1"/>
      <c r="C1019">
        <v>1</v>
      </c>
      <c r="D1019" t="s">
        <v>1934</v>
      </c>
      <c r="E1019" t="s">
        <v>31091</v>
      </c>
      <c r="F1019">
        <v>4</v>
      </c>
      <c r="H1019" t="s">
        <v>1935</v>
      </c>
      <c r="I1019" t="s">
        <v>30540</v>
      </c>
    </row>
    <row r="1020" spans="1:9">
      <c r="A1020" s="1">
        <f ca="1">RAND()</f>
        <v>0.18997291172999209</v>
      </c>
      <c r="B1020" s="1"/>
      <c r="C1020">
        <v>3</v>
      </c>
      <c r="D1020" t="s">
        <v>1930</v>
      </c>
      <c r="E1020" t="s">
        <v>31092</v>
      </c>
      <c r="F1020">
        <v>4</v>
      </c>
      <c r="H1020" t="s">
        <v>1931</v>
      </c>
      <c r="I1020" t="s">
        <v>30540</v>
      </c>
    </row>
    <row r="1021" spans="1:9">
      <c r="A1021" s="1">
        <f ca="1">RAND()</f>
        <v>0.12149040354384688</v>
      </c>
      <c r="B1021" s="1"/>
      <c r="C1021">
        <v>4</v>
      </c>
      <c r="D1021" t="s">
        <v>1932</v>
      </c>
      <c r="E1021" t="s">
        <v>31092</v>
      </c>
      <c r="F1021">
        <v>3</v>
      </c>
      <c r="H1021" t="s">
        <v>1933</v>
      </c>
      <c r="I1021" t="s">
        <v>30540</v>
      </c>
    </row>
    <row r="1022" spans="1:9">
      <c r="A1022" s="1">
        <f ca="1">RAND()</f>
        <v>0.88378581515531862</v>
      </c>
      <c r="B1022" s="1"/>
      <c r="C1022">
        <v>1</v>
      </c>
      <c r="D1022" t="s">
        <v>1928</v>
      </c>
      <c r="E1022" t="s">
        <v>31092</v>
      </c>
      <c r="F1022">
        <v>3</v>
      </c>
      <c r="H1022" t="s">
        <v>1929</v>
      </c>
      <c r="I1022" t="s">
        <v>30540</v>
      </c>
    </row>
    <row r="1023" spans="1:9">
      <c r="A1023" s="1">
        <f ca="1">RAND()</f>
        <v>0.42055150954538367</v>
      </c>
      <c r="B1023" s="1"/>
      <c r="C1023">
        <v>11</v>
      </c>
      <c r="D1023" t="s">
        <v>1926</v>
      </c>
      <c r="E1023" t="s">
        <v>31093</v>
      </c>
      <c r="F1023">
        <v>4</v>
      </c>
      <c r="H1023" t="s">
        <v>1927</v>
      </c>
      <c r="I1023" t="s">
        <v>30540</v>
      </c>
    </row>
    <row r="1024" spans="1:9">
      <c r="A1024" s="1">
        <f ca="1">RAND()</f>
        <v>0.69813302679296008</v>
      </c>
      <c r="B1024" s="1"/>
      <c r="C1024">
        <v>3</v>
      </c>
      <c r="D1024" t="s">
        <v>1922</v>
      </c>
      <c r="E1024" t="s">
        <v>31094</v>
      </c>
      <c r="F1024">
        <v>5</v>
      </c>
      <c r="H1024" t="s">
        <v>1923</v>
      </c>
      <c r="I1024" t="s">
        <v>30540</v>
      </c>
    </row>
    <row r="1025" spans="1:9">
      <c r="A1025" s="1">
        <f ca="1">RAND()</f>
        <v>0.62538948315481413</v>
      </c>
      <c r="B1025" s="1"/>
      <c r="C1025">
        <v>1</v>
      </c>
      <c r="D1025" t="s">
        <v>1920</v>
      </c>
      <c r="E1025" t="s">
        <v>31094</v>
      </c>
      <c r="F1025">
        <v>4</v>
      </c>
      <c r="H1025" t="s">
        <v>1921</v>
      </c>
      <c r="I1025" t="s">
        <v>30540</v>
      </c>
    </row>
    <row r="1026" spans="1:9">
      <c r="A1026" s="1">
        <f ca="1">RAND()</f>
        <v>0.54195521522375667</v>
      </c>
      <c r="B1026" s="1"/>
      <c r="C1026">
        <v>6</v>
      </c>
      <c r="D1026" t="s">
        <v>1924</v>
      </c>
      <c r="E1026" t="s">
        <v>31094</v>
      </c>
      <c r="F1026">
        <v>1</v>
      </c>
      <c r="H1026" t="s">
        <v>1925</v>
      </c>
      <c r="I1026" t="s">
        <v>30540</v>
      </c>
    </row>
    <row r="1027" spans="1:9">
      <c r="A1027" s="1">
        <f ca="1">RAND()</f>
        <v>0.80250016580314409</v>
      </c>
      <c r="B1027" s="1"/>
      <c r="C1027">
        <v>5</v>
      </c>
      <c r="D1027" t="s">
        <v>1918</v>
      </c>
      <c r="E1027" t="s">
        <v>31095</v>
      </c>
      <c r="F1027">
        <v>5</v>
      </c>
      <c r="H1027" t="s">
        <v>1919</v>
      </c>
      <c r="I1027" t="s">
        <v>30540</v>
      </c>
    </row>
    <row r="1028" spans="1:9">
      <c r="A1028" s="1">
        <f ca="1">RAND()</f>
        <v>0.45228764144339606</v>
      </c>
      <c r="B1028" s="1"/>
      <c r="C1028">
        <v>4</v>
      </c>
      <c r="D1028" t="s">
        <v>1916</v>
      </c>
      <c r="E1028" t="s">
        <v>31095</v>
      </c>
      <c r="F1028">
        <v>4</v>
      </c>
      <c r="H1028" t="s">
        <v>1917</v>
      </c>
      <c r="I1028" t="s">
        <v>30540</v>
      </c>
    </row>
    <row r="1029" spans="1:9">
      <c r="A1029" s="1">
        <f ca="1">RAND()</f>
        <v>0.58400636026097807</v>
      </c>
      <c r="B1029" s="1"/>
      <c r="C1029">
        <v>1</v>
      </c>
      <c r="D1029" t="s">
        <v>1914</v>
      </c>
      <c r="E1029" t="s">
        <v>31096</v>
      </c>
      <c r="F1029">
        <v>5</v>
      </c>
      <c r="H1029" t="s">
        <v>1915</v>
      </c>
      <c r="I1029" t="s">
        <v>30540</v>
      </c>
    </row>
    <row r="1030" spans="1:9">
      <c r="A1030" s="1">
        <f ca="1">RAND()</f>
        <v>0.4795239290098805</v>
      </c>
      <c r="B1030" s="1"/>
      <c r="C1030">
        <v>8</v>
      </c>
      <c r="D1030" t="s">
        <v>1912</v>
      </c>
      <c r="E1030" t="s">
        <v>31097</v>
      </c>
      <c r="F1030">
        <v>5</v>
      </c>
      <c r="H1030" t="s">
        <v>1913</v>
      </c>
      <c r="I1030" t="s">
        <v>30540</v>
      </c>
    </row>
    <row r="1031" spans="1:9">
      <c r="A1031" s="1">
        <f ca="1">RAND()</f>
        <v>0.33273326515193313</v>
      </c>
      <c r="B1031" s="1"/>
      <c r="C1031">
        <v>1</v>
      </c>
      <c r="D1031" t="s">
        <v>1910</v>
      </c>
      <c r="E1031" t="s">
        <v>31098</v>
      </c>
      <c r="F1031">
        <v>3</v>
      </c>
      <c r="H1031" t="s">
        <v>1911</v>
      </c>
      <c r="I1031" t="s">
        <v>30540</v>
      </c>
    </row>
    <row r="1032" spans="1:9">
      <c r="A1032" s="1">
        <f ca="1">RAND()</f>
        <v>0.78683537948164317</v>
      </c>
      <c r="B1032" s="1"/>
      <c r="C1032">
        <v>1</v>
      </c>
      <c r="D1032" t="s">
        <v>1898</v>
      </c>
      <c r="E1032" t="s">
        <v>31099</v>
      </c>
      <c r="F1032">
        <v>5</v>
      </c>
      <c r="H1032" t="s">
        <v>1899</v>
      </c>
      <c r="I1032" t="s">
        <v>30540</v>
      </c>
    </row>
    <row r="1033" spans="1:9">
      <c r="A1033" s="1">
        <f ca="1">RAND()</f>
        <v>0.35308933485913074</v>
      </c>
      <c r="B1033" s="1"/>
      <c r="C1033">
        <v>8</v>
      </c>
      <c r="D1033" t="s">
        <v>1906</v>
      </c>
      <c r="E1033" t="s">
        <v>31099</v>
      </c>
      <c r="F1033">
        <v>4</v>
      </c>
      <c r="H1033" t="s">
        <v>1907</v>
      </c>
      <c r="I1033" t="s">
        <v>30540</v>
      </c>
    </row>
    <row r="1034" spans="1:9">
      <c r="A1034" s="1">
        <f ca="1">RAND()</f>
        <v>3.938487609571939E-2</v>
      </c>
      <c r="B1034" s="1"/>
      <c r="C1034">
        <v>9</v>
      </c>
      <c r="D1034" t="s">
        <v>1908</v>
      </c>
      <c r="E1034" t="s">
        <v>31099</v>
      </c>
      <c r="F1034">
        <v>4</v>
      </c>
      <c r="H1034" t="s">
        <v>1909</v>
      </c>
      <c r="I1034" t="s">
        <v>30540</v>
      </c>
    </row>
    <row r="1035" spans="1:9">
      <c r="A1035" s="1">
        <f ca="1">RAND()</f>
        <v>0.87534234972202185</v>
      </c>
      <c r="B1035" s="1"/>
      <c r="C1035">
        <v>5</v>
      </c>
      <c r="D1035" t="s">
        <v>1902</v>
      </c>
      <c r="E1035" t="s">
        <v>31099</v>
      </c>
      <c r="F1035">
        <v>4</v>
      </c>
      <c r="H1035" t="s">
        <v>1903</v>
      </c>
      <c r="I1035" t="s">
        <v>30540</v>
      </c>
    </row>
    <row r="1036" spans="1:9">
      <c r="A1036" s="1">
        <f ca="1">RAND()</f>
        <v>0.54375461370204936</v>
      </c>
      <c r="B1036" s="1"/>
      <c r="C1036">
        <v>6</v>
      </c>
      <c r="D1036" t="s">
        <v>1904</v>
      </c>
      <c r="E1036" t="s">
        <v>31099</v>
      </c>
      <c r="F1036">
        <v>3</v>
      </c>
      <c r="H1036" t="s">
        <v>1905</v>
      </c>
      <c r="I1036" t="s">
        <v>30540</v>
      </c>
    </row>
    <row r="1037" spans="1:9">
      <c r="A1037" s="1">
        <f ca="1">RAND()</f>
        <v>0.11909469885472013</v>
      </c>
      <c r="B1037" s="1"/>
      <c r="C1037">
        <v>3</v>
      </c>
      <c r="D1037" t="s">
        <v>1900</v>
      </c>
      <c r="E1037" t="s">
        <v>31099</v>
      </c>
      <c r="F1037">
        <v>2</v>
      </c>
      <c r="H1037" t="s">
        <v>1901</v>
      </c>
      <c r="I1037" t="s">
        <v>30540</v>
      </c>
    </row>
    <row r="1038" spans="1:9">
      <c r="A1038" s="1">
        <f ca="1">RAND()</f>
        <v>0.82857892066396011</v>
      </c>
      <c r="B1038" s="1"/>
      <c r="C1038">
        <v>2</v>
      </c>
      <c r="D1038" t="s">
        <v>1894</v>
      </c>
      <c r="E1038" t="s">
        <v>31100</v>
      </c>
      <c r="F1038">
        <v>5</v>
      </c>
      <c r="H1038" t="s">
        <v>1895</v>
      </c>
      <c r="I1038" t="s">
        <v>30540</v>
      </c>
    </row>
    <row r="1039" spans="1:9">
      <c r="A1039" s="1">
        <f ca="1">RAND()</f>
        <v>0.65793881577345226</v>
      </c>
      <c r="B1039" s="1"/>
      <c r="C1039">
        <v>7</v>
      </c>
      <c r="D1039" t="s">
        <v>1896</v>
      </c>
      <c r="E1039" t="s">
        <v>31100</v>
      </c>
      <c r="F1039">
        <v>5</v>
      </c>
      <c r="H1039" t="s">
        <v>1897</v>
      </c>
      <c r="I1039" t="s">
        <v>30540</v>
      </c>
    </row>
    <row r="1040" spans="1:9">
      <c r="A1040" s="1">
        <f ca="1">RAND()</f>
        <v>0.97214762496076867</v>
      </c>
      <c r="B1040" s="1"/>
      <c r="C1040">
        <v>1</v>
      </c>
      <c r="D1040" t="s">
        <v>1892</v>
      </c>
      <c r="E1040" t="s">
        <v>31101</v>
      </c>
      <c r="F1040">
        <v>5</v>
      </c>
      <c r="H1040" t="s">
        <v>1893</v>
      </c>
      <c r="I1040" t="s">
        <v>30540</v>
      </c>
    </row>
    <row r="1041" spans="1:9">
      <c r="A1041" s="1">
        <f ca="1">RAND()</f>
        <v>0.53745554883562041</v>
      </c>
      <c r="B1041" s="1"/>
      <c r="C1041">
        <v>7</v>
      </c>
      <c r="D1041" t="s">
        <v>1890</v>
      </c>
      <c r="E1041" t="s">
        <v>31102</v>
      </c>
      <c r="F1041">
        <v>4</v>
      </c>
      <c r="H1041" t="s">
        <v>1891</v>
      </c>
      <c r="I1041" t="s">
        <v>30540</v>
      </c>
    </row>
    <row r="1042" spans="1:9">
      <c r="A1042" s="1">
        <f ca="1">RAND()</f>
        <v>0.94363085252051804</v>
      </c>
      <c r="B1042" s="1"/>
      <c r="C1042">
        <v>1</v>
      </c>
      <c r="D1042" t="s">
        <v>1888</v>
      </c>
      <c r="E1042" t="s">
        <v>31102</v>
      </c>
      <c r="F1042">
        <v>4</v>
      </c>
      <c r="H1042" t="s">
        <v>1889</v>
      </c>
      <c r="I1042" t="s">
        <v>30540</v>
      </c>
    </row>
    <row r="1043" spans="1:9">
      <c r="A1043" s="1">
        <f ca="1">RAND()</f>
        <v>0.19105351861660325</v>
      </c>
      <c r="B1043" s="1"/>
      <c r="C1043">
        <v>3</v>
      </c>
      <c r="D1043" t="s">
        <v>1886</v>
      </c>
      <c r="E1043" t="s">
        <v>31103</v>
      </c>
      <c r="F1043">
        <v>4</v>
      </c>
      <c r="H1043" t="s">
        <v>1887</v>
      </c>
      <c r="I1043" t="s">
        <v>30540</v>
      </c>
    </row>
    <row r="1044" spans="1:9">
      <c r="A1044" s="1">
        <f ca="1">RAND()</f>
        <v>0.11071550290424226</v>
      </c>
      <c r="B1044" s="1"/>
      <c r="C1044">
        <v>2</v>
      </c>
      <c r="D1044" t="s">
        <v>1884</v>
      </c>
      <c r="E1044" t="s">
        <v>31103</v>
      </c>
      <c r="F1044">
        <v>4</v>
      </c>
      <c r="H1044" t="s">
        <v>1885</v>
      </c>
      <c r="I1044" t="s">
        <v>30540</v>
      </c>
    </row>
    <row r="1045" spans="1:9">
      <c r="A1045" s="1">
        <f ca="1">RAND()</f>
        <v>0.34254762608084599</v>
      </c>
      <c r="B1045" s="1"/>
      <c r="C1045">
        <v>9</v>
      </c>
      <c r="D1045" t="s">
        <v>1882</v>
      </c>
      <c r="E1045" t="s">
        <v>31104</v>
      </c>
      <c r="F1045">
        <v>5</v>
      </c>
      <c r="H1045" t="s">
        <v>1883</v>
      </c>
      <c r="I1045" t="s">
        <v>30540</v>
      </c>
    </row>
    <row r="1046" spans="1:9">
      <c r="A1046" s="1">
        <f ca="1">RAND()</f>
        <v>0.62519089606806411</v>
      </c>
      <c r="B1046" s="1"/>
      <c r="C1046">
        <v>8</v>
      </c>
      <c r="D1046" t="s">
        <v>1880</v>
      </c>
      <c r="E1046" t="s">
        <v>31104</v>
      </c>
      <c r="F1046">
        <v>4</v>
      </c>
      <c r="H1046" t="s">
        <v>1881</v>
      </c>
      <c r="I1046" t="s">
        <v>30540</v>
      </c>
    </row>
    <row r="1047" spans="1:9">
      <c r="A1047" s="1">
        <f ca="1">RAND()</f>
        <v>0.7032007801568434</v>
      </c>
      <c r="B1047" s="1"/>
      <c r="C1047">
        <v>4</v>
      </c>
      <c r="D1047" t="s">
        <v>1878</v>
      </c>
      <c r="E1047" t="s">
        <v>31104</v>
      </c>
      <c r="F1047">
        <v>4</v>
      </c>
      <c r="H1047" t="s">
        <v>1879</v>
      </c>
      <c r="I1047" t="s">
        <v>30540</v>
      </c>
    </row>
    <row r="1048" spans="1:9">
      <c r="A1048" s="1">
        <f ca="1">RAND()</f>
        <v>0.88748984650158824</v>
      </c>
      <c r="B1048" s="1"/>
      <c r="C1048">
        <v>3</v>
      </c>
      <c r="D1048" t="s">
        <v>1874</v>
      </c>
      <c r="E1048" t="s">
        <v>31105</v>
      </c>
      <c r="F1048">
        <v>5</v>
      </c>
      <c r="H1048" t="s">
        <v>1875</v>
      </c>
      <c r="I1048" t="s">
        <v>30540</v>
      </c>
    </row>
    <row r="1049" spans="1:9">
      <c r="A1049" s="1">
        <f ca="1">RAND()</f>
        <v>0.77501850805753303</v>
      </c>
      <c r="B1049" s="1"/>
      <c r="C1049">
        <v>1</v>
      </c>
      <c r="D1049" t="s">
        <v>1872</v>
      </c>
      <c r="E1049" t="s">
        <v>31105</v>
      </c>
      <c r="F1049">
        <v>4</v>
      </c>
      <c r="H1049" t="s">
        <v>1873</v>
      </c>
      <c r="I1049" t="s">
        <v>30540</v>
      </c>
    </row>
    <row r="1050" spans="1:9">
      <c r="A1050" s="1">
        <f ca="1">RAND()</f>
        <v>0.47096171711752377</v>
      </c>
      <c r="B1050" s="1"/>
      <c r="C1050">
        <v>5</v>
      </c>
      <c r="D1050" t="s">
        <v>1876</v>
      </c>
      <c r="E1050" t="s">
        <v>31105</v>
      </c>
      <c r="F1050">
        <v>4</v>
      </c>
      <c r="H1050" t="s">
        <v>1877</v>
      </c>
      <c r="I1050" t="s">
        <v>30540</v>
      </c>
    </row>
    <row r="1051" spans="1:9">
      <c r="A1051" s="1">
        <f ca="1">RAND()</f>
        <v>0.96011519004196533</v>
      </c>
      <c r="B1051" s="1"/>
      <c r="C1051">
        <v>3</v>
      </c>
      <c r="D1051" t="s">
        <v>1870</v>
      </c>
      <c r="E1051" t="s">
        <v>31106</v>
      </c>
      <c r="F1051">
        <v>4</v>
      </c>
      <c r="H1051" t="s">
        <v>1871</v>
      </c>
      <c r="I1051" t="s">
        <v>30540</v>
      </c>
    </row>
    <row r="1052" spans="1:9">
      <c r="A1052" s="1">
        <f ca="1">RAND()</f>
        <v>0.80009790111679713</v>
      </c>
      <c r="B1052" s="1"/>
      <c r="C1052">
        <v>2</v>
      </c>
      <c r="D1052" t="s">
        <v>1868</v>
      </c>
      <c r="E1052" t="s">
        <v>31106</v>
      </c>
      <c r="F1052">
        <v>4</v>
      </c>
      <c r="H1052" t="s">
        <v>1869</v>
      </c>
      <c r="I1052" t="s">
        <v>30540</v>
      </c>
    </row>
    <row r="1053" spans="1:9">
      <c r="A1053" s="1">
        <f ca="1">RAND()</f>
        <v>0.94129473652232654</v>
      </c>
      <c r="B1053" s="1"/>
      <c r="C1053">
        <v>1</v>
      </c>
      <c r="D1053" t="s">
        <v>1864</v>
      </c>
      <c r="E1053" t="s">
        <v>31107</v>
      </c>
      <c r="F1053">
        <v>4</v>
      </c>
      <c r="H1053" t="s">
        <v>1865</v>
      </c>
      <c r="I1053" t="s">
        <v>30540</v>
      </c>
    </row>
    <row r="1054" spans="1:9">
      <c r="A1054" s="1">
        <f ca="1">RAND()</f>
        <v>0.39544184014237382</v>
      </c>
      <c r="B1054" s="1"/>
      <c r="C1054">
        <v>7</v>
      </c>
      <c r="D1054" t="s">
        <v>1866</v>
      </c>
      <c r="E1054" t="s">
        <v>31107</v>
      </c>
      <c r="F1054">
        <v>3</v>
      </c>
      <c r="H1054" t="s">
        <v>1867</v>
      </c>
      <c r="I1054" t="s">
        <v>30540</v>
      </c>
    </row>
    <row r="1055" spans="1:9">
      <c r="A1055" s="1">
        <f ca="1">RAND()</f>
        <v>0.4260300807930063</v>
      </c>
      <c r="B1055" s="1"/>
      <c r="C1055">
        <v>5</v>
      </c>
      <c r="D1055" t="s">
        <v>1860</v>
      </c>
      <c r="E1055" t="s">
        <v>31108</v>
      </c>
      <c r="F1055">
        <v>4</v>
      </c>
      <c r="H1055" t="s">
        <v>1861</v>
      </c>
      <c r="I1055" t="s">
        <v>30540</v>
      </c>
    </row>
    <row r="1056" spans="1:9">
      <c r="A1056" s="1">
        <f ca="1">RAND()</f>
        <v>0.82052358421302685</v>
      </c>
      <c r="B1056" s="1"/>
      <c r="C1056">
        <v>6</v>
      </c>
      <c r="D1056" t="s">
        <v>1862</v>
      </c>
      <c r="E1056" t="s">
        <v>31108</v>
      </c>
      <c r="F1056">
        <v>4</v>
      </c>
      <c r="H1056" t="s">
        <v>1863</v>
      </c>
      <c r="I1056" t="s">
        <v>30540</v>
      </c>
    </row>
    <row r="1057" spans="1:9">
      <c r="A1057" s="1">
        <f ca="1">RAND()</f>
        <v>0.29934397984182326</v>
      </c>
      <c r="B1057" s="1"/>
      <c r="C1057">
        <v>2</v>
      </c>
      <c r="D1057" t="s">
        <v>1858</v>
      </c>
      <c r="E1057" t="s">
        <v>31109</v>
      </c>
      <c r="F1057">
        <v>2</v>
      </c>
      <c r="H1057" t="s">
        <v>1859</v>
      </c>
      <c r="I1057" t="s">
        <v>30540</v>
      </c>
    </row>
    <row r="1058" spans="1:9">
      <c r="A1058" s="1">
        <f ca="1">RAND()</f>
        <v>0.45823978807002608</v>
      </c>
      <c r="B1058" s="1"/>
      <c r="C1058">
        <v>8</v>
      </c>
      <c r="D1058" t="s">
        <v>1856</v>
      </c>
      <c r="E1058" t="s">
        <v>31110</v>
      </c>
      <c r="F1058">
        <v>5</v>
      </c>
      <c r="H1058" t="s">
        <v>1857</v>
      </c>
      <c r="I1058" t="s">
        <v>30540</v>
      </c>
    </row>
    <row r="1059" spans="1:9">
      <c r="A1059" s="1">
        <f ca="1">RAND()</f>
        <v>0.94945143007745325</v>
      </c>
      <c r="B1059" s="1"/>
      <c r="C1059">
        <v>6</v>
      </c>
      <c r="D1059" t="s">
        <v>1854</v>
      </c>
      <c r="E1059" t="s">
        <v>31110</v>
      </c>
      <c r="F1059">
        <v>4</v>
      </c>
      <c r="H1059" t="s">
        <v>1855</v>
      </c>
      <c r="I1059" t="s">
        <v>30540</v>
      </c>
    </row>
    <row r="1060" spans="1:9">
      <c r="A1060" s="1">
        <f ca="1">RAND()</f>
        <v>0.27392510445727947</v>
      </c>
      <c r="B1060" s="1"/>
      <c r="C1060">
        <v>3</v>
      </c>
      <c r="D1060" t="s">
        <v>1852</v>
      </c>
      <c r="E1060" t="s">
        <v>31110</v>
      </c>
      <c r="F1060">
        <v>4</v>
      </c>
      <c r="H1060" t="s">
        <v>1853</v>
      </c>
      <c r="I1060" t="s">
        <v>30540</v>
      </c>
    </row>
    <row r="1061" spans="1:9">
      <c r="A1061" s="1">
        <f ca="1">RAND()</f>
        <v>0.63918301690783774</v>
      </c>
      <c r="B1061" s="1"/>
      <c r="C1061">
        <v>2</v>
      </c>
      <c r="D1061" t="s">
        <v>1850</v>
      </c>
      <c r="E1061" t="s">
        <v>31111</v>
      </c>
      <c r="F1061">
        <v>5</v>
      </c>
      <c r="H1061" t="s">
        <v>1851</v>
      </c>
      <c r="I1061" t="s">
        <v>30540</v>
      </c>
    </row>
    <row r="1062" spans="1:9">
      <c r="A1062" s="1">
        <f ca="1">RAND()</f>
        <v>0.78023378876763627</v>
      </c>
      <c r="B1062" s="1"/>
      <c r="C1062">
        <v>15</v>
      </c>
      <c r="D1062" t="s">
        <v>1848</v>
      </c>
      <c r="E1062" t="s">
        <v>31112</v>
      </c>
      <c r="F1062">
        <v>5</v>
      </c>
      <c r="H1062" t="s">
        <v>1849</v>
      </c>
      <c r="I1062" t="s">
        <v>30540</v>
      </c>
    </row>
    <row r="1063" spans="1:9">
      <c r="A1063" s="1">
        <f ca="1">RAND()</f>
        <v>0.4373975933646338</v>
      </c>
      <c r="B1063" s="1"/>
      <c r="C1063">
        <v>1</v>
      </c>
      <c r="D1063" t="s">
        <v>1842</v>
      </c>
      <c r="E1063" t="s">
        <v>31112</v>
      </c>
      <c r="F1063">
        <v>5</v>
      </c>
      <c r="H1063" t="s">
        <v>1843</v>
      </c>
      <c r="I1063" t="s">
        <v>30540</v>
      </c>
    </row>
    <row r="1064" spans="1:9">
      <c r="A1064" s="1">
        <f ca="1">RAND()</f>
        <v>0.99349562632791855</v>
      </c>
      <c r="B1064" s="1"/>
      <c r="C1064">
        <v>11</v>
      </c>
      <c r="D1064" t="s">
        <v>1846</v>
      </c>
      <c r="E1064" t="s">
        <v>31112</v>
      </c>
      <c r="F1064">
        <v>5</v>
      </c>
      <c r="H1064" t="s">
        <v>1847</v>
      </c>
      <c r="I1064" t="s">
        <v>30540</v>
      </c>
    </row>
    <row r="1065" spans="1:9">
      <c r="A1065" s="1">
        <f ca="1">RAND()</f>
        <v>0.50486318091017157</v>
      </c>
      <c r="B1065" s="1"/>
      <c r="C1065">
        <v>8</v>
      </c>
      <c r="D1065" t="s">
        <v>1844</v>
      </c>
      <c r="E1065" t="s">
        <v>31112</v>
      </c>
      <c r="F1065">
        <v>4</v>
      </c>
      <c r="H1065" t="s">
        <v>1845</v>
      </c>
      <c r="I1065" t="s">
        <v>30540</v>
      </c>
    </row>
    <row r="1066" spans="1:9">
      <c r="A1066" s="1">
        <f ca="1">RAND()</f>
        <v>0.37684053626927938</v>
      </c>
      <c r="B1066" s="1"/>
      <c r="C1066">
        <v>2</v>
      </c>
      <c r="D1066" t="s">
        <v>1838</v>
      </c>
      <c r="E1066" t="s">
        <v>31113</v>
      </c>
      <c r="F1066">
        <v>5</v>
      </c>
      <c r="H1066" t="s">
        <v>1839</v>
      </c>
      <c r="I1066" t="s">
        <v>30540</v>
      </c>
    </row>
    <row r="1067" spans="1:9">
      <c r="A1067" s="1">
        <f ca="1">RAND()</f>
        <v>0.82338697286198026</v>
      </c>
      <c r="B1067" s="1"/>
      <c r="C1067">
        <v>5</v>
      </c>
      <c r="D1067" t="s">
        <v>1840</v>
      </c>
      <c r="E1067" t="s">
        <v>31113</v>
      </c>
      <c r="F1067">
        <v>4</v>
      </c>
      <c r="H1067" t="s">
        <v>1841</v>
      </c>
      <c r="I1067" t="s">
        <v>30540</v>
      </c>
    </row>
    <row r="1068" spans="1:9">
      <c r="A1068" s="1">
        <f ca="1">RAND()</f>
        <v>0.38719806307396554</v>
      </c>
      <c r="B1068" s="1"/>
      <c r="C1068">
        <v>2</v>
      </c>
      <c r="D1068" t="s">
        <v>1836</v>
      </c>
      <c r="E1068" t="s">
        <v>31114</v>
      </c>
      <c r="F1068">
        <v>4</v>
      </c>
      <c r="H1068" t="s">
        <v>1837</v>
      </c>
      <c r="I1068" t="s">
        <v>30540</v>
      </c>
    </row>
    <row r="1069" spans="1:9">
      <c r="A1069" s="1">
        <f ca="1">RAND()</f>
        <v>0.65016174265563853</v>
      </c>
      <c r="B1069" s="1"/>
      <c r="C1069">
        <v>3</v>
      </c>
      <c r="D1069" t="s">
        <v>1834</v>
      </c>
      <c r="E1069" t="s">
        <v>31115</v>
      </c>
      <c r="F1069">
        <v>3</v>
      </c>
      <c r="H1069" t="s">
        <v>1835</v>
      </c>
      <c r="I1069" t="s">
        <v>30540</v>
      </c>
    </row>
    <row r="1070" spans="1:9">
      <c r="A1070" s="1">
        <f ca="1">RAND()</f>
        <v>0.51706484696054489</v>
      </c>
      <c r="B1070" s="1"/>
      <c r="C1070">
        <v>4</v>
      </c>
      <c r="D1070" t="s">
        <v>1832</v>
      </c>
      <c r="E1070" t="s">
        <v>31116</v>
      </c>
      <c r="F1070">
        <v>4</v>
      </c>
      <c r="H1070" t="s">
        <v>1833</v>
      </c>
      <c r="I1070" t="s">
        <v>30540</v>
      </c>
    </row>
    <row r="1071" spans="1:9">
      <c r="A1071" s="1">
        <f ca="1">RAND()</f>
        <v>0.2804342055122262</v>
      </c>
      <c r="B1071" s="1"/>
      <c r="C1071">
        <v>2</v>
      </c>
      <c r="D1071" t="s">
        <v>1830</v>
      </c>
      <c r="E1071" t="s">
        <v>31116</v>
      </c>
      <c r="F1071">
        <v>4</v>
      </c>
      <c r="H1071" t="s">
        <v>1831</v>
      </c>
      <c r="I1071" t="s">
        <v>30540</v>
      </c>
    </row>
    <row r="1072" spans="1:9">
      <c r="A1072" s="1">
        <f ca="1">RAND()</f>
        <v>0.9886951560543108</v>
      </c>
      <c r="B1072" s="1"/>
      <c r="C1072">
        <v>8</v>
      </c>
      <c r="D1072" t="s">
        <v>1826</v>
      </c>
      <c r="E1072" t="s">
        <v>31117</v>
      </c>
      <c r="F1072">
        <v>4</v>
      </c>
      <c r="H1072" t="s">
        <v>1827</v>
      </c>
      <c r="I1072" t="s">
        <v>30540</v>
      </c>
    </row>
    <row r="1073" spans="1:9">
      <c r="A1073" s="1">
        <f ca="1">RAND()</f>
        <v>0.27977437954547357</v>
      </c>
      <c r="B1073" s="1"/>
      <c r="C1073">
        <v>9</v>
      </c>
      <c r="D1073" t="s">
        <v>1828</v>
      </c>
      <c r="E1073" t="s">
        <v>31117</v>
      </c>
      <c r="F1073">
        <v>4</v>
      </c>
      <c r="H1073" t="s">
        <v>1829</v>
      </c>
      <c r="I1073" t="s">
        <v>30540</v>
      </c>
    </row>
    <row r="1074" spans="1:9">
      <c r="A1074" s="1">
        <f ca="1">RAND()</f>
        <v>0.31496041619218529</v>
      </c>
      <c r="B1074" s="1"/>
      <c r="C1074">
        <v>6</v>
      </c>
      <c r="D1074" t="s">
        <v>1824</v>
      </c>
      <c r="E1074" t="s">
        <v>31118</v>
      </c>
      <c r="F1074">
        <v>4</v>
      </c>
      <c r="H1074" t="s">
        <v>1825</v>
      </c>
      <c r="I1074" t="s">
        <v>30540</v>
      </c>
    </row>
    <row r="1075" spans="1:9">
      <c r="A1075" s="1">
        <f ca="1">RAND()</f>
        <v>0.7539354407643083</v>
      </c>
      <c r="B1075" s="1"/>
      <c r="C1075">
        <v>5</v>
      </c>
      <c r="D1075" t="s">
        <v>1822</v>
      </c>
      <c r="E1075" t="s">
        <v>31118</v>
      </c>
      <c r="F1075">
        <v>4</v>
      </c>
      <c r="H1075" t="s">
        <v>1823</v>
      </c>
      <c r="I1075" t="s">
        <v>30540</v>
      </c>
    </row>
    <row r="1076" spans="1:9">
      <c r="A1076" s="1">
        <f ca="1">RAND()</f>
        <v>0.58715025418344424</v>
      </c>
      <c r="B1076" s="1"/>
      <c r="C1076">
        <v>1</v>
      </c>
      <c r="D1076" t="s">
        <v>1820</v>
      </c>
      <c r="E1076" t="s">
        <v>31118</v>
      </c>
      <c r="F1076">
        <v>2</v>
      </c>
      <c r="H1076" t="s">
        <v>1821</v>
      </c>
      <c r="I1076" t="s">
        <v>30540</v>
      </c>
    </row>
    <row r="1077" spans="1:9">
      <c r="A1077" s="1">
        <f ca="1">RAND()</f>
        <v>0.92955282533804184</v>
      </c>
      <c r="B1077" s="1"/>
      <c r="C1077">
        <v>1</v>
      </c>
      <c r="D1077" t="s">
        <v>1818</v>
      </c>
      <c r="E1077" t="s">
        <v>31119</v>
      </c>
      <c r="F1077">
        <v>2</v>
      </c>
      <c r="H1077" t="s">
        <v>1819</v>
      </c>
      <c r="I1077" t="s">
        <v>30540</v>
      </c>
    </row>
    <row r="1078" spans="1:9">
      <c r="A1078" s="1">
        <f ca="1">RAND()</f>
        <v>0.73674738615500246</v>
      </c>
      <c r="B1078" s="1"/>
      <c r="C1078">
        <v>4</v>
      </c>
      <c r="D1078" t="s">
        <v>1816</v>
      </c>
      <c r="E1078" t="s">
        <v>31120</v>
      </c>
      <c r="F1078">
        <v>4</v>
      </c>
      <c r="H1078" t="s">
        <v>1817</v>
      </c>
      <c r="I1078" t="s">
        <v>30540</v>
      </c>
    </row>
    <row r="1079" spans="1:9">
      <c r="A1079" s="1">
        <f ca="1">RAND()</f>
        <v>0.2801987151330475</v>
      </c>
      <c r="B1079" s="1"/>
      <c r="C1079">
        <v>4</v>
      </c>
      <c r="D1079" t="s">
        <v>1812</v>
      </c>
      <c r="E1079" t="s">
        <v>31121</v>
      </c>
      <c r="F1079">
        <v>5</v>
      </c>
      <c r="H1079" t="s">
        <v>1813</v>
      </c>
      <c r="I1079" t="s">
        <v>30540</v>
      </c>
    </row>
    <row r="1080" spans="1:9">
      <c r="A1080" s="1">
        <f ca="1">RAND()</f>
        <v>0.91751307765849444</v>
      </c>
      <c r="B1080" s="1"/>
      <c r="C1080">
        <v>6</v>
      </c>
      <c r="D1080" t="s">
        <v>1814</v>
      </c>
      <c r="E1080" t="s">
        <v>31121</v>
      </c>
      <c r="F1080">
        <v>4</v>
      </c>
      <c r="H1080" t="s">
        <v>1815</v>
      </c>
      <c r="I1080" t="s">
        <v>30540</v>
      </c>
    </row>
    <row r="1081" spans="1:9">
      <c r="A1081" s="1">
        <f ca="1">RAND()</f>
        <v>0.2134544537637344</v>
      </c>
      <c r="B1081" s="1"/>
      <c r="C1081">
        <v>6</v>
      </c>
      <c r="D1081" t="s">
        <v>1808</v>
      </c>
      <c r="E1081" t="s">
        <v>31122</v>
      </c>
      <c r="F1081">
        <v>4</v>
      </c>
      <c r="H1081" t="s">
        <v>1809</v>
      </c>
      <c r="I1081" t="s">
        <v>30540</v>
      </c>
    </row>
    <row r="1082" spans="1:9">
      <c r="A1082" s="1">
        <f ca="1">RAND()</f>
        <v>0.4922326914093671</v>
      </c>
      <c r="B1082" s="1"/>
      <c r="C1082">
        <v>7</v>
      </c>
      <c r="D1082" t="s">
        <v>1810</v>
      </c>
      <c r="E1082" t="s">
        <v>31122</v>
      </c>
      <c r="F1082">
        <v>4</v>
      </c>
      <c r="H1082" t="s">
        <v>1811</v>
      </c>
      <c r="I1082" t="s">
        <v>30540</v>
      </c>
    </row>
    <row r="1083" spans="1:9">
      <c r="A1083" s="1">
        <f ca="1">RAND()</f>
        <v>0.61342738858781809</v>
      </c>
      <c r="B1083" s="1"/>
      <c r="C1083">
        <v>3</v>
      </c>
      <c r="D1083" t="s">
        <v>1806</v>
      </c>
      <c r="E1083" t="s">
        <v>31122</v>
      </c>
      <c r="F1083">
        <v>4</v>
      </c>
      <c r="H1083" t="s">
        <v>1807</v>
      </c>
      <c r="I1083" t="s">
        <v>30540</v>
      </c>
    </row>
    <row r="1084" spans="1:9">
      <c r="A1084" s="1">
        <f ca="1">RAND()</f>
        <v>0.1575612339782102</v>
      </c>
      <c r="B1084" s="1"/>
      <c r="C1084">
        <v>10</v>
      </c>
      <c r="D1084" t="s">
        <v>1802</v>
      </c>
      <c r="E1084" t="s">
        <v>31123</v>
      </c>
      <c r="F1084">
        <v>5</v>
      </c>
      <c r="H1084" t="s">
        <v>1803</v>
      </c>
      <c r="I1084" t="s">
        <v>30540</v>
      </c>
    </row>
    <row r="1085" spans="1:9">
      <c r="A1085" s="1">
        <f ca="1">RAND()</f>
        <v>0.88166209060369882</v>
      </c>
      <c r="B1085" s="1"/>
      <c r="C1085">
        <v>12</v>
      </c>
      <c r="D1085" t="s">
        <v>1804</v>
      </c>
      <c r="E1085" t="s">
        <v>31123</v>
      </c>
      <c r="F1085">
        <v>4</v>
      </c>
      <c r="H1085" t="s">
        <v>1805</v>
      </c>
      <c r="I1085" t="s">
        <v>30540</v>
      </c>
    </row>
    <row r="1086" spans="1:9">
      <c r="A1086" s="1">
        <f ca="1">RAND()</f>
        <v>0.51993918571014031</v>
      </c>
      <c r="B1086" s="1"/>
      <c r="C1086">
        <v>7</v>
      </c>
      <c r="D1086" t="s">
        <v>1800</v>
      </c>
      <c r="E1086" t="s">
        <v>31124</v>
      </c>
      <c r="F1086">
        <v>5</v>
      </c>
      <c r="H1086" t="s">
        <v>1801</v>
      </c>
      <c r="I1086" t="s">
        <v>30540</v>
      </c>
    </row>
    <row r="1087" spans="1:9">
      <c r="A1087" s="1">
        <f ca="1">RAND()</f>
        <v>0.83451334873014449</v>
      </c>
      <c r="B1087" s="1"/>
      <c r="C1087">
        <v>1</v>
      </c>
      <c r="D1087" t="s">
        <v>1798</v>
      </c>
      <c r="E1087" t="s">
        <v>31125</v>
      </c>
      <c r="F1087">
        <v>4</v>
      </c>
      <c r="H1087" t="s">
        <v>1799</v>
      </c>
      <c r="I1087" t="s">
        <v>30540</v>
      </c>
    </row>
    <row r="1088" spans="1:9">
      <c r="A1088" s="1">
        <f ca="1">RAND()</f>
        <v>8.6033311835876924E-3</v>
      </c>
      <c r="B1088" s="1"/>
      <c r="C1088">
        <v>2</v>
      </c>
      <c r="D1088" t="s">
        <v>1794</v>
      </c>
      <c r="E1088" t="s">
        <v>31126</v>
      </c>
      <c r="F1088">
        <v>4</v>
      </c>
      <c r="H1088" t="s">
        <v>1795</v>
      </c>
      <c r="I1088" t="s">
        <v>30540</v>
      </c>
    </row>
    <row r="1089" spans="1:9">
      <c r="A1089" s="1">
        <f ca="1">RAND()</f>
        <v>0.2973515175217144</v>
      </c>
      <c r="B1089" s="1"/>
      <c r="C1089">
        <v>4</v>
      </c>
      <c r="D1089" t="s">
        <v>1796</v>
      </c>
      <c r="E1089" t="s">
        <v>31126</v>
      </c>
      <c r="F1089">
        <v>3</v>
      </c>
      <c r="H1089" t="s">
        <v>1797</v>
      </c>
      <c r="I1089" t="s">
        <v>30540</v>
      </c>
    </row>
    <row r="1090" spans="1:9">
      <c r="A1090" s="1">
        <f ca="1">RAND()</f>
        <v>0.72996989666558454</v>
      </c>
      <c r="B1090" s="1"/>
      <c r="C1090">
        <v>3</v>
      </c>
      <c r="D1090" t="s">
        <v>1792</v>
      </c>
      <c r="E1090" t="s">
        <v>31127</v>
      </c>
      <c r="F1090">
        <v>3</v>
      </c>
      <c r="H1090" t="s">
        <v>1793</v>
      </c>
      <c r="I1090" t="s">
        <v>30540</v>
      </c>
    </row>
    <row r="1091" spans="1:9">
      <c r="A1091" s="1">
        <f ca="1">RAND()</f>
        <v>0.18764613345153125</v>
      </c>
      <c r="B1091" s="1"/>
      <c r="C1091">
        <v>1</v>
      </c>
      <c r="D1091" t="s">
        <v>1782</v>
      </c>
      <c r="E1091" t="s">
        <v>31128</v>
      </c>
      <c r="F1091">
        <v>5</v>
      </c>
      <c r="H1091" t="s">
        <v>1783</v>
      </c>
      <c r="I1091" t="s">
        <v>30540</v>
      </c>
    </row>
    <row r="1092" spans="1:9">
      <c r="A1092" s="1">
        <f ca="1">RAND()</f>
        <v>0.54805933099234294</v>
      </c>
      <c r="B1092" s="1"/>
      <c r="C1092">
        <v>20</v>
      </c>
      <c r="D1092" t="s">
        <v>1790</v>
      </c>
      <c r="E1092" t="s">
        <v>31128</v>
      </c>
      <c r="F1092">
        <v>4</v>
      </c>
      <c r="H1092" t="s">
        <v>1791</v>
      </c>
      <c r="I1092" t="s">
        <v>30540</v>
      </c>
    </row>
    <row r="1093" spans="1:9">
      <c r="A1093" s="1">
        <f ca="1">RAND()</f>
        <v>0.82157848227800856</v>
      </c>
      <c r="B1093" s="1"/>
      <c r="C1093">
        <v>18</v>
      </c>
      <c r="D1093" t="s">
        <v>1788</v>
      </c>
      <c r="E1093" t="s">
        <v>31128</v>
      </c>
      <c r="F1093">
        <v>4</v>
      </c>
      <c r="H1093" t="s">
        <v>1789</v>
      </c>
      <c r="I1093" t="s">
        <v>30540</v>
      </c>
    </row>
    <row r="1094" spans="1:9">
      <c r="A1094" s="1">
        <f ca="1">RAND()</f>
        <v>0.2492603156384201</v>
      </c>
      <c r="B1094" s="1"/>
      <c r="C1094">
        <v>3</v>
      </c>
      <c r="D1094" t="s">
        <v>1784</v>
      </c>
      <c r="E1094" t="s">
        <v>31128</v>
      </c>
      <c r="F1094">
        <v>4</v>
      </c>
      <c r="H1094" t="s">
        <v>1785</v>
      </c>
      <c r="I1094" t="s">
        <v>30540</v>
      </c>
    </row>
    <row r="1095" spans="1:9">
      <c r="A1095" s="1">
        <f ca="1">RAND()</f>
        <v>0.22493788135901371</v>
      </c>
      <c r="B1095" s="1"/>
      <c r="C1095">
        <v>17</v>
      </c>
      <c r="D1095" t="s">
        <v>1786</v>
      </c>
      <c r="E1095" t="s">
        <v>31128</v>
      </c>
      <c r="F1095">
        <v>4</v>
      </c>
      <c r="H1095" t="s">
        <v>1787</v>
      </c>
      <c r="I1095" t="s">
        <v>30540</v>
      </c>
    </row>
    <row r="1096" spans="1:9">
      <c r="A1096" s="1">
        <f ca="1">RAND()</f>
        <v>0.1661168153904431</v>
      </c>
      <c r="B1096" s="1"/>
      <c r="C1096">
        <v>1</v>
      </c>
      <c r="D1096" t="s">
        <v>1778</v>
      </c>
      <c r="E1096" t="s">
        <v>31129</v>
      </c>
      <c r="F1096">
        <v>4</v>
      </c>
      <c r="H1096" t="s">
        <v>1779</v>
      </c>
      <c r="I1096" t="s">
        <v>30540</v>
      </c>
    </row>
    <row r="1097" spans="1:9">
      <c r="A1097" s="1">
        <f ca="1">RAND()</f>
        <v>0.21743860707676499</v>
      </c>
      <c r="B1097" s="1"/>
      <c r="C1097">
        <v>6</v>
      </c>
      <c r="D1097" t="s">
        <v>1780</v>
      </c>
      <c r="E1097" t="s">
        <v>31129</v>
      </c>
      <c r="F1097">
        <v>2</v>
      </c>
      <c r="H1097" t="s">
        <v>1781</v>
      </c>
      <c r="I1097" t="s">
        <v>30540</v>
      </c>
    </row>
    <row r="1098" spans="1:9">
      <c r="A1098" s="1">
        <f ca="1">RAND()</f>
        <v>0.82157127642249983</v>
      </c>
      <c r="B1098" s="1"/>
      <c r="C1098">
        <v>2</v>
      </c>
      <c r="D1098" t="s">
        <v>1776</v>
      </c>
      <c r="E1098" t="s">
        <v>31130</v>
      </c>
      <c r="F1098">
        <v>3</v>
      </c>
      <c r="H1098" t="s">
        <v>1777</v>
      </c>
      <c r="I1098" t="s">
        <v>30540</v>
      </c>
    </row>
    <row r="1099" spans="1:9">
      <c r="A1099" s="1">
        <f ca="1">RAND()</f>
        <v>0.34000061205081034</v>
      </c>
      <c r="B1099" s="1"/>
      <c r="C1099">
        <v>2</v>
      </c>
      <c r="D1099" t="s">
        <v>1774</v>
      </c>
      <c r="E1099" t="s">
        <v>31131</v>
      </c>
      <c r="F1099">
        <v>4</v>
      </c>
      <c r="H1099" t="s">
        <v>1775</v>
      </c>
      <c r="I1099" t="s">
        <v>30540</v>
      </c>
    </row>
    <row r="1100" spans="1:9">
      <c r="A1100" s="1">
        <f ca="1">RAND()</f>
        <v>0.47354934726433318</v>
      </c>
      <c r="B1100" s="1"/>
      <c r="C1100">
        <v>8</v>
      </c>
      <c r="D1100" t="s">
        <v>1770</v>
      </c>
      <c r="E1100" t="s">
        <v>31132</v>
      </c>
      <c r="F1100">
        <v>5</v>
      </c>
      <c r="H1100" t="s">
        <v>1771</v>
      </c>
      <c r="I1100" t="s">
        <v>30540</v>
      </c>
    </row>
    <row r="1101" spans="1:9">
      <c r="A1101" s="1">
        <f ca="1">RAND()</f>
        <v>0.82963308936943192</v>
      </c>
      <c r="B1101" s="1"/>
      <c r="C1101">
        <v>2</v>
      </c>
      <c r="D1101" t="s">
        <v>1766</v>
      </c>
      <c r="E1101" t="s">
        <v>31132</v>
      </c>
      <c r="F1101">
        <v>5</v>
      </c>
      <c r="H1101" t="s">
        <v>1767</v>
      </c>
      <c r="I1101" t="s">
        <v>30540</v>
      </c>
    </row>
    <row r="1102" spans="1:9">
      <c r="A1102" s="1">
        <f ca="1">RAND()</f>
        <v>0.27397757372185116</v>
      </c>
      <c r="B1102" s="1"/>
      <c r="C1102">
        <v>9</v>
      </c>
      <c r="D1102" t="s">
        <v>1772</v>
      </c>
      <c r="E1102" t="s">
        <v>31132</v>
      </c>
      <c r="F1102">
        <v>5</v>
      </c>
      <c r="H1102" t="s">
        <v>1773</v>
      </c>
      <c r="I1102" t="s">
        <v>30540</v>
      </c>
    </row>
    <row r="1103" spans="1:9">
      <c r="A1103" s="1">
        <f ca="1">RAND()</f>
        <v>0.77425318247040487</v>
      </c>
      <c r="B1103" s="1"/>
      <c r="C1103">
        <v>3</v>
      </c>
      <c r="D1103" t="s">
        <v>1768</v>
      </c>
      <c r="E1103" t="s">
        <v>31132</v>
      </c>
      <c r="F1103">
        <v>2</v>
      </c>
      <c r="H1103" t="s">
        <v>1769</v>
      </c>
      <c r="I1103" t="s">
        <v>30540</v>
      </c>
    </row>
    <row r="1104" spans="1:9">
      <c r="A1104" s="1">
        <f ca="1">RAND()</f>
        <v>0.75847750407130587</v>
      </c>
      <c r="B1104" s="1"/>
      <c r="C1104">
        <v>7</v>
      </c>
      <c r="D1104" t="s">
        <v>1764</v>
      </c>
      <c r="E1104" t="s">
        <v>31133</v>
      </c>
      <c r="F1104">
        <v>5</v>
      </c>
      <c r="H1104" t="s">
        <v>1765</v>
      </c>
      <c r="I1104" t="s">
        <v>30540</v>
      </c>
    </row>
    <row r="1105" spans="1:9">
      <c r="A1105" s="1">
        <f ca="1">RAND()</f>
        <v>0.76861641233324063</v>
      </c>
      <c r="B1105" s="1"/>
      <c r="C1105">
        <v>1</v>
      </c>
      <c r="D1105" t="s">
        <v>1762</v>
      </c>
      <c r="E1105" t="s">
        <v>31133</v>
      </c>
      <c r="F1105">
        <v>4</v>
      </c>
      <c r="H1105" t="s">
        <v>1763</v>
      </c>
      <c r="I1105" t="s">
        <v>30540</v>
      </c>
    </row>
    <row r="1106" spans="1:9">
      <c r="A1106" s="1">
        <f ca="1">RAND()</f>
        <v>0.23374178675912938</v>
      </c>
      <c r="B1106" s="1"/>
      <c r="C1106">
        <v>2</v>
      </c>
      <c r="D1106" t="s">
        <v>1758</v>
      </c>
      <c r="E1106" t="s">
        <v>31134</v>
      </c>
      <c r="F1106">
        <v>4</v>
      </c>
      <c r="H1106" t="s">
        <v>1759</v>
      </c>
      <c r="I1106" t="s">
        <v>30540</v>
      </c>
    </row>
    <row r="1107" spans="1:9">
      <c r="A1107" s="1">
        <f ca="1">RAND()</f>
        <v>0.73053450319929758</v>
      </c>
      <c r="B1107" s="1"/>
      <c r="C1107">
        <v>3</v>
      </c>
      <c r="D1107" t="s">
        <v>1760</v>
      </c>
      <c r="E1107" t="s">
        <v>31134</v>
      </c>
      <c r="F1107">
        <v>2</v>
      </c>
      <c r="H1107" t="s">
        <v>1761</v>
      </c>
      <c r="I1107" t="s">
        <v>30540</v>
      </c>
    </row>
    <row r="1108" spans="1:9">
      <c r="A1108" s="1">
        <f ca="1">RAND()</f>
        <v>0.58846763937149271</v>
      </c>
      <c r="B1108" s="1"/>
      <c r="C1108">
        <v>6</v>
      </c>
      <c r="D1108" t="s">
        <v>1754</v>
      </c>
      <c r="E1108" t="s">
        <v>31135</v>
      </c>
      <c r="F1108">
        <v>5</v>
      </c>
      <c r="H1108" t="s">
        <v>1755</v>
      </c>
      <c r="I1108" t="s">
        <v>30540</v>
      </c>
    </row>
    <row r="1109" spans="1:9">
      <c r="A1109" s="1">
        <f ca="1">RAND()</f>
        <v>0.40031574334323639</v>
      </c>
      <c r="B1109" s="1"/>
      <c r="C1109">
        <v>8</v>
      </c>
      <c r="D1109" t="s">
        <v>1756</v>
      </c>
      <c r="E1109" t="s">
        <v>31135</v>
      </c>
      <c r="F1109">
        <v>1</v>
      </c>
      <c r="H1109" t="s">
        <v>1757</v>
      </c>
      <c r="I1109" t="s">
        <v>30540</v>
      </c>
    </row>
    <row r="1110" spans="1:9">
      <c r="A1110" s="1">
        <f ca="1">RAND()</f>
        <v>0.38389191882958396</v>
      </c>
      <c r="B1110" s="1"/>
      <c r="C1110">
        <v>2</v>
      </c>
      <c r="D1110" t="s">
        <v>1752</v>
      </c>
      <c r="E1110" t="s">
        <v>31136</v>
      </c>
      <c r="F1110">
        <v>4</v>
      </c>
      <c r="H1110" t="s">
        <v>1753</v>
      </c>
      <c r="I1110" t="s">
        <v>30540</v>
      </c>
    </row>
    <row r="1111" spans="1:9">
      <c r="A1111" s="1">
        <f ca="1">RAND()</f>
        <v>0.57623371412928615</v>
      </c>
      <c r="B1111" s="1"/>
      <c r="C1111">
        <v>10</v>
      </c>
      <c r="D1111" t="s">
        <v>1748</v>
      </c>
      <c r="E1111" t="s">
        <v>31137</v>
      </c>
      <c r="F1111">
        <v>5</v>
      </c>
      <c r="H1111" t="s">
        <v>1749</v>
      </c>
      <c r="I1111" t="s">
        <v>30540</v>
      </c>
    </row>
    <row r="1112" spans="1:9">
      <c r="A1112" s="1">
        <f ca="1">RAND()</f>
        <v>0.22096013157062777</v>
      </c>
      <c r="B1112" s="1"/>
      <c r="C1112">
        <v>12</v>
      </c>
      <c r="D1112" t="s">
        <v>1750</v>
      </c>
      <c r="E1112" t="s">
        <v>31137</v>
      </c>
      <c r="F1112">
        <v>4</v>
      </c>
      <c r="H1112" t="s">
        <v>1751</v>
      </c>
      <c r="I1112" t="s">
        <v>30540</v>
      </c>
    </row>
    <row r="1113" spans="1:9">
      <c r="A1113" s="1">
        <f ca="1">RAND()</f>
        <v>0.64089050263877545</v>
      </c>
      <c r="B1113" s="1"/>
      <c r="C1113">
        <v>1</v>
      </c>
      <c r="D1113" t="s">
        <v>1740</v>
      </c>
      <c r="E1113" t="s">
        <v>31137</v>
      </c>
      <c r="F1113">
        <v>4</v>
      </c>
      <c r="H1113" t="s">
        <v>1741</v>
      </c>
      <c r="I1113" t="s">
        <v>30540</v>
      </c>
    </row>
    <row r="1114" spans="1:9">
      <c r="A1114" s="1">
        <f ca="1">RAND()</f>
        <v>0.67841664179174743</v>
      </c>
      <c r="B1114" s="1"/>
      <c r="C1114">
        <v>9</v>
      </c>
      <c r="D1114" t="s">
        <v>1746</v>
      </c>
      <c r="E1114" t="s">
        <v>31137</v>
      </c>
      <c r="F1114">
        <v>4</v>
      </c>
      <c r="H1114" t="s">
        <v>1747</v>
      </c>
      <c r="I1114" t="s">
        <v>30540</v>
      </c>
    </row>
    <row r="1115" spans="1:9">
      <c r="A1115" s="1">
        <f ca="1">RAND()</f>
        <v>0.66692523547072957</v>
      </c>
      <c r="B1115" s="1"/>
      <c r="C1115">
        <v>8</v>
      </c>
      <c r="D1115" t="s">
        <v>1744</v>
      </c>
      <c r="E1115" t="s">
        <v>31137</v>
      </c>
      <c r="F1115">
        <v>4</v>
      </c>
      <c r="H1115" t="s">
        <v>1745</v>
      </c>
      <c r="I1115" t="s">
        <v>30540</v>
      </c>
    </row>
    <row r="1116" spans="1:9">
      <c r="A1116" s="1">
        <f ca="1">RAND()</f>
        <v>0.26360717619621477</v>
      </c>
      <c r="B1116" s="1"/>
      <c r="C1116">
        <v>4</v>
      </c>
      <c r="D1116" t="s">
        <v>1742</v>
      </c>
      <c r="E1116" t="s">
        <v>31137</v>
      </c>
      <c r="F1116">
        <v>3</v>
      </c>
      <c r="H1116" t="s">
        <v>1743</v>
      </c>
      <c r="I1116" t="s">
        <v>30540</v>
      </c>
    </row>
    <row r="1117" spans="1:9">
      <c r="A1117" s="1">
        <f ca="1">RAND()</f>
        <v>0.83145124557261418</v>
      </c>
      <c r="B1117" s="1"/>
      <c r="C1117">
        <v>5</v>
      </c>
      <c r="D1117" t="s">
        <v>1738</v>
      </c>
      <c r="E1117" t="s">
        <v>31138</v>
      </c>
      <c r="F1117">
        <v>4</v>
      </c>
      <c r="H1117" t="s">
        <v>1739</v>
      </c>
      <c r="I1117" t="s">
        <v>30540</v>
      </c>
    </row>
    <row r="1118" spans="1:9">
      <c r="A1118" s="1">
        <f ca="1">RAND()</f>
        <v>0.24817152396015152</v>
      </c>
      <c r="B1118" s="1"/>
      <c r="C1118">
        <v>4</v>
      </c>
      <c r="D1118" t="s">
        <v>1736</v>
      </c>
      <c r="E1118" t="s">
        <v>31138</v>
      </c>
      <c r="F1118">
        <v>4</v>
      </c>
      <c r="H1118" t="s">
        <v>1737</v>
      </c>
      <c r="I1118" t="s">
        <v>30540</v>
      </c>
    </row>
    <row r="1119" spans="1:9">
      <c r="A1119" s="1">
        <f ca="1">RAND()</f>
        <v>0.66795778153683294</v>
      </c>
      <c r="B1119" s="1"/>
      <c r="C1119">
        <v>4</v>
      </c>
      <c r="D1119" t="s">
        <v>1734</v>
      </c>
      <c r="E1119" t="s">
        <v>31139</v>
      </c>
      <c r="F1119">
        <v>3</v>
      </c>
      <c r="H1119" t="s">
        <v>1735</v>
      </c>
      <c r="I1119" t="s">
        <v>30540</v>
      </c>
    </row>
    <row r="1120" spans="1:9">
      <c r="A1120" s="1">
        <f ca="1">RAND()</f>
        <v>0.20053385747203978</v>
      </c>
      <c r="B1120" s="1"/>
      <c r="C1120">
        <v>3</v>
      </c>
      <c r="D1120" t="s">
        <v>1728</v>
      </c>
      <c r="E1120" t="s">
        <v>31140</v>
      </c>
      <c r="F1120">
        <v>4</v>
      </c>
      <c r="H1120" t="s">
        <v>1729</v>
      </c>
      <c r="I1120" t="s">
        <v>30540</v>
      </c>
    </row>
    <row r="1121" spans="1:9">
      <c r="A1121" s="1">
        <f ca="1">RAND()</f>
        <v>6.5340843067866694E-2</v>
      </c>
      <c r="B1121" s="1"/>
      <c r="C1121">
        <v>9</v>
      </c>
      <c r="D1121" t="s">
        <v>1732</v>
      </c>
      <c r="E1121" t="s">
        <v>31140</v>
      </c>
      <c r="F1121">
        <v>4</v>
      </c>
      <c r="H1121" t="s">
        <v>1733</v>
      </c>
      <c r="I1121" t="s">
        <v>30540</v>
      </c>
    </row>
    <row r="1122" spans="1:9">
      <c r="A1122" s="1">
        <f ca="1">RAND()</f>
        <v>0.24405897708256719</v>
      </c>
      <c r="B1122" s="1"/>
      <c r="C1122">
        <v>8</v>
      </c>
      <c r="D1122" t="s">
        <v>1730</v>
      </c>
      <c r="E1122" t="s">
        <v>31140</v>
      </c>
      <c r="F1122">
        <v>4</v>
      </c>
      <c r="H1122" t="s">
        <v>1731</v>
      </c>
      <c r="I1122" t="s">
        <v>30540</v>
      </c>
    </row>
    <row r="1123" spans="1:9">
      <c r="A1123" s="1">
        <f ca="1">RAND()</f>
        <v>0.54044503593230309</v>
      </c>
      <c r="B1123" s="1"/>
      <c r="C1123">
        <v>3</v>
      </c>
      <c r="D1123" t="s">
        <v>1726</v>
      </c>
      <c r="E1123" t="s">
        <v>31141</v>
      </c>
      <c r="F1123">
        <v>5</v>
      </c>
      <c r="H1123" t="s">
        <v>1727</v>
      </c>
      <c r="I1123" t="s">
        <v>30540</v>
      </c>
    </row>
    <row r="1124" spans="1:9">
      <c r="A1124" s="1">
        <f ca="1">RAND()</f>
        <v>0.74929615564029961</v>
      </c>
      <c r="B1124" s="1"/>
      <c r="C1124">
        <v>1</v>
      </c>
      <c r="D1124" t="s">
        <v>1724</v>
      </c>
      <c r="E1124" t="s">
        <v>31142</v>
      </c>
      <c r="F1124">
        <v>4</v>
      </c>
      <c r="H1124" t="s">
        <v>1725</v>
      </c>
      <c r="I1124" t="s">
        <v>30540</v>
      </c>
    </row>
    <row r="1125" spans="1:9">
      <c r="A1125" s="1">
        <f ca="1">RAND()</f>
        <v>0.72574101974255745</v>
      </c>
      <c r="B1125" s="1"/>
      <c r="C1125">
        <v>4</v>
      </c>
      <c r="D1125" t="s">
        <v>1718</v>
      </c>
      <c r="E1125" t="s">
        <v>31143</v>
      </c>
      <c r="F1125">
        <v>4</v>
      </c>
      <c r="H1125" t="s">
        <v>1719</v>
      </c>
      <c r="I1125" t="s">
        <v>30540</v>
      </c>
    </row>
    <row r="1126" spans="1:9">
      <c r="A1126" s="1">
        <f ca="1">RAND()</f>
        <v>0.31276814770835915</v>
      </c>
      <c r="B1126" s="1"/>
      <c r="C1126">
        <v>8</v>
      </c>
      <c r="D1126" t="s">
        <v>1722</v>
      </c>
      <c r="E1126" t="s">
        <v>31143</v>
      </c>
      <c r="F1126">
        <v>4</v>
      </c>
      <c r="H1126" t="s">
        <v>1723</v>
      </c>
      <c r="I1126" t="s">
        <v>30540</v>
      </c>
    </row>
    <row r="1127" spans="1:9">
      <c r="A1127" s="1">
        <f ca="1">RAND()</f>
        <v>0.58468105145807725</v>
      </c>
      <c r="B1127" s="1"/>
      <c r="C1127">
        <v>6</v>
      </c>
      <c r="D1127" t="s">
        <v>1720</v>
      </c>
      <c r="E1127" t="s">
        <v>31143</v>
      </c>
      <c r="F1127">
        <v>4</v>
      </c>
      <c r="H1127" t="s">
        <v>1721</v>
      </c>
      <c r="I1127" t="s">
        <v>30540</v>
      </c>
    </row>
    <row r="1128" spans="1:9">
      <c r="A1128" s="1">
        <f ca="1">RAND()</f>
        <v>0.39913040708660985</v>
      </c>
      <c r="B1128" s="1"/>
      <c r="C1128">
        <v>2</v>
      </c>
      <c r="D1128" t="s">
        <v>1716</v>
      </c>
      <c r="E1128" t="s">
        <v>31143</v>
      </c>
      <c r="F1128">
        <v>4</v>
      </c>
      <c r="H1128" t="s">
        <v>1717</v>
      </c>
      <c r="I1128" t="s">
        <v>30540</v>
      </c>
    </row>
    <row r="1129" spans="1:9">
      <c r="A1129" s="1">
        <f ca="1">RAND()</f>
        <v>0.92876068769826026</v>
      </c>
      <c r="B1129" s="1"/>
      <c r="C1129">
        <v>6</v>
      </c>
      <c r="D1129" t="s">
        <v>1714</v>
      </c>
      <c r="E1129" t="s">
        <v>31144</v>
      </c>
      <c r="F1129">
        <v>4</v>
      </c>
      <c r="H1129" t="s">
        <v>1715</v>
      </c>
      <c r="I1129" t="s">
        <v>30540</v>
      </c>
    </row>
    <row r="1130" spans="1:9">
      <c r="A1130" s="1">
        <f ca="1">RAND()</f>
        <v>0.69843061175583154</v>
      </c>
      <c r="B1130" s="1"/>
      <c r="C1130">
        <v>1</v>
      </c>
      <c r="D1130" t="s">
        <v>1712</v>
      </c>
      <c r="E1130" t="s">
        <v>31145</v>
      </c>
      <c r="F1130">
        <v>4</v>
      </c>
      <c r="H1130" t="s">
        <v>1713</v>
      </c>
      <c r="I1130" t="s">
        <v>30540</v>
      </c>
    </row>
    <row r="1131" spans="1:9">
      <c r="A1131" s="1">
        <f ca="1">RAND()</f>
        <v>0.75501067230438124</v>
      </c>
      <c r="B1131" s="1"/>
      <c r="C1131">
        <v>5</v>
      </c>
      <c r="D1131" t="s">
        <v>1710</v>
      </c>
      <c r="E1131" t="s">
        <v>31146</v>
      </c>
      <c r="F1131">
        <v>2</v>
      </c>
      <c r="H1131" t="s">
        <v>1711</v>
      </c>
      <c r="I1131" t="s">
        <v>30540</v>
      </c>
    </row>
    <row r="1132" spans="1:9">
      <c r="A1132" s="1">
        <f ca="1">RAND()</f>
        <v>5.1817866413500835E-2</v>
      </c>
      <c r="B1132" s="1"/>
      <c r="C1132">
        <v>4</v>
      </c>
      <c r="D1132" t="s">
        <v>1708</v>
      </c>
      <c r="E1132" t="s">
        <v>31146</v>
      </c>
      <c r="F1132">
        <v>1</v>
      </c>
      <c r="H1132" t="s">
        <v>1709</v>
      </c>
      <c r="I1132" t="s">
        <v>30540</v>
      </c>
    </row>
    <row r="1133" spans="1:9">
      <c r="A1133" s="1">
        <f ca="1">RAND()</f>
        <v>0.24795133039810058</v>
      </c>
      <c r="B1133" s="1"/>
      <c r="C1133">
        <v>4</v>
      </c>
      <c r="D1133" t="s">
        <v>1704</v>
      </c>
      <c r="E1133" t="s">
        <v>31147</v>
      </c>
      <c r="F1133">
        <v>4</v>
      </c>
      <c r="H1133" t="s">
        <v>1705</v>
      </c>
      <c r="I1133" t="s">
        <v>30540</v>
      </c>
    </row>
    <row r="1134" spans="1:9">
      <c r="A1134" s="1">
        <f ca="1">RAND()</f>
        <v>0.31390250568412037</v>
      </c>
      <c r="B1134" s="1"/>
      <c r="C1134">
        <v>8</v>
      </c>
      <c r="D1134" t="s">
        <v>1706</v>
      </c>
      <c r="E1134" t="s">
        <v>31147</v>
      </c>
      <c r="F1134">
        <v>4</v>
      </c>
      <c r="H1134" t="s">
        <v>1707</v>
      </c>
      <c r="I1134" t="s">
        <v>30540</v>
      </c>
    </row>
    <row r="1135" spans="1:9">
      <c r="A1135" s="1">
        <f ca="1">RAND()</f>
        <v>0.92541548017556563</v>
      </c>
      <c r="B1135" s="1"/>
      <c r="C1135">
        <v>1</v>
      </c>
      <c r="D1135" t="s">
        <v>1700</v>
      </c>
      <c r="E1135" t="s">
        <v>31148</v>
      </c>
      <c r="F1135">
        <v>5</v>
      </c>
      <c r="H1135" t="s">
        <v>1701</v>
      </c>
      <c r="I1135" t="s">
        <v>30540</v>
      </c>
    </row>
    <row r="1136" spans="1:9">
      <c r="A1136" s="1">
        <f ca="1">RAND()</f>
        <v>6.7125419876148062E-2</v>
      </c>
      <c r="B1136" s="1"/>
      <c r="C1136">
        <v>3</v>
      </c>
      <c r="D1136" t="s">
        <v>1702</v>
      </c>
      <c r="E1136" t="s">
        <v>31148</v>
      </c>
      <c r="F1136">
        <v>5</v>
      </c>
      <c r="H1136" t="s">
        <v>1703</v>
      </c>
      <c r="I1136" t="s">
        <v>30540</v>
      </c>
    </row>
    <row r="1137" spans="1:9">
      <c r="A1137" s="1">
        <f ca="1">RAND()</f>
        <v>0.11645999414438657</v>
      </c>
      <c r="B1137" s="1"/>
      <c r="C1137">
        <v>5</v>
      </c>
      <c r="D1137" t="s">
        <v>1696</v>
      </c>
      <c r="E1137" t="s">
        <v>31149</v>
      </c>
      <c r="F1137">
        <v>5</v>
      </c>
      <c r="H1137" t="s">
        <v>1697</v>
      </c>
      <c r="I1137" t="s">
        <v>30540</v>
      </c>
    </row>
    <row r="1138" spans="1:9">
      <c r="A1138" s="1">
        <f ca="1">RAND()</f>
        <v>0.46974993921988428</v>
      </c>
      <c r="B1138" s="1"/>
      <c r="C1138">
        <v>1</v>
      </c>
      <c r="D1138" t="s">
        <v>1690</v>
      </c>
      <c r="E1138" t="s">
        <v>31149</v>
      </c>
      <c r="F1138">
        <v>4</v>
      </c>
      <c r="H1138" t="s">
        <v>1691</v>
      </c>
      <c r="I1138" t="s">
        <v>30540</v>
      </c>
    </row>
    <row r="1139" spans="1:9">
      <c r="A1139" s="1">
        <f ca="1">RAND()</f>
        <v>0.6314814496867871</v>
      </c>
      <c r="B1139" s="1"/>
      <c r="C1139">
        <v>4</v>
      </c>
      <c r="D1139" t="s">
        <v>1694</v>
      </c>
      <c r="E1139" t="s">
        <v>31149</v>
      </c>
      <c r="F1139">
        <v>4</v>
      </c>
      <c r="H1139" t="s">
        <v>1695</v>
      </c>
      <c r="I1139" t="s">
        <v>30540</v>
      </c>
    </row>
    <row r="1140" spans="1:9">
      <c r="A1140" s="1">
        <f ca="1">RAND()</f>
        <v>0.98269286592929628</v>
      </c>
      <c r="B1140" s="1"/>
      <c r="C1140">
        <v>6</v>
      </c>
      <c r="D1140" t="s">
        <v>1698</v>
      </c>
      <c r="E1140" t="s">
        <v>31149</v>
      </c>
      <c r="F1140">
        <v>4</v>
      </c>
      <c r="H1140" t="s">
        <v>1699</v>
      </c>
      <c r="I1140" t="s">
        <v>30540</v>
      </c>
    </row>
    <row r="1141" spans="1:9">
      <c r="A1141" s="1">
        <f ca="1">RAND()</f>
        <v>0.80254411507562939</v>
      </c>
      <c r="B1141" s="1"/>
      <c r="C1141">
        <v>3</v>
      </c>
      <c r="D1141" t="s">
        <v>1692</v>
      </c>
      <c r="E1141" t="s">
        <v>31149</v>
      </c>
      <c r="F1141">
        <v>4</v>
      </c>
      <c r="H1141" t="s">
        <v>1693</v>
      </c>
      <c r="I1141" t="s">
        <v>30540</v>
      </c>
    </row>
    <row r="1142" spans="1:9">
      <c r="A1142" s="1">
        <f ca="1">RAND()</f>
        <v>0.33507771488714722</v>
      </c>
      <c r="B1142" s="1"/>
      <c r="C1142">
        <v>4</v>
      </c>
      <c r="D1142" t="s">
        <v>1688</v>
      </c>
      <c r="E1142" t="s">
        <v>31150</v>
      </c>
      <c r="F1142">
        <v>4</v>
      </c>
      <c r="H1142" t="s">
        <v>1689</v>
      </c>
      <c r="I1142" t="s">
        <v>30540</v>
      </c>
    </row>
    <row r="1143" spans="1:9">
      <c r="A1143" s="1">
        <f ca="1">RAND()</f>
        <v>0.76644344924672003</v>
      </c>
      <c r="B1143" s="1"/>
      <c r="C1143">
        <v>2</v>
      </c>
      <c r="D1143" t="s">
        <v>1686</v>
      </c>
      <c r="E1143" t="s">
        <v>31150</v>
      </c>
      <c r="F1143">
        <v>4</v>
      </c>
      <c r="H1143" t="s">
        <v>1687</v>
      </c>
      <c r="I1143" t="s">
        <v>30540</v>
      </c>
    </row>
    <row r="1144" spans="1:9">
      <c r="A1144" s="1">
        <f ca="1">RAND()</f>
        <v>0.62152726790963908</v>
      </c>
      <c r="B1144" s="1"/>
      <c r="C1144">
        <v>4</v>
      </c>
      <c r="D1144" t="s">
        <v>1684</v>
      </c>
      <c r="E1144" t="s">
        <v>31151</v>
      </c>
      <c r="F1144">
        <v>4</v>
      </c>
      <c r="H1144" t="s">
        <v>1685</v>
      </c>
      <c r="I1144" t="s">
        <v>30540</v>
      </c>
    </row>
    <row r="1145" spans="1:9">
      <c r="A1145" s="1">
        <f ca="1">RAND()</f>
        <v>0.27534590701488737</v>
      </c>
      <c r="B1145" s="1"/>
      <c r="C1145">
        <v>3</v>
      </c>
      <c r="D1145" t="s">
        <v>1682</v>
      </c>
      <c r="E1145" t="s">
        <v>31151</v>
      </c>
      <c r="F1145">
        <v>1</v>
      </c>
      <c r="H1145" t="s">
        <v>1683</v>
      </c>
      <c r="I1145" t="s">
        <v>30540</v>
      </c>
    </row>
    <row r="1146" spans="1:9">
      <c r="A1146" s="1">
        <f ca="1">RAND()</f>
        <v>0.86213618456387831</v>
      </c>
      <c r="B1146" s="1"/>
      <c r="C1146">
        <v>1</v>
      </c>
      <c r="D1146" t="s">
        <v>1678</v>
      </c>
      <c r="E1146" t="s">
        <v>31152</v>
      </c>
      <c r="F1146">
        <v>4</v>
      </c>
      <c r="G1146" t="s">
        <v>838</v>
      </c>
      <c r="H1146" t="s">
        <v>1679</v>
      </c>
      <c r="I1146" t="s">
        <v>30540</v>
      </c>
    </row>
    <row r="1147" spans="1:9">
      <c r="A1147" s="1">
        <f ca="1">RAND()</f>
        <v>0.72215496089838127</v>
      </c>
      <c r="B1147" s="1"/>
      <c r="C1147">
        <v>5</v>
      </c>
      <c r="D1147" t="s">
        <v>1680</v>
      </c>
      <c r="E1147" t="s">
        <v>31152</v>
      </c>
      <c r="F1147">
        <v>4</v>
      </c>
      <c r="H1147" t="s">
        <v>1681</v>
      </c>
      <c r="I1147" t="s">
        <v>30540</v>
      </c>
    </row>
    <row r="1148" spans="1:9">
      <c r="A1148" s="1">
        <f ca="1">RAND()</f>
        <v>0.29558430733427699</v>
      </c>
      <c r="B1148" s="1"/>
      <c r="C1148">
        <v>4</v>
      </c>
      <c r="D1148" t="s">
        <v>1676</v>
      </c>
      <c r="E1148" t="s">
        <v>31153</v>
      </c>
      <c r="F1148">
        <v>5</v>
      </c>
      <c r="H1148" t="s">
        <v>1677</v>
      </c>
      <c r="I1148" t="s">
        <v>30540</v>
      </c>
    </row>
    <row r="1149" spans="1:9">
      <c r="A1149" s="1">
        <f ca="1">RAND()</f>
        <v>0.61557267253668935</v>
      </c>
      <c r="B1149" s="1"/>
      <c r="C1149">
        <v>1</v>
      </c>
      <c r="D1149" t="s">
        <v>1674</v>
      </c>
      <c r="E1149" t="s">
        <v>31153</v>
      </c>
      <c r="F1149">
        <v>4</v>
      </c>
      <c r="G1149" t="s">
        <v>2</v>
      </c>
      <c r="H1149" t="s">
        <v>1675</v>
      </c>
      <c r="I1149" t="s">
        <v>30540</v>
      </c>
    </row>
    <row r="1150" spans="1:9">
      <c r="A1150" s="1">
        <f ca="1">RAND()</f>
        <v>0.72648894929512609</v>
      </c>
      <c r="B1150" s="1"/>
      <c r="C1150">
        <v>2</v>
      </c>
      <c r="D1150" t="s">
        <v>1672</v>
      </c>
      <c r="E1150" t="s">
        <v>31154</v>
      </c>
      <c r="F1150">
        <v>4</v>
      </c>
      <c r="H1150" t="s">
        <v>1673</v>
      </c>
      <c r="I1150" t="s">
        <v>30540</v>
      </c>
    </row>
    <row r="1151" spans="1:9">
      <c r="A1151" s="1">
        <f ca="1">RAND()</f>
        <v>0.27656558621876193</v>
      </c>
      <c r="B1151" s="1"/>
      <c r="C1151">
        <v>1</v>
      </c>
      <c r="D1151" t="s">
        <v>1664</v>
      </c>
      <c r="E1151" t="s">
        <v>31155</v>
      </c>
      <c r="F1151">
        <v>5</v>
      </c>
      <c r="H1151" t="s">
        <v>1665</v>
      </c>
      <c r="I1151" t="s">
        <v>30540</v>
      </c>
    </row>
    <row r="1152" spans="1:9">
      <c r="A1152" s="1">
        <f ca="1">RAND()</f>
        <v>0.85074564841933698</v>
      </c>
      <c r="B1152" s="1"/>
      <c r="C1152">
        <v>5</v>
      </c>
      <c r="D1152" t="s">
        <v>1668</v>
      </c>
      <c r="E1152" t="s">
        <v>31155</v>
      </c>
      <c r="F1152">
        <v>4</v>
      </c>
      <c r="H1152" t="s">
        <v>1669</v>
      </c>
      <c r="I1152" t="s">
        <v>30540</v>
      </c>
    </row>
    <row r="1153" spans="1:9">
      <c r="A1153" s="1">
        <f ca="1">RAND()</f>
        <v>7.1955345066672449E-2</v>
      </c>
      <c r="B1153" s="1"/>
      <c r="C1153">
        <v>6</v>
      </c>
      <c r="D1153" t="s">
        <v>1670</v>
      </c>
      <c r="E1153" t="s">
        <v>31155</v>
      </c>
      <c r="F1153">
        <v>4</v>
      </c>
      <c r="H1153" t="s">
        <v>1671</v>
      </c>
      <c r="I1153" t="s">
        <v>30540</v>
      </c>
    </row>
    <row r="1154" spans="1:9">
      <c r="A1154" s="1">
        <f ca="1">RAND()</f>
        <v>0.73622582388178548</v>
      </c>
      <c r="B1154" s="1"/>
      <c r="C1154">
        <v>4</v>
      </c>
      <c r="D1154" t="s">
        <v>1666</v>
      </c>
      <c r="E1154" t="s">
        <v>31155</v>
      </c>
      <c r="F1154">
        <v>4</v>
      </c>
      <c r="H1154" t="s">
        <v>1667</v>
      </c>
      <c r="I1154" t="s">
        <v>30540</v>
      </c>
    </row>
    <row r="1155" spans="1:9">
      <c r="A1155" s="1">
        <f ca="1">RAND()</f>
        <v>0.91104703082353145</v>
      </c>
      <c r="B1155" s="1"/>
      <c r="C1155">
        <v>4</v>
      </c>
      <c r="D1155" t="s">
        <v>1660</v>
      </c>
      <c r="E1155" t="s">
        <v>31156</v>
      </c>
      <c r="F1155">
        <v>4</v>
      </c>
      <c r="H1155" t="s">
        <v>1661</v>
      </c>
      <c r="I1155" t="s">
        <v>30540</v>
      </c>
    </row>
    <row r="1156" spans="1:9">
      <c r="A1156" s="1">
        <f ca="1">RAND()</f>
        <v>0.83456169221635379</v>
      </c>
      <c r="B1156" s="1"/>
      <c r="C1156">
        <v>3</v>
      </c>
      <c r="D1156" t="s">
        <v>1658</v>
      </c>
      <c r="E1156" t="s">
        <v>31156</v>
      </c>
      <c r="F1156">
        <v>4</v>
      </c>
      <c r="H1156" t="s">
        <v>1659</v>
      </c>
      <c r="I1156" t="s">
        <v>30540</v>
      </c>
    </row>
    <row r="1157" spans="1:9">
      <c r="A1157" s="1">
        <f ca="1">RAND()</f>
        <v>0.11501810523027056</v>
      </c>
      <c r="B1157" s="1"/>
      <c r="C1157">
        <v>5</v>
      </c>
      <c r="D1157" t="s">
        <v>1662</v>
      </c>
      <c r="E1157" t="s">
        <v>31156</v>
      </c>
      <c r="F1157">
        <v>4</v>
      </c>
      <c r="H1157" t="s">
        <v>1663</v>
      </c>
      <c r="I1157" t="s">
        <v>30540</v>
      </c>
    </row>
    <row r="1158" spans="1:9">
      <c r="A1158" s="1">
        <f ca="1">RAND()</f>
        <v>0.92293500980760823</v>
      </c>
      <c r="B1158" s="1"/>
      <c r="C1158">
        <v>7</v>
      </c>
      <c r="D1158" t="s">
        <v>1656</v>
      </c>
      <c r="E1158" t="s">
        <v>31157</v>
      </c>
      <c r="F1158">
        <v>5</v>
      </c>
      <c r="H1158" t="s">
        <v>1657</v>
      </c>
      <c r="I1158" t="s">
        <v>30540</v>
      </c>
    </row>
    <row r="1159" spans="1:9">
      <c r="A1159" s="1">
        <f ca="1">RAND()</f>
        <v>0.49397055964879677</v>
      </c>
      <c r="B1159" s="1"/>
      <c r="C1159">
        <v>1</v>
      </c>
      <c r="D1159" t="s">
        <v>1654</v>
      </c>
      <c r="E1159" t="s">
        <v>31157</v>
      </c>
      <c r="F1159">
        <v>4</v>
      </c>
      <c r="H1159" t="s">
        <v>1655</v>
      </c>
      <c r="I1159" t="s">
        <v>30540</v>
      </c>
    </row>
    <row r="1160" spans="1:9">
      <c r="A1160" s="1">
        <f ca="1">RAND()</f>
        <v>0.19421459975710642</v>
      </c>
      <c r="B1160" s="1"/>
      <c r="C1160">
        <v>5</v>
      </c>
      <c r="D1160" t="s">
        <v>1650</v>
      </c>
      <c r="E1160" t="s">
        <v>31158</v>
      </c>
      <c r="F1160">
        <v>5</v>
      </c>
      <c r="H1160" t="s">
        <v>1651</v>
      </c>
      <c r="I1160" t="s">
        <v>30540</v>
      </c>
    </row>
    <row r="1161" spans="1:9">
      <c r="A1161" s="1">
        <f ca="1">RAND()</f>
        <v>0.90633819160053886</v>
      </c>
      <c r="B1161" s="1"/>
      <c r="C1161">
        <v>6</v>
      </c>
      <c r="D1161" t="s">
        <v>1652</v>
      </c>
      <c r="E1161" t="s">
        <v>31158</v>
      </c>
      <c r="F1161">
        <v>4</v>
      </c>
      <c r="H1161" t="s">
        <v>1653</v>
      </c>
      <c r="I1161" t="s">
        <v>30540</v>
      </c>
    </row>
    <row r="1162" spans="1:9">
      <c r="A1162" s="1">
        <f ca="1">RAND()</f>
        <v>0.70482812324988486</v>
      </c>
      <c r="B1162" s="1"/>
      <c r="C1162">
        <v>9</v>
      </c>
      <c r="D1162" t="s">
        <v>1648</v>
      </c>
      <c r="E1162" t="s">
        <v>31159</v>
      </c>
      <c r="F1162">
        <v>4</v>
      </c>
      <c r="H1162" t="s">
        <v>1649</v>
      </c>
      <c r="I1162" t="s">
        <v>30540</v>
      </c>
    </row>
    <row r="1163" spans="1:9">
      <c r="A1163" s="1">
        <f ca="1">RAND()</f>
        <v>0.33192992270739297</v>
      </c>
      <c r="B1163" s="1"/>
      <c r="C1163">
        <v>8</v>
      </c>
      <c r="D1163" t="s">
        <v>1646</v>
      </c>
      <c r="E1163" t="s">
        <v>31159</v>
      </c>
      <c r="F1163">
        <v>4</v>
      </c>
      <c r="H1163" t="s">
        <v>1647</v>
      </c>
      <c r="I1163" t="s">
        <v>30540</v>
      </c>
    </row>
    <row r="1164" spans="1:9">
      <c r="A1164" s="1">
        <f ca="1">RAND()</f>
        <v>0.46837809008414077</v>
      </c>
      <c r="B1164" s="1"/>
      <c r="C1164">
        <v>2</v>
      </c>
      <c r="D1164" t="s">
        <v>1644</v>
      </c>
      <c r="E1164" t="s">
        <v>31160</v>
      </c>
      <c r="F1164">
        <v>4</v>
      </c>
      <c r="H1164" t="s">
        <v>1645</v>
      </c>
      <c r="I1164" t="s">
        <v>30540</v>
      </c>
    </row>
    <row r="1165" spans="1:9">
      <c r="A1165" s="1">
        <f ca="1">RAND()</f>
        <v>0.9393741229381789</v>
      </c>
      <c r="B1165" s="1"/>
      <c r="C1165">
        <v>2</v>
      </c>
      <c r="D1165" t="s">
        <v>1642</v>
      </c>
      <c r="E1165" t="s">
        <v>31161</v>
      </c>
      <c r="F1165">
        <v>5</v>
      </c>
      <c r="H1165" t="s">
        <v>1643</v>
      </c>
      <c r="I1165" t="s">
        <v>30540</v>
      </c>
    </row>
    <row r="1166" spans="1:9">
      <c r="A1166" s="1">
        <f ca="1">RAND()</f>
        <v>0.32695741488113572</v>
      </c>
      <c r="B1166" s="1"/>
      <c r="C1166">
        <v>6</v>
      </c>
      <c r="D1166" t="s">
        <v>1636</v>
      </c>
      <c r="E1166" t="s">
        <v>31162</v>
      </c>
      <c r="F1166">
        <v>5</v>
      </c>
      <c r="H1166" t="s">
        <v>1637</v>
      </c>
      <c r="I1166" t="s">
        <v>30540</v>
      </c>
    </row>
    <row r="1167" spans="1:9">
      <c r="A1167" s="1">
        <f ca="1">RAND()</f>
        <v>0.13627013601858062</v>
      </c>
      <c r="B1167" s="1"/>
      <c r="C1167">
        <v>9</v>
      </c>
      <c r="D1167" t="s">
        <v>1640</v>
      </c>
      <c r="E1167" t="s">
        <v>31162</v>
      </c>
      <c r="F1167">
        <v>3</v>
      </c>
      <c r="H1167" t="s">
        <v>1641</v>
      </c>
      <c r="I1167" t="s">
        <v>30540</v>
      </c>
    </row>
    <row r="1168" spans="1:9">
      <c r="A1168" s="1">
        <f ca="1">RAND()</f>
        <v>0.73120975766506058</v>
      </c>
      <c r="B1168" s="1"/>
      <c r="C1168">
        <v>7</v>
      </c>
      <c r="D1168" t="s">
        <v>1638</v>
      </c>
      <c r="E1168" t="s">
        <v>31162</v>
      </c>
      <c r="F1168">
        <v>2</v>
      </c>
      <c r="H1168" t="s">
        <v>1639</v>
      </c>
      <c r="I1168" t="s">
        <v>30540</v>
      </c>
    </row>
    <row r="1169" spans="1:9">
      <c r="A1169" s="1">
        <f ca="1">RAND()</f>
        <v>0.87106607443322548</v>
      </c>
      <c r="B1169" s="1"/>
      <c r="C1169">
        <v>7</v>
      </c>
      <c r="D1169" t="s">
        <v>1632</v>
      </c>
      <c r="E1169" t="s">
        <v>31163</v>
      </c>
      <c r="F1169">
        <v>5</v>
      </c>
      <c r="H1169" t="s">
        <v>1633</v>
      </c>
      <c r="I1169" t="s">
        <v>30540</v>
      </c>
    </row>
    <row r="1170" spans="1:9">
      <c r="A1170" s="1">
        <f ca="1">RAND()</f>
        <v>0.16459440745645981</v>
      </c>
      <c r="B1170" s="1"/>
      <c r="C1170">
        <v>8</v>
      </c>
      <c r="D1170" t="s">
        <v>1634</v>
      </c>
      <c r="E1170" t="s">
        <v>31163</v>
      </c>
      <c r="F1170">
        <v>4</v>
      </c>
      <c r="H1170" t="s">
        <v>1635</v>
      </c>
      <c r="I1170" t="s">
        <v>30540</v>
      </c>
    </row>
    <row r="1171" spans="1:9">
      <c r="A1171" s="1">
        <f ca="1">RAND()</f>
        <v>0.84502172846417922</v>
      </c>
      <c r="B1171" s="1"/>
      <c r="C1171">
        <v>2</v>
      </c>
      <c r="D1171" t="s">
        <v>1628</v>
      </c>
      <c r="E1171" t="s">
        <v>31163</v>
      </c>
      <c r="F1171">
        <v>4</v>
      </c>
      <c r="H1171" t="s">
        <v>1629</v>
      </c>
      <c r="I1171" t="s">
        <v>30540</v>
      </c>
    </row>
    <row r="1172" spans="1:9">
      <c r="A1172" s="1">
        <f ca="1">RAND()</f>
        <v>0.36711275796231901</v>
      </c>
      <c r="B1172" s="1"/>
      <c r="C1172">
        <v>6</v>
      </c>
      <c r="D1172" t="s">
        <v>1630</v>
      </c>
      <c r="E1172" t="s">
        <v>31163</v>
      </c>
      <c r="F1172">
        <v>4</v>
      </c>
      <c r="H1172" t="s">
        <v>1631</v>
      </c>
      <c r="I1172" t="s">
        <v>30540</v>
      </c>
    </row>
    <row r="1173" spans="1:9">
      <c r="A1173" s="1">
        <f ca="1">RAND()</f>
        <v>0.5878605413000012</v>
      </c>
      <c r="B1173" s="1"/>
      <c r="C1173">
        <v>9</v>
      </c>
      <c r="D1173" t="s">
        <v>1626</v>
      </c>
      <c r="E1173" t="s">
        <v>31164</v>
      </c>
      <c r="F1173">
        <v>4</v>
      </c>
      <c r="H1173" t="s">
        <v>1627</v>
      </c>
      <c r="I1173" t="s">
        <v>30540</v>
      </c>
    </row>
    <row r="1174" spans="1:9">
      <c r="A1174" s="1">
        <f ca="1">RAND()</f>
        <v>0.12661505406159557</v>
      </c>
      <c r="B1174" s="1"/>
      <c r="C1174">
        <v>8</v>
      </c>
      <c r="D1174" t="s">
        <v>1624</v>
      </c>
      <c r="E1174" t="s">
        <v>31164</v>
      </c>
      <c r="F1174">
        <v>4</v>
      </c>
      <c r="H1174" t="s">
        <v>1625</v>
      </c>
      <c r="I1174" t="s">
        <v>30540</v>
      </c>
    </row>
    <row r="1175" spans="1:9">
      <c r="A1175" s="1">
        <f ca="1">RAND()</f>
        <v>0.97833469378520521</v>
      </c>
      <c r="B1175" s="1"/>
      <c r="C1175">
        <v>3</v>
      </c>
      <c r="D1175" t="s">
        <v>1622</v>
      </c>
      <c r="E1175" t="s">
        <v>31164</v>
      </c>
      <c r="F1175">
        <v>3</v>
      </c>
      <c r="H1175" t="s">
        <v>1623</v>
      </c>
      <c r="I1175" t="s">
        <v>30540</v>
      </c>
    </row>
    <row r="1176" spans="1:9">
      <c r="A1176" s="1">
        <f ca="1">RAND()</f>
        <v>0.82312292251938668</v>
      </c>
      <c r="B1176" s="1"/>
      <c r="C1176">
        <v>8</v>
      </c>
      <c r="D1176" t="s">
        <v>1620</v>
      </c>
      <c r="E1176" t="s">
        <v>31165</v>
      </c>
      <c r="F1176">
        <v>4</v>
      </c>
      <c r="H1176" t="s">
        <v>1621</v>
      </c>
      <c r="I1176" t="s">
        <v>30540</v>
      </c>
    </row>
    <row r="1177" spans="1:9">
      <c r="A1177" s="1">
        <f ca="1">RAND()</f>
        <v>0.88600862502518873</v>
      </c>
      <c r="B1177" s="1"/>
      <c r="C1177">
        <v>3</v>
      </c>
      <c r="D1177" t="s">
        <v>1616</v>
      </c>
      <c r="E1177" t="s">
        <v>31165</v>
      </c>
      <c r="F1177">
        <v>4</v>
      </c>
      <c r="H1177" t="s">
        <v>1617</v>
      </c>
      <c r="I1177" t="s">
        <v>30540</v>
      </c>
    </row>
    <row r="1178" spans="1:9">
      <c r="A1178" s="1">
        <f ca="1">RAND()</f>
        <v>0.73885226966925455</v>
      </c>
      <c r="B1178" s="1"/>
      <c r="C1178">
        <v>4</v>
      </c>
      <c r="D1178" t="s">
        <v>1618</v>
      </c>
      <c r="E1178" t="s">
        <v>31165</v>
      </c>
      <c r="F1178">
        <v>3</v>
      </c>
      <c r="H1178" t="s">
        <v>1619</v>
      </c>
      <c r="I1178" t="s">
        <v>30540</v>
      </c>
    </row>
    <row r="1179" spans="1:9">
      <c r="A1179" s="1">
        <f ca="1">RAND()</f>
        <v>0.48134825389260483</v>
      </c>
      <c r="B1179" s="1"/>
      <c r="C1179">
        <v>5</v>
      </c>
      <c r="D1179" t="s">
        <v>1608</v>
      </c>
      <c r="E1179" t="s">
        <v>31166</v>
      </c>
      <c r="F1179">
        <v>4</v>
      </c>
      <c r="H1179" t="s">
        <v>1609</v>
      </c>
      <c r="I1179" t="s">
        <v>30540</v>
      </c>
    </row>
    <row r="1180" spans="1:9">
      <c r="A1180" s="1">
        <f ca="1">RAND()</f>
        <v>0.75219530148960956</v>
      </c>
      <c r="B1180" s="1"/>
      <c r="C1180">
        <v>8</v>
      </c>
      <c r="D1180" t="s">
        <v>1614</v>
      </c>
      <c r="E1180" t="s">
        <v>31166</v>
      </c>
      <c r="F1180">
        <v>4</v>
      </c>
      <c r="H1180" t="s">
        <v>1615</v>
      </c>
      <c r="I1180" t="s">
        <v>30540</v>
      </c>
    </row>
    <row r="1181" spans="1:9">
      <c r="A1181" s="1">
        <f ca="1">RAND()</f>
        <v>0.83390067747970675</v>
      </c>
      <c r="B1181" s="1"/>
      <c r="C1181">
        <v>7</v>
      </c>
      <c r="D1181" t="s">
        <v>1612</v>
      </c>
      <c r="E1181" t="s">
        <v>31166</v>
      </c>
      <c r="F1181">
        <v>4</v>
      </c>
      <c r="G1181" t="s">
        <v>14</v>
      </c>
      <c r="H1181" t="s">
        <v>1613</v>
      </c>
      <c r="I1181" t="s">
        <v>30540</v>
      </c>
    </row>
    <row r="1182" spans="1:9">
      <c r="A1182" s="1">
        <f ca="1">RAND()</f>
        <v>0.80617997915950446</v>
      </c>
      <c r="B1182" s="1"/>
      <c r="C1182">
        <v>6</v>
      </c>
      <c r="D1182" t="s">
        <v>1610</v>
      </c>
      <c r="E1182" t="s">
        <v>31166</v>
      </c>
      <c r="F1182">
        <v>4</v>
      </c>
      <c r="H1182" t="s">
        <v>1611</v>
      </c>
      <c r="I1182" t="s">
        <v>30540</v>
      </c>
    </row>
    <row r="1183" spans="1:9">
      <c r="A1183" s="1">
        <f ca="1">RAND()</f>
        <v>0.58558046468963632</v>
      </c>
      <c r="B1183" s="1"/>
      <c r="C1183">
        <v>4</v>
      </c>
      <c r="D1183" t="s">
        <v>1606</v>
      </c>
      <c r="E1183" t="s">
        <v>31166</v>
      </c>
      <c r="F1183">
        <v>4</v>
      </c>
      <c r="H1183" t="s">
        <v>1607</v>
      </c>
      <c r="I1183" t="s">
        <v>30540</v>
      </c>
    </row>
    <row r="1184" spans="1:9">
      <c r="A1184" s="1">
        <f ca="1">RAND()</f>
        <v>0.30247035920018461</v>
      </c>
      <c r="B1184" s="1"/>
      <c r="C1184">
        <v>8</v>
      </c>
      <c r="D1184" t="s">
        <v>1604</v>
      </c>
      <c r="E1184" t="s">
        <v>31167</v>
      </c>
      <c r="F1184">
        <v>4</v>
      </c>
      <c r="H1184" t="s">
        <v>1605</v>
      </c>
      <c r="I1184" t="s">
        <v>30540</v>
      </c>
    </row>
    <row r="1185" spans="1:9">
      <c r="A1185" s="1">
        <f ca="1">RAND()</f>
        <v>0.44748788939206041</v>
      </c>
      <c r="B1185" s="1"/>
      <c r="C1185">
        <v>3</v>
      </c>
      <c r="D1185" t="s">
        <v>1596</v>
      </c>
      <c r="E1185" t="s">
        <v>31168</v>
      </c>
      <c r="F1185">
        <v>4</v>
      </c>
      <c r="H1185" t="s">
        <v>1597</v>
      </c>
      <c r="I1185" t="s">
        <v>30540</v>
      </c>
    </row>
    <row r="1186" spans="1:9">
      <c r="A1186" s="1">
        <f ca="1">RAND()</f>
        <v>0.69173443760129383</v>
      </c>
      <c r="B1186" s="1"/>
      <c r="C1186">
        <v>1</v>
      </c>
      <c r="D1186" t="s">
        <v>1594</v>
      </c>
      <c r="E1186" t="s">
        <v>31168</v>
      </c>
      <c r="F1186">
        <v>4</v>
      </c>
      <c r="H1186" t="s">
        <v>1595</v>
      </c>
      <c r="I1186" t="s">
        <v>30540</v>
      </c>
    </row>
    <row r="1187" spans="1:9">
      <c r="A1187" s="1">
        <f ca="1">RAND()</f>
        <v>0.82935298413919833</v>
      </c>
      <c r="B1187" s="1"/>
      <c r="C1187">
        <v>6</v>
      </c>
      <c r="D1187" t="s">
        <v>1600</v>
      </c>
      <c r="E1187" t="s">
        <v>31168</v>
      </c>
      <c r="F1187">
        <v>4</v>
      </c>
      <c r="H1187" t="s">
        <v>1601</v>
      </c>
      <c r="I1187" t="s">
        <v>30540</v>
      </c>
    </row>
    <row r="1188" spans="1:9">
      <c r="A1188" s="1">
        <f ca="1">RAND()</f>
        <v>0.3620288760870517</v>
      </c>
      <c r="B1188" s="1"/>
      <c r="C1188">
        <v>5</v>
      </c>
      <c r="D1188" t="s">
        <v>1598</v>
      </c>
      <c r="E1188" t="s">
        <v>31168</v>
      </c>
      <c r="F1188">
        <v>3</v>
      </c>
      <c r="H1188" t="s">
        <v>1599</v>
      </c>
      <c r="I1188" t="s">
        <v>30540</v>
      </c>
    </row>
    <row r="1189" spans="1:9">
      <c r="A1189" s="1">
        <f ca="1">RAND()</f>
        <v>0.98754274343095527</v>
      </c>
      <c r="B1189" s="1"/>
      <c r="C1189">
        <v>7</v>
      </c>
      <c r="D1189" t="s">
        <v>1602</v>
      </c>
      <c r="E1189" t="s">
        <v>31168</v>
      </c>
      <c r="F1189">
        <v>2</v>
      </c>
      <c r="H1189" t="s">
        <v>1603</v>
      </c>
      <c r="I1189" t="s">
        <v>30540</v>
      </c>
    </row>
    <row r="1190" spans="1:9">
      <c r="A1190" s="1">
        <f ca="1">RAND()</f>
        <v>0.75211740681429107</v>
      </c>
      <c r="B1190" s="1"/>
      <c r="C1190">
        <v>3</v>
      </c>
      <c r="D1190" t="s">
        <v>1592</v>
      </c>
      <c r="E1190" t="s">
        <v>31169</v>
      </c>
      <c r="F1190">
        <v>4</v>
      </c>
      <c r="H1190" t="s">
        <v>1593</v>
      </c>
      <c r="I1190" t="s">
        <v>30540</v>
      </c>
    </row>
    <row r="1191" spans="1:9">
      <c r="A1191" s="1">
        <f ca="1">RAND()</f>
        <v>0.36838395457185669</v>
      </c>
      <c r="B1191" s="1"/>
      <c r="C1191">
        <v>3</v>
      </c>
      <c r="D1191" t="s">
        <v>1588</v>
      </c>
      <c r="E1191" t="s">
        <v>31170</v>
      </c>
      <c r="F1191">
        <v>3</v>
      </c>
      <c r="H1191" t="s">
        <v>1589</v>
      </c>
      <c r="I1191" t="s">
        <v>30540</v>
      </c>
    </row>
    <row r="1192" spans="1:9">
      <c r="A1192" s="1">
        <f ca="1">RAND()</f>
        <v>0.10889752668425856</v>
      </c>
      <c r="B1192" s="1"/>
      <c r="C1192">
        <v>4</v>
      </c>
      <c r="D1192" t="s">
        <v>1590</v>
      </c>
      <c r="E1192" t="s">
        <v>31170</v>
      </c>
      <c r="F1192">
        <v>3</v>
      </c>
      <c r="H1192" t="s">
        <v>1591</v>
      </c>
      <c r="I1192" t="s">
        <v>30540</v>
      </c>
    </row>
    <row r="1193" spans="1:9">
      <c r="A1193" s="1">
        <f ca="1">RAND()</f>
        <v>0.56070950886134052</v>
      </c>
      <c r="B1193" s="1"/>
      <c r="C1193">
        <v>2</v>
      </c>
      <c r="D1193" t="s">
        <v>1580</v>
      </c>
      <c r="E1193" t="s">
        <v>31171</v>
      </c>
      <c r="F1193">
        <v>5</v>
      </c>
      <c r="H1193" t="s">
        <v>1581</v>
      </c>
      <c r="I1193" t="s">
        <v>30540</v>
      </c>
    </row>
    <row r="1194" spans="1:9">
      <c r="A1194" s="1">
        <f ca="1">RAND()</f>
        <v>0.17597207755042299</v>
      </c>
      <c r="B1194" s="1"/>
      <c r="C1194">
        <v>3</v>
      </c>
      <c r="D1194" t="s">
        <v>1582</v>
      </c>
      <c r="E1194" t="s">
        <v>31171</v>
      </c>
      <c r="F1194">
        <v>4</v>
      </c>
      <c r="H1194" t="s">
        <v>1583</v>
      </c>
      <c r="I1194" t="s">
        <v>30540</v>
      </c>
    </row>
    <row r="1195" spans="1:9">
      <c r="A1195" s="1">
        <f ca="1">RAND()</f>
        <v>0.90531914356110288</v>
      </c>
      <c r="B1195" s="1"/>
      <c r="C1195">
        <v>5</v>
      </c>
      <c r="D1195" t="s">
        <v>1586</v>
      </c>
      <c r="E1195" t="s">
        <v>31171</v>
      </c>
      <c r="F1195">
        <v>4</v>
      </c>
      <c r="H1195" t="s">
        <v>1587</v>
      </c>
      <c r="I1195" t="s">
        <v>30540</v>
      </c>
    </row>
    <row r="1196" spans="1:9">
      <c r="A1196" s="1">
        <f ca="1">RAND()</f>
        <v>0.74888345810595613</v>
      </c>
      <c r="B1196" s="1"/>
      <c r="C1196">
        <v>4</v>
      </c>
      <c r="D1196" t="s">
        <v>1584</v>
      </c>
      <c r="E1196" t="s">
        <v>31171</v>
      </c>
      <c r="F1196">
        <v>4</v>
      </c>
      <c r="H1196" t="s">
        <v>1585</v>
      </c>
      <c r="I1196" t="s">
        <v>30540</v>
      </c>
    </row>
    <row r="1197" spans="1:9">
      <c r="A1197" s="1">
        <f ca="1">RAND()</f>
        <v>0.11857454791410316</v>
      </c>
      <c r="B1197" s="1"/>
      <c r="C1197">
        <v>4</v>
      </c>
      <c r="D1197" t="s">
        <v>1578</v>
      </c>
      <c r="E1197" t="s">
        <v>31172</v>
      </c>
      <c r="F1197">
        <v>4</v>
      </c>
      <c r="H1197" t="s">
        <v>1579</v>
      </c>
      <c r="I1197" t="s">
        <v>30540</v>
      </c>
    </row>
    <row r="1198" spans="1:9">
      <c r="A1198" s="1">
        <f ca="1">RAND()</f>
        <v>0.82268207016231076</v>
      </c>
      <c r="B1198" s="1"/>
      <c r="C1198">
        <v>2</v>
      </c>
      <c r="D1198" t="s">
        <v>1576</v>
      </c>
      <c r="E1198" t="s">
        <v>31173</v>
      </c>
      <c r="F1198">
        <v>2</v>
      </c>
      <c r="H1198" t="s">
        <v>1577</v>
      </c>
      <c r="I1198" t="s">
        <v>30540</v>
      </c>
    </row>
    <row r="1199" spans="1:9">
      <c r="A1199" s="1">
        <f ca="1">RAND()</f>
        <v>0.21355093892812171</v>
      </c>
      <c r="B1199" s="1"/>
      <c r="C1199">
        <v>2</v>
      </c>
      <c r="D1199" t="s">
        <v>1574</v>
      </c>
      <c r="E1199" t="s">
        <v>31174</v>
      </c>
      <c r="F1199">
        <v>4</v>
      </c>
      <c r="H1199" t="s">
        <v>1575</v>
      </c>
      <c r="I1199" t="s">
        <v>30540</v>
      </c>
    </row>
    <row r="1200" spans="1:9">
      <c r="A1200" s="1">
        <f ca="1">RAND()</f>
        <v>0.14968823541540144</v>
      </c>
      <c r="B1200" s="1"/>
      <c r="C1200">
        <v>4</v>
      </c>
      <c r="D1200" t="s">
        <v>1572</v>
      </c>
      <c r="E1200" t="s">
        <v>31175</v>
      </c>
      <c r="F1200">
        <v>3</v>
      </c>
      <c r="H1200" t="s">
        <v>1573</v>
      </c>
      <c r="I1200" t="s">
        <v>30540</v>
      </c>
    </row>
    <row r="1201" spans="1:9">
      <c r="A1201" s="1">
        <f ca="1">RAND()</f>
        <v>0.65797735380270406</v>
      </c>
      <c r="B1201" s="1"/>
      <c r="C1201">
        <v>7</v>
      </c>
      <c r="D1201" t="s">
        <v>1570</v>
      </c>
      <c r="E1201" t="s">
        <v>31176</v>
      </c>
      <c r="F1201">
        <v>5</v>
      </c>
      <c r="H1201" t="s">
        <v>1571</v>
      </c>
      <c r="I1201" t="s">
        <v>30540</v>
      </c>
    </row>
    <row r="1202" spans="1:9">
      <c r="A1202" s="1">
        <f ca="1">RAND()</f>
        <v>0.76341500844780374</v>
      </c>
      <c r="B1202" s="1"/>
      <c r="C1202">
        <v>6</v>
      </c>
      <c r="D1202" t="s">
        <v>1568</v>
      </c>
      <c r="E1202" t="s">
        <v>31177</v>
      </c>
      <c r="F1202">
        <v>5</v>
      </c>
      <c r="H1202" t="s">
        <v>1569</v>
      </c>
      <c r="I1202" t="s">
        <v>30540</v>
      </c>
    </row>
    <row r="1203" spans="1:9">
      <c r="A1203" s="1">
        <f ca="1">RAND()</f>
        <v>0.88114971492754235</v>
      </c>
      <c r="B1203" s="1"/>
      <c r="C1203">
        <v>5</v>
      </c>
      <c r="D1203" t="s">
        <v>1566</v>
      </c>
      <c r="E1203" t="s">
        <v>31177</v>
      </c>
      <c r="F1203">
        <v>4</v>
      </c>
      <c r="H1203" t="s">
        <v>1567</v>
      </c>
      <c r="I1203" t="s">
        <v>30540</v>
      </c>
    </row>
    <row r="1204" spans="1:9">
      <c r="A1204" s="1">
        <f ca="1">RAND()</f>
        <v>2.948608333625391E-2</v>
      </c>
      <c r="B1204" s="1"/>
      <c r="C1204">
        <v>4</v>
      </c>
      <c r="D1204" t="s">
        <v>1564</v>
      </c>
      <c r="E1204" t="s">
        <v>31177</v>
      </c>
      <c r="F1204">
        <v>4</v>
      </c>
      <c r="H1204" t="s">
        <v>1565</v>
      </c>
      <c r="I1204" t="s">
        <v>30540</v>
      </c>
    </row>
    <row r="1205" spans="1:9">
      <c r="A1205" s="1">
        <f ca="1">RAND()</f>
        <v>0.43915795626307952</v>
      </c>
      <c r="B1205" s="1"/>
      <c r="C1205">
        <v>4</v>
      </c>
      <c r="D1205" t="s">
        <v>1560</v>
      </c>
      <c r="E1205" t="s">
        <v>31178</v>
      </c>
      <c r="F1205">
        <v>4</v>
      </c>
      <c r="H1205" t="s">
        <v>1561</v>
      </c>
      <c r="I1205" t="s">
        <v>30540</v>
      </c>
    </row>
    <row r="1206" spans="1:9">
      <c r="A1206" s="1">
        <f ca="1">RAND()</f>
        <v>0.63251926099764166</v>
      </c>
      <c r="B1206" s="1"/>
      <c r="C1206">
        <v>9</v>
      </c>
      <c r="D1206" t="s">
        <v>1562</v>
      </c>
      <c r="E1206" t="s">
        <v>31178</v>
      </c>
      <c r="F1206">
        <v>3</v>
      </c>
      <c r="H1206" t="s">
        <v>1563</v>
      </c>
      <c r="I1206" t="s">
        <v>30540</v>
      </c>
    </row>
    <row r="1207" spans="1:9">
      <c r="A1207" s="1">
        <f ca="1">RAND()</f>
        <v>0.18161603748057631</v>
      </c>
      <c r="B1207" s="1"/>
      <c r="C1207">
        <v>5</v>
      </c>
      <c r="D1207" t="s">
        <v>1558</v>
      </c>
      <c r="E1207" t="s">
        <v>31179</v>
      </c>
      <c r="F1207">
        <v>4</v>
      </c>
      <c r="H1207" t="s">
        <v>1559</v>
      </c>
      <c r="I1207" t="s">
        <v>30540</v>
      </c>
    </row>
    <row r="1208" spans="1:9">
      <c r="A1208" s="1">
        <f ca="1">RAND()</f>
        <v>0.31953141346852787</v>
      </c>
      <c r="B1208" s="1"/>
      <c r="C1208">
        <v>4</v>
      </c>
      <c r="D1208" t="s">
        <v>1556</v>
      </c>
      <c r="E1208" t="s">
        <v>31179</v>
      </c>
      <c r="F1208">
        <v>4</v>
      </c>
      <c r="H1208" t="s">
        <v>1557</v>
      </c>
      <c r="I1208" t="s">
        <v>30540</v>
      </c>
    </row>
    <row r="1209" spans="1:9">
      <c r="A1209" s="1">
        <f ca="1">RAND()</f>
        <v>0.51538145228303833</v>
      </c>
      <c r="B1209" s="1"/>
      <c r="C1209">
        <v>2</v>
      </c>
      <c r="D1209" t="s">
        <v>1552</v>
      </c>
      <c r="E1209" t="s">
        <v>31180</v>
      </c>
      <c r="F1209">
        <v>5</v>
      </c>
      <c r="G1209" t="s">
        <v>838</v>
      </c>
      <c r="H1209" t="s">
        <v>1553</v>
      </c>
      <c r="I1209" t="s">
        <v>30540</v>
      </c>
    </row>
    <row r="1210" spans="1:9">
      <c r="A1210" s="1">
        <f ca="1">RAND()</f>
        <v>0.63820153008783831</v>
      </c>
      <c r="B1210" s="1"/>
      <c r="C1210">
        <v>5</v>
      </c>
      <c r="D1210" t="s">
        <v>1554</v>
      </c>
      <c r="E1210" t="s">
        <v>31180</v>
      </c>
      <c r="F1210">
        <v>4</v>
      </c>
      <c r="H1210" t="s">
        <v>1555</v>
      </c>
      <c r="I1210" t="s">
        <v>30540</v>
      </c>
    </row>
    <row r="1211" spans="1:9">
      <c r="A1211" s="1">
        <f ca="1">RAND()</f>
        <v>8.9285662010223255E-2</v>
      </c>
      <c r="B1211" s="1"/>
      <c r="C1211">
        <v>7</v>
      </c>
      <c r="D1211" t="s">
        <v>1548</v>
      </c>
      <c r="E1211" t="s">
        <v>31181</v>
      </c>
      <c r="F1211">
        <v>5</v>
      </c>
      <c r="H1211" t="s">
        <v>1549</v>
      </c>
      <c r="I1211" t="s">
        <v>30540</v>
      </c>
    </row>
    <row r="1212" spans="1:9">
      <c r="A1212" s="1">
        <f ca="1">RAND()</f>
        <v>0.24896779274859127</v>
      </c>
      <c r="B1212" s="1"/>
      <c r="C1212">
        <v>3</v>
      </c>
      <c r="D1212" t="s">
        <v>1544</v>
      </c>
      <c r="E1212" t="s">
        <v>31181</v>
      </c>
      <c r="F1212">
        <v>5</v>
      </c>
      <c r="H1212" t="s">
        <v>1545</v>
      </c>
      <c r="I1212" t="s">
        <v>30540</v>
      </c>
    </row>
    <row r="1213" spans="1:9">
      <c r="A1213" s="1">
        <f ca="1">RAND()</f>
        <v>0.90114437393056035</v>
      </c>
      <c r="B1213" s="1"/>
      <c r="C1213">
        <v>8</v>
      </c>
      <c r="D1213" t="s">
        <v>1550</v>
      </c>
      <c r="E1213" t="s">
        <v>31181</v>
      </c>
      <c r="F1213">
        <v>4</v>
      </c>
      <c r="H1213" t="s">
        <v>1551</v>
      </c>
      <c r="I1213" t="s">
        <v>30540</v>
      </c>
    </row>
    <row r="1214" spans="1:9">
      <c r="A1214" s="1">
        <f ca="1">RAND()</f>
        <v>0.711225313315207</v>
      </c>
      <c r="B1214" s="1"/>
      <c r="C1214">
        <v>6</v>
      </c>
      <c r="D1214" t="s">
        <v>1546</v>
      </c>
      <c r="E1214" t="s">
        <v>31181</v>
      </c>
      <c r="F1214">
        <v>4</v>
      </c>
      <c r="H1214" t="s">
        <v>1547</v>
      </c>
      <c r="I1214" t="s">
        <v>30540</v>
      </c>
    </row>
    <row r="1215" spans="1:9">
      <c r="A1215" s="1">
        <f ca="1">RAND()</f>
        <v>0.34970753348806816</v>
      </c>
      <c r="B1215" s="1"/>
      <c r="C1215">
        <v>3</v>
      </c>
      <c r="D1215" t="s">
        <v>1542</v>
      </c>
      <c r="E1215" t="s">
        <v>31182</v>
      </c>
      <c r="F1215">
        <v>4</v>
      </c>
      <c r="H1215" t="s">
        <v>1543</v>
      </c>
      <c r="I1215" t="s">
        <v>30540</v>
      </c>
    </row>
    <row r="1216" spans="1:9">
      <c r="A1216" s="1">
        <f ca="1">RAND()</f>
        <v>0.33287715865135337</v>
      </c>
      <c r="B1216" s="1"/>
      <c r="C1216">
        <v>4</v>
      </c>
      <c r="D1216" t="s">
        <v>1540</v>
      </c>
      <c r="E1216" t="s">
        <v>31183</v>
      </c>
      <c r="F1216">
        <v>5</v>
      </c>
      <c r="H1216" t="s">
        <v>1541</v>
      </c>
      <c r="I1216" t="s">
        <v>30540</v>
      </c>
    </row>
    <row r="1217" spans="1:9">
      <c r="A1217" s="1">
        <f ca="1">RAND()</f>
        <v>0.76572712515785846</v>
      </c>
      <c r="B1217" s="1"/>
      <c r="C1217">
        <v>2</v>
      </c>
      <c r="D1217" t="s">
        <v>1538</v>
      </c>
      <c r="E1217" t="s">
        <v>31183</v>
      </c>
      <c r="F1217">
        <v>4</v>
      </c>
      <c r="H1217" t="s">
        <v>1539</v>
      </c>
      <c r="I1217" t="s">
        <v>30540</v>
      </c>
    </row>
    <row r="1218" spans="1:9">
      <c r="A1218" s="1">
        <f ca="1">RAND()</f>
        <v>0.50532647019373067</v>
      </c>
      <c r="B1218" s="1"/>
      <c r="C1218">
        <v>2</v>
      </c>
      <c r="D1218" t="s">
        <v>1534</v>
      </c>
      <c r="E1218" t="s">
        <v>31184</v>
      </c>
      <c r="F1218">
        <v>5</v>
      </c>
      <c r="H1218" t="s">
        <v>1535</v>
      </c>
      <c r="I1218" t="s">
        <v>30540</v>
      </c>
    </row>
    <row r="1219" spans="1:9">
      <c r="A1219" s="1">
        <f ca="1">RAND()</f>
        <v>0.10754445127258117</v>
      </c>
      <c r="B1219" s="1"/>
      <c r="C1219">
        <v>3</v>
      </c>
      <c r="D1219" t="s">
        <v>1536</v>
      </c>
      <c r="E1219" t="s">
        <v>31184</v>
      </c>
      <c r="F1219">
        <v>4</v>
      </c>
      <c r="H1219" t="s">
        <v>1537</v>
      </c>
      <c r="I1219" t="s">
        <v>30540</v>
      </c>
    </row>
    <row r="1220" spans="1:9">
      <c r="A1220" s="1">
        <f ca="1">RAND()</f>
        <v>0.71644988046812363</v>
      </c>
      <c r="B1220" s="1"/>
      <c r="C1220">
        <v>1</v>
      </c>
      <c r="D1220" t="s">
        <v>1532</v>
      </c>
      <c r="E1220" t="s">
        <v>31184</v>
      </c>
      <c r="F1220">
        <v>4</v>
      </c>
      <c r="H1220" t="s">
        <v>1533</v>
      </c>
      <c r="I1220" t="s">
        <v>30540</v>
      </c>
    </row>
    <row r="1221" spans="1:9">
      <c r="A1221" s="1">
        <f ca="1">RAND()</f>
        <v>7.4218113044200895E-2</v>
      </c>
      <c r="B1221" s="1"/>
      <c r="C1221">
        <v>2</v>
      </c>
      <c r="D1221" t="s">
        <v>1524</v>
      </c>
      <c r="E1221" t="s">
        <v>31185</v>
      </c>
      <c r="F1221">
        <v>5</v>
      </c>
      <c r="H1221" t="s">
        <v>1525</v>
      </c>
      <c r="I1221" t="s">
        <v>30540</v>
      </c>
    </row>
    <row r="1222" spans="1:9">
      <c r="A1222" s="1">
        <f ca="1">RAND()</f>
        <v>0.77329867925065388</v>
      </c>
      <c r="B1222" s="1"/>
      <c r="C1222">
        <v>5</v>
      </c>
      <c r="D1222" t="s">
        <v>1528</v>
      </c>
      <c r="E1222" t="s">
        <v>31185</v>
      </c>
      <c r="F1222">
        <v>5</v>
      </c>
      <c r="H1222" t="s">
        <v>1529</v>
      </c>
      <c r="I1222" t="s">
        <v>30540</v>
      </c>
    </row>
    <row r="1223" spans="1:9">
      <c r="A1223" s="1">
        <f ca="1">RAND()</f>
        <v>0.14775657990566549</v>
      </c>
      <c r="B1223" s="1"/>
      <c r="C1223">
        <v>3</v>
      </c>
      <c r="D1223" t="s">
        <v>1526</v>
      </c>
      <c r="E1223" t="s">
        <v>31185</v>
      </c>
      <c r="F1223">
        <v>4</v>
      </c>
      <c r="H1223" t="s">
        <v>1527</v>
      </c>
      <c r="I1223" t="s">
        <v>30540</v>
      </c>
    </row>
    <row r="1224" spans="1:9">
      <c r="A1224" s="1">
        <f ca="1">RAND()</f>
        <v>0.4947555274815596</v>
      </c>
      <c r="B1224" s="1"/>
      <c r="C1224">
        <v>1</v>
      </c>
      <c r="D1224" t="s">
        <v>1522</v>
      </c>
      <c r="E1224" t="s">
        <v>31185</v>
      </c>
      <c r="F1224">
        <v>4</v>
      </c>
      <c r="H1224" t="s">
        <v>1523</v>
      </c>
      <c r="I1224" t="s">
        <v>30540</v>
      </c>
    </row>
    <row r="1225" spans="1:9">
      <c r="A1225" s="1">
        <f ca="1">RAND()</f>
        <v>0.86921834853309365</v>
      </c>
      <c r="B1225" s="1"/>
      <c r="C1225">
        <v>6</v>
      </c>
      <c r="D1225" t="s">
        <v>1530</v>
      </c>
      <c r="E1225" t="s">
        <v>31185</v>
      </c>
      <c r="F1225">
        <v>2</v>
      </c>
      <c r="H1225" t="s">
        <v>1531</v>
      </c>
      <c r="I1225" t="s">
        <v>30540</v>
      </c>
    </row>
    <row r="1226" spans="1:9">
      <c r="A1226" s="1">
        <f ca="1">RAND()</f>
        <v>0.39837775607921866</v>
      </c>
      <c r="B1226" s="1"/>
      <c r="C1226">
        <v>5</v>
      </c>
      <c r="D1226" t="s">
        <v>1520</v>
      </c>
      <c r="E1226" t="s">
        <v>31186</v>
      </c>
      <c r="F1226">
        <v>4</v>
      </c>
      <c r="H1226" t="s">
        <v>1521</v>
      </c>
      <c r="I1226" t="s">
        <v>30540</v>
      </c>
    </row>
    <row r="1227" spans="1:9">
      <c r="A1227" s="1">
        <f ca="1">RAND()</f>
        <v>0.82239801488119801</v>
      </c>
      <c r="B1227" s="1"/>
      <c r="C1227">
        <v>2</v>
      </c>
      <c r="D1227" t="s">
        <v>1518</v>
      </c>
      <c r="E1227" t="s">
        <v>31186</v>
      </c>
      <c r="F1227">
        <v>3</v>
      </c>
      <c r="H1227" t="s">
        <v>1519</v>
      </c>
      <c r="I1227" t="s">
        <v>30540</v>
      </c>
    </row>
    <row r="1228" spans="1:9">
      <c r="A1228" s="1">
        <f ca="1">RAND()</f>
        <v>0.66012596146026381</v>
      </c>
      <c r="B1228" s="1"/>
      <c r="C1228">
        <v>2</v>
      </c>
      <c r="D1228" t="s">
        <v>1516</v>
      </c>
      <c r="E1228" t="s">
        <v>31187</v>
      </c>
      <c r="F1228">
        <v>2</v>
      </c>
      <c r="H1228" t="s">
        <v>1517</v>
      </c>
      <c r="I1228" t="s">
        <v>30540</v>
      </c>
    </row>
    <row r="1229" spans="1:9">
      <c r="A1229" s="1">
        <f ca="1">RAND()</f>
        <v>0.99350919445959196</v>
      </c>
      <c r="B1229" s="1"/>
      <c r="C1229">
        <v>4</v>
      </c>
      <c r="D1229" t="s">
        <v>1512</v>
      </c>
      <c r="E1229" t="s">
        <v>31188</v>
      </c>
      <c r="F1229">
        <v>4</v>
      </c>
      <c r="H1229" t="s">
        <v>1513</v>
      </c>
      <c r="I1229" t="s">
        <v>30540</v>
      </c>
    </row>
    <row r="1230" spans="1:9">
      <c r="A1230" s="1">
        <f ca="1">RAND()</f>
        <v>0.5940131949774986</v>
      </c>
      <c r="B1230" s="1"/>
      <c r="C1230">
        <v>6</v>
      </c>
      <c r="D1230" t="s">
        <v>1514</v>
      </c>
      <c r="E1230" t="s">
        <v>31188</v>
      </c>
      <c r="F1230">
        <v>3</v>
      </c>
      <c r="H1230" t="s">
        <v>1515</v>
      </c>
      <c r="I1230" t="s">
        <v>30540</v>
      </c>
    </row>
    <row r="1231" spans="1:9">
      <c r="A1231" s="1">
        <f ca="1">RAND()</f>
        <v>6.7806381126075732E-2</v>
      </c>
      <c r="B1231" s="1"/>
      <c r="C1231">
        <v>2</v>
      </c>
      <c r="D1231" t="s">
        <v>1506</v>
      </c>
      <c r="E1231" t="s">
        <v>31189</v>
      </c>
      <c r="F1231">
        <v>4</v>
      </c>
      <c r="H1231" t="s">
        <v>1507</v>
      </c>
      <c r="I1231" t="s">
        <v>30540</v>
      </c>
    </row>
    <row r="1232" spans="1:9">
      <c r="A1232" s="1">
        <f ca="1">RAND()</f>
        <v>0.41638138977962524</v>
      </c>
      <c r="B1232" s="1"/>
      <c r="C1232">
        <v>11</v>
      </c>
      <c r="D1232" t="s">
        <v>1510</v>
      </c>
      <c r="E1232" t="s">
        <v>31189</v>
      </c>
      <c r="F1232">
        <v>3</v>
      </c>
      <c r="H1232" t="s">
        <v>1511</v>
      </c>
      <c r="I1232" t="s">
        <v>30540</v>
      </c>
    </row>
    <row r="1233" spans="1:9">
      <c r="A1233" s="1">
        <f ca="1">RAND()</f>
        <v>0.4875379251013614</v>
      </c>
      <c r="B1233" s="1"/>
      <c r="C1233">
        <v>9</v>
      </c>
      <c r="D1233" t="s">
        <v>1508</v>
      </c>
      <c r="E1233" t="s">
        <v>31189</v>
      </c>
      <c r="F1233">
        <v>3</v>
      </c>
      <c r="H1233" t="s">
        <v>1509</v>
      </c>
      <c r="I1233" t="s">
        <v>30540</v>
      </c>
    </row>
    <row r="1234" spans="1:9">
      <c r="A1234" s="1">
        <f ca="1">RAND()</f>
        <v>0.62151102756177534</v>
      </c>
      <c r="B1234" s="1"/>
      <c r="C1234">
        <v>5</v>
      </c>
      <c r="D1234" t="s">
        <v>1502</v>
      </c>
      <c r="E1234" t="s">
        <v>31190</v>
      </c>
      <c r="F1234">
        <v>4</v>
      </c>
      <c r="G1234" t="s">
        <v>838</v>
      </c>
      <c r="H1234" t="s">
        <v>1503</v>
      </c>
      <c r="I1234" t="s">
        <v>30540</v>
      </c>
    </row>
    <row r="1235" spans="1:9">
      <c r="A1235" s="1">
        <f ca="1">RAND()</f>
        <v>0.88292556000381328</v>
      </c>
      <c r="B1235" s="1"/>
      <c r="C1235">
        <v>8</v>
      </c>
      <c r="D1235" t="s">
        <v>1504</v>
      </c>
      <c r="E1235" t="s">
        <v>31190</v>
      </c>
      <c r="F1235">
        <v>1</v>
      </c>
      <c r="H1235" t="s">
        <v>1505</v>
      </c>
      <c r="I1235" t="s">
        <v>30540</v>
      </c>
    </row>
    <row r="1236" spans="1:9">
      <c r="A1236" s="1">
        <f ca="1">RAND()</f>
        <v>0.98145688010184173</v>
      </c>
      <c r="B1236" s="1"/>
      <c r="C1236">
        <v>1</v>
      </c>
      <c r="D1236" t="s">
        <v>1500</v>
      </c>
      <c r="E1236" t="s">
        <v>31191</v>
      </c>
      <c r="F1236">
        <v>5</v>
      </c>
      <c r="H1236" t="s">
        <v>1501</v>
      </c>
      <c r="I1236" t="s">
        <v>30540</v>
      </c>
    </row>
    <row r="1237" spans="1:9">
      <c r="A1237" s="1">
        <f ca="1">RAND()</f>
        <v>0.51292501109929423</v>
      </c>
      <c r="B1237" s="1"/>
      <c r="C1237">
        <v>4</v>
      </c>
      <c r="D1237" t="s">
        <v>1498</v>
      </c>
      <c r="E1237" t="s">
        <v>31192</v>
      </c>
      <c r="F1237">
        <v>3</v>
      </c>
      <c r="H1237" t="s">
        <v>1499</v>
      </c>
      <c r="I1237" t="s">
        <v>30540</v>
      </c>
    </row>
    <row r="1238" spans="1:9">
      <c r="A1238" s="1">
        <f ca="1">RAND()</f>
        <v>0.76695538163905819</v>
      </c>
      <c r="B1238" s="1"/>
      <c r="C1238">
        <v>2</v>
      </c>
      <c r="D1238" t="s">
        <v>1496</v>
      </c>
      <c r="E1238" t="s">
        <v>31193</v>
      </c>
      <c r="F1238">
        <v>4</v>
      </c>
      <c r="H1238" t="s">
        <v>1497</v>
      </c>
      <c r="I1238" t="s">
        <v>30540</v>
      </c>
    </row>
    <row r="1239" spans="1:9">
      <c r="A1239" s="1">
        <f ca="1">RAND()</f>
        <v>2.9641908565638198E-2</v>
      </c>
      <c r="B1239" s="1"/>
      <c r="C1239">
        <v>5</v>
      </c>
      <c r="D1239" t="s">
        <v>1494</v>
      </c>
      <c r="E1239" t="s">
        <v>31194</v>
      </c>
      <c r="F1239">
        <v>2</v>
      </c>
      <c r="H1239" t="s">
        <v>1495</v>
      </c>
      <c r="I1239" t="s">
        <v>30540</v>
      </c>
    </row>
    <row r="1240" spans="1:9">
      <c r="A1240" s="1">
        <f ca="1">RAND()</f>
        <v>0.56564792989414281</v>
      </c>
      <c r="B1240" s="1"/>
      <c r="C1240">
        <v>5</v>
      </c>
      <c r="D1240" t="s">
        <v>1492</v>
      </c>
      <c r="E1240" t="s">
        <v>31195</v>
      </c>
      <c r="F1240">
        <v>4</v>
      </c>
      <c r="H1240" t="s">
        <v>1493</v>
      </c>
      <c r="I1240" t="s">
        <v>30540</v>
      </c>
    </row>
    <row r="1241" spans="1:9">
      <c r="A1241" s="1">
        <f ca="1">RAND()</f>
        <v>0.36671714236274056</v>
      </c>
      <c r="B1241" s="1"/>
      <c r="C1241">
        <v>6</v>
      </c>
      <c r="D1241" t="s">
        <v>1488</v>
      </c>
      <c r="E1241" t="s">
        <v>31196</v>
      </c>
      <c r="F1241">
        <v>4</v>
      </c>
      <c r="H1241" t="s">
        <v>1489</v>
      </c>
      <c r="I1241" t="s">
        <v>30540</v>
      </c>
    </row>
    <row r="1242" spans="1:9">
      <c r="A1242" s="1">
        <f ca="1">RAND()</f>
        <v>0.90433861166710194</v>
      </c>
      <c r="B1242" s="1"/>
      <c r="C1242">
        <v>7</v>
      </c>
      <c r="D1242" t="s">
        <v>1490</v>
      </c>
      <c r="E1242" t="s">
        <v>31196</v>
      </c>
      <c r="F1242">
        <v>4</v>
      </c>
      <c r="G1242" t="s">
        <v>10</v>
      </c>
      <c r="H1242" t="s">
        <v>1491</v>
      </c>
      <c r="I1242" t="s">
        <v>30540</v>
      </c>
    </row>
    <row r="1243" spans="1:9">
      <c r="A1243" s="1">
        <f ca="1">RAND()</f>
        <v>8.2878028327813213E-2</v>
      </c>
      <c r="B1243" s="1"/>
      <c r="C1243">
        <v>3</v>
      </c>
      <c r="D1243" t="s">
        <v>1486</v>
      </c>
      <c r="E1243" t="s">
        <v>31196</v>
      </c>
      <c r="F1243">
        <v>4</v>
      </c>
      <c r="H1243" t="s">
        <v>1487</v>
      </c>
      <c r="I1243" t="s">
        <v>30540</v>
      </c>
    </row>
    <row r="1244" spans="1:9">
      <c r="A1244" s="1">
        <f ca="1">RAND()</f>
        <v>6.582477400806297E-2</v>
      </c>
      <c r="B1244" s="1"/>
      <c r="C1244">
        <v>1</v>
      </c>
      <c r="D1244" t="s">
        <v>1484</v>
      </c>
      <c r="E1244" t="s">
        <v>31196</v>
      </c>
      <c r="F1244">
        <v>4</v>
      </c>
      <c r="H1244" t="s">
        <v>1485</v>
      </c>
      <c r="I1244" t="s">
        <v>30540</v>
      </c>
    </row>
    <row r="1245" spans="1:9">
      <c r="A1245" s="1">
        <f ca="1">RAND()</f>
        <v>0.18680563565200592</v>
      </c>
      <c r="B1245" s="1"/>
      <c r="C1245">
        <v>6</v>
      </c>
      <c r="D1245" t="s">
        <v>1482</v>
      </c>
      <c r="E1245" t="s">
        <v>31197</v>
      </c>
      <c r="F1245">
        <v>4</v>
      </c>
      <c r="H1245" t="s">
        <v>1483</v>
      </c>
      <c r="I1245" t="s">
        <v>30540</v>
      </c>
    </row>
    <row r="1246" spans="1:9">
      <c r="A1246" s="1">
        <f ca="1">RAND()</f>
        <v>0.11027976206332013</v>
      </c>
      <c r="B1246" s="1"/>
      <c r="C1246">
        <v>3</v>
      </c>
      <c r="D1246" t="s">
        <v>3083</v>
      </c>
      <c r="E1246" t="s">
        <v>31198</v>
      </c>
      <c r="F1246">
        <v>5</v>
      </c>
      <c r="H1246" t="s">
        <v>3084</v>
      </c>
      <c r="I1246" t="s">
        <v>30540</v>
      </c>
    </row>
    <row r="1247" spans="1:9">
      <c r="A1247" s="1">
        <f ca="1">RAND()</f>
        <v>0.37060771989242025</v>
      </c>
      <c r="B1247" s="1"/>
      <c r="C1247">
        <v>6</v>
      </c>
      <c r="D1247" t="s">
        <v>3081</v>
      </c>
      <c r="E1247" t="s">
        <v>31199</v>
      </c>
      <c r="F1247">
        <v>4</v>
      </c>
      <c r="H1247" t="s">
        <v>3082</v>
      </c>
      <c r="I1247" t="s">
        <v>30540</v>
      </c>
    </row>
    <row r="1248" spans="1:9">
      <c r="A1248" s="1">
        <f ca="1">RAND()</f>
        <v>5.5291939541045942E-2</v>
      </c>
      <c r="B1248" s="1"/>
      <c r="C1248">
        <v>5</v>
      </c>
      <c r="D1248" t="s">
        <v>3079</v>
      </c>
      <c r="E1248" t="s">
        <v>31200</v>
      </c>
      <c r="F1248">
        <v>4</v>
      </c>
      <c r="H1248" t="s">
        <v>3080</v>
      </c>
      <c r="I1248" t="s">
        <v>30540</v>
      </c>
    </row>
    <row r="1249" spans="1:9">
      <c r="A1249" s="1">
        <f ca="1">RAND()</f>
        <v>0.98941655840025966</v>
      </c>
      <c r="B1249" s="1"/>
      <c r="C1249">
        <v>3</v>
      </c>
      <c r="D1249" t="s">
        <v>3077</v>
      </c>
      <c r="E1249" t="s">
        <v>31201</v>
      </c>
      <c r="F1249">
        <v>2</v>
      </c>
      <c r="H1249" t="s">
        <v>3078</v>
      </c>
      <c r="I1249" t="s">
        <v>30540</v>
      </c>
    </row>
    <row r="1250" spans="1:9">
      <c r="A1250" s="1">
        <f ca="1">RAND()</f>
        <v>0.83748067414338634</v>
      </c>
      <c r="B1250" s="1"/>
      <c r="C1250">
        <v>6</v>
      </c>
      <c r="D1250" t="s">
        <v>3075</v>
      </c>
      <c r="E1250" t="s">
        <v>31202</v>
      </c>
      <c r="F1250">
        <v>4</v>
      </c>
      <c r="H1250" t="s">
        <v>3076</v>
      </c>
      <c r="I1250" t="s">
        <v>30540</v>
      </c>
    </row>
    <row r="1251" spans="1:9">
      <c r="A1251" s="1">
        <f ca="1">RAND()</f>
        <v>0.25649161126486153</v>
      </c>
      <c r="B1251" s="1"/>
      <c r="C1251">
        <v>6</v>
      </c>
      <c r="D1251" t="s">
        <v>3073</v>
      </c>
      <c r="E1251" t="s">
        <v>31203</v>
      </c>
      <c r="F1251">
        <v>2</v>
      </c>
      <c r="H1251" t="s">
        <v>3074</v>
      </c>
      <c r="I1251" t="s">
        <v>30540</v>
      </c>
    </row>
    <row r="1252" spans="1:9">
      <c r="A1252" s="1">
        <f ca="1">RAND()</f>
        <v>0.18219045053810579</v>
      </c>
      <c r="B1252" s="1"/>
      <c r="C1252">
        <v>2</v>
      </c>
      <c r="D1252" t="s">
        <v>3071</v>
      </c>
      <c r="E1252" t="s">
        <v>31204</v>
      </c>
      <c r="F1252">
        <v>2</v>
      </c>
      <c r="H1252" t="s">
        <v>3072</v>
      </c>
      <c r="I1252" t="s">
        <v>30540</v>
      </c>
    </row>
    <row r="1253" spans="1:9">
      <c r="A1253" s="1">
        <f ca="1">RAND()</f>
        <v>0.70551470798157889</v>
      </c>
      <c r="B1253" s="1"/>
      <c r="C1253">
        <v>11</v>
      </c>
      <c r="D1253" t="s">
        <v>3069</v>
      </c>
      <c r="E1253" t="s">
        <v>31205</v>
      </c>
      <c r="F1253">
        <v>4</v>
      </c>
      <c r="H1253" t="s">
        <v>3070</v>
      </c>
      <c r="I1253" t="s">
        <v>30540</v>
      </c>
    </row>
    <row r="1254" spans="1:9">
      <c r="A1254" s="1">
        <f ca="1">RAND()</f>
        <v>0.92518498248837622</v>
      </c>
      <c r="B1254" s="1"/>
      <c r="C1254">
        <v>8</v>
      </c>
      <c r="D1254" t="s">
        <v>3067</v>
      </c>
      <c r="E1254" t="s">
        <v>31206</v>
      </c>
      <c r="F1254">
        <v>4</v>
      </c>
      <c r="H1254" t="s">
        <v>3068</v>
      </c>
      <c r="I1254" t="s">
        <v>30540</v>
      </c>
    </row>
    <row r="1255" spans="1:9">
      <c r="A1255" s="1">
        <f ca="1">RAND()</f>
        <v>0.3712823428673826</v>
      </c>
      <c r="B1255" s="1"/>
      <c r="C1255">
        <v>5</v>
      </c>
      <c r="D1255" t="s">
        <v>3065</v>
      </c>
      <c r="E1255" t="s">
        <v>31206</v>
      </c>
      <c r="F1255">
        <v>4</v>
      </c>
      <c r="H1255" t="s">
        <v>3066</v>
      </c>
      <c r="I1255" t="s">
        <v>30540</v>
      </c>
    </row>
    <row r="1256" spans="1:9">
      <c r="A1256" s="1">
        <f ca="1">RAND()</f>
        <v>0.52874637968651217</v>
      </c>
      <c r="B1256" s="1"/>
      <c r="C1256">
        <v>2</v>
      </c>
      <c r="D1256" t="s">
        <v>3063</v>
      </c>
      <c r="E1256" t="s">
        <v>31206</v>
      </c>
      <c r="F1256">
        <v>2</v>
      </c>
      <c r="H1256" t="s">
        <v>3064</v>
      </c>
      <c r="I1256" t="s">
        <v>30540</v>
      </c>
    </row>
    <row r="1257" spans="1:9">
      <c r="A1257" s="1">
        <f ca="1">RAND()</f>
        <v>0.6140774660114583</v>
      </c>
      <c r="B1257" s="1"/>
      <c r="C1257">
        <v>3</v>
      </c>
      <c r="D1257" t="s">
        <v>3059</v>
      </c>
      <c r="E1257" t="s">
        <v>31207</v>
      </c>
      <c r="F1257">
        <v>4</v>
      </c>
      <c r="H1257" t="s">
        <v>3060</v>
      </c>
      <c r="I1257" t="s">
        <v>30540</v>
      </c>
    </row>
    <row r="1258" spans="1:9">
      <c r="A1258" s="1">
        <f ca="1">RAND()</f>
        <v>0.16936018491917193</v>
      </c>
      <c r="B1258" s="1"/>
      <c r="C1258">
        <v>4</v>
      </c>
      <c r="D1258" t="s">
        <v>3061</v>
      </c>
      <c r="E1258" t="s">
        <v>31207</v>
      </c>
      <c r="F1258">
        <v>4</v>
      </c>
      <c r="H1258" t="s">
        <v>3062</v>
      </c>
      <c r="I1258" t="s">
        <v>30540</v>
      </c>
    </row>
    <row r="1259" spans="1:9">
      <c r="A1259" s="1">
        <f ca="1">RAND()</f>
        <v>0.18827915390166883</v>
      </c>
      <c r="B1259" s="1"/>
      <c r="C1259">
        <v>8</v>
      </c>
      <c r="D1259" t="s">
        <v>3057</v>
      </c>
      <c r="E1259" t="s">
        <v>31208</v>
      </c>
      <c r="F1259">
        <v>2</v>
      </c>
      <c r="H1259" t="s">
        <v>3058</v>
      </c>
      <c r="I1259" t="s">
        <v>30540</v>
      </c>
    </row>
    <row r="1260" spans="1:9">
      <c r="A1260" s="1">
        <f ca="1">RAND()</f>
        <v>0.80149646052945178</v>
      </c>
      <c r="B1260" s="1"/>
      <c r="C1260">
        <v>4</v>
      </c>
      <c r="D1260" t="s">
        <v>3055</v>
      </c>
      <c r="E1260" t="s">
        <v>31209</v>
      </c>
      <c r="F1260">
        <v>3</v>
      </c>
      <c r="H1260" t="s">
        <v>3056</v>
      </c>
      <c r="I1260" t="s">
        <v>30540</v>
      </c>
    </row>
    <row r="1261" spans="1:9">
      <c r="A1261" s="1">
        <f ca="1">RAND()</f>
        <v>0.61245041441590287</v>
      </c>
      <c r="B1261" s="1"/>
      <c r="C1261">
        <v>9</v>
      </c>
      <c r="D1261" t="s">
        <v>3051</v>
      </c>
      <c r="E1261" t="s">
        <v>31210</v>
      </c>
      <c r="F1261">
        <v>4</v>
      </c>
      <c r="H1261" t="s">
        <v>3052</v>
      </c>
      <c r="I1261" t="s">
        <v>30540</v>
      </c>
    </row>
    <row r="1262" spans="1:9">
      <c r="A1262" s="1">
        <f ca="1">RAND()</f>
        <v>0.3272092977561919</v>
      </c>
      <c r="B1262" s="1"/>
      <c r="C1262">
        <v>3</v>
      </c>
      <c r="D1262" t="s">
        <v>3049</v>
      </c>
      <c r="E1262" t="s">
        <v>31210</v>
      </c>
      <c r="F1262">
        <v>4</v>
      </c>
      <c r="H1262" t="s">
        <v>3050</v>
      </c>
      <c r="I1262" t="s">
        <v>30540</v>
      </c>
    </row>
    <row r="1263" spans="1:9">
      <c r="A1263" s="1">
        <f ca="1">RAND()</f>
        <v>0.16246054353852424</v>
      </c>
      <c r="B1263" s="1"/>
      <c r="C1263">
        <v>10</v>
      </c>
      <c r="D1263" t="s">
        <v>3053</v>
      </c>
      <c r="E1263" t="s">
        <v>31210</v>
      </c>
      <c r="F1263">
        <v>2</v>
      </c>
      <c r="H1263" t="s">
        <v>3054</v>
      </c>
      <c r="I1263" t="s">
        <v>30540</v>
      </c>
    </row>
    <row r="1264" spans="1:9">
      <c r="A1264" s="1">
        <f ca="1">RAND()</f>
        <v>0.80467597369499244</v>
      </c>
      <c r="B1264" s="1"/>
      <c r="C1264">
        <v>3</v>
      </c>
      <c r="D1264" t="s">
        <v>3047</v>
      </c>
      <c r="E1264" t="s">
        <v>31211</v>
      </c>
      <c r="F1264">
        <v>5</v>
      </c>
      <c r="H1264" t="s">
        <v>3048</v>
      </c>
      <c r="I1264" t="s">
        <v>30540</v>
      </c>
    </row>
    <row r="1265" spans="1:9">
      <c r="A1265" s="1">
        <f ca="1">RAND()</f>
        <v>0.53514696270004014</v>
      </c>
      <c r="B1265" s="1"/>
      <c r="C1265">
        <v>4</v>
      </c>
      <c r="D1265" t="s">
        <v>3045</v>
      </c>
      <c r="E1265" t="s">
        <v>31212</v>
      </c>
      <c r="F1265">
        <v>5</v>
      </c>
      <c r="H1265" t="s">
        <v>3046</v>
      </c>
      <c r="I1265" t="s">
        <v>30540</v>
      </c>
    </row>
    <row r="1266" spans="1:9">
      <c r="A1266" s="1">
        <f ca="1">RAND()</f>
        <v>0.23362337220112939</v>
      </c>
      <c r="B1266" s="1"/>
      <c r="C1266">
        <v>3</v>
      </c>
      <c r="D1266" t="s">
        <v>3043</v>
      </c>
      <c r="E1266" t="s">
        <v>31212</v>
      </c>
      <c r="F1266">
        <v>4</v>
      </c>
      <c r="H1266" t="s">
        <v>3044</v>
      </c>
      <c r="I1266" t="s">
        <v>30540</v>
      </c>
    </row>
    <row r="1267" spans="1:9">
      <c r="A1267" s="1">
        <f ca="1">RAND()</f>
        <v>9.0161216038125325E-2</v>
      </c>
      <c r="B1267" s="1"/>
      <c r="C1267">
        <v>1</v>
      </c>
      <c r="D1267" t="s">
        <v>3041</v>
      </c>
      <c r="E1267" t="s">
        <v>31213</v>
      </c>
      <c r="F1267">
        <v>5</v>
      </c>
      <c r="H1267" t="s">
        <v>3042</v>
      </c>
      <c r="I1267" t="s">
        <v>30540</v>
      </c>
    </row>
    <row r="1268" spans="1:9">
      <c r="A1268" s="1">
        <f ca="1">RAND()</f>
        <v>0.71076939824350172</v>
      </c>
      <c r="B1268" s="1"/>
      <c r="C1268">
        <v>2</v>
      </c>
      <c r="D1268" t="s">
        <v>3039</v>
      </c>
      <c r="E1268" t="s">
        <v>31214</v>
      </c>
      <c r="F1268">
        <v>3</v>
      </c>
      <c r="H1268" t="s">
        <v>3040</v>
      </c>
      <c r="I1268" t="s">
        <v>30540</v>
      </c>
    </row>
    <row r="1269" spans="1:9">
      <c r="A1269" s="1">
        <f ca="1">RAND()</f>
        <v>0.94407520818727464</v>
      </c>
      <c r="B1269" s="1"/>
      <c r="C1269">
        <v>2</v>
      </c>
      <c r="D1269" t="s">
        <v>3033</v>
      </c>
      <c r="E1269" t="s">
        <v>31215</v>
      </c>
      <c r="F1269">
        <v>4</v>
      </c>
      <c r="H1269" t="s">
        <v>3034</v>
      </c>
      <c r="I1269" t="s">
        <v>30540</v>
      </c>
    </row>
    <row r="1270" spans="1:9">
      <c r="A1270" s="1">
        <f ca="1">RAND()</f>
        <v>0.64267382303757903</v>
      </c>
      <c r="B1270" s="1"/>
      <c r="C1270">
        <v>4</v>
      </c>
      <c r="D1270" t="s">
        <v>3035</v>
      </c>
      <c r="E1270" t="s">
        <v>31215</v>
      </c>
      <c r="F1270">
        <v>4</v>
      </c>
      <c r="H1270" t="s">
        <v>3036</v>
      </c>
      <c r="I1270" t="s">
        <v>30540</v>
      </c>
    </row>
    <row r="1271" spans="1:9">
      <c r="A1271" s="1">
        <f ca="1">RAND()</f>
        <v>0.80476789929673953</v>
      </c>
      <c r="B1271" s="1"/>
      <c r="C1271">
        <v>1</v>
      </c>
      <c r="D1271" t="s">
        <v>3031</v>
      </c>
      <c r="E1271" t="s">
        <v>31215</v>
      </c>
      <c r="F1271">
        <v>3</v>
      </c>
      <c r="H1271" t="s">
        <v>3032</v>
      </c>
      <c r="I1271" t="s">
        <v>30540</v>
      </c>
    </row>
    <row r="1272" spans="1:9">
      <c r="A1272" s="1">
        <f ca="1">RAND()</f>
        <v>0.97088964495224239</v>
      </c>
      <c r="B1272" s="1"/>
      <c r="C1272">
        <v>5</v>
      </c>
      <c r="D1272" t="s">
        <v>3037</v>
      </c>
      <c r="E1272" t="s">
        <v>31215</v>
      </c>
      <c r="F1272">
        <v>2</v>
      </c>
      <c r="H1272" t="s">
        <v>3038</v>
      </c>
      <c r="I1272" t="s">
        <v>30540</v>
      </c>
    </row>
    <row r="1273" spans="1:9">
      <c r="A1273" s="1">
        <f ca="1">RAND()</f>
        <v>0.72457107611169913</v>
      </c>
      <c r="B1273" s="1"/>
      <c r="C1273">
        <v>4</v>
      </c>
      <c r="D1273" t="s">
        <v>3029</v>
      </c>
      <c r="E1273" t="s">
        <v>31216</v>
      </c>
      <c r="F1273">
        <v>4</v>
      </c>
      <c r="H1273" t="s">
        <v>3030</v>
      </c>
      <c r="I1273" t="s">
        <v>30540</v>
      </c>
    </row>
    <row r="1274" spans="1:9">
      <c r="A1274" s="1">
        <f ca="1">RAND()</f>
        <v>0.79783931732808566</v>
      </c>
      <c r="B1274" s="1"/>
      <c r="C1274">
        <v>2</v>
      </c>
      <c r="D1274" t="s">
        <v>3027</v>
      </c>
      <c r="E1274" t="s">
        <v>31217</v>
      </c>
      <c r="F1274">
        <v>3</v>
      </c>
      <c r="H1274" t="s">
        <v>3028</v>
      </c>
      <c r="I1274" t="s">
        <v>30540</v>
      </c>
    </row>
    <row r="1275" spans="1:9">
      <c r="A1275" s="1">
        <f ca="1">RAND()</f>
        <v>0.15566407835594143</v>
      </c>
      <c r="B1275" s="1"/>
      <c r="C1275">
        <v>4</v>
      </c>
      <c r="D1275" t="s">
        <v>3023</v>
      </c>
      <c r="E1275" t="s">
        <v>31218</v>
      </c>
      <c r="F1275">
        <v>4</v>
      </c>
      <c r="H1275" t="s">
        <v>3024</v>
      </c>
      <c r="I1275" t="s">
        <v>30540</v>
      </c>
    </row>
    <row r="1276" spans="1:9">
      <c r="A1276" s="1">
        <f ca="1">RAND()</f>
        <v>0.32918440030646734</v>
      </c>
      <c r="B1276" s="1"/>
      <c r="C1276">
        <v>7</v>
      </c>
      <c r="D1276" t="s">
        <v>3025</v>
      </c>
      <c r="E1276" t="s">
        <v>31218</v>
      </c>
      <c r="F1276">
        <v>1</v>
      </c>
      <c r="H1276" t="s">
        <v>3026</v>
      </c>
      <c r="I1276" t="s">
        <v>30540</v>
      </c>
    </row>
    <row r="1277" spans="1:9">
      <c r="A1277" s="1">
        <f ca="1">RAND()</f>
        <v>0.47849137925426566</v>
      </c>
      <c r="B1277" s="1"/>
      <c r="C1277">
        <v>12</v>
      </c>
      <c r="D1277" t="s">
        <v>3021</v>
      </c>
      <c r="E1277" t="s">
        <v>31219</v>
      </c>
      <c r="F1277">
        <v>4</v>
      </c>
      <c r="H1277" t="s">
        <v>3022</v>
      </c>
      <c r="I1277" t="s">
        <v>30540</v>
      </c>
    </row>
    <row r="1278" spans="1:9">
      <c r="A1278" s="1">
        <f ca="1">RAND()</f>
        <v>0.15484524441039438</v>
      </c>
      <c r="B1278" s="1"/>
      <c r="C1278">
        <v>3</v>
      </c>
      <c r="D1278" t="s">
        <v>3019</v>
      </c>
      <c r="E1278" t="s">
        <v>31219</v>
      </c>
      <c r="F1278">
        <v>4</v>
      </c>
      <c r="H1278" t="s">
        <v>3020</v>
      </c>
      <c r="I1278" t="s">
        <v>30540</v>
      </c>
    </row>
    <row r="1279" spans="1:9">
      <c r="A1279" s="1">
        <f ca="1">RAND()</f>
        <v>0.30639293771404108</v>
      </c>
      <c r="B1279" s="1"/>
      <c r="C1279">
        <v>4</v>
      </c>
      <c r="D1279" t="s">
        <v>3013</v>
      </c>
      <c r="E1279" t="s">
        <v>31220</v>
      </c>
      <c r="F1279">
        <v>4</v>
      </c>
      <c r="H1279" t="s">
        <v>3014</v>
      </c>
      <c r="I1279" t="s">
        <v>30540</v>
      </c>
    </row>
    <row r="1280" spans="1:9">
      <c r="A1280" s="1">
        <f ca="1">RAND()</f>
        <v>0.54593632454571817</v>
      </c>
      <c r="B1280" s="1"/>
      <c r="C1280">
        <v>8</v>
      </c>
      <c r="D1280" t="s">
        <v>3017</v>
      </c>
      <c r="E1280" t="s">
        <v>31220</v>
      </c>
      <c r="F1280">
        <v>2</v>
      </c>
      <c r="H1280" t="s">
        <v>3018</v>
      </c>
      <c r="I1280" t="s">
        <v>30540</v>
      </c>
    </row>
    <row r="1281" spans="1:9">
      <c r="A1281" s="1">
        <f ca="1">RAND()</f>
        <v>0.52492756372052762</v>
      </c>
      <c r="B1281" s="1"/>
      <c r="C1281">
        <v>5</v>
      </c>
      <c r="D1281" t="s">
        <v>3015</v>
      </c>
      <c r="E1281" t="s">
        <v>31220</v>
      </c>
      <c r="F1281">
        <v>2</v>
      </c>
      <c r="H1281" t="s">
        <v>3016</v>
      </c>
      <c r="I1281" t="s">
        <v>30540</v>
      </c>
    </row>
    <row r="1282" spans="1:9">
      <c r="A1282" s="1">
        <f ca="1">RAND()</f>
        <v>0.24427304624243473</v>
      </c>
      <c r="B1282" s="1"/>
      <c r="C1282">
        <v>2</v>
      </c>
      <c r="D1282" t="s">
        <v>3011</v>
      </c>
      <c r="E1282" t="s">
        <v>31221</v>
      </c>
      <c r="F1282">
        <v>4</v>
      </c>
      <c r="H1282" t="s">
        <v>3012</v>
      </c>
      <c r="I1282" t="s">
        <v>30540</v>
      </c>
    </row>
    <row r="1283" spans="1:9">
      <c r="A1283" s="1">
        <f ca="1">RAND()</f>
        <v>0.65159976293560251</v>
      </c>
      <c r="B1283" s="1"/>
      <c r="C1283">
        <v>7</v>
      </c>
      <c r="D1283" t="s">
        <v>3009</v>
      </c>
      <c r="E1283" t="s">
        <v>31222</v>
      </c>
      <c r="F1283">
        <v>2</v>
      </c>
      <c r="H1283" t="s">
        <v>3010</v>
      </c>
      <c r="I1283" t="s">
        <v>30540</v>
      </c>
    </row>
    <row r="1284" spans="1:9">
      <c r="A1284" s="1">
        <f ca="1">RAND()</f>
        <v>0.61718716563635578</v>
      </c>
      <c r="B1284" s="1"/>
      <c r="C1284">
        <v>2</v>
      </c>
      <c r="D1284" t="s">
        <v>3007</v>
      </c>
      <c r="E1284" t="s">
        <v>31223</v>
      </c>
      <c r="F1284">
        <v>4</v>
      </c>
      <c r="H1284" t="s">
        <v>3008</v>
      </c>
      <c r="I1284" t="s">
        <v>30540</v>
      </c>
    </row>
    <row r="1285" spans="1:9">
      <c r="A1285" s="1">
        <f ca="1">RAND()</f>
        <v>5.3350638259327621E-2</v>
      </c>
      <c r="B1285" s="1"/>
      <c r="C1285">
        <v>5</v>
      </c>
      <c r="D1285" t="s">
        <v>3003</v>
      </c>
      <c r="E1285" t="s">
        <v>31224</v>
      </c>
      <c r="F1285">
        <v>4</v>
      </c>
      <c r="H1285" t="s">
        <v>3004</v>
      </c>
      <c r="I1285" t="s">
        <v>30540</v>
      </c>
    </row>
    <row r="1286" spans="1:9">
      <c r="A1286" s="1">
        <f ca="1">RAND()</f>
        <v>6.1570540280151964E-2</v>
      </c>
      <c r="B1286" s="1"/>
      <c r="C1286">
        <v>3</v>
      </c>
      <c r="D1286" t="s">
        <v>3001</v>
      </c>
      <c r="E1286" t="s">
        <v>31224</v>
      </c>
      <c r="F1286">
        <v>4</v>
      </c>
      <c r="H1286" t="s">
        <v>3002</v>
      </c>
      <c r="I1286" t="s">
        <v>30540</v>
      </c>
    </row>
    <row r="1287" spans="1:9">
      <c r="A1287" s="1">
        <f ca="1">RAND()</f>
        <v>0.41043489183143</v>
      </c>
      <c r="B1287" s="1"/>
      <c r="C1287">
        <v>6</v>
      </c>
      <c r="D1287" t="s">
        <v>3005</v>
      </c>
      <c r="E1287" t="s">
        <v>31224</v>
      </c>
      <c r="F1287">
        <v>4</v>
      </c>
      <c r="H1287" t="s">
        <v>3006</v>
      </c>
      <c r="I1287" t="s">
        <v>30540</v>
      </c>
    </row>
    <row r="1288" spans="1:9">
      <c r="A1288" s="1">
        <f ca="1">RAND()</f>
        <v>0.86647705141312181</v>
      </c>
      <c r="B1288" s="1"/>
      <c r="C1288">
        <v>1</v>
      </c>
      <c r="D1288" t="s">
        <v>2997</v>
      </c>
      <c r="E1288" t="s">
        <v>31225</v>
      </c>
      <c r="F1288">
        <v>4</v>
      </c>
      <c r="H1288" t="s">
        <v>2998</v>
      </c>
      <c r="I1288" t="s">
        <v>30540</v>
      </c>
    </row>
    <row r="1289" spans="1:9">
      <c r="A1289" s="1">
        <f ca="1">RAND()</f>
        <v>0.78104911255562548</v>
      </c>
      <c r="B1289" s="1"/>
      <c r="C1289">
        <v>6</v>
      </c>
      <c r="D1289" t="s">
        <v>2999</v>
      </c>
      <c r="E1289" t="s">
        <v>31225</v>
      </c>
      <c r="F1289">
        <v>4</v>
      </c>
      <c r="H1289" t="s">
        <v>3000</v>
      </c>
      <c r="I1289" t="s">
        <v>30540</v>
      </c>
    </row>
    <row r="1290" spans="1:9">
      <c r="A1290" s="1">
        <f ca="1">RAND()</f>
        <v>0.91064937536098989</v>
      </c>
      <c r="B1290" s="1"/>
      <c r="C1290">
        <v>1</v>
      </c>
      <c r="D1290" t="s">
        <v>2991</v>
      </c>
      <c r="E1290" t="s">
        <v>31226</v>
      </c>
      <c r="F1290">
        <v>4</v>
      </c>
      <c r="H1290" t="s">
        <v>2992</v>
      </c>
      <c r="I1290" t="s">
        <v>30540</v>
      </c>
    </row>
    <row r="1291" spans="1:9">
      <c r="A1291" s="1">
        <f ca="1">RAND()</f>
        <v>0.71101157051995334</v>
      </c>
      <c r="B1291" s="1"/>
      <c r="C1291">
        <v>2</v>
      </c>
      <c r="D1291" t="s">
        <v>2993</v>
      </c>
      <c r="E1291" t="s">
        <v>31226</v>
      </c>
      <c r="F1291">
        <v>4</v>
      </c>
      <c r="H1291" t="s">
        <v>2994</v>
      </c>
      <c r="I1291" t="s">
        <v>30540</v>
      </c>
    </row>
    <row r="1292" spans="1:9">
      <c r="A1292" s="1">
        <f ca="1">RAND()</f>
        <v>0.30140934367330652</v>
      </c>
      <c r="B1292" s="1"/>
      <c r="C1292">
        <v>4</v>
      </c>
      <c r="D1292" t="s">
        <v>2995</v>
      </c>
      <c r="E1292" t="s">
        <v>31226</v>
      </c>
      <c r="F1292">
        <v>3</v>
      </c>
      <c r="H1292" t="s">
        <v>2996</v>
      </c>
      <c r="I1292" t="s">
        <v>30540</v>
      </c>
    </row>
    <row r="1293" spans="1:9">
      <c r="A1293" s="1">
        <f ca="1">RAND()</f>
        <v>0.56916896802823602</v>
      </c>
      <c r="B1293" s="1"/>
      <c r="C1293">
        <v>2</v>
      </c>
      <c r="D1293" t="s">
        <v>2989</v>
      </c>
      <c r="E1293" t="s">
        <v>31227</v>
      </c>
      <c r="F1293">
        <v>5</v>
      </c>
      <c r="H1293" t="s">
        <v>2990</v>
      </c>
      <c r="I1293" t="s">
        <v>30540</v>
      </c>
    </row>
    <row r="1294" spans="1:9">
      <c r="A1294" s="1">
        <f ca="1">RAND()</f>
        <v>0.62471868393181929</v>
      </c>
      <c r="B1294" s="1"/>
      <c r="C1294">
        <v>3</v>
      </c>
      <c r="D1294" t="s">
        <v>2983</v>
      </c>
      <c r="E1294" t="s">
        <v>31228</v>
      </c>
      <c r="F1294">
        <v>5</v>
      </c>
      <c r="H1294" t="s">
        <v>2984</v>
      </c>
      <c r="I1294" t="s">
        <v>30540</v>
      </c>
    </row>
    <row r="1295" spans="1:9">
      <c r="A1295" s="1">
        <f ca="1">RAND()</f>
        <v>0.41161393627288545</v>
      </c>
      <c r="B1295" s="1"/>
      <c r="C1295">
        <v>1</v>
      </c>
      <c r="D1295" t="s">
        <v>2979</v>
      </c>
      <c r="E1295" t="s">
        <v>31228</v>
      </c>
      <c r="F1295">
        <v>4</v>
      </c>
      <c r="H1295" t="s">
        <v>2980</v>
      </c>
      <c r="I1295" t="s">
        <v>30540</v>
      </c>
    </row>
    <row r="1296" spans="1:9">
      <c r="A1296" s="1">
        <f ca="1">RAND()</f>
        <v>0.35215620837409567</v>
      </c>
      <c r="B1296" s="1"/>
      <c r="C1296">
        <v>8</v>
      </c>
      <c r="D1296" t="s">
        <v>2987</v>
      </c>
      <c r="E1296" t="s">
        <v>31228</v>
      </c>
      <c r="F1296">
        <v>4</v>
      </c>
      <c r="H1296" t="s">
        <v>2988</v>
      </c>
      <c r="I1296" t="s">
        <v>30540</v>
      </c>
    </row>
    <row r="1297" spans="1:9">
      <c r="A1297" s="1">
        <f ca="1">RAND()</f>
        <v>7.2066484703945166E-2</v>
      </c>
      <c r="B1297" s="1"/>
      <c r="C1297">
        <v>7</v>
      </c>
      <c r="D1297" t="s">
        <v>2985</v>
      </c>
      <c r="E1297" t="s">
        <v>31228</v>
      </c>
      <c r="F1297">
        <v>4</v>
      </c>
      <c r="H1297" t="s">
        <v>2986</v>
      </c>
      <c r="I1297" t="s">
        <v>30540</v>
      </c>
    </row>
    <row r="1298" spans="1:9">
      <c r="A1298" s="1">
        <f ca="1">RAND()</f>
        <v>0.27115652188572159</v>
      </c>
      <c r="B1298" s="1"/>
      <c r="C1298">
        <v>2</v>
      </c>
      <c r="D1298" t="s">
        <v>2981</v>
      </c>
      <c r="E1298" t="s">
        <v>31228</v>
      </c>
      <c r="F1298">
        <v>2</v>
      </c>
      <c r="H1298" t="s">
        <v>2982</v>
      </c>
      <c r="I1298" t="s">
        <v>30540</v>
      </c>
    </row>
    <row r="1299" spans="1:9">
      <c r="A1299" s="1">
        <f ca="1">RAND()</f>
        <v>0.88327260715480971</v>
      </c>
      <c r="B1299" s="1"/>
      <c r="C1299">
        <v>4</v>
      </c>
      <c r="D1299" t="s">
        <v>2975</v>
      </c>
      <c r="E1299" t="s">
        <v>31229</v>
      </c>
      <c r="F1299">
        <v>4</v>
      </c>
      <c r="H1299" t="s">
        <v>2976</v>
      </c>
      <c r="I1299" t="s">
        <v>30540</v>
      </c>
    </row>
    <row r="1300" spans="1:9">
      <c r="A1300" s="1">
        <f ca="1">RAND()</f>
        <v>0.71346501038722188</v>
      </c>
      <c r="B1300" s="1"/>
      <c r="C1300">
        <v>7</v>
      </c>
      <c r="D1300" t="s">
        <v>2977</v>
      </c>
      <c r="E1300" t="s">
        <v>31229</v>
      </c>
      <c r="F1300">
        <v>4</v>
      </c>
      <c r="H1300" t="s">
        <v>2978</v>
      </c>
      <c r="I1300" t="s">
        <v>30540</v>
      </c>
    </row>
    <row r="1301" spans="1:9">
      <c r="A1301" s="1">
        <f ca="1">RAND()</f>
        <v>0.85527883549948824</v>
      </c>
      <c r="B1301" s="1"/>
      <c r="C1301">
        <v>4</v>
      </c>
      <c r="D1301" t="s">
        <v>2973</v>
      </c>
      <c r="E1301" t="s">
        <v>31230</v>
      </c>
      <c r="F1301">
        <v>4</v>
      </c>
      <c r="H1301" t="s">
        <v>2974</v>
      </c>
      <c r="I1301" t="s">
        <v>30540</v>
      </c>
    </row>
    <row r="1302" spans="1:9">
      <c r="A1302" s="1">
        <f ca="1">RAND()</f>
        <v>0.66768048197615337</v>
      </c>
      <c r="B1302" s="1"/>
      <c r="C1302">
        <v>10</v>
      </c>
      <c r="D1302" t="s">
        <v>2969</v>
      </c>
      <c r="E1302" t="s">
        <v>31231</v>
      </c>
      <c r="F1302">
        <v>4</v>
      </c>
      <c r="H1302" t="s">
        <v>2970</v>
      </c>
      <c r="I1302" t="s">
        <v>30540</v>
      </c>
    </row>
    <row r="1303" spans="1:9">
      <c r="A1303" s="1">
        <f ca="1">RAND()</f>
        <v>0.83617838193878191</v>
      </c>
      <c r="B1303" s="1"/>
      <c r="C1303">
        <v>11</v>
      </c>
      <c r="D1303" t="s">
        <v>2971</v>
      </c>
      <c r="E1303" t="s">
        <v>31231</v>
      </c>
      <c r="F1303">
        <v>2</v>
      </c>
      <c r="H1303" t="s">
        <v>2972</v>
      </c>
      <c r="I1303" t="s">
        <v>30540</v>
      </c>
    </row>
    <row r="1304" spans="1:9">
      <c r="A1304" s="1">
        <f ca="1">RAND()</f>
        <v>0.70120604144010157</v>
      </c>
      <c r="B1304" s="1"/>
      <c r="C1304">
        <v>3</v>
      </c>
      <c r="D1304" t="s">
        <v>2967</v>
      </c>
      <c r="E1304" t="s">
        <v>31232</v>
      </c>
      <c r="F1304">
        <v>4</v>
      </c>
      <c r="H1304" t="s">
        <v>2968</v>
      </c>
      <c r="I1304" t="s">
        <v>30540</v>
      </c>
    </row>
    <row r="1305" spans="1:9">
      <c r="A1305" s="1">
        <f ca="1">RAND()</f>
        <v>0.6446834945033495</v>
      </c>
      <c r="B1305" s="1"/>
      <c r="C1305">
        <v>8</v>
      </c>
      <c r="D1305" t="s">
        <v>2965</v>
      </c>
      <c r="E1305" t="s">
        <v>31233</v>
      </c>
      <c r="F1305">
        <v>4</v>
      </c>
      <c r="H1305" t="s">
        <v>2966</v>
      </c>
      <c r="I1305" t="s">
        <v>30540</v>
      </c>
    </row>
    <row r="1306" spans="1:9">
      <c r="A1306" s="1">
        <f ca="1">RAND()</f>
        <v>9.4875064515193008E-2</v>
      </c>
      <c r="B1306" s="1"/>
      <c r="C1306">
        <v>4</v>
      </c>
      <c r="D1306" t="s">
        <v>2963</v>
      </c>
      <c r="E1306" t="s">
        <v>31234</v>
      </c>
      <c r="F1306">
        <v>3</v>
      </c>
      <c r="H1306" t="s">
        <v>2964</v>
      </c>
      <c r="I1306" t="s">
        <v>30540</v>
      </c>
    </row>
    <row r="1307" spans="1:9">
      <c r="A1307" s="1">
        <f ca="1">RAND()</f>
        <v>0.30971943705331129</v>
      </c>
      <c r="B1307" s="1"/>
      <c r="C1307">
        <v>5</v>
      </c>
      <c r="D1307" t="s">
        <v>2961</v>
      </c>
      <c r="E1307" t="s">
        <v>31235</v>
      </c>
      <c r="F1307">
        <v>4</v>
      </c>
      <c r="H1307" t="s">
        <v>2962</v>
      </c>
      <c r="I1307" t="s">
        <v>30540</v>
      </c>
    </row>
    <row r="1308" spans="1:9">
      <c r="A1308" s="1">
        <f ca="1">RAND()</f>
        <v>0.94563376844527935</v>
      </c>
      <c r="B1308" s="1"/>
      <c r="C1308">
        <v>4</v>
      </c>
      <c r="D1308" t="s">
        <v>2959</v>
      </c>
      <c r="E1308" t="s">
        <v>31236</v>
      </c>
      <c r="F1308">
        <v>4</v>
      </c>
      <c r="H1308" t="s">
        <v>2960</v>
      </c>
      <c r="I1308" t="s">
        <v>30540</v>
      </c>
    </row>
    <row r="1309" spans="1:9">
      <c r="A1309" s="1">
        <f ca="1">RAND()</f>
        <v>9.7285718387076336E-2</v>
      </c>
      <c r="B1309" s="1"/>
      <c r="C1309">
        <v>3</v>
      </c>
      <c r="D1309" t="s">
        <v>2957</v>
      </c>
      <c r="E1309" t="s">
        <v>31237</v>
      </c>
      <c r="F1309">
        <v>3</v>
      </c>
      <c r="H1309" t="s">
        <v>2958</v>
      </c>
      <c r="I1309" t="s">
        <v>30540</v>
      </c>
    </row>
    <row r="1310" spans="1:9">
      <c r="A1310" s="1">
        <f ca="1">RAND()</f>
        <v>0.33306193281396435</v>
      </c>
      <c r="B1310" s="1"/>
      <c r="C1310">
        <v>2</v>
      </c>
      <c r="D1310" t="s">
        <v>2955</v>
      </c>
      <c r="E1310" t="s">
        <v>31238</v>
      </c>
      <c r="F1310">
        <v>4</v>
      </c>
      <c r="H1310" t="s">
        <v>2956</v>
      </c>
      <c r="I1310" t="s">
        <v>30540</v>
      </c>
    </row>
    <row r="1311" spans="1:9">
      <c r="A1311" s="1">
        <f ca="1">RAND()</f>
        <v>0.99270552698038239</v>
      </c>
      <c r="B1311" s="1"/>
      <c r="C1311">
        <v>10</v>
      </c>
      <c r="D1311" t="s">
        <v>2953</v>
      </c>
      <c r="E1311" t="s">
        <v>31239</v>
      </c>
      <c r="F1311">
        <v>5</v>
      </c>
      <c r="H1311" t="s">
        <v>2954</v>
      </c>
      <c r="I1311" t="s">
        <v>30540</v>
      </c>
    </row>
    <row r="1312" spans="1:9">
      <c r="A1312" s="1">
        <f ca="1">RAND()</f>
        <v>0.93391038979350449</v>
      </c>
      <c r="B1312" s="1"/>
      <c r="C1312">
        <v>6</v>
      </c>
      <c r="D1312" t="s">
        <v>2951</v>
      </c>
      <c r="E1312" t="s">
        <v>31239</v>
      </c>
      <c r="F1312">
        <v>3</v>
      </c>
      <c r="H1312" t="s">
        <v>2952</v>
      </c>
      <c r="I1312" t="s">
        <v>30540</v>
      </c>
    </row>
    <row r="1313" spans="1:9">
      <c r="A1313" s="1">
        <f ca="1">RAND()</f>
        <v>0.37038700805980518</v>
      </c>
      <c r="B1313" s="1"/>
      <c r="C1313">
        <v>4</v>
      </c>
      <c r="D1313" t="s">
        <v>2949</v>
      </c>
      <c r="E1313" t="s">
        <v>31239</v>
      </c>
      <c r="F1313">
        <v>2</v>
      </c>
      <c r="H1313" t="s">
        <v>2950</v>
      </c>
      <c r="I1313" t="s">
        <v>30540</v>
      </c>
    </row>
    <row r="1314" spans="1:9">
      <c r="A1314" s="1">
        <f ca="1">RAND()</f>
        <v>0.4728185901576285</v>
      </c>
      <c r="B1314" s="1"/>
      <c r="C1314">
        <v>4</v>
      </c>
      <c r="D1314" t="s">
        <v>2943</v>
      </c>
      <c r="E1314" t="s">
        <v>31240</v>
      </c>
      <c r="F1314">
        <v>5</v>
      </c>
      <c r="H1314" t="s">
        <v>2944</v>
      </c>
      <c r="I1314" t="s">
        <v>30540</v>
      </c>
    </row>
    <row r="1315" spans="1:9">
      <c r="A1315" s="1">
        <f ca="1">RAND()</f>
        <v>7.6605093597516993E-2</v>
      </c>
      <c r="B1315" s="1"/>
      <c r="C1315">
        <v>8</v>
      </c>
      <c r="D1315" t="s">
        <v>2945</v>
      </c>
      <c r="E1315" t="s">
        <v>31240</v>
      </c>
      <c r="F1315">
        <v>4</v>
      </c>
      <c r="H1315" t="s">
        <v>2946</v>
      </c>
      <c r="I1315" t="s">
        <v>30540</v>
      </c>
    </row>
    <row r="1316" spans="1:9">
      <c r="A1316" s="1">
        <f ca="1">RAND()</f>
        <v>0.94738202641903935</v>
      </c>
      <c r="B1316" s="1"/>
      <c r="C1316">
        <v>9</v>
      </c>
      <c r="D1316" t="s">
        <v>2947</v>
      </c>
      <c r="E1316" t="s">
        <v>31240</v>
      </c>
      <c r="F1316">
        <v>4</v>
      </c>
      <c r="H1316" t="s">
        <v>2948</v>
      </c>
      <c r="I1316" t="s">
        <v>30540</v>
      </c>
    </row>
    <row r="1317" spans="1:9">
      <c r="A1317" s="1">
        <f ca="1">RAND()</f>
        <v>0.7601783322882214</v>
      </c>
      <c r="B1317" s="1"/>
      <c r="C1317">
        <v>3</v>
      </c>
      <c r="D1317" t="s">
        <v>2939</v>
      </c>
      <c r="E1317" t="s">
        <v>31241</v>
      </c>
      <c r="F1317">
        <v>5</v>
      </c>
      <c r="H1317" t="s">
        <v>2940</v>
      </c>
      <c r="I1317" t="s">
        <v>30540</v>
      </c>
    </row>
    <row r="1318" spans="1:9">
      <c r="A1318" s="1">
        <f ca="1">RAND()</f>
        <v>0.99506966992655255</v>
      </c>
      <c r="B1318" s="1"/>
      <c r="C1318">
        <v>6</v>
      </c>
      <c r="D1318" t="s">
        <v>2941</v>
      </c>
      <c r="E1318" t="s">
        <v>31241</v>
      </c>
      <c r="F1318">
        <v>2</v>
      </c>
      <c r="H1318" t="s">
        <v>2942</v>
      </c>
      <c r="I1318" t="s">
        <v>30540</v>
      </c>
    </row>
    <row r="1319" spans="1:9">
      <c r="A1319" s="1">
        <f ca="1">RAND()</f>
        <v>0.25925531354112574</v>
      </c>
      <c r="B1319" s="1"/>
      <c r="C1319">
        <v>6</v>
      </c>
      <c r="D1319" t="s">
        <v>2937</v>
      </c>
      <c r="E1319" t="s">
        <v>31242</v>
      </c>
      <c r="F1319">
        <v>4</v>
      </c>
      <c r="H1319" t="s">
        <v>2938</v>
      </c>
      <c r="I1319" t="s">
        <v>30540</v>
      </c>
    </row>
    <row r="1320" spans="1:9">
      <c r="A1320" s="1">
        <f ca="1">RAND()</f>
        <v>8.6993896822615713E-2</v>
      </c>
      <c r="B1320" s="1"/>
      <c r="C1320">
        <v>7</v>
      </c>
      <c r="D1320" t="s">
        <v>2935</v>
      </c>
      <c r="E1320" t="s">
        <v>31243</v>
      </c>
      <c r="F1320">
        <v>5</v>
      </c>
      <c r="H1320" t="s">
        <v>2936</v>
      </c>
      <c r="I1320" t="s">
        <v>30540</v>
      </c>
    </row>
    <row r="1321" spans="1:9">
      <c r="A1321" s="1">
        <f ca="1">RAND()</f>
        <v>0.71471455200137435</v>
      </c>
      <c r="B1321" s="1"/>
      <c r="C1321">
        <v>2</v>
      </c>
      <c r="D1321" t="s">
        <v>2931</v>
      </c>
      <c r="E1321" t="s">
        <v>31243</v>
      </c>
      <c r="F1321">
        <v>4</v>
      </c>
      <c r="H1321" t="s">
        <v>2932</v>
      </c>
      <c r="I1321" t="s">
        <v>30540</v>
      </c>
    </row>
    <row r="1322" spans="1:9">
      <c r="A1322" s="1">
        <f ca="1">RAND()</f>
        <v>0.43621058135831547</v>
      </c>
      <c r="B1322" s="1"/>
      <c r="C1322">
        <v>5</v>
      </c>
      <c r="D1322" t="s">
        <v>2933</v>
      </c>
      <c r="E1322" t="s">
        <v>31243</v>
      </c>
      <c r="F1322">
        <v>2</v>
      </c>
      <c r="H1322" t="s">
        <v>2934</v>
      </c>
      <c r="I1322" t="s">
        <v>30540</v>
      </c>
    </row>
    <row r="1323" spans="1:9">
      <c r="A1323" s="1">
        <f ca="1">RAND()</f>
        <v>0.67135982871490985</v>
      </c>
      <c r="B1323" s="1"/>
      <c r="C1323">
        <v>1</v>
      </c>
      <c r="D1323" t="s">
        <v>2929</v>
      </c>
      <c r="E1323" t="s">
        <v>31244</v>
      </c>
      <c r="F1323">
        <v>2</v>
      </c>
      <c r="H1323" t="s">
        <v>2930</v>
      </c>
      <c r="I1323" t="s">
        <v>30540</v>
      </c>
    </row>
    <row r="1324" spans="1:9">
      <c r="A1324" s="1">
        <f ca="1">RAND()</f>
        <v>0.11070427442098407</v>
      </c>
      <c r="B1324" s="1"/>
      <c r="C1324">
        <v>5</v>
      </c>
      <c r="D1324" t="s">
        <v>2927</v>
      </c>
      <c r="E1324" t="s">
        <v>31245</v>
      </c>
      <c r="F1324">
        <v>2</v>
      </c>
      <c r="H1324" t="s">
        <v>2928</v>
      </c>
      <c r="I1324" t="s">
        <v>30540</v>
      </c>
    </row>
    <row r="1325" spans="1:9">
      <c r="A1325" s="1">
        <f ca="1">RAND()</f>
        <v>0.68333761931060233</v>
      </c>
      <c r="B1325" s="1"/>
      <c r="C1325">
        <v>2</v>
      </c>
      <c r="D1325" t="s">
        <v>2925</v>
      </c>
      <c r="E1325" t="s">
        <v>31246</v>
      </c>
      <c r="F1325">
        <v>4</v>
      </c>
      <c r="H1325" t="s">
        <v>2926</v>
      </c>
      <c r="I1325" t="s">
        <v>30540</v>
      </c>
    </row>
    <row r="1326" spans="1:9">
      <c r="A1326" s="1">
        <f ca="1">RAND()</f>
        <v>0.7221098099294323</v>
      </c>
      <c r="B1326" s="1"/>
      <c r="C1326">
        <v>3</v>
      </c>
      <c r="D1326" t="s">
        <v>2921</v>
      </c>
      <c r="E1326" t="s">
        <v>31247</v>
      </c>
      <c r="F1326">
        <v>5</v>
      </c>
      <c r="H1326" t="s">
        <v>2922</v>
      </c>
      <c r="I1326" t="s">
        <v>30540</v>
      </c>
    </row>
    <row r="1327" spans="1:9">
      <c r="A1327" s="1">
        <f ca="1">RAND()</f>
        <v>0.29400861609657014</v>
      </c>
      <c r="B1327" s="1"/>
      <c r="C1327">
        <v>7</v>
      </c>
      <c r="D1327" t="s">
        <v>2923</v>
      </c>
      <c r="E1327" t="s">
        <v>31247</v>
      </c>
      <c r="F1327">
        <v>4</v>
      </c>
      <c r="H1327" t="s">
        <v>2924</v>
      </c>
      <c r="I1327" t="s">
        <v>30540</v>
      </c>
    </row>
    <row r="1328" spans="1:9">
      <c r="A1328" s="1">
        <f ca="1">RAND()</f>
        <v>0.66289125217694866</v>
      </c>
      <c r="B1328" s="1"/>
      <c r="C1328">
        <v>1</v>
      </c>
      <c r="D1328" t="s">
        <v>2919</v>
      </c>
      <c r="E1328" t="s">
        <v>31247</v>
      </c>
      <c r="F1328">
        <v>4</v>
      </c>
      <c r="H1328" t="s">
        <v>2920</v>
      </c>
      <c r="I1328" t="s">
        <v>30540</v>
      </c>
    </row>
    <row r="1329" spans="1:9">
      <c r="A1329" s="1">
        <f ca="1">RAND()</f>
        <v>0.22667767064162758</v>
      </c>
      <c r="B1329" s="1"/>
      <c r="C1329">
        <v>4</v>
      </c>
      <c r="D1329" t="s">
        <v>2917</v>
      </c>
      <c r="E1329" t="s">
        <v>31248</v>
      </c>
      <c r="F1329">
        <v>4</v>
      </c>
      <c r="H1329" t="s">
        <v>2918</v>
      </c>
      <c r="I1329" t="s">
        <v>30540</v>
      </c>
    </row>
    <row r="1330" spans="1:9">
      <c r="A1330" s="1">
        <f ca="1">RAND()</f>
        <v>0.66377515640640228</v>
      </c>
      <c r="B1330" s="1"/>
      <c r="C1330">
        <v>3</v>
      </c>
      <c r="D1330" t="s">
        <v>2915</v>
      </c>
      <c r="E1330" t="s">
        <v>31248</v>
      </c>
      <c r="F1330">
        <v>4</v>
      </c>
      <c r="H1330" t="s">
        <v>2916</v>
      </c>
      <c r="I1330" t="s">
        <v>30540</v>
      </c>
    </row>
    <row r="1331" spans="1:9">
      <c r="A1331" s="1">
        <f ca="1">RAND()</f>
        <v>0.37296471840725798</v>
      </c>
      <c r="B1331" s="1"/>
      <c r="C1331">
        <v>5</v>
      </c>
      <c r="D1331" t="s">
        <v>2913</v>
      </c>
      <c r="E1331" t="s">
        <v>31249</v>
      </c>
      <c r="F1331">
        <v>5</v>
      </c>
      <c r="H1331" t="s">
        <v>2914</v>
      </c>
      <c r="I1331" t="s">
        <v>30540</v>
      </c>
    </row>
    <row r="1332" spans="1:9">
      <c r="A1332" s="1">
        <f ca="1">RAND()</f>
        <v>0.83429944553502922</v>
      </c>
      <c r="B1332" s="1"/>
      <c r="C1332">
        <v>6</v>
      </c>
      <c r="D1332" t="s">
        <v>2911</v>
      </c>
      <c r="E1332" t="s">
        <v>31250</v>
      </c>
      <c r="F1332">
        <v>4</v>
      </c>
      <c r="H1332" t="s">
        <v>2912</v>
      </c>
      <c r="I1332" t="s">
        <v>30540</v>
      </c>
    </row>
    <row r="1333" spans="1:9">
      <c r="A1333" s="1">
        <f ca="1">RAND()</f>
        <v>0.29408077908717334</v>
      </c>
      <c r="B1333" s="1"/>
      <c r="C1333">
        <v>5</v>
      </c>
      <c r="D1333" t="s">
        <v>2909</v>
      </c>
      <c r="E1333" t="s">
        <v>31251</v>
      </c>
      <c r="F1333">
        <v>4</v>
      </c>
      <c r="H1333" t="s">
        <v>2910</v>
      </c>
      <c r="I1333" t="s">
        <v>30540</v>
      </c>
    </row>
    <row r="1334" spans="1:9">
      <c r="A1334" s="1">
        <f ca="1">RAND()</f>
        <v>0.52662955212111995</v>
      </c>
      <c r="B1334" s="1"/>
      <c r="C1334">
        <v>3</v>
      </c>
      <c r="D1334" t="s">
        <v>2907</v>
      </c>
      <c r="E1334" t="s">
        <v>31251</v>
      </c>
      <c r="F1334">
        <v>4</v>
      </c>
      <c r="H1334" t="s">
        <v>2908</v>
      </c>
      <c r="I1334" t="s">
        <v>30540</v>
      </c>
    </row>
    <row r="1335" spans="1:9">
      <c r="A1335" s="1">
        <f ca="1">RAND()</f>
        <v>0.28194605650150872</v>
      </c>
      <c r="B1335" s="1"/>
      <c r="C1335">
        <v>2</v>
      </c>
      <c r="D1335" t="s">
        <v>2905</v>
      </c>
      <c r="E1335" t="s">
        <v>31251</v>
      </c>
      <c r="F1335">
        <v>4</v>
      </c>
      <c r="H1335" t="s">
        <v>2906</v>
      </c>
      <c r="I1335" t="s">
        <v>30540</v>
      </c>
    </row>
    <row r="1336" spans="1:9">
      <c r="A1336" s="1">
        <f ca="1">RAND()</f>
        <v>0.17907072826766512</v>
      </c>
      <c r="B1336" s="1"/>
      <c r="C1336">
        <v>2</v>
      </c>
      <c r="D1336" t="s">
        <v>2899</v>
      </c>
      <c r="E1336" t="s">
        <v>31252</v>
      </c>
      <c r="F1336">
        <v>5</v>
      </c>
      <c r="H1336" t="s">
        <v>2900</v>
      </c>
      <c r="I1336" t="s">
        <v>30540</v>
      </c>
    </row>
    <row r="1337" spans="1:9">
      <c r="A1337" s="1">
        <f ca="1">RAND()</f>
        <v>0.1862898798979703</v>
      </c>
      <c r="B1337" s="1"/>
      <c r="C1337">
        <v>9</v>
      </c>
      <c r="D1337" t="s">
        <v>2903</v>
      </c>
      <c r="E1337" t="s">
        <v>31252</v>
      </c>
      <c r="F1337">
        <v>4</v>
      </c>
      <c r="H1337" t="s">
        <v>2904</v>
      </c>
      <c r="I1337" t="s">
        <v>30540</v>
      </c>
    </row>
    <row r="1338" spans="1:9">
      <c r="A1338" s="1">
        <f ca="1">RAND()</f>
        <v>0.24325004288588814</v>
      </c>
      <c r="B1338" s="1"/>
      <c r="C1338">
        <v>3</v>
      </c>
      <c r="D1338" t="s">
        <v>2901</v>
      </c>
      <c r="E1338" t="s">
        <v>31252</v>
      </c>
      <c r="F1338">
        <v>4</v>
      </c>
      <c r="H1338" t="s">
        <v>2902</v>
      </c>
      <c r="I1338" t="s">
        <v>30540</v>
      </c>
    </row>
    <row r="1339" spans="1:9">
      <c r="A1339" s="1">
        <f ca="1">RAND()</f>
        <v>0.63197036864503964</v>
      </c>
      <c r="B1339" s="1"/>
      <c r="C1339">
        <v>4</v>
      </c>
      <c r="D1339" t="s">
        <v>2897</v>
      </c>
      <c r="E1339" t="s">
        <v>31253</v>
      </c>
      <c r="F1339">
        <v>2</v>
      </c>
      <c r="H1339" t="s">
        <v>2898</v>
      </c>
      <c r="I1339" t="s">
        <v>30540</v>
      </c>
    </row>
    <row r="1340" spans="1:9">
      <c r="A1340" s="1">
        <f ca="1">RAND()</f>
        <v>0.26009625919282542</v>
      </c>
      <c r="B1340" s="1"/>
      <c r="C1340">
        <v>2</v>
      </c>
      <c r="D1340" t="s">
        <v>2891</v>
      </c>
      <c r="E1340" t="s">
        <v>31254</v>
      </c>
      <c r="F1340">
        <v>4</v>
      </c>
      <c r="H1340" t="s">
        <v>2892</v>
      </c>
      <c r="I1340" t="s">
        <v>30540</v>
      </c>
    </row>
    <row r="1341" spans="1:9">
      <c r="A1341" s="1">
        <f ca="1">RAND()</f>
        <v>3.1218215162957752E-2</v>
      </c>
      <c r="B1341" s="1"/>
      <c r="C1341">
        <v>4</v>
      </c>
      <c r="D1341" t="s">
        <v>2893</v>
      </c>
      <c r="E1341" t="s">
        <v>31254</v>
      </c>
      <c r="F1341">
        <v>4</v>
      </c>
      <c r="H1341" t="s">
        <v>2894</v>
      </c>
      <c r="I1341" t="s">
        <v>30540</v>
      </c>
    </row>
    <row r="1342" spans="1:9">
      <c r="A1342" s="1">
        <f ca="1">RAND()</f>
        <v>0.50169643413839227</v>
      </c>
      <c r="B1342" s="1"/>
      <c r="C1342">
        <v>5</v>
      </c>
      <c r="D1342" t="s">
        <v>2895</v>
      </c>
      <c r="E1342" t="s">
        <v>31254</v>
      </c>
      <c r="F1342">
        <v>4</v>
      </c>
      <c r="H1342" t="s">
        <v>2896</v>
      </c>
      <c r="I1342" t="s">
        <v>30540</v>
      </c>
    </row>
    <row r="1343" spans="1:9">
      <c r="A1343" s="1">
        <f ca="1">RAND()</f>
        <v>0.31399884469628747</v>
      </c>
      <c r="B1343" s="1"/>
      <c r="C1343">
        <v>4</v>
      </c>
      <c r="D1343" t="s">
        <v>2889</v>
      </c>
      <c r="E1343" t="s">
        <v>31255</v>
      </c>
      <c r="F1343">
        <v>4</v>
      </c>
      <c r="H1343" t="s">
        <v>2890</v>
      </c>
      <c r="I1343" t="s">
        <v>30540</v>
      </c>
    </row>
    <row r="1344" spans="1:9">
      <c r="A1344" s="1">
        <f ca="1">RAND()</f>
        <v>0.16027266043301225</v>
      </c>
      <c r="B1344" s="1"/>
      <c r="C1344">
        <v>2</v>
      </c>
      <c r="D1344" t="s">
        <v>2885</v>
      </c>
      <c r="E1344" t="s">
        <v>31256</v>
      </c>
      <c r="F1344">
        <v>4</v>
      </c>
      <c r="H1344" t="s">
        <v>2886</v>
      </c>
      <c r="I1344" t="s">
        <v>30540</v>
      </c>
    </row>
    <row r="1345" spans="1:9">
      <c r="A1345" s="1">
        <f ca="1">RAND()</f>
        <v>0.20182014646745194</v>
      </c>
      <c r="B1345" s="1"/>
      <c r="C1345">
        <v>4</v>
      </c>
      <c r="D1345" t="s">
        <v>2887</v>
      </c>
      <c r="E1345" t="s">
        <v>31256</v>
      </c>
      <c r="F1345">
        <v>3</v>
      </c>
      <c r="H1345" t="s">
        <v>2888</v>
      </c>
      <c r="I1345" t="s">
        <v>30540</v>
      </c>
    </row>
    <row r="1346" spans="1:9">
      <c r="A1346" s="1">
        <f ca="1">RAND()</f>
        <v>0.20050086008939338</v>
      </c>
      <c r="B1346" s="1"/>
      <c r="C1346">
        <v>5</v>
      </c>
      <c r="D1346" t="s">
        <v>2883</v>
      </c>
      <c r="E1346" t="s">
        <v>31257</v>
      </c>
      <c r="F1346">
        <v>4</v>
      </c>
      <c r="H1346" t="s">
        <v>2884</v>
      </c>
      <c r="I1346" t="s">
        <v>30540</v>
      </c>
    </row>
    <row r="1347" spans="1:9">
      <c r="A1347" s="1">
        <f ca="1">RAND()</f>
        <v>0.98297077882144934</v>
      </c>
      <c r="B1347" s="1"/>
      <c r="C1347">
        <v>3</v>
      </c>
      <c r="D1347" t="s">
        <v>2881</v>
      </c>
      <c r="E1347" t="s">
        <v>31257</v>
      </c>
      <c r="F1347">
        <v>4</v>
      </c>
      <c r="H1347" t="s">
        <v>2882</v>
      </c>
      <c r="I1347" t="s">
        <v>30540</v>
      </c>
    </row>
    <row r="1348" spans="1:9">
      <c r="A1348" s="1">
        <f ca="1">RAND()</f>
        <v>0.22946613172410979</v>
      </c>
      <c r="B1348" s="1"/>
      <c r="C1348">
        <v>7</v>
      </c>
      <c r="D1348" t="s">
        <v>2879</v>
      </c>
      <c r="E1348" t="s">
        <v>31258</v>
      </c>
      <c r="F1348">
        <v>5</v>
      </c>
      <c r="H1348" t="s">
        <v>2880</v>
      </c>
      <c r="I1348" t="s">
        <v>30540</v>
      </c>
    </row>
    <row r="1349" spans="1:9">
      <c r="A1349" s="1">
        <f ca="1">RAND()</f>
        <v>0.82837689909145507</v>
      </c>
      <c r="B1349" s="1"/>
      <c r="C1349">
        <v>1</v>
      </c>
      <c r="D1349" t="s">
        <v>2877</v>
      </c>
      <c r="E1349" t="s">
        <v>31259</v>
      </c>
      <c r="F1349">
        <v>5</v>
      </c>
      <c r="H1349" t="s">
        <v>2878</v>
      </c>
      <c r="I1349" t="s">
        <v>30540</v>
      </c>
    </row>
    <row r="1350" spans="1:9">
      <c r="A1350" s="1">
        <f ca="1">RAND()</f>
        <v>0.11048365758257495</v>
      </c>
      <c r="B1350" s="1"/>
      <c r="C1350">
        <v>3</v>
      </c>
      <c r="D1350" t="s">
        <v>2873</v>
      </c>
      <c r="E1350" t="s">
        <v>31260</v>
      </c>
      <c r="F1350">
        <v>5</v>
      </c>
      <c r="H1350" t="s">
        <v>2874</v>
      </c>
      <c r="I1350" t="s">
        <v>30540</v>
      </c>
    </row>
    <row r="1351" spans="1:9">
      <c r="A1351" s="1">
        <f ca="1">RAND()</f>
        <v>0.87305658235575745</v>
      </c>
      <c r="B1351" s="1"/>
      <c r="C1351">
        <v>4</v>
      </c>
      <c r="D1351" t="s">
        <v>2875</v>
      </c>
      <c r="E1351" t="s">
        <v>31260</v>
      </c>
      <c r="F1351">
        <v>2</v>
      </c>
      <c r="H1351" t="s">
        <v>2876</v>
      </c>
      <c r="I1351" t="s">
        <v>30540</v>
      </c>
    </row>
    <row r="1352" spans="1:9">
      <c r="A1352" s="1">
        <f ca="1">RAND()</f>
        <v>0.85833803433177069</v>
      </c>
      <c r="B1352" s="1"/>
      <c r="C1352">
        <v>1</v>
      </c>
      <c r="D1352" t="s">
        <v>2867</v>
      </c>
      <c r="E1352" t="s">
        <v>31261</v>
      </c>
      <c r="F1352">
        <v>4</v>
      </c>
      <c r="H1352" t="s">
        <v>2868</v>
      </c>
      <c r="I1352" t="s">
        <v>30540</v>
      </c>
    </row>
    <row r="1353" spans="1:9">
      <c r="A1353" s="1">
        <f ca="1">RAND()</f>
        <v>0.33929330996588358</v>
      </c>
      <c r="B1353" s="1"/>
      <c r="C1353">
        <v>5</v>
      </c>
      <c r="D1353" t="s">
        <v>2869</v>
      </c>
      <c r="E1353" t="s">
        <v>31261</v>
      </c>
      <c r="F1353">
        <v>4</v>
      </c>
      <c r="H1353" t="s">
        <v>2870</v>
      </c>
      <c r="I1353" t="s">
        <v>30540</v>
      </c>
    </row>
    <row r="1354" spans="1:9">
      <c r="A1354" s="1">
        <f ca="1">RAND()</f>
        <v>0.63114375884168095</v>
      </c>
      <c r="B1354" s="1"/>
      <c r="C1354">
        <v>7</v>
      </c>
      <c r="D1354" t="s">
        <v>2871</v>
      </c>
      <c r="E1354" t="s">
        <v>31261</v>
      </c>
      <c r="F1354">
        <v>3</v>
      </c>
      <c r="H1354" t="s">
        <v>2872</v>
      </c>
      <c r="I1354" t="s">
        <v>30540</v>
      </c>
    </row>
    <row r="1355" spans="1:9">
      <c r="A1355" s="1">
        <f ca="1">RAND()</f>
        <v>0.31959214025252025</v>
      </c>
      <c r="B1355" s="1"/>
      <c r="C1355">
        <v>13</v>
      </c>
      <c r="D1355" t="s">
        <v>2865</v>
      </c>
      <c r="E1355" t="s">
        <v>31262</v>
      </c>
      <c r="F1355">
        <v>5</v>
      </c>
      <c r="H1355" t="s">
        <v>2866</v>
      </c>
      <c r="I1355" t="s">
        <v>30540</v>
      </c>
    </row>
    <row r="1356" spans="1:9">
      <c r="A1356" s="1">
        <f ca="1">RAND()</f>
        <v>0.85758095511281618</v>
      </c>
      <c r="B1356" s="1"/>
      <c r="C1356">
        <v>10</v>
      </c>
      <c r="D1356" t="s">
        <v>2861</v>
      </c>
      <c r="E1356" t="s">
        <v>31262</v>
      </c>
      <c r="F1356">
        <v>4</v>
      </c>
      <c r="H1356" t="s">
        <v>2862</v>
      </c>
      <c r="I1356" t="s">
        <v>30540</v>
      </c>
    </row>
    <row r="1357" spans="1:9">
      <c r="A1357" s="1">
        <f ca="1">RAND()</f>
        <v>0.35265021756654269</v>
      </c>
      <c r="B1357" s="1"/>
      <c r="C1357">
        <v>12</v>
      </c>
      <c r="D1357" t="s">
        <v>2863</v>
      </c>
      <c r="E1357" t="s">
        <v>31262</v>
      </c>
      <c r="F1357">
        <v>4</v>
      </c>
      <c r="H1357" t="s">
        <v>2864</v>
      </c>
      <c r="I1357" t="s">
        <v>30540</v>
      </c>
    </row>
    <row r="1358" spans="1:9">
      <c r="A1358" s="1">
        <f ca="1">RAND()</f>
        <v>0.99731428479781559</v>
      </c>
      <c r="B1358" s="1"/>
      <c r="C1358">
        <v>3</v>
      </c>
      <c r="D1358" t="s">
        <v>2859</v>
      </c>
      <c r="E1358" t="s">
        <v>31263</v>
      </c>
      <c r="F1358">
        <v>4</v>
      </c>
      <c r="H1358" t="s">
        <v>2860</v>
      </c>
      <c r="I1358" t="s">
        <v>30540</v>
      </c>
    </row>
    <row r="1359" spans="1:9">
      <c r="A1359" s="1">
        <f ca="1">RAND()</f>
        <v>0.43900752288394129</v>
      </c>
      <c r="B1359" s="1"/>
      <c r="C1359">
        <v>4</v>
      </c>
      <c r="D1359" t="s">
        <v>2857</v>
      </c>
      <c r="E1359" t="s">
        <v>31264</v>
      </c>
      <c r="F1359">
        <v>4</v>
      </c>
      <c r="H1359" t="s">
        <v>2858</v>
      </c>
      <c r="I1359" t="s">
        <v>30540</v>
      </c>
    </row>
    <row r="1360" spans="1:9">
      <c r="A1360" s="1">
        <f ca="1">RAND()</f>
        <v>0.75654980546110306</v>
      </c>
      <c r="B1360" s="1"/>
      <c r="C1360">
        <v>3</v>
      </c>
      <c r="D1360" t="s">
        <v>2855</v>
      </c>
      <c r="E1360" t="s">
        <v>31265</v>
      </c>
      <c r="F1360">
        <v>5</v>
      </c>
      <c r="H1360" t="s">
        <v>2856</v>
      </c>
      <c r="I1360" t="s">
        <v>30540</v>
      </c>
    </row>
    <row r="1361" spans="1:9">
      <c r="A1361" s="1">
        <f ca="1">RAND()</f>
        <v>0.57477499587265091</v>
      </c>
      <c r="B1361" s="1"/>
      <c r="C1361">
        <v>7</v>
      </c>
      <c r="D1361" t="s">
        <v>2853</v>
      </c>
      <c r="E1361" t="s">
        <v>31266</v>
      </c>
      <c r="F1361">
        <v>4</v>
      </c>
      <c r="H1361" t="s">
        <v>2854</v>
      </c>
      <c r="I1361" t="s">
        <v>30540</v>
      </c>
    </row>
    <row r="1362" spans="1:9">
      <c r="A1362" s="1">
        <f ca="1">RAND()</f>
        <v>0.56530688398368223</v>
      </c>
      <c r="B1362" s="1"/>
      <c r="C1362">
        <v>1</v>
      </c>
      <c r="D1362" t="s">
        <v>2851</v>
      </c>
      <c r="E1362" t="s">
        <v>31266</v>
      </c>
      <c r="F1362">
        <v>3</v>
      </c>
      <c r="H1362" t="s">
        <v>2852</v>
      </c>
      <c r="I1362" t="s">
        <v>30540</v>
      </c>
    </row>
    <row r="1363" spans="1:9">
      <c r="A1363" s="1">
        <f ca="1">RAND()</f>
        <v>0.74804524054657295</v>
      </c>
      <c r="B1363" s="1"/>
      <c r="C1363">
        <v>11</v>
      </c>
      <c r="D1363" t="s">
        <v>2849</v>
      </c>
      <c r="E1363" t="s">
        <v>31267</v>
      </c>
      <c r="F1363">
        <v>4</v>
      </c>
      <c r="H1363" t="s">
        <v>2850</v>
      </c>
      <c r="I1363" t="s">
        <v>30540</v>
      </c>
    </row>
    <row r="1364" spans="1:9">
      <c r="A1364" s="1">
        <f ca="1">RAND()</f>
        <v>0.65266645459204287</v>
      </c>
      <c r="B1364" s="1"/>
      <c r="C1364">
        <v>4</v>
      </c>
      <c r="D1364" t="s">
        <v>2847</v>
      </c>
      <c r="E1364" t="s">
        <v>31268</v>
      </c>
      <c r="F1364">
        <v>2</v>
      </c>
      <c r="H1364" t="s">
        <v>2848</v>
      </c>
      <c r="I1364" t="s">
        <v>30540</v>
      </c>
    </row>
    <row r="1365" spans="1:9">
      <c r="A1365" s="1">
        <f ca="1">RAND()</f>
        <v>0.79172886151202637</v>
      </c>
      <c r="B1365" s="1"/>
      <c r="C1365">
        <v>3</v>
      </c>
      <c r="D1365" t="s">
        <v>2843</v>
      </c>
      <c r="E1365" t="s">
        <v>31269</v>
      </c>
      <c r="F1365">
        <v>4</v>
      </c>
      <c r="H1365" t="s">
        <v>2844</v>
      </c>
      <c r="I1365" t="s">
        <v>30540</v>
      </c>
    </row>
    <row r="1366" spans="1:9">
      <c r="A1366" s="1">
        <f ca="1">RAND()</f>
        <v>0.38550230642261141</v>
      </c>
      <c r="B1366" s="1"/>
      <c r="C1366">
        <v>6</v>
      </c>
      <c r="D1366" t="s">
        <v>2845</v>
      </c>
      <c r="E1366" t="s">
        <v>31269</v>
      </c>
      <c r="F1366">
        <v>4</v>
      </c>
      <c r="H1366" t="s">
        <v>2846</v>
      </c>
      <c r="I1366" t="s">
        <v>30540</v>
      </c>
    </row>
    <row r="1367" spans="1:9">
      <c r="A1367" s="1">
        <f ca="1">RAND()</f>
        <v>0.62299811737549937</v>
      </c>
      <c r="B1367" s="1"/>
      <c r="C1367">
        <v>1</v>
      </c>
      <c r="D1367" t="s">
        <v>2839</v>
      </c>
      <c r="E1367" t="s">
        <v>31270</v>
      </c>
      <c r="F1367">
        <v>3</v>
      </c>
      <c r="H1367" t="s">
        <v>2840</v>
      </c>
      <c r="I1367" t="s">
        <v>30540</v>
      </c>
    </row>
    <row r="1368" spans="1:9">
      <c r="A1368" s="1">
        <f ca="1">RAND()</f>
        <v>0.58232483585822414</v>
      </c>
      <c r="B1368" s="1"/>
      <c r="C1368">
        <v>3</v>
      </c>
      <c r="D1368" t="s">
        <v>2841</v>
      </c>
      <c r="E1368" t="s">
        <v>31270</v>
      </c>
      <c r="F1368">
        <v>2</v>
      </c>
      <c r="H1368" t="s">
        <v>2842</v>
      </c>
      <c r="I1368" t="s">
        <v>30540</v>
      </c>
    </row>
    <row r="1369" spans="1:9">
      <c r="A1369" s="1">
        <f ca="1">RAND()</f>
        <v>0.85891217082325899</v>
      </c>
      <c r="B1369" s="1"/>
      <c r="C1369">
        <v>9</v>
      </c>
      <c r="D1369" t="s">
        <v>2837</v>
      </c>
      <c r="E1369" t="s">
        <v>31271</v>
      </c>
      <c r="F1369">
        <v>6</v>
      </c>
      <c r="H1369" t="s">
        <v>2838</v>
      </c>
      <c r="I1369" t="s">
        <v>30540</v>
      </c>
    </row>
    <row r="1370" spans="1:9">
      <c r="A1370" s="1">
        <f ca="1">RAND()</f>
        <v>3.2699900071531562E-2</v>
      </c>
      <c r="B1370" s="1"/>
      <c r="C1370">
        <v>2</v>
      </c>
      <c r="D1370" t="s">
        <v>2835</v>
      </c>
      <c r="E1370" t="s">
        <v>31272</v>
      </c>
      <c r="F1370">
        <v>4</v>
      </c>
      <c r="H1370" t="s">
        <v>2836</v>
      </c>
      <c r="I1370" t="s">
        <v>30540</v>
      </c>
    </row>
    <row r="1371" spans="1:9">
      <c r="A1371" s="1">
        <f ca="1">RAND()</f>
        <v>0.57703177092912972</v>
      </c>
      <c r="B1371" s="1"/>
      <c r="C1371">
        <v>1</v>
      </c>
      <c r="D1371" t="s">
        <v>2833</v>
      </c>
      <c r="E1371" t="s">
        <v>31272</v>
      </c>
      <c r="F1371">
        <v>4</v>
      </c>
      <c r="H1371" t="s">
        <v>2834</v>
      </c>
      <c r="I1371" t="s">
        <v>30540</v>
      </c>
    </row>
    <row r="1372" spans="1:9">
      <c r="A1372" s="1">
        <f ca="1">RAND()</f>
        <v>0.75347587741682409</v>
      </c>
      <c r="B1372" s="1"/>
      <c r="C1372">
        <v>4</v>
      </c>
      <c r="D1372" t="s">
        <v>2829</v>
      </c>
      <c r="E1372" t="s">
        <v>31273</v>
      </c>
      <c r="F1372">
        <v>4</v>
      </c>
      <c r="H1372" t="s">
        <v>2830</v>
      </c>
      <c r="I1372" t="s">
        <v>30540</v>
      </c>
    </row>
    <row r="1373" spans="1:9">
      <c r="A1373" s="1">
        <f ca="1">RAND()</f>
        <v>0.70278481751114397</v>
      </c>
      <c r="B1373" s="1"/>
      <c r="C1373">
        <v>5</v>
      </c>
      <c r="D1373" t="s">
        <v>2831</v>
      </c>
      <c r="E1373" t="s">
        <v>31273</v>
      </c>
      <c r="F1373">
        <v>2</v>
      </c>
      <c r="H1373" t="s">
        <v>2832</v>
      </c>
      <c r="I1373" t="s">
        <v>30540</v>
      </c>
    </row>
    <row r="1374" spans="1:9">
      <c r="A1374" s="1">
        <f ca="1">RAND()</f>
        <v>0.791618829631483</v>
      </c>
      <c r="B1374" s="1"/>
      <c r="C1374">
        <v>2</v>
      </c>
      <c r="D1374" t="s">
        <v>2827</v>
      </c>
      <c r="E1374" t="s">
        <v>31274</v>
      </c>
      <c r="F1374">
        <v>4</v>
      </c>
      <c r="H1374" t="s">
        <v>2828</v>
      </c>
      <c r="I1374" t="s">
        <v>30540</v>
      </c>
    </row>
    <row r="1375" spans="1:9">
      <c r="A1375" s="1">
        <f ca="1">RAND()</f>
        <v>0.28004142656280029</v>
      </c>
      <c r="B1375" s="1"/>
      <c r="C1375">
        <v>5</v>
      </c>
      <c r="D1375" t="s">
        <v>2825</v>
      </c>
      <c r="E1375" t="s">
        <v>31275</v>
      </c>
      <c r="F1375">
        <v>5</v>
      </c>
      <c r="H1375" t="s">
        <v>2826</v>
      </c>
      <c r="I1375" t="s">
        <v>30540</v>
      </c>
    </row>
    <row r="1376" spans="1:9">
      <c r="A1376" s="1">
        <f ca="1">RAND()</f>
        <v>0.97188494377492329</v>
      </c>
      <c r="B1376" s="1"/>
      <c r="C1376">
        <v>4</v>
      </c>
      <c r="D1376" t="s">
        <v>2823</v>
      </c>
      <c r="E1376" t="s">
        <v>31275</v>
      </c>
      <c r="F1376">
        <v>2</v>
      </c>
      <c r="H1376" t="s">
        <v>2824</v>
      </c>
      <c r="I1376" t="s">
        <v>30540</v>
      </c>
    </row>
    <row r="1377" spans="1:9">
      <c r="A1377" s="1">
        <f ca="1">RAND()</f>
        <v>0.22244986155869284</v>
      </c>
      <c r="B1377" s="1"/>
      <c r="C1377">
        <v>11</v>
      </c>
      <c r="D1377" t="s">
        <v>2819</v>
      </c>
      <c r="E1377" t="s">
        <v>31276</v>
      </c>
      <c r="F1377">
        <v>4</v>
      </c>
      <c r="H1377" t="s">
        <v>2820</v>
      </c>
      <c r="I1377" t="s">
        <v>30540</v>
      </c>
    </row>
    <row r="1378" spans="1:9">
      <c r="A1378" s="1">
        <f ca="1">RAND()</f>
        <v>0.20240527552745347</v>
      </c>
      <c r="B1378" s="1"/>
      <c r="C1378">
        <v>15</v>
      </c>
      <c r="D1378" t="s">
        <v>2821</v>
      </c>
      <c r="E1378" t="s">
        <v>31276</v>
      </c>
      <c r="F1378">
        <v>4</v>
      </c>
      <c r="H1378" t="s">
        <v>2822</v>
      </c>
      <c r="I1378" t="s">
        <v>30540</v>
      </c>
    </row>
    <row r="1379" spans="1:9">
      <c r="A1379" s="1">
        <f ca="1">RAND()</f>
        <v>0.81277909478790178</v>
      </c>
      <c r="B1379" s="1"/>
      <c r="C1379">
        <v>1</v>
      </c>
      <c r="D1379" t="s">
        <v>2815</v>
      </c>
      <c r="E1379" t="s">
        <v>31276</v>
      </c>
      <c r="F1379">
        <v>3</v>
      </c>
      <c r="H1379" t="s">
        <v>2816</v>
      </c>
      <c r="I1379" t="s">
        <v>30540</v>
      </c>
    </row>
    <row r="1380" spans="1:9">
      <c r="A1380" s="1">
        <f ca="1">RAND()</f>
        <v>0.69264219860031928</v>
      </c>
      <c r="B1380" s="1"/>
      <c r="C1380">
        <v>7</v>
      </c>
      <c r="D1380" t="s">
        <v>2817</v>
      </c>
      <c r="E1380" t="s">
        <v>31276</v>
      </c>
      <c r="F1380">
        <v>2</v>
      </c>
      <c r="H1380" t="s">
        <v>2818</v>
      </c>
      <c r="I1380" t="s">
        <v>30540</v>
      </c>
    </row>
    <row r="1381" spans="1:9">
      <c r="A1381" s="1">
        <f ca="1">RAND()</f>
        <v>0.73748752136810691</v>
      </c>
      <c r="B1381" s="1"/>
      <c r="C1381">
        <v>7</v>
      </c>
      <c r="D1381" t="s">
        <v>2811</v>
      </c>
      <c r="E1381" t="s">
        <v>31277</v>
      </c>
      <c r="F1381">
        <v>4</v>
      </c>
      <c r="H1381" t="s">
        <v>2812</v>
      </c>
      <c r="I1381" t="s">
        <v>30540</v>
      </c>
    </row>
    <row r="1382" spans="1:9">
      <c r="A1382" s="1">
        <f ca="1">RAND()</f>
        <v>0.4849248258262745</v>
      </c>
      <c r="B1382" s="1"/>
      <c r="C1382">
        <v>8</v>
      </c>
      <c r="D1382" t="s">
        <v>2813</v>
      </c>
      <c r="E1382" t="s">
        <v>31277</v>
      </c>
      <c r="F1382">
        <v>4</v>
      </c>
      <c r="H1382" t="s">
        <v>2814</v>
      </c>
      <c r="I1382" t="s">
        <v>30540</v>
      </c>
    </row>
    <row r="1383" spans="1:9">
      <c r="A1383" s="1">
        <f ca="1">RAND()</f>
        <v>1.0290924079706887E-2</v>
      </c>
      <c r="B1383" s="1"/>
      <c r="C1383">
        <v>5</v>
      </c>
      <c r="D1383" t="s">
        <v>2809</v>
      </c>
      <c r="E1383" t="s">
        <v>31278</v>
      </c>
      <c r="F1383">
        <v>5</v>
      </c>
      <c r="H1383" t="s">
        <v>2810</v>
      </c>
      <c r="I1383" t="s">
        <v>30540</v>
      </c>
    </row>
    <row r="1384" spans="1:9">
      <c r="A1384" s="1">
        <f ca="1">RAND()</f>
        <v>0.89719100138645902</v>
      </c>
      <c r="B1384" s="1"/>
      <c r="C1384">
        <v>3</v>
      </c>
      <c r="D1384" t="s">
        <v>2807</v>
      </c>
      <c r="E1384" t="s">
        <v>31279</v>
      </c>
      <c r="F1384">
        <v>4</v>
      </c>
      <c r="H1384" t="s">
        <v>2808</v>
      </c>
      <c r="I1384" t="s">
        <v>30540</v>
      </c>
    </row>
    <row r="1385" spans="1:9">
      <c r="A1385" s="1">
        <f ca="1">RAND()</f>
        <v>0.26291285844397716</v>
      </c>
      <c r="B1385" s="1"/>
      <c r="C1385">
        <v>15</v>
      </c>
      <c r="D1385" t="s">
        <v>2805</v>
      </c>
      <c r="E1385" t="s">
        <v>31280</v>
      </c>
      <c r="F1385">
        <v>2</v>
      </c>
      <c r="H1385" t="s">
        <v>2806</v>
      </c>
      <c r="I1385" t="s">
        <v>30540</v>
      </c>
    </row>
    <row r="1386" spans="1:9">
      <c r="A1386" s="1">
        <f ca="1">RAND()</f>
        <v>0.12216346456519067</v>
      </c>
      <c r="B1386" s="1"/>
      <c r="C1386">
        <v>5</v>
      </c>
      <c r="D1386" t="s">
        <v>2803</v>
      </c>
      <c r="E1386" t="s">
        <v>31281</v>
      </c>
      <c r="F1386">
        <v>5</v>
      </c>
      <c r="H1386" t="s">
        <v>2804</v>
      </c>
      <c r="I1386" t="s">
        <v>30540</v>
      </c>
    </row>
    <row r="1387" spans="1:9">
      <c r="A1387" s="1">
        <f ca="1">RAND()</f>
        <v>0.16384604308323514</v>
      </c>
      <c r="B1387" s="1"/>
      <c r="C1387">
        <v>3</v>
      </c>
      <c r="D1387" t="s">
        <v>2801</v>
      </c>
      <c r="E1387" t="s">
        <v>31281</v>
      </c>
      <c r="F1387">
        <v>4</v>
      </c>
      <c r="H1387" t="s">
        <v>2802</v>
      </c>
      <c r="I1387" t="s">
        <v>30540</v>
      </c>
    </row>
    <row r="1388" spans="1:9">
      <c r="A1388" s="1">
        <f ca="1">RAND()</f>
        <v>0.74719503245032082</v>
      </c>
      <c r="B1388" s="1"/>
      <c r="C1388">
        <v>1</v>
      </c>
      <c r="D1388" t="s">
        <v>2799</v>
      </c>
      <c r="E1388" t="s">
        <v>31281</v>
      </c>
      <c r="F1388">
        <v>2</v>
      </c>
      <c r="H1388" t="s">
        <v>2800</v>
      </c>
      <c r="I1388" t="s">
        <v>30540</v>
      </c>
    </row>
    <row r="1389" spans="1:9">
      <c r="A1389" s="1">
        <f ca="1">RAND()</f>
        <v>0.83537183418605254</v>
      </c>
      <c r="B1389" s="1"/>
      <c r="C1389">
        <v>7</v>
      </c>
      <c r="D1389" t="s">
        <v>2797</v>
      </c>
      <c r="E1389" t="s">
        <v>31282</v>
      </c>
      <c r="F1389">
        <v>4</v>
      </c>
      <c r="H1389" t="s">
        <v>2798</v>
      </c>
      <c r="I1389" t="s">
        <v>30540</v>
      </c>
    </row>
    <row r="1390" spans="1:9">
      <c r="A1390" s="1">
        <f ca="1">RAND()</f>
        <v>0.10801983648972879</v>
      </c>
      <c r="B1390" s="1"/>
      <c r="C1390">
        <v>5</v>
      </c>
      <c r="D1390" t="s">
        <v>2795</v>
      </c>
      <c r="E1390" t="s">
        <v>31282</v>
      </c>
      <c r="F1390">
        <v>4</v>
      </c>
      <c r="H1390" t="s">
        <v>2796</v>
      </c>
      <c r="I1390" t="s">
        <v>30540</v>
      </c>
    </row>
    <row r="1391" spans="1:9">
      <c r="A1391" s="1">
        <f ca="1">RAND()</f>
        <v>0.71575446863975345</v>
      </c>
      <c r="B1391" s="1"/>
      <c r="C1391">
        <v>3</v>
      </c>
      <c r="D1391" t="s">
        <v>2793</v>
      </c>
      <c r="E1391" t="s">
        <v>31283</v>
      </c>
      <c r="F1391">
        <v>4</v>
      </c>
      <c r="H1391" t="s">
        <v>2794</v>
      </c>
      <c r="I1391" t="s">
        <v>30540</v>
      </c>
    </row>
    <row r="1392" spans="1:9">
      <c r="A1392" s="1">
        <f ca="1">RAND()</f>
        <v>0.79039758059103637</v>
      </c>
      <c r="B1392" s="1"/>
      <c r="C1392">
        <v>6</v>
      </c>
      <c r="D1392" t="s">
        <v>2789</v>
      </c>
      <c r="E1392" t="s">
        <v>31284</v>
      </c>
      <c r="F1392">
        <v>5</v>
      </c>
      <c r="H1392" t="s">
        <v>2790</v>
      </c>
      <c r="I1392" t="s">
        <v>30540</v>
      </c>
    </row>
    <row r="1393" spans="1:9">
      <c r="A1393" s="1">
        <f ca="1">RAND()</f>
        <v>0.3730803865024348</v>
      </c>
      <c r="B1393" s="1"/>
      <c r="C1393">
        <v>7</v>
      </c>
      <c r="D1393" t="s">
        <v>2791</v>
      </c>
      <c r="E1393" t="s">
        <v>31284</v>
      </c>
      <c r="F1393">
        <v>3</v>
      </c>
      <c r="H1393" t="s">
        <v>2792</v>
      </c>
      <c r="I1393" t="s">
        <v>30540</v>
      </c>
    </row>
    <row r="1394" spans="1:9">
      <c r="A1394" s="1">
        <f ca="1">RAND()</f>
        <v>0.87830928806142861</v>
      </c>
      <c r="B1394" s="1"/>
      <c r="C1394">
        <v>4</v>
      </c>
      <c r="D1394" t="s">
        <v>2787</v>
      </c>
      <c r="E1394" t="s">
        <v>31285</v>
      </c>
      <c r="F1394">
        <v>2</v>
      </c>
      <c r="H1394" t="s">
        <v>2788</v>
      </c>
      <c r="I1394" t="s">
        <v>30540</v>
      </c>
    </row>
    <row r="1395" spans="1:9">
      <c r="A1395" s="1">
        <f ca="1">RAND()</f>
        <v>0.63807358148844939</v>
      </c>
      <c r="B1395" s="1"/>
      <c r="C1395">
        <v>3</v>
      </c>
      <c r="D1395" t="s">
        <v>2785</v>
      </c>
      <c r="E1395" t="s">
        <v>31286</v>
      </c>
      <c r="F1395">
        <v>3</v>
      </c>
      <c r="H1395" t="s">
        <v>2786</v>
      </c>
      <c r="I1395" t="s">
        <v>30540</v>
      </c>
    </row>
    <row r="1396" spans="1:9">
      <c r="A1396" s="1">
        <f ca="1">RAND()</f>
        <v>0.47686434180260651</v>
      </c>
      <c r="B1396" s="1"/>
      <c r="C1396">
        <v>3</v>
      </c>
      <c r="D1396" t="s">
        <v>2783</v>
      </c>
      <c r="E1396" t="s">
        <v>31287</v>
      </c>
      <c r="F1396">
        <v>5</v>
      </c>
      <c r="H1396" t="s">
        <v>2784</v>
      </c>
      <c r="I1396" t="s">
        <v>30540</v>
      </c>
    </row>
    <row r="1397" spans="1:9">
      <c r="A1397" s="1">
        <f ca="1">RAND()</f>
        <v>0.19441234043718503</v>
      </c>
      <c r="B1397" s="1"/>
      <c r="C1397">
        <v>1</v>
      </c>
      <c r="D1397" t="s">
        <v>2775</v>
      </c>
      <c r="E1397" t="s">
        <v>31288</v>
      </c>
      <c r="F1397">
        <v>5</v>
      </c>
      <c r="G1397" t="s">
        <v>774</v>
      </c>
      <c r="H1397" t="s">
        <v>2776</v>
      </c>
      <c r="I1397" t="s">
        <v>30540</v>
      </c>
    </row>
    <row r="1398" spans="1:9">
      <c r="A1398" s="1">
        <f ca="1">RAND()</f>
        <v>0.40273117196521979</v>
      </c>
      <c r="B1398" s="1"/>
      <c r="C1398">
        <v>3</v>
      </c>
      <c r="D1398" t="s">
        <v>2779</v>
      </c>
      <c r="E1398" t="s">
        <v>31288</v>
      </c>
      <c r="F1398">
        <v>5</v>
      </c>
      <c r="H1398" t="s">
        <v>2780</v>
      </c>
      <c r="I1398" t="s">
        <v>30540</v>
      </c>
    </row>
    <row r="1399" spans="1:9">
      <c r="A1399" s="1">
        <f ca="1">RAND()</f>
        <v>0.81971690458922808</v>
      </c>
      <c r="B1399" s="1"/>
      <c r="C1399">
        <v>2</v>
      </c>
      <c r="D1399" t="s">
        <v>2777</v>
      </c>
      <c r="E1399" t="s">
        <v>31288</v>
      </c>
      <c r="F1399">
        <v>4</v>
      </c>
      <c r="H1399" t="s">
        <v>2778</v>
      </c>
      <c r="I1399" t="s">
        <v>30540</v>
      </c>
    </row>
    <row r="1400" spans="1:9">
      <c r="A1400" s="1">
        <f ca="1">RAND()</f>
        <v>0.107254360030966</v>
      </c>
      <c r="B1400" s="1"/>
      <c r="C1400">
        <v>6</v>
      </c>
      <c r="D1400" t="s">
        <v>2781</v>
      </c>
      <c r="E1400" t="s">
        <v>31288</v>
      </c>
      <c r="F1400">
        <v>4</v>
      </c>
      <c r="H1400" t="s">
        <v>2782</v>
      </c>
      <c r="I1400" t="s">
        <v>30540</v>
      </c>
    </row>
    <row r="1401" spans="1:9">
      <c r="A1401" s="1">
        <f ca="1">RAND()</f>
        <v>0.71174308149980037</v>
      </c>
      <c r="B1401" s="1"/>
      <c r="C1401">
        <v>2</v>
      </c>
      <c r="D1401" t="s">
        <v>2773</v>
      </c>
      <c r="E1401" t="s">
        <v>31289</v>
      </c>
      <c r="F1401">
        <v>2</v>
      </c>
      <c r="H1401" t="s">
        <v>2774</v>
      </c>
      <c r="I1401" t="s">
        <v>30540</v>
      </c>
    </row>
    <row r="1402" spans="1:9">
      <c r="A1402" s="1">
        <f ca="1">RAND()</f>
        <v>0.93578532851758756</v>
      </c>
      <c r="B1402" s="1"/>
      <c r="C1402">
        <v>5</v>
      </c>
      <c r="D1402" t="s">
        <v>2771</v>
      </c>
      <c r="E1402" t="s">
        <v>31290</v>
      </c>
      <c r="F1402">
        <v>5</v>
      </c>
      <c r="H1402" t="s">
        <v>2772</v>
      </c>
      <c r="I1402" t="s">
        <v>30540</v>
      </c>
    </row>
    <row r="1403" spans="1:9">
      <c r="A1403" s="1">
        <f ca="1">RAND()</f>
        <v>0.22709195694036621</v>
      </c>
      <c r="B1403" s="1"/>
      <c r="C1403">
        <v>1</v>
      </c>
      <c r="D1403" t="s">
        <v>2769</v>
      </c>
      <c r="E1403" t="s">
        <v>31290</v>
      </c>
      <c r="F1403">
        <v>4</v>
      </c>
      <c r="H1403" t="s">
        <v>2770</v>
      </c>
      <c r="I1403" t="s">
        <v>30540</v>
      </c>
    </row>
    <row r="1404" spans="1:9">
      <c r="A1404" s="1">
        <f ca="1">RAND()</f>
        <v>0.62348440614170775</v>
      </c>
      <c r="B1404" s="1"/>
      <c r="C1404">
        <v>2</v>
      </c>
      <c r="D1404" t="s">
        <v>2767</v>
      </c>
      <c r="E1404" t="s">
        <v>31291</v>
      </c>
      <c r="F1404">
        <v>4</v>
      </c>
      <c r="H1404" t="s">
        <v>2768</v>
      </c>
      <c r="I1404" t="s">
        <v>30540</v>
      </c>
    </row>
    <row r="1405" spans="1:9">
      <c r="A1405" s="1">
        <f ca="1">RAND()</f>
        <v>0.65274548401061405</v>
      </c>
      <c r="B1405" s="1"/>
      <c r="C1405">
        <v>7</v>
      </c>
      <c r="D1405" t="s">
        <v>2763</v>
      </c>
      <c r="E1405" t="s">
        <v>31292</v>
      </c>
      <c r="F1405">
        <v>2</v>
      </c>
      <c r="H1405" t="s">
        <v>2764</v>
      </c>
      <c r="I1405" t="s">
        <v>30540</v>
      </c>
    </row>
    <row r="1406" spans="1:9">
      <c r="A1406" s="1">
        <f ca="1">RAND()</f>
        <v>0.60098713484777511</v>
      </c>
      <c r="B1406" s="1"/>
      <c r="C1406">
        <v>10</v>
      </c>
      <c r="D1406" t="s">
        <v>2765</v>
      </c>
      <c r="E1406" t="s">
        <v>31292</v>
      </c>
      <c r="F1406">
        <v>2</v>
      </c>
      <c r="H1406" t="s">
        <v>2766</v>
      </c>
      <c r="I1406" t="s">
        <v>30540</v>
      </c>
    </row>
    <row r="1407" spans="1:9">
      <c r="A1407" s="1">
        <f ca="1">RAND()</f>
        <v>0.55789582357414269</v>
      </c>
      <c r="B1407" s="1"/>
      <c r="C1407">
        <v>9</v>
      </c>
      <c r="D1407" t="s">
        <v>2761</v>
      </c>
      <c r="E1407" t="s">
        <v>31293</v>
      </c>
      <c r="F1407">
        <v>2</v>
      </c>
      <c r="H1407" t="s">
        <v>2762</v>
      </c>
      <c r="I1407" t="s">
        <v>30540</v>
      </c>
    </row>
    <row r="1408" spans="1:9">
      <c r="A1408" s="1">
        <f ca="1">RAND()</f>
        <v>0.72270380511236432</v>
      </c>
      <c r="B1408" s="1"/>
      <c r="C1408">
        <v>4</v>
      </c>
      <c r="D1408" t="s">
        <v>2759</v>
      </c>
      <c r="E1408" t="s">
        <v>31294</v>
      </c>
      <c r="F1408">
        <v>5</v>
      </c>
      <c r="H1408" t="s">
        <v>2760</v>
      </c>
      <c r="I1408" t="s">
        <v>30540</v>
      </c>
    </row>
    <row r="1409" spans="1:9">
      <c r="A1409" s="1">
        <f ca="1">RAND()</f>
        <v>0.86057366365833143</v>
      </c>
      <c r="B1409" s="1"/>
      <c r="C1409">
        <v>3</v>
      </c>
      <c r="D1409" t="s">
        <v>2757</v>
      </c>
      <c r="E1409" t="s">
        <v>31294</v>
      </c>
      <c r="F1409">
        <v>4</v>
      </c>
      <c r="H1409" t="s">
        <v>2758</v>
      </c>
      <c r="I1409" t="s">
        <v>30540</v>
      </c>
    </row>
    <row r="1410" spans="1:9">
      <c r="A1410" s="1">
        <f ca="1">RAND()</f>
        <v>3.3365402213101136E-2</v>
      </c>
      <c r="B1410" s="1"/>
      <c r="C1410">
        <v>3</v>
      </c>
      <c r="D1410" t="s">
        <v>2755</v>
      </c>
      <c r="E1410" t="s">
        <v>31295</v>
      </c>
      <c r="F1410">
        <v>4</v>
      </c>
      <c r="H1410" t="s">
        <v>2756</v>
      </c>
      <c r="I1410" t="s">
        <v>30540</v>
      </c>
    </row>
    <row r="1411" spans="1:9">
      <c r="A1411" s="1">
        <f ca="1">RAND()</f>
        <v>0.66254784552350243</v>
      </c>
      <c r="B1411" s="1"/>
      <c r="C1411">
        <v>1</v>
      </c>
      <c r="D1411" t="s">
        <v>2747</v>
      </c>
      <c r="E1411" t="s">
        <v>31296</v>
      </c>
      <c r="F1411">
        <v>4</v>
      </c>
      <c r="H1411" t="s">
        <v>2748</v>
      </c>
      <c r="I1411" t="s">
        <v>30540</v>
      </c>
    </row>
    <row r="1412" spans="1:9">
      <c r="A1412" s="1">
        <f ca="1">RAND()</f>
        <v>0.82891709622162735</v>
      </c>
      <c r="B1412" s="1"/>
      <c r="C1412">
        <v>8</v>
      </c>
      <c r="D1412" t="s">
        <v>2753</v>
      </c>
      <c r="E1412" t="s">
        <v>31296</v>
      </c>
      <c r="F1412">
        <v>4</v>
      </c>
      <c r="H1412" t="s">
        <v>2754</v>
      </c>
      <c r="I1412" t="s">
        <v>30540</v>
      </c>
    </row>
    <row r="1413" spans="1:9">
      <c r="A1413" s="1">
        <f ca="1">RAND()</f>
        <v>0.98100702238495308</v>
      </c>
      <c r="B1413" s="1"/>
      <c r="C1413">
        <v>5</v>
      </c>
      <c r="D1413" t="s">
        <v>2751</v>
      </c>
      <c r="E1413" t="s">
        <v>31296</v>
      </c>
      <c r="F1413">
        <v>4</v>
      </c>
      <c r="H1413" t="s">
        <v>2752</v>
      </c>
      <c r="I1413" t="s">
        <v>30540</v>
      </c>
    </row>
    <row r="1414" spans="1:9">
      <c r="A1414" s="1">
        <f ca="1">RAND()</f>
        <v>0.99477960599626336</v>
      </c>
      <c r="B1414" s="1"/>
      <c r="C1414">
        <v>4</v>
      </c>
      <c r="D1414" t="s">
        <v>2749</v>
      </c>
      <c r="E1414" t="s">
        <v>31296</v>
      </c>
      <c r="F1414">
        <v>4</v>
      </c>
      <c r="H1414" t="s">
        <v>2750</v>
      </c>
      <c r="I1414" t="s">
        <v>30540</v>
      </c>
    </row>
    <row r="1415" spans="1:9">
      <c r="A1415" s="1">
        <f ca="1">RAND()</f>
        <v>0.59002550786599128</v>
      </c>
      <c r="B1415" s="1"/>
      <c r="C1415">
        <v>2</v>
      </c>
      <c r="D1415" t="s">
        <v>2743</v>
      </c>
      <c r="E1415" t="s">
        <v>31297</v>
      </c>
      <c r="F1415">
        <v>4</v>
      </c>
      <c r="H1415" t="s">
        <v>2744</v>
      </c>
      <c r="I1415" t="s">
        <v>30540</v>
      </c>
    </row>
    <row r="1416" spans="1:9">
      <c r="A1416" s="1">
        <f ca="1">RAND()</f>
        <v>0.20588082326622503</v>
      </c>
      <c r="B1416" s="1"/>
      <c r="C1416">
        <v>1</v>
      </c>
      <c r="D1416" t="s">
        <v>2741</v>
      </c>
      <c r="E1416" t="s">
        <v>31297</v>
      </c>
      <c r="F1416">
        <v>4</v>
      </c>
      <c r="H1416" t="s">
        <v>2742</v>
      </c>
      <c r="I1416" t="s">
        <v>30540</v>
      </c>
    </row>
    <row r="1417" spans="1:9">
      <c r="A1417" s="1">
        <f ca="1">RAND()</f>
        <v>0.68757099336998806</v>
      </c>
      <c r="B1417" s="1"/>
      <c r="C1417">
        <v>6</v>
      </c>
      <c r="D1417" t="s">
        <v>2745</v>
      </c>
      <c r="E1417" t="s">
        <v>31297</v>
      </c>
      <c r="F1417">
        <v>4</v>
      </c>
      <c r="H1417" t="s">
        <v>2746</v>
      </c>
      <c r="I1417" t="s">
        <v>30540</v>
      </c>
    </row>
    <row r="1418" spans="1:9">
      <c r="A1418" s="1">
        <f ca="1">RAND()</f>
        <v>0.50964221980981828</v>
      </c>
      <c r="B1418" s="1"/>
      <c r="C1418">
        <v>3</v>
      </c>
      <c r="D1418" t="s">
        <v>2739</v>
      </c>
      <c r="E1418" t="s">
        <v>31298</v>
      </c>
      <c r="F1418">
        <v>4</v>
      </c>
      <c r="H1418" t="s">
        <v>2740</v>
      </c>
      <c r="I1418" t="s">
        <v>30540</v>
      </c>
    </row>
    <row r="1419" spans="1:9">
      <c r="A1419" s="1">
        <f ca="1">RAND()</f>
        <v>0.53562945209058543</v>
      </c>
      <c r="B1419" s="1"/>
      <c r="C1419">
        <v>13</v>
      </c>
      <c r="D1419" t="s">
        <v>2736</v>
      </c>
      <c r="E1419" t="s">
        <v>31299</v>
      </c>
      <c r="F1419">
        <v>4</v>
      </c>
      <c r="H1419" t="s">
        <v>2737</v>
      </c>
      <c r="I1419" t="s">
        <v>30540</v>
      </c>
    </row>
    <row r="1420" spans="1:9">
      <c r="A1420" s="1">
        <f ca="1">RAND()</f>
        <v>0.69550943422926881</v>
      </c>
      <c r="B1420" s="1"/>
      <c r="C1420">
        <v>6</v>
      </c>
      <c r="D1420" t="s">
        <v>2734</v>
      </c>
      <c r="E1420" t="s">
        <v>31300</v>
      </c>
      <c r="F1420">
        <v>2</v>
      </c>
      <c r="H1420" t="s">
        <v>2735</v>
      </c>
      <c r="I1420" t="s">
        <v>30540</v>
      </c>
    </row>
    <row r="1421" spans="1:9">
      <c r="A1421" s="1">
        <f ca="1">RAND()</f>
        <v>0.83055934358422934</v>
      </c>
      <c r="B1421" s="1"/>
      <c r="C1421">
        <v>1</v>
      </c>
      <c r="D1421" t="s">
        <v>2728</v>
      </c>
      <c r="E1421" t="s">
        <v>31301</v>
      </c>
      <c r="F1421">
        <v>5</v>
      </c>
      <c r="H1421" t="s">
        <v>2729</v>
      </c>
      <c r="I1421" t="s">
        <v>30540</v>
      </c>
    </row>
    <row r="1422" spans="1:9">
      <c r="A1422" s="1">
        <f ca="1">RAND()</f>
        <v>0.68065656399072405</v>
      </c>
      <c r="B1422" s="1"/>
      <c r="C1422">
        <v>4</v>
      </c>
      <c r="D1422" t="s">
        <v>2730</v>
      </c>
      <c r="E1422" t="s">
        <v>31301</v>
      </c>
      <c r="F1422">
        <v>4</v>
      </c>
      <c r="H1422" t="s">
        <v>2731</v>
      </c>
      <c r="I1422" t="s">
        <v>30540</v>
      </c>
    </row>
    <row r="1423" spans="1:9">
      <c r="A1423" s="1">
        <f ca="1">RAND()</f>
        <v>0.98353167624602955</v>
      </c>
      <c r="B1423" s="1"/>
      <c r="C1423">
        <v>5</v>
      </c>
      <c r="D1423" t="s">
        <v>2732</v>
      </c>
      <c r="E1423" t="s">
        <v>31301</v>
      </c>
      <c r="F1423">
        <v>4</v>
      </c>
      <c r="H1423" t="s">
        <v>2733</v>
      </c>
      <c r="I1423" t="s">
        <v>30540</v>
      </c>
    </row>
    <row r="1424" spans="1:9">
      <c r="A1424" s="1">
        <f ca="1">RAND()</f>
        <v>0.81068229537554759</v>
      </c>
      <c r="B1424" s="1"/>
      <c r="C1424">
        <v>2</v>
      </c>
      <c r="D1424" t="s">
        <v>2726</v>
      </c>
      <c r="E1424" t="s">
        <v>31302</v>
      </c>
      <c r="F1424">
        <v>1</v>
      </c>
      <c r="H1424" t="s">
        <v>2727</v>
      </c>
      <c r="I1424" t="s">
        <v>30540</v>
      </c>
    </row>
    <row r="1425" spans="1:9">
      <c r="A1425" s="1">
        <f ca="1">RAND()</f>
        <v>0.31060215791466395</v>
      </c>
      <c r="B1425" s="1"/>
      <c r="C1425">
        <v>1</v>
      </c>
      <c r="D1425" t="s">
        <v>2724</v>
      </c>
      <c r="E1425" t="s">
        <v>31303</v>
      </c>
      <c r="F1425">
        <v>2</v>
      </c>
      <c r="H1425" t="s">
        <v>2725</v>
      </c>
      <c r="I1425" t="s">
        <v>30540</v>
      </c>
    </row>
    <row r="1426" spans="1:9">
      <c r="A1426" s="1">
        <f ca="1">RAND()</f>
        <v>0.58614565808621</v>
      </c>
      <c r="B1426" s="1"/>
      <c r="C1426">
        <v>5</v>
      </c>
      <c r="D1426" t="s">
        <v>2722</v>
      </c>
      <c r="E1426" t="s">
        <v>31304</v>
      </c>
      <c r="F1426">
        <v>5</v>
      </c>
      <c r="H1426" t="s">
        <v>2723</v>
      </c>
      <c r="I1426" t="s">
        <v>30540</v>
      </c>
    </row>
    <row r="1427" spans="1:9">
      <c r="A1427" s="1">
        <f ca="1">RAND()</f>
        <v>0.74271493347624717</v>
      </c>
      <c r="B1427" s="1"/>
      <c r="C1427">
        <v>1</v>
      </c>
      <c r="D1427" t="s">
        <v>2718</v>
      </c>
      <c r="E1427" t="s">
        <v>31304</v>
      </c>
      <c r="F1427">
        <v>4</v>
      </c>
      <c r="H1427" t="s">
        <v>2719</v>
      </c>
      <c r="I1427" t="s">
        <v>30540</v>
      </c>
    </row>
    <row r="1428" spans="1:9">
      <c r="A1428" s="1">
        <f ca="1">RAND()</f>
        <v>0.32485741622417375</v>
      </c>
      <c r="B1428" s="1"/>
      <c r="C1428">
        <v>3</v>
      </c>
      <c r="D1428" t="s">
        <v>2720</v>
      </c>
      <c r="E1428" t="s">
        <v>31304</v>
      </c>
      <c r="F1428">
        <v>4</v>
      </c>
      <c r="H1428" t="s">
        <v>2721</v>
      </c>
      <c r="I1428" t="s">
        <v>30540</v>
      </c>
    </row>
    <row r="1429" spans="1:9">
      <c r="A1429" s="1">
        <f ca="1">RAND()</f>
        <v>0.48453050541086928</v>
      </c>
      <c r="B1429" s="1"/>
      <c r="C1429">
        <v>6</v>
      </c>
      <c r="D1429" t="s">
        <v>2716</v>
      </c>
      <c r="E1429" t="s">
        <v>31305</v>
      </c>
      <c r="F1429">
        <v>4</v>
      </c>
      <c r="H1429" t="s">
        <v>2717</v>
      </c>
      <c r="I1429" t="s">
        <v>30540</v>
      </c>
    </row>
    <row r="1430" spans="1:9">
      <c r="A1430" s="1">
        <f ca="1">RAND()</f>
        <v>0.72238880921143911</v>
      </c>
      <c r="B1430" s="1"/>
      <c r="C1430">
        <v>4</v>
      </c>
      <c r="D1430" t="s">
        <v>2714</v>
      </c>
      <c r="E1430" t="s">
        <v>31305</v>
      </c>
      <c r="F1430">
        <v>2</v>
      </c>
      <c r="H1430" t="s">
        <v>2715</v>
      </c>
      <c r="I1430" t="s">
        <v>30540</v>
      </c>
    </row>
    <row r="1431" spans="1:9">
      <c r="A1431" s="1">
        <f ca="1">RAND()</f>
        <v>0.77799216642784785</v>
      </c>
      <c r="B1431" s="1"/>
      <c r="C1431">
        <v>2</v>
      </c>
      <c r="D1431" t="s">
        <v>2712</v>
      </c>
      <c r="E1431" t="s">
        <v>31306</v>
      </c>
      <c r="F1431">
        <v>5</v>
      </c>
      <c r="H1431" t="s">
        <v>2713</v>
      </c>
      <c r="I1431" t="s">
        <v>30540</v>
      </c>
    </row>
    <row r="1432" spans="1:9">
      <c r="A1432" s="1">
        <f ca="1">RAND()</f>
        <v>0.42139590386740744</v>
      </c>
      <c r="B1432" s="1"/>
      <c r="C1432">
        <v>7</v>
      </c>
      <c r="D1432" t="s">
        <v>2710</v>
      </c>
      <c r="E1432" t="s">
        <v>31307</v>
      </c>
      <c r="F1432">
        <v>4</v>
      </c>
      <c r="H1432" t="s">
        <v>2711</v>
      </c>
      <c r="I1432" t="s">
        <v>30540</v>
      </c>
    </row>
    <row r="1433" spans="1:9">
      <c r="A1433" s="1">
        <f ca="1">RAND()</f>
        <v>0.90446208208936729</v>
      </c>
      <c r="B1433" s="1"/>
      <c r="C1433">
        <v>5</v>
      </c>
      <c r="D1433" t="s">
        <v>2708</v>
      </c>
      <c r="E1433" t="s">
        <v>31307</v>
      </c>
      <c r="F1433">
        <v>2</v>
      </c>
      <c r="H1433" t="s">
        <v>2709</v>
      </c>
      <c r="I1433" t="s">
        <v>30540</v>
      </c>
    </row>
    <row r="1434" spans="1:9">
      <c r="A1434" s="1">
        <f ca="1">RAND()</f>
        <v>0.50693237491018839</v>
      </c>
      <c r="B1434" s="1"/>
      <c r="C1434">
        <v>4</v>
      </c>
      <c r="D1434" t="s">
        <v>2706</v>
      </c>
      <c r="E1434" t="s">
        <v>31308</v>
      </c>
      <c r="F1434">
        <v>5</v>
      </c>
      <c r="H1434" t="s">
        <v>2707</v>
      </c>
      <c r="I1434" t="s">
        <v>30540</v>
      </c>
    </row>
    <row r="1435" spans="1:9">
      <c r="A1435" s="1">
        <f ca="1">RAND()</f>
        <v>0.91145083650372238</v>
      </c>
      <c r="B1435" s="1"/>
      <c r="C1435">
        <v>3</v>
      </c>
      <c r="D1435" t="s">
        <v>2704</v>
      </c>
      <c r="E1435" t="s">
        <v>31308</v>
      </c>
      <c r="F1435">
        <v>4</v>
      </c>
      <c r="H1435" t="s">
        <v>2705</v>
      </c>
      <c r="I1435" t="s">
        <v>30540</v>
      </c>
    </row>
    <row r="1436" spans="1:9">
      <c r="A1436" s="1">
        <f ca="1">RAND()</f>
        <v>0.77273608344705125</v>
      </c>
      <c r="B1436" s="1"/>
      <c r="C1436">
        <v>1</v>
      </c>
      <c r="D1436" t="s">
        <v>2702</v>
      </c>
      <c r="E1436" t="s">
        <v>31308</v>
      </c>
      <c r="F1436">
        <v>4</v>
      </c>
      <c r="H1436" t="s">
        <v>2703</v>
      </c>
      <c r="I1436" t="s">
        <v>30540</v>
      </c>
    </row>
    <row r="1437" spans="1:9">
      <c r="A1437" s="1">
        <f ca="1">RAND()</f>
        <v>0.8432327032003023</v>
      </c>
      <c r="B1437" s="1"/>
      <c r="C1437">
        <v>6</v>
      </c>
      <c r="D1437" t="s">
        <v>2700</v>
      </c>
      <c r="E1437" t="s">
        <v>31309</v>
      </c>
      <c r="F1437">
        <v>5</v>
      </c>
      <c r="H1437" t="s">
        <v>2701</v>
      </c>
      <c r="I1437" t="s">
        <v>30540</v>
      </c>
    </row>
    <row r="1438" spans="1:9">
      <c r="A1438" s="1">
        <f ca="1">RAND()</f>
        <v>2.8778206762983816E-2</v>
      </c>
      <c r="B1438" s="1"/>
      <c r="C1438">
        <v>1</v>
      </c>
      <c r="D1438" t="s">
        <v>2698</v>
      </c>
      <c r="E1438" t="s">
        <v>31309</v>
      </c>
      <c r="F1438">
        <v>4</v>
      </c>
      <c r="H1438" t="s">
        <v>2699</v>
      </c>
      <c r="I1438" t="s">
        <v>30540</v>
      </c>
    </row>
    <row r="1439" spans="1:9">
      <c r="A1439" s="1">
        <f ca="1">RAND()</f>
        <v>0.94105281748781855</v>
      </c>
      <c r="B1439" s="1"/>
      <c r="C1439">
        <v>9</v>
      </c>
      <c r="D1439" t="s">
        <v>2696</v>
      </c>
      <c r="E1439" t="s">
        <v>31310</v>
      </c>
      <c r="F1439">
        <v>5</v>
      </c>
      <c r="H1439" t="s">
        <v>2697</v>
      </c>
      <c r="I1439" t="s">
        <v>30540</v>
      </c>
    </row>
    <row r="1440" spans="1:9">
      <c r="A1440" s="1">
        <f ca="1">RAND()</f>
        <v>0.21554507041933324</v>
      </c>
      <c r="B1440" s="1"/>
      <c r="C1440">
        <v>8</v>
      </c>
      <c r="D1440" t="s">
        <v>2694</v>
      </c>
      <c r="E1440" t="s">
        <v>31311</v>
      </c>
      <c r="F1440">
        <v>4</v>
      </c>
      <c r="H1440" t="s">
        <v>2695</v>
      </c>
      <c r="I1440" t="s">
        <v>30540</v>
      </c>
    </row>
    <row r="1441" spans="1:9">
      <c r="A1441" s="1">
        <f ca="1">RAND()</f>
        <v>0.7950597730346799</v>
      </c>
      <c r="B1441" s="1"/>
      <c r="C1441">
        <v>6</v>
      </c>
      <c r="D1441" t="s">
        <v>2692</v>
      </c>
      <c r="E1441" t="s">
        <v>31311</v>
      </c>
      <c r="F1441">
        <v>4</v>
      </c>
      <c r="H1441" t="s">
        <v>2693</v>
      </c>
      <c r="I1441" t="s">
        <v>30540</v>
      </c>
    </row>
    <row r="1442" spans="1:9">
      <c r="A1442" s="1">
        <f ca="1">RAND()</f>
        <v>6.3807788444166125E-2</v>
      </c>
      <c r="B1442" s="1"/>
      <c r="C1442">
        <v>3</v>
      </c>
      <c r="D1442" t="s">
        <v>2690</v>
      </c>
      <c r="E1442" t="s">
        <v>31311</v>
      </c>
      <c r="F1442">
        <v>4</v>
      </c>
      <c r="H1442" t="s">
        <v>2691</v>
      </c>
      <c r="I1442" t="s">
        <v>30540</v>
      </c>
    </row>
    <row r="1443" spans="1:9">
      <c r="A1443" s="1">
        <f ca="1">RAND()</f>
        <v>1.6183334546354566E-2</v>
      </c>
      <c r="B1443" s="1"/>
      <c r="C1443">
        <v>1</v>
      </c>
      <c r="D1443" t="s">
        <v>2686</v>
      </c>
      <c r="E1443" t="s">
        <v>31312</v>
      </c>
      <c r="F1443">
        <v>4</v>
      </c>
      <c r="H1443" t="s">
        <v>2687</v>
      </c>
      <c r="I1443" t="s">
        <v>30540</v>
      </c>
    </row>
    <row r="1444" spans="1:9">
      <c r="A1444" s="1">
        <f ca="1">RAND()</f>
        <v>0.2442158868638773</v>
      </c>
      <c r="B1444" s="1"/>
      <c r="C1444">
        <v>8</v>
      </c>
      <c r="D1444" t="s">
        <v>2688</v>
      </c>
      <c r="E1444" t="s">
        <v>31312</v>
      </c>
      <c r="F1444">
        <v>2</v>
      </c>
      <c r="H1444" t="s">
        <v>2689</v>
      </c>
      <c r="I1444" t="s">
        <v>30540</v>
      </c>
    </row>
    <row r="1445" spans="1:9">
      <c r="A1445" s="1">
        <f ca="1">RAND()</f>
        <v>0.68254448077917462</v>
      </c>
      <c r="B1445" s="1"/>
      <c r="C1445">
        <v>2</v>
      </c>
      <c r="D1445" t="s">
        <v>2684</v>
      </c>
      <c r="E1445" t="s">
        <v>31313</v>
      </c>
      <c r="F1445">
        <v>4</v>
      </c>
      <c r="H1445" t="s">
        <v>2685</v>
      </c>
      <c r="I1445" t="s">
        <v>30540</v>
      </c>
    </row>
    <row r="1446" spans="1:9">
      <c r="A1446" s="1">
        <f ca="1">RAND()</f>
        <v>6.3846923854005255E-2</v>
      </c>
      <c r="B1446" s="1"/>
      <c r="C1446">
        <v>3</v>
      </c>
      <c r="D1446" t="s">
        <v>2682</v>
      </c>
      <c r="E1446" t="s">
        <v>31314</v>
      </c>
      <c r="F1446">
        <v>5</v>
      </c>
      <c r="H1446" t="s">
        <v>2683</v>
      </c>
      <c r="I1446" t="s">
        <v>30540</v>
      </c>
    </row>
    <row r="1447" spans="1:9">
      <c r="A1447" s="1">
        <f ca="1">RAND()</f>
        <v>0.91427883821142697</v>
      </c>
      <c r="B1447" s="1"/>
      <c r="C1447">
        <v>2</v>
      </c>
      <c r="D1447" t="s">
        <v>2680</v>
      </c>
      <c r="E1447" t="s">
        <v>31314</v>
      </c>
      <c r="F1447">
        <v>5</v>
      </c>
      <c r="H1447" t="s">
        <v>2681</v>
      </c>
      <c r="I1447" t="s">
        <v>30540</v>
      </c>
    </row>
    <row r="1448" spans="1:9">
      <c r="A1448" s="1">
        <f ca="1">RAND()</f>
        <v>0.46295792731779317</v>
      </c>
      <c r="B1448" s="1"/>
      <c r="C1448">
        <v>4</v>
      </c>
      <c r="D1448" t="s">
        <v>2678</v>
      </c>
      <c r="E1448" t="s">
        <v>31315</v>
      </c>
      <c r="F1448">
        <v>4</v>
      </c>
      <c r="G1448" t="s">
        <v>838</v>
      </c>
      <c r="H1448" t="s">
        <v>2679</v>
      </c>
      <c r="I1448" t="s">
        <v>30540</v>
      </c>
    </row>
    <row r="1449" spans="1:9">
      <c r="A1449" s="1">
        <f ca="1">RAND()</f>
        <v>0.4882777257555827</v>
      </c>
      <c r="B1449" s="1"/>
      <c r="C1449">
        <v>2</v>
      </c>
      <c r="D1449" t="s">
        <v>2676</v>
      </c>
      <c r="E1449" t="s">
        <v>31316</v>
      </c>
      <c r="F1449">
        <v>4</v>
      </c>
      <c r="H1449" t="s">
        <v>2677</v>
      </c>
      <c r="I1449" t="s">
        <v>30540</v>
      </c>
    </row>
    <row r="1450" spans="1:9">
      <c r="A1450" s="1">
        <f ca="1">RAND()</f>
        <v>0.97288534755896872</v>
      </c>
      <c r="B1450" s="1"/>
      <c r="C1450">
        <v>5</v>
      </c>
      <c r="D1450" t="s">
        <v>2674</v>
      </c>
      <c r="E1450" t="s">
        <v>31317</v>
      </c>
      <c r="F1450">
        <v>5</v>
      </c>
      <c r="H1450" t="s">
        <v>2675</v>
      </c>
      <c r="I1450" t="s">
        <v>30540</v>
      </c>
    </row>
    <row r="1451" spans="1:9">
      <c r="A1451" s="1">
        <f ca="1">RAND()</f>
        <v>0.71584046174083771</v>
      </c>
      <c r="B1451" s="1"/>
      <c r="C1451">
        <v>1</v>
      </c>
      <c r="D1451" t="s">
        <v>2672</v>
      </c>
      <c r="E1451" t="s">
        <v>31317</v>
      </c>
      <c r="F1451">
        <v>4</v>
      </c>
      <c r="H1451" t="s">
        <v>2673</v>
      </c>
      <c r="I1451" t="s">
        <v>30540</v>
      </c>
    </row>
    <row r="1452" spans="1:9">
      <c r="A1452" s="1">
        <f ca="1">RAND()</f>
        <v>0.45203895320555776</v>
      </c>
      <c r="B1452" s="1"/>
      <c r="C1452">
        <v>1</v>
      </c>
      <c r="D1452" t="s">
        <v>2670</v>
      </c>
      <c r="E1452" t="s">
        <v>31318</v>
      </c>
      <c r="F1452">
        <v>4</v>
      </c>
      <c r="G1452" t="s">
        <v>10</v>
      </c>
      <c r="H1452" t="s">
        <v>2671</v>
      </c>
      <c r="I1452" t="s">
        <v>30540</v>
      </c>
    </row>
    <row r="1453" spans="1:9">
      <c r="A1453" s="1">
        <f ca="1">RAND()</f>
        <v>0.45487003196837272</v>
      </c>
      <c r="B1453" s="1"/>
      <c r="C1453">
        <v>9</v>
      </c>
      <c r="D1453" t="s">
        <v>2664</v>
      </c>
      <c r="E1453" t="s">
        <v>31319</v>
      </c>
      <c r="F1453">
        <v>4</v>
      </c>
      <c r="H1453" t="s">
        <v>2665</v>
      </c>
      <c r="I1453" t="s">
        <v>30540</v>
      </c>
    </row>
    <row r="1454" spans="1:9">
      <c r="A1454" s="1">
        <f ca="1">RAND()</f>
        <v>0.67633447307539662</v>
      </c>
      <c r="B1454" s="1"/>
      <c r="C1454">
        <v>10</v>
      </c>
      <c r="D1454" t="s">
        <v>2666</v>
      </c>
      <c r="E1454" t="s">
        <v>31319</v>
      </c>
      <c r="F1454">
        <v>2</v>
      </c>
      <c r="H1454" t="s">
        <v>2667</v>
      </c>
      <c r="I1454" t="s">
        <v>30540</v>
      </c>
    </row>
    <row r="1455" spans="1:9">
      <c r="A1455" s="1">
        <f ca="1">RAND()</f>
        <v>0.94235779122947938</v>
      </c>
      <c r="B1455" s="1"/>
      <c r="C1455">
        <v>11</v>
      </c>
      <c r="D1455" t="s">
        <v>2668</v>
      </c>
      <c r="E1455" t="s">
        <v>31319</v>
      </c>
      <c r="F1455">
        <v>2</v>
      </c>
      <c r="H1455" t="s">
        <v>2669</v>
      </c>
      <c r="I1455" t="s">
        <v>30540</v>
      </c>
    </row>
    <row r="1456" spans="1:9">
      <c r="A1456" s="1">
        <f ca="1">RAND()</f>
        <v>0.61284785449345502</v>
      </c>
      <c r="B1456" s="1"/>
      <c r="C1456">
        <v>4</v>
      </c>
      <c r="D1456" t="s">
        <v>2662</v>
      </c>
      <c r="E1456" t="s">
        <v>31320</v>
      </c>
      <c r="F1456">
        <v>2</v>
      </c>
      <c r="H1456" t="s">
        <v>2663</v>
      </c>
      <c r="I1456" t="s">
        <v>30540</v>
      </c>
    </row>
    <row r="1457" spans="1:9">
      <c r="A1457" s="1">
        <f ca="1">RAND()</f>
        <v>0.62730227010684925</v>
      </c>
      <c r="B1457" s="1"/>
      <c r="C1457">
        <v>3</v>
      </c>
      <c r="D1457" t="s">
        <v>2658</v>
      </c>
      <c r="E1457" t="s">
        <v>31321</v>
      </c>
      <c r="F1457">
        <v>5</v>
      </c>
      <c r="H1457" t="s">
        <v>2659</v>
      </c>
      <c r="I1457" t="s">
        <v>30540</v>
      </c>
    </row>
    <row r="1458" spans="1:9">
      <c r="A1458" s="1">
        <f ca="1">RAND()</f>
        <v>0.33946967941923745</v>
      </c>
      <c r="B1458" s="1"/>
      <c r="C1458">
        <v>4</v>
      </c>
      <c r="D1458" t="s">
        <v>2660</v>
      </c>
      <c r="E1458" t="s">
        <v>31321</v>
      </c>
      <c r="F1458">
        <v>4</v>
      </c>
      <c r="H1458" t="s">
        <v>2661</v>
      </c>
      <c r="I1458" t="s">
        <v>30540</v>
      </c>
    </row>
    <row r="1459" spans="1:9">
      <c r="A1459" s="1">
        <f ca="1">RAND()</f>
        <v>2.4965652832764307E-2</v>
      </c>
      <c r="B1459" s="1"/>
      <c r="C1459">
        <v>1</v>
      </c>
      <c r="D1459" t="s">
        <v>2656</v>
      </c>
      <c r="E1459" t="s">
        <v>31321</v>
      </c>
      <c r="F1459">
        <v>4</v>
      </c>
      <c r="H1459" t="s">
        <v>2657</v>
      </c>
      <c r="I1459" t="s">
        <v>30540</v>
      </c>
    </row>
    <row r="1460" spans="1:9">
      <c r="A1460" s="1">
        <f ca="1">RAND()</f>
        <v>0.84475074989245014</v>
      </c>
      <c r="B1460" s="1"/>
      <c r="C1460">
        <v>1</v>
      </c>
      <c r="D1460" t="s">
        <v>2654</v>
      </c>
      <c r="E1460" t="s">
        <v>31322</v>
      </c>
      <c r="F1460">
        <v>4</v>
      </c>
      <c r="H1460" t="s">
        <v>2655</v>
      </c>
      <c r="I1460" t="s">
        <v>30540</v>
      </c>
    </row>
    <row r="1461" spans="1:9">
      <c r="A1461" s="1">
        <f ca="1">RAND()</f>
        <v>0.86297855759244624</v>
      </c>
      <c r="B1461" s="1"/>
      <c r="C1461">
        <v>3</v>
      </c>
      <c r="D1461" t="s">
        <v>2652</v>
      </c>
      <c r="E1461" t="s">
        <v>31323</v>
      </c>
      <c r="F1461">
        <v>4</v>
      </c>
      <c r="H1461" t="s">
        <v>2653</v>
      </c>
      <c r="I1461" t="s">
        <v>30540</v>
      </c>
    </row>
    <row r="1462" spans="1:9">
      <c r="A1462" s="1">
        <f ca="1">RAND()</f>
        <v>0.85700392673236225</v>
      </c>
      <c r="B1462" s="1"/>
      <c r="C1462">
        <v>4</v>
      </c>
      <c r="D1462" t="s">
        <v>2650</v>
      </c>
      <c r="E1462" t="s">
        <v>31324</v>
      </c>
      <c r="F1462">
        <v>5</v>
      </c>
      <c r="H1462" t="s">
        <v>2651</v>
      </c>
      <c r="I1462" t="s">
        <v>30540</v>
      </c>
    </row>
    <row r="1463" spans="1:9">
      <c r="A1463" s="1">
        <f ca="1">RAND()</f>
        <v>0.78324046915343293</v>
      </c>
      <c r="B1463" s="1"/>
      <c r="C1463">
        <v>1</v>
      </c>
      <c r="D1463" t="s">
        <v>2648</v>
      </c>
      <c r="E1463" t="s">
        <v>31325</v>
      </c>
      <c r="F1463">
        <v>2</v>
      </c>
      <c r="H1463" t="s">
        <v>2649</v>
      </c>
      <c r="I1463" t="s">
        <v>30540</v>
      </c>
    </row>
    <row r="1464" spans="1:9">
      <c r="A1464" s="1">
        <f ca="1">RAND()</f>
        <v>0.63067041553889447</v>
      </c>
      <c r="B1464" s="1"/>
      <c r="C1464">
        <v>3</v>
      </c>
      <c r="D1464" t="s">
        <v>2646</v>
      </c>
      <c r="E1464" t="s">
        <v>31326</v>
      </c>
      <c r="F1464">
        <v>4</v>
      </c>
      <c r="H1464" t="s">
        <v>2647</v>
      </c>
      <c r="I1464" t="s">
        <v>30540</v>
      </c>
    </row>
    <row r="1465" spans="1:9">
      <c r="A1465" s="1">
        <f ca="1">RAND()</f>
        <v>0.73149983264746454</v>
      </c>
      <c r="B1465" s="1"/>
      <c r="C1465">
        <v>7</v>
      </c>
      <c r="D1465" t="s">
        <v>2644</v>
      </c>
      <c r="E1465" t="s">
        <v>31327</v>
      </c>
      <c r="F1465">
        <v>4</v>
      </c>
      <c r="H1465" t="s">
        <v>2645</v>
      </c>
      <c r="I1465" t="s">
        <v>30540</v>
      </c>
    </row>
    <row r="1466" spans="1:9">
      <c r="A1466" s="1">
        <f ca="1">RAND()</f>
        <v>0.68095814201582716</v>
      </c>
      <c r="B1466" s="1"/>
      <c r="C1466">
        <v>2</v>
      </c>
      <c r="D1466" t="s">
        <v>2640</v>
      </c>
      <c r="E1466" t="s">
        <v>31328</v>
      </c>
      <c r="F1466">
        <v>4</v>
      </c>
      <c r="H1466" t="s">
        <v>2641</v>
      </c>
      <c r="I1466" t="s">
        <v>30540</v>
      </c>
    </row>
    <row r="1467" spans="1:9">
      <c r="A1467" s="1">
        <f ca="1">RAND()</f>
        <v>0.89963418373569115</v>
      </c>
      <c r="B1467" s="1"/>
      <c r="C1467">
        <v>4</v>
      </c>
      <c r="D1467" t="s">
        <v>2642</v>
      </c>
      <c r="E1467" t="s">
        <v>31328</v>
      </c>
      <c r="F1467">
        <v>4</v>
      </c>
      <c r="H1467" t="s">
        <v>2643</v>
      </c>
      <c r="I1467" t="s">
        <v>30540</v>
      </c>
    </row>
    <row r="1468" spans="1:9">
      <c r="A1468" s="1">
        <f ca="1">RAND()</f>
        <v>0.7999773232430033</v>
      </c>
      <c r="B1468" s="1"/>
      <c r="C1468">
        <v>4</v>
      </c>
      <c r="D1468" t="s">
        <v>2638</v>
      </c>
      <c r="E1468" t="s">
        <v>31329</v>
      </c>
      <c r="F1468">
        <v>4</v>
      </c>
      <c r="H1468" t="s">
        <v>2639</v>
      </c>
      <c r="I1468" t="s">
        <v>30540</v>
      </c>
    </row>
    <row r="1469" spans="1:9">
      <c r="A1469" s="1">
        <f ca="1">RAND()</f>
        <v>0.73538441412575273</v>
      </c>
      <c r="B1469" s="1"/>
      <c r="C1469">
        <v>1</v>
      </c>
      <c r="D1469" t="s">
        <v>2636</v>
      </c>
      <c r="E1469" t="s">
        <v>31330</v>
      </c>
      <c r="F1469">
        <v>4</v>
      </c>
      <c r="H1469" t="s">
        <v>2637</v>
      </c>
      <c r="I1469" t="s">
        <v>30540</v>
      </c>
    </row>
    <row r="1470" spans="1:9">
      <c r="A1470" s="1">
        <f ca="1">RAND()</f>
        <v>0.80486112894271811</v>
      </c>
      <c r="B1470" s="1"/>
      <c r="C1470">
        <v>7</v>
      </c>
      <c r="D1470" t="s">
        <v>2634</v>
      </c>
      <c r="E1470" t="s">
        <v>31331</v>
      </c>
      <c r="F1470">
        <v>4</v>
      </c>
      <c r="H1470" t="s">
        <v>2635</v>
      </c>
      <c r="I1470" t="s">
        <v>30540</v>
      </c>
    </row>
    <row r="1471" spans="1:9">
      <c r="A1471" s="1">
        <f ca="1">RAND()</f>
        <v>0.90846724360367193</v>
      </c>
      <c r="B1471" s="1"/>
      <c r="C1471">
        <v>3</v>
      </c>
      <c r="D1471" t="s">
        <v>2632</v>
      </c>
      <c r="E1471" t="s">
        <v>31331</v>
      </c>
      <c r="F1471">
        <v>4</v>
      </c>
      <c r="H1471" t="s">
        <v>2633</v>
      </c>
      <c r="I1471" t="s">
        <v>30540</v>
      </c>
    </row>
    <row r="1472" spans="1:9">
      <c r="A1472" s="1">
        <f ca="1">RAND()</f>
        <v>0.87691859641315295</v>
      </c>
      <c r="B1472" s="1"/>
      <c r="C1472">
        <v>2</v>
      </c>
      <c r="D1472" t="s">
        <v>2628</v>
      </c>
      <c r="E1472" t="s">
        <v>31332</v>
      </c>
      <c r="F1472">
        <v>5</v>
      </c>
      <c r="H1472" t="s">
        <v>2629</v>
      </c>
      <c r="I1472" t="s">
        <v>30540</v>
      </c>
    </row>
    <row r="1473" spans="1:9">
      <c r="A1473" s="1">
        <f ca="1">RAND()</f>
        <v>0.42407981399482209</v>
      </c>
      <c r="B1473" s="1"/>
      <c r="C1473">
        <v>7</v>
      </c>
      <c r="D1473" t="s">
        <v>2630</v>
      </c>
      <c r="E1473" t="s">
        <v>31332</v>
      </c>
      <c r="F1473">
        <v>2</v>
      </c>
      <c r="H1473" t="s">
        <v>2631</v>
      </c>
      <c r="I1473" t="s">
        <v>30540</v>
      </c>
    </row>
    <row r="1474" spans="1:9">
      <c r="A1474" s="1">
        <f ca="1">RAND()</f>
        <v>0.16580527248242383</v>
      </c>
      <c r="B1474" s="1"/>
      <c r="C1474">
        <v>4</v>
      </c>
      <c r="D1474" t="s">
        <v>2626</v>
      </c>
      <c r="E1474" t="s">
        <v>31333</v>
      </c>
      <c r="F1474">
        <v>4</v>
      </c>
      <c r="H1474" t="s">
        <v>2627</v>
      </c>
      <c r="I1474" t="s">
        <v>30540</v>
      </c>
    </row>
    <row r="1475" spans="1:9">
      <c r="A1475" s="1">
        <f ca="1">RAND()</f>
        <v>0.86243513815322459</v>
      </c>
      <c r="B1475" s="1"/>
      <c r="C1475">
        <v>1</v>
      </c>
      <c r="D1475" t="s">
        <v>2624</v>
      </c>
      <c r="E1475" t="s">
        <v>31334</v>
      </c>
      <c r="F1475">
        <v>4</v>
      </c>
      <c r="H1475" t="s">
        <v>2625</v>
      </c>
      <c r="I1475" t="s">
        <v>30540</v>
      </c>
    </row>
    <row r="1476" spans="1:9">
      <c r="A1476" s="1">
        <f ca="1">RAND()</f>
        <v>0.15082378864554535</v>
      </c>
      <c r="B1476" s="1"/>
      <c r="C1476">
        <v>1</v>
      </c>
      <c r="D1476" t="s">
        <v>2622</v>
      </c>
      <c r="E1476" t="s">
        <v>31335</v>
      </c>
      <c r="F1476">
        <v>4</v>
      </c>
      <c r="H1476" t="s">
        <v>2623</v>
      </c>
      <c r="I1476" t="s">
        <v>30540</v>
      </c>
    </row>
    <row r="1477" spans="1:9">
      <c r="A1477" s="1">
        <f ca="1">RAND()</f>
        <v>0.24972915812475449</v>
      </c>
      <c r="B1477" s="1"/>
      <c r="C1477">
        <v>4</v>
      </c>
      <c r="D1477" t="s">
        <v>2620</v>
      </c>
      <c r="E1477" t="s">
        <v>31336</v>
      </c>
      <c r="F1477">
        <v>5</v>
      </c>
      <c r="H1477" t="s">
        <v>2621</v>
      </c>
      <c r="I1477" t="s">
        <v>30540</v>
      </c>
    </row>
    <row r="1478" spans="1:9">
      <c r="A1478" s="1">
        <f ca="1">RAND()</f>
        <v>0.47862566628687986</v>
      </c>
      <c r="B1478" s="1"/>
      <c r="C1478">
        <v>1</v>
      </c>
      <c r="D1478" t="s">
        <v>2618</v>
      </c>
      <c r="E1478" t="s">
        <v>31336</v>
      </c>
      <c r="F1478">
        <v>1</v>
      </c>
      <c r="H1478" t="s">
        <v>2619</v>
      </c>
      <c r="I1478" t="s">
        <v>30540</v>
      </c>
    </row>
    <row r="1479" spans="1:9">
      <c r="A1479" s="1">
        <f ca="1">RAND()</f>
        <v>0.82878837051602094</v>
      </c>
      <c r="B1479" s="1"/>
      <c r="C1479">
        <v>1</v>
      </c>
      <c r="D1479" t="s">
        <v>2616</v>
      </c>
      <c r="E1479" t="s">
        <v>31337</v>
      </c>
      <c r="F1479">
        <v>4</v>
      </c>
      <c r="H1479" t="s">
        <v>2617</v>
      </c>
      <c r="I1479" t="s">
        <v>30540</v>
      </c>
    </row>
    <row r="1480" spans="1:9">
      <c r="A1480" s="1">
        <f ca="1">RAND()</f>
        <v>0.44894691050468771</v>
      </c>
      <c r="B1480" s="1"/>
      <c r="C1480">
        <v>5</v>
      </c>
      <c r="D1480" t="s">
        <v>2614</v>
      </c>
      <c r="E1480" t="s">
        <v>31338</v>
      </c>
      <c r="F1480">
        <v>4</v>
      </c>
      <c r="H1480" t="s">
        <v>2615</v>
      </c>
      <c r="I1480" t="s">
        <v>30540</v>
      </c>
    </row>
    <row r="1481" spans="1:9">
      <c r="A1481" s="1">
        <f ca="1">RAND()</f>
        <v>1.6965913713638869E-2</v>
      </c>
      <c r="B1481" s="1"/>
      <c r="C1481">
        <v>3</v>
      </c>
      <c r="D1481" t="s">
        <v>2612</v>
      </c>
      <c r="E1481" t="s">
        <v>31339</v>
      </c>
      <c r="F1481">
        <v>2</v>
      </c>
      <c r="H1481" t="s">
        <v>2613</v>
      </c>
      <c r="I1481" t="s">
        <v>30540</v>
      </c>
    </row>
    <row r="1482" spans="1:9">
      <c r="A1482" s="1">
        <f ca="1">RAND()</f>
        <v>0.72997987143706644</v>
      </c>
      <c r="B1482" s="1"/>
      <c r="C1482">
        <v>1</v>
      </c>
      <c r="D1482" t="s">
        <v>2610</v>
      </c>
      <c r="E1482" t="s">
        <v>31340</v>
      </c>
      <c r="F1482">
        <v>2</v>
      </c>
      <c r="H1482" t="s">
        <v>2611</v>
      </c>
      <c r="I1482" t="s">
        <v>30540</v>
      </c>
    </row>
    <row r="1483" spans="1:9">
      <c r="A1483" s="1">
        <f ca="1">RAND()</f>
        <v>0.98036268509860613</v>
      </c>
      <c r="B1483" s="1"/>
      <c r="C1483">
        <v>4</v>
      </c>
      <c r="D1483" t="s">
        <v>2606</v>
      </c>
      <c r="E1483" t="s">
        <v>31341</v>
      </c>
      <c r="F1483">
        <v>3</v>
      </c>
      <c r="H1483" t="s">
        <v>2607</v>
      </c>
      <c r="I1483" t="s">
        <v>30540</v>
      </c>
    </row>
    <row r="1484" spans="1:9">
      <c r="A1484" s="1">
        <f ca="1">RAND()</f>
        <v>0.94920581697403361</v>
      </c>
      <c r="B1484" s="1"/>
      <c r="C1484">
        <v>5</v>
      </c>
      <c r="D1484" t="s">
        <v>2608</v>
      </c>
      <c r="E1484" t="s">
        <v>31341</v>
      </c>
      <c r="F1484">
        <v>2</v>
      </c>
      <c r="H1484" t="s">
        <v>2609</v>
      </c>
      <c r="I1484" t="s">
        <v>30540</v>
      </c>
    </row>
    <row r="1485" spans="1:9">
      <c r="A1485" s="1">
        <f ca="1">RAND()</f>
        <v>0.22309551431806762</v>
      </c>
      <c r="B1485" s="1"/>
      <c r="C1485">
        <v>4</v>
      </c>
      <c r="D1485" t="s">
        <v>2604</v>
      </c>
      <c r="E1485" t="s">
        <v>31342</v>
      </c>
      <c r="F1485">
        <v>4</v>
      </c>
      <c r="H1485" t="s">
        <v>2605</v>
      </c>
      <c r="I1485" t="s">
        <v>30540</v>
      </c>
    </row>
    <row r="1486" spans="1:9">
      <c r="A1486" s="1">
        <f ca="1">RAND()</f>
        <v>0.13614686692400679</v>
      </c>
      <c r="B1486" s="1"/>
      <c r="C1486">
        <v>12</v>
      </c>
      <c r="D1486" t="s">
        <v>2600</v>
      </c>
      <c r="E1486" t="s">
        <v>31343</v>
      </c>
      <c r="F1486">
        <v>5</v>
      </c>
      <c r="H1486" t="s">
        <v>2601</v>
      </c>
      <c r="I1486" t="s">
        <v>30540</v>
      </c>
    </row>
    <row r="1487" spans="1:9">
      <c r="A1487" s="1">
        <f ca="1">RAND()</f>
        <v>0.52502206420711139</v>
      </c>
      <c r="B1487" s="1"/>
      <c r="C1487">
        <v>10</v>
      </c>
      <c r="D1487" t="s">
        <v>2598</v>
      </c>
      <c r="E1487" t="s">
        <v>31343</v>
      </c>
      <c r="F1487">
        <v>5</v>
      </c>
      <c r="H1487" t="s">
        <v>2599</v>
      </c>
      <c r="I1487" t="s">
        <v>30540</v>
      </c>
    </row>
    <row r="1488" spans="1:9">
      <c r="A1488" s="1">
        <f ca="1">RAND()</f>
        <v>0.68372271081890001</v>
      </c>
      <c r="B1488" s="1"/>
      <c r="C1488">
        <v>13</v>
      </c>
      <c r="D1488" t="s">
        <v>2602</v>
      </c>
      <c r="E1488" t="s">
        <v>31343</v>
      </c>
      <c r="F1488">
        <v>5</v>
      </c>
      <c r="H1488" t="s">
        <v>2603</v>
      </c>
      <c r="I1488" t="s">
        <v>30540</v>
      </c>
    </row>
    <row r="1489" spans="1:9">
      <c r="A1489" s="1">
        <f ca="1">RAND()</f>
        <v>0.88224871365052593</v>
      </c>
      <c r="B1489" s="1"/>
      <c r="C1489">
        <v>1</v>
      </c>
      <c r="D1489" t="s">
        <v>2596</v>
      </c>
      <c r="E1489" t="s">
        <v>31343</v>
      </c>
      <c r="F1489">
        <v>3</v>
      </c>
      <c r="H1489" t="s">
        <v>2597</v>
      </c>
      <c r="I1489" t="s">
        <v>30540</v>
      </c>
    </row>
    <row r="1490" spans="1:9">
      <c r="A1490" s="1">
        <f ca="1">RAND()</f>
        <v>0.54750230060057048</v>
      </c>
      <c r="B1490" s="1"/>
      <c r="C1490">
        <v>3</v>
      </c>
      <c r="D1490" t="s">
        <v>2592</v>
      </c>
      <c r="E1490" t="s">
        <v>31344</v>
      </c>
      <c r="F1490">
        <v>5</v>
      </c>
      <c r="H1490" t="s">
        <v>2593</v>
      </c>
      <c r="I1490" t="s">
        <v>30540</v>
      </c>
    </row>
    <row r="1491" spans="1:9">
      <c r="A1491" s="1">
        <f ca="1">RAND()</f>
        <v>0.10280486850232817</v>
      </c>
      <c r="B1491" s="1"/>
      <c r="C1491">
        <v>4</v>
      </c>
      <c r="D1491" t="s">
        <v>2594</v>
      </c>
      <c r="E1491" t="s">
        <v>31344</v>
      </c>
      <c r="F1491">
        <v>3</v>
      </c>
      <c r="H1491" t="s">
        <v>2595</v>
      </c>
      <c r="I1491" t="s">
        <v>30540</v>
      </c>
    </row>
    <row r="1492" spans="1:9">
      <c r="A1492" s="1">
        <f ca="1">RAND()</f>
        <v>0.64000105180804112</v>
      </c>
      <c r="B1492" s="1"/>
      <c r="C1492">
        <v>2</v>
      </c>
      <c r="D1492" t="s">
        <v>2590</v>
      </c>
      <c r="E1492" t="s">
        <v>31345</v>
      </c>
      <c r="F1492">
        <v>4</v>
      </c>
      <c r="H1492" t="s">
        <v>2591</v>
      </c>
      <c r="I1492" t="s">
        <v>30540</v>
      </c>
    </row>
    <row r="1493" spans="1:9">
      <c r="A1493" s="1">
        <f ca="1">RAND()</f>
        <v>0.2034192992402778</v>
      </c>
      <c r="B1493" s="1"/>
      <c r="C1493">
        <v>1</v>
      </c>
      <c r="D1493" t="s">
        <v>2588</v>
      </c>
      <c r="E1493" t="s">
        <v>31346</v>
      </c>
      <c r="F1493">
        <v>4</v>
      </c>
      <c r="H1493" t="s">
        <v>2589</v>
      </c>
      <c r="I1493" t="s">
        <v>30540</v>
      </c>
    </row>
    <row r="1494" spans="1:9">
      <c r="A1494" s="1">
        <f ca="1">RAND()</f>
        <v>0.96024473013070921</v>
      </c>
      <c r="B1494" s="1"/>
      <c r="C1494">
        <v>3</v>
      </c>
      <c r="D1494" t="s">
        <v>2586</v>
      </c>
      <c r="E1494" t="s">
        <v>31347</v>
      </c>
      <c r="F1494">
        <v>4</v>
      </c>
      <c r="H1494" t="s">
        <v>2587</v>
      </c>
      <c r="I1494" t="s">
        <v>30540</v>
      </c>
    </row>
    <row r="1495" spans="1:9">
      <c r="A1495" s="1">
        <f ca="1">RAND()</f>
        <v>0.17595547252383903</v>
      </c>
      <c r="B1495" s="1"/>
      <c r="C1495">
        <v>8</v>
      </c>
      <c r="D1495" t="s">
        <v>2582</v>
      </c>
      <c r="E1495" t="s">
        <v>31348</v>
      </c>
      <c r="F1495">
        <v>4</v>
      </c>
      <c r="H1495" t="s">
        <v>2583</v>
      </c>
      <c r="I1495" t="s">
        <v>30540</v>
      </c>
    </row>
    <row r="1496" spans="1:9">
      <c r="A1496" s="1">
        <f ca="1">RAND()</f>
        <v>0.90941885431571834</v>
      </c>
      <c r="B1496" s="1"/>
      <c r="C1496">
        <v>11</v>
      </c>
      <c r="D1496" t="s">
        <v>2584</v>
      </c>
      <c r="E1496" t="s">
        <v>31348</v>
      </c>
      <c r="F1496">
        <v>4</v>
      </c>
      <c r="H1496" t="s">
        <v>2585</v>
      </c>
      <c r="I1496" t="s">
        <v>30540</v>
      </c>
    </row>
    <row r="1497" spans="1:9">
      <c r="A1497" s="1">
        <f ca="1">RAND()</f>
        <v>0.7188594844740982</v>
      </c>
      <c r="B1497" s="1"/>
      <c r="C1497">
        <v>1</v>
      </c>
      <c r="D1497" t="s">
        <v>2578</v>
      </c>
      <c r="E1497" t="s">
        <v>31349</v>
      </c>
      <c r="F1497">
        <v>4</v>
      </c>
      <c r="H1497" t="s">
        <v>2579</v>
      </c>
      <c r="I1497" t="s">
        <v>30540</v>
      </c>
    </row>
    <row r="1498" spans="1:9">
      <c r="A1498" s="1">
        <f ca="1">RAND()</f>
        <v>0.66479408480368851</v>
      </c>
      <c r="B1498" s="1"/>
      <c r="C1498">
        <v>4</v>
      </c>
      <c r="D1498" t="s">
        <v>2580</v>
      </c>
      <c r="E1498" t="s">
        <v>31349</v>
      </c>
      <c r="F1498">
        <v>3</v>
      </c>
      <c r="H1498" t="s">
        <v>2581</v>
      </c>
      <c r="I1498" t="s">
        <v>30540</v>
      </c>
    </row>
    <row r="1499" spans="1:9">
      <c r="A1499" s="1">
        <f ca="1">RAND()</f>
        <v>0.36649774988132611</v>
      </c>
      <c r="B1499" s="1"/>
      <c r="C1499">
        <v>4</v>
      </c>
      <c r="D1499" t="s">
        <v>2576</v>
      </c>
      <c r="E1499" t="s">
        <v>31350</v>
      </c>
      <c r="F1499">
        <v>4</v>
      </c>
      <c r="H1499" t="s">
        <v>2577</v>
      </c>
      <c r="I1499" t="s">
        <v>30540</v>
      </c>
    </row>
    <row r="1500" spans="1:9">
      <c r="A1500" s="1">
        <f ca="1">RAND()</f>
        <v>0.57543402839186319</v>
      </c>
      <c r="B1500" s="1"/>
      <c r="C1500">
        <v>1</v>
      </c>
      <c r="D1500" t="s">
        <v>2574</v>
      </c>
      <c r="E1500" t="s">
        <v>31351</v>
      </c>
      <c r="F1500">
        <v>4</v>
      </c>
      <c r="H1500" t="s">
        <v>2575</v>
      </c>
      <c r="I1500" t="s">
        <v>30540</v>
      </c>
    </row>
    <row r="1501" spans="1:9">
      <c r="A1501" s="1">
        <f ca="1">RAND()</f>
        <v>0.38183414936281324</v>
      </c>
      <c r="B1501" s="1"/>
      <c r="C1501">
        <v>12</v>
      </c>
      <c r="D1501" t="s">
        <v>2572</v>
      </c>
      <c r="E1501" t="s">
        <v>31352</v>
      </c>
      <c r="F1501">
        <v>5</v>
      </c>
      <c r="H1501" t="s">
        <v>2573</v>
      </c>
      <c r="I1501" t="s">
        <v>30540</v>
      </c>
    </row>
    <row r="1502" spans="1:9">
      <c r="A1502" s="1">
        <f ca="1">RAND()</f>
        <v>0.65574787804807289</v>
      </c>
      <c r="B1502" s="1"/>
      <c r="C1502">
        <v>11</v>
      </c>
      <c r="D1502" t="s">
        <v>2570</v>
      </c>
      <c r="E1502" t="s">
        <v>31352</v>
      </c>
      <c r="F1502">
        <v>4</v>
      </c>
      <c r="H1502" t="s">
        <v>2571</v>
      </c>
      <c r="I1502" t="s">
        <v>30540</v>
      </c>
    </row>
    <row r="1503" spans="1:9">
      <c r="A1503" s="1">
        <f ca="1">RAND()</f>
        <v>0.7976011696872054</v>
      </c>
      <c r="B1503" s="1"/>
      <c r="C1503">
        <v>1</v>
      </c>
      <c r="D1503" t="s">
        <v>2568</v>
      </c>
      <c r="E1503" t="s">
        <v>31352</v>
      </c>
      <c r="F1503">
        <v>4</v>
      </c>
      <c r="H1503" t="s">
        <v>2569</v>
      </c>
      <c r="I1503" t="s">
        <v>30540</v>
      </c>
    </row>
    <row r="1504" spans="1:9">
      <c r="A1504" s="1">
        <f ca="1">RAND()</f>
        <v>6.9539372775794139E-2</v>
      </c>
      <c r="B1504" s="1"/>
      <c r="C1504">
        <v>2</v>
      </c>
      <c r="D1504" t="s">
        <v>2564</v>
      </c>
      <c r="E1504" t="s">
        <v>31353</v>
      </c>
      <c r="F1504">
        <v>4</v>
      </c>
      <c r="H1504" t="s">
        <v>2565</v>
      </c>
      <c r="I1504" t="s">
        <v>30540</v>
      </c>
    </row>
    <row r="1505" spans="1:9">
      <c r="A1505" s="1">
        <f ca="1">RAND()</f>
        <v>0.62560209984278736</v>
      </c>
      <c r="B1505" s="1"/>
      <c r="C1505">
        <v>4</v>
      </c>
      <c r="D1505" t="s">
        <v>2566</v>
      </c>
      <c r="E1505" t="s">
        <v>31353</v>
      </c>
      <c r="F1505">
        <v>4</v>
      </c>
      <c r="H1505" t="s">
        <v>2567</v>
      </c>
      <c r="I1505" t="s">
        <v>30540</v>
      </c>
    </row>
    <row r="1506" spans="1:9">
      <c r="A1506" s="1">
        <f ca="1">RAND()</f>
        <v>0.17779320152007916</v>
      </c>
      <c r="B1506" s="1"/>
      <c r="C1506">
        <v>4</v>
      </c>
      <c r="D1506" t="s">
        <v>2560</v>
      </c>
      <c r="E1506" t="s">
        <v>31354</v>
      </c>
      <c r="F1506">
        <v>4</v>
      </c>
      <c r="H1506" t="s">
        <v>2561</v>
      </c>
      <c r="I1506" t="s">
        <v>30540</v>
      </c>
    </row>
    <row r="1507" spans="1:9">
      <c r="A1507" s="1">
        <f ca="1">RAND()</f>
        <v>0.74068409813737557</v>
      </c>
      <c r="B1507" s="1"/>
      <c r="C1507">
        <v>5</v>
      </c>
      <c r="D1507" t="s">
        <v>2562</v>
      </c>
      <c r="E1507" t="s">
        <v>31354</v>
      </c>
      <c r="F1507">
        <v>4</v>
      </c>
      <c r="H1507" t="s">
        <v>2563</v>
      </c>
      <c r="I1507" t="s">
        <v>30540</v>
      </c>
    </row>
    <row r="1508" spans="1:9">
      <c r="A1508" s="1">
        <f ca="1">RAND()</f>
        <v>0.78162448076257562</v>
      </c>
      <c r="B1508" s="1"/>
      <c r="C1508">
        <v>2</v>
      </c>
      <c r="D1508" t="s">
        <v>2556</v>
      </c>
      <c r="E1508" t="s">
        <v>31355</v>
      </c>
      <c r="F1508">
        <v>5</v>
      </c>
      <c r="H1508" t="s">
        <v>2557</v>
      </c>
      <c r="I1508" t="s">
        <v>30540</v>
      </c>
    </row>
    <row r="1509" spans="1:9">
      <c r="A1509" s="1">
        <f ca="1">RAND()</f>
        <v>0.4567310992532585</v>
      </c>
      <c r="B1509" s="1"/>
      <c r="C1509">
        <v>6</v>
      </c>
      <c r="D1509" t="s">
        <v>2558</v>
      </c>
      <c r="E1509" t="s">
        <v>31355</v>
      </c>
      <c r="F1509">
        <v>4</v>
      </c>
      <c r="H1509" t="s">
        <v>2559</v>
      </c>
      <c r="I1509" t="s">
        <v>30540</v>
      </c>
    </row>
    <row r="1510" spans="1:9">
      <c r="A1510" s="1">
        <f ca="1">RAND()</f>
        <v>0.70044593968007529</v>
      </c>
      <c r="B1510" s="1"/>
      <c r="C1510">
        <v>1</v>
      </c>
      <c r="D1510" t="s">
        <v>2552</v>
      </c>
      <c r="E1510" t="s">
        <v>31356</v>
      </c>
      <c r="F1510">
        <v>4</v>
      </c>
      <c r="H1510" t="s">
        <v>2553</v>
      </c>
      <c r="I1510" t="s">
        <v>30540</v>
      </c>
    </row>
    <row r="1511" spans="1:9">
      <c r="A1511" s="1">
        <f ca="1">RAND()</f>
        <v>0.28819181885875067</v>
      </c>
      <c r="B1511" s="1"/>
      <c r="C1511">
        <v>2</v>
      </c>
      <c r="D1511" t="s">
        <v>2554</v>
      </c>
      <c r="E1511" t="s">
        <v>31356</v>
      </c>
      <c r="F1511">
        <v>2</v>
      </c>
      <c r="H1511" t="s">
        <v>2555</v>
      </c>
      <c r="I1511" t="s">
        <v>30540</v>
      </c>
    </row>
    <row r="1512" spans="1:9">
      <c r="A1512" s="1">
        <f ca="1">RAND()</f>
        <v>0.74666838770218336</v>
      </c>
      <c r="B1512" s="1"/>
      <c r="C1512">
        <v>2</v>
      </c>
      <c r="D1512" t="s">
        <v>2550</v>
      </c>
      <c r="E1512" t="s">
        <v>31357</v>
      </c>
      <c r="F1512">
        <v>4</v>
      </c>
      <c r="G1512" t="s">
        <v>10</v>
      </c>
      <c r="H1512" t="s">
        <v>2551</v>
      </c>
      <c r="I1512" t="s">
        <v>30540</v>
      </c>
    </row>
    <row r="1513" spans="1:9">
      <c r="A1513" s="1">
        <f ca="1">RAND()</f>
        <v>0.17940668954008832</v>
      </c>
      <c r="B1513" s="1"/>
      <c r="C1513">
        <v>1</v>
      </c>
      <c r="D1513" t="s">
        <v>2546</v>
      </c>
      <c r="E1513" t="s">
        <v>31358</v>
      </c>
      <c r="F1513">
        <v>4</v>
      </c>
      <c r="H1513" t="s">
        <v>2547</v>
      </c>
      <c r="I1513" t="s">
        <v>30540</v>
      </c>
    </row>
    <row r="1514" spans="1:9">
      <c r="A1514" s="1">
        <f ca="1">RAND()</f>
        <v>0.8160869512765424</v>
      </c>
      <c r="B1514" s="1"/>
      <c r="C1514">
        <v>3</v>
      </c>
      <c r="D1514" t="s">
        <v>2548</v>
      </c>
      <c r="E1514" t="s">
        <v>31358</v>
      </c>
      <c r="F1514">
        <v>4</v>
      </c>
      <c r="H1514" t="s">
        <v>2549</v>
      </c>
      <c r="I1514" t="s">
        <v>30540</v>
      </c>
    </row>
    <row r="1515" spans="1:9">
      <c r="A1515" s="1">
        <f ca="1">RAND()</f>
        <v>0.8258245999159517</v>
      </c>
      <c r="B1515" s="1"/>
      <c r="C1515">
        <v>10</v>
      </c>
      <c r="D1515" t="s">
        <v>2542</v>
      </c>
      <c r="E1515" t="s">
        <v>31359</v>
      </c>
      <c r="F1515">
        <v>5</v>
      </c>
      <c r="H1515" t="s">
        <v>2543</v>
      </c>
      <c r="I1515" t="s">
        <v>30540</v>
      </c>
    </row>
    <row r="1516" spans="1:9">
      <c r="A1516" s="1">
        <f ca="1">RAND()</f>
        <v>0.15503893485259723</v>
      </c>
      <c r="B1516" s="1"/>
      <c r="C1516">
        <v>7</v>
      </c>
      <c r="D1516" t="s">
        <v>2540</v>
      </c>
      <c r="E1516" t="s">
        <v>31359</v>
      </c>
      <c r="F1516">
        <v>4</v>
      </c>
      <c r="H1516" t="s">
        <v>2541</v>
      </c>
      <c r="I1516" t="s">
        <v>30540</v>
      </c>
    </row>
    <row r="1517" spans="1:9">
      <c r="A1517" s="1">
        <f ca="1">RAND()</f>
        <v>0.15740020907131613</v>
      </c>
      <c r="B1517" s="1"/>
      <c r="C1517">
        <v>11</v>
      </c>
      <c r="D1517" t="s">
        <v>2544</v>
      </c>
      <c r="E1517" t="s">
        <v>31359</v>
      </c>
      <c r="F1517">
        <v>4</v>
      </c>
      <c r="H1517" t="s">
        <v>2545</v>
      </c>
      <c r="I1517" t="s">
        <v>30540</v>
      </c>
    </row>
    <row r="1518" spans="1:9">
      <c r="A1518" s="1">
        <f ca="1">RAND()</f>
        <v>0.68387538401041859</v>
      </c>
      <c r="B1518" s="1"/>
      <c r="C1518">
        <v>4</v>
      </c>
      <c r="D1518" t="s">
        <v>2538</v>
      </c>
      <c r="E1518" t="s">
        <v>31360</v>
      </c>
      <c r="F1518">
        <v>5</v>
      </c>
      <c r="H1518" t="s">
        <v>2539</v>
      </c>
      <c r="I1518" t="s">
        <v>30540</v>
      </c>
    </row>
    <row r="1519" spans="1:9">
      <c r="A1519" s="1">
        <f ca="1">RAND()</f>
        <v>0.53981183460868887</v>
      </c>
      <c r="B1519" s="1"/>
      <c r="C1519">
        <v>1</v>
      </c>
      <c r="D1519" t="s">
        <v>2534</v>
      </c>
      <c r="E1519" t="s">
        <v>31361</v>
      </c>
      <c r="F1519">
        <v>4</v>
      </c>
      <c r="H1519" t="s">
        <v>2535</v>
      </c>
      <c r="I1519" t="s">
        <v>30540</v>
      </c>
    </row>
    <row r="1520" spans="1:9">
      <c r="A1520" s="1">
        <f ca="1">RAND()</f>
        <v>0.1411558790949432</v>
      </c>
      <c r="B1520" s="1"/>
      <c r="C1520">
        <v>4</v>
      </c>
      <c r="D1520" t="s">
        <v>2536</v>
      </c>
      <c r="E1520" t="s">
        <v>31361</v>
      </c>
      <c r="F1520">
        <v>4</v>
      </c>
      <c r="H1520" t="s">
        <v>2537</v>
      </c>
      <c r="I1520" t="s">
        <v>30540</v>
      </c>
    </row>
    <row r="1521" spans="1:9">
      <c r="A1521" s="1">
        <f ca="1">RAND()</f>
        <v>0.37812659247177671</v>
      </c>
      <c r="B1521" s="1"/>
      <c r="C1521">
        <v>4</v>
      </c>
      <c r="D1521" t="s">
        <v>2532</v>
      </c>
      <c r="E1521" t="s">
        <v>31362</v>
      </c>
      <c r="F1521">
        <v>5</v>
      </c>
      <c r="H1521" t="s">
        <v>2533</v>
      </c>
      <c r="I1521" t="s">
        <v>30540</v>
      </c>
    </row>
    <row r="1522" spans="1:9">
      <c r="A1522" s="1">
        <f ca="1">RAND()</f>
        <v>0.18651717699779624</v>
      </c>
      <c r="B1522" s="1"/>
      <c r="C1522">
        <v>3</v>
      </c>
      <c r="D1522" t="s">
        <v>2524</v>
      </c>
      <c r="E1522" t="s">
        <v>31363</v>
      </c>
      <c r="F1522">
        <v>5</v>
      </c>
      <c r="H1522" t="s">
        <v>2525</v>
      </c>
      <c r="I1522" t="s">
        <v>30540</v>
      </c>
    </row>
    <row r="1523" spans="1:9">
      <c r="A1523" s="1">
        <f ca="1">RAND()</f>
        <v>0.79317495438932695</v>
      </c>
      <c r="B1523" s="1"/>
      <c r="C1523">
        <v>7</v>
      </c>
      <c r="D1523" t="s">
        <v>2528</v>
      </c>
      <c r="E1523" t="s">
        <v>31363</v>
      </c>
      <c r="F1523">
        <v>4</v>
      </c>
      <c r="H1523" t="s">
        <v>2529</v>
      </c>
      <c r="I1523" t="s">
        <v>30540</v>
      </c>
    </row>
    <row r="1524" spans="1:9">
      <c r="A1524" s="1">
        <f ca="1">RAND()</f>
        <v>0.74643398113822557</v>
      </c>
      <c r="B1524" s="1"/>
      <c r="C1524">
        <v>10</v>
      </c>
      <c r="D1524" t="s">
        <v>2530</v>
      </c>
      <c r="E1524" t="s">
        <v>31363</v>
      </c>
      <c r="F1524">
        <v>4</v>
      </c>
      <c r="G1524" t="s">
        <v>13</v>
      </c>
      <c r="H1524" t="s">
        <v>2531</v>
      </c>
      <c r="I1524" t="s">
        <v>30540</v>
      </c>
    </row>
    <row r="1525" spans="1:9">
      <c r="A1525" s="1">
        <f ca="1">RAND()</f>
        <v>4.7554474151257464E-2</v>
      </c>
      <c r="B1525" s="1"/>
      <c r="C1525">
        <v>4</v>
      </c>
      <c r="D1525" t="s">
        <v>2526</v>
      </c>
      <c r="E1525" t="s">
        <v>31363</v>
      </c>
      <c r="F1525">
        <v>4</v>
      </c>
      <c r="H1525" t="s">
        <v>2527</v>
      </c>
      <c r="I1525" t="s">
        <v>30540</v>
      </c>
    </row>
    <row r="1526" spans="1:9">
      <c r="A1526" s="1">
        <f ca="1">RAND()</f>
        <v>0.62869608510901809</v>
      </c>
      <c r="B1526" s="1"/>
      <c r="C1526">
        <v>5</v>
      </c>
      <c r="D1526" t="s">
        <v>2522</v>
      </c>
      <c r="E1526" t="s">
        <v>31364</v>
      </c>
      <c r="F1526">
        <v>4</v>
      </c>
      <c r="H1526" t="s">
        <v>2523</v>
      </c>
      <c r="I1526" t="s">
        <v>30540</v>
      </c>
    </row>
    <row r="1527" spans="1:9">
      <c r="A1527" s="1">
        <f ca="1">RAND()</f>
        <v>1.4422633902871906E-2</v>
      </c>
      <c r="B1527" s="1"/>
      <c r="C1527">
        <v>4</v>
      </c>
      <c r="D1527" t="s">
        <v>2520</v>
      </c>
      <c r="E1527" t="s">
        <v>31364</v>
      </c>
      <c r="F1527">
        <v>4</v>
      </c>
      <c r="H1527" t="s">
        <v>2521</v>
      </c>
      <c r="I1527" t="s">
        <v>30540</v>
      </c>
    </row>
    <row r="1528" spans="1:9">
      <c r="A1528" s="1">
        <f ca="1">RAND()</f>
        <v>0.13085897516001332</v>
      </c>
      <c r="B1528" s="1"/>
      <c r="C1528">
        <v>11</v>
      </c>
      <c r="D1528" t="s">
        <v>2518</v>
      </c>
      <c r="E1528" t="s">
        <v>31365</v>
      </c>
      <c r="F1528">
        <v>4</v>
      </c>
      <c r="H1528" t="s">
        <v>2519</v>
      </c>
      <c r="I1528" t="s">
        <v>30540</v>
      </c>
    </row>
    <row r="1529" spans="1:9">
      <c r="A1529" s="1">
        <f ca="1">RAND()</f>
        <v>0.88725110354846359</v>
      </c>
      <c r="B1529" s="1"/>
      <c r="C1529">
        <v>6</v>
      </c>
      <c r="D1529" t="s">
        <v>2516</v>
      </c>
      <c r="E1529" t="s">
        <v>31365</v>
      </c>
      <c r="F1529">
        <v>2</v>
      </c>
      <c r="H1529" t="s">
        <v>2517</v>
      </c>
      <c r="I1529" t="s">
        <v>30540</v>
      </c>
    </row>
    <row r="1530" spans="1:9">
      <c r="A1530" s="1">
        <f ca="1">RAND()</f>
        <v>0.83099948388381328</v>
      </c>
      <c r="B1530" s="1"/>
      <c r="C1530">
        <v>8</v>
      </c>
      <c r="D1530" t="s">
        <v>2514</v>
      </c>
      <c r="E1530" t="s">
        <v>31366</v>
      </c>
      <c r="F1530">
        <v>4</v>
      </c>
      <c r="H1530" t="s">
        <v>2515</v>
      </c>
      <c r="I1530" t="s">
        <v>30540</v>
      </c>
    </row>
    <row r="1531" spans="1:9">
      <c r="A1531" s="1">
        <f ca="1">RAND()</f>
        <v>0.37725259039229342</v>
      </c>
      <c r="B1531" s="1"/>
      <c r="C1531">
        <v>1</v>
      </c>
      <c r="D1531" t="s">
        <v>2510</v>
      </c>
      <c r="E1531" t="s">
        <v>31367</v>
      </c>
      <c r="F1531">
        <v>5</v>
      </c>
      <c r="H1531" t="s">
        <v>2511</v>
      </c>
      <c r="I1531" t="s">
        <v>30540</v>
      </c>
    </row>
    <row r="1532" spans="1:9">
      <c r="A1532" s="1">
        <f ca="1">RAND()</f>
        <v>0.58141471588217619</v>
      </c>
      <c r="B1532" s="1"/>
      <c r="C1532">
        <v>11</v>
      </c>
      <c r="D1532" t="s">
        <v>2512</v>
      </c>
      <c r="E1532" t="s">
        <v>31367</v>
      </c>
      <c r="F1532">
        <v>5</v>
      </c>
      <c r="H1532" t="s">
        <v>2513</v>
      </c>
      <c r="I1532" t="s">
        <v>30540</v>
      </c>
    </row>
    <row r="1533" spans="1:9">
      <c r="A1533" s="1">
        <f ca="1">RAND()</f>
        <v>0.50200750725764176</v>
      </c>
      <c r="B1533" s="1"/>
      <c r="C1533">
        <v>2</v>
      </c>
      <c r="D1533" t="s">
        <v>2506</v>
      </c>
      <c r="E1533" t="s">
        <v>31368</v>
      </c>
      <c r="F1533">
        <v>4</v>
      </c>
      <c r="H1533" t="s">
        <v>2507</v>
      </c>
      <c r="I1533" t="s">
        <v>30540</v>
      </c>
    </row>
    <row r="1534" spans="1:9">
      <c r="A1534" s="1">
        <f ca="1">RAND()</f>
        <v>0.50649038596084439</v>
      </c>
      <c r="B1534" s="1"/>
      <c r="C1534">
        <v>4</v>
      </c>
      <c r="D1534" t="s">
        <v>2508</v>
      </c>
      <c r="E1534" t="s">
        <v>31368</v>
      </c>
      <c r="F1534">
        <v>3</v>
      </c>
      <c r="H1534" t="s">
        <v>2509</v>
      </c>
      <c r="I1534" t="s">
        <v>30540</v>
      </c>
    </row>
    <row r="1535" spans="1:9">
      <c r="A1535" s="1">
        <f ca="1">RAND()</f>
        <v>0.88794024312812969</v>
      </c>
      <c r="B1535" s="1"/>
      <c r="C1535">
        <v>1</v>
      </c>
      <c r="D1535" t="s">
        <v>2504</v>
      </c>
      <c r="E1535" t="s">
        <v>31368</v>
      </c>
      <c r="F1535">
        <v>3</v>
      </c>
      <c r="H1535" t="s">
        <v>2505</v>
      </c>
      <c r="I1535" t="s">
        <v>30540</v>
      </c>
    </row>
    <row r="1536" spans="1:9">
      <c r="A1536" s="1">
        <f ca="1">RAND()</f>
        <v>0.42197532551531625</v>
      </c>
      <c r="B1536" s="1"/>
      <c r="C1536">
        <v>5</v>
      </c>
      <c r="D1536" t="s">
        <v>2502</v>
      </c>
      <c r="E1536" t="s">
        <v>31369</v>
      </c>
      <c r="F1536">
        <v>3</v>
      </c>
      <c r="H1536" t="s">
        <v>2503</v>
      </c>
      <c r="I1536" t="s">
        <v>30540</v>
      </c>
    </row>
    <row r="1537" spans="1:9">
      <c r="A1537" s="1">
        <f ca="1">RAND()</f>
        <v>0.64245865242806433</v>
      </c>
      <c r="B1537" s="1"/>
      <c r="C1537">
        <v>6</v>
      </c>
      <c r="D1537" t="s">
        <v>2500</v>
      </c>
      <c r="E1537" t="s">
        <v>31370</v>
      </c>
      <c r="F1537">
        <v>5</v>
      </c>
      <c r="H1537" t="s">
        <v>2501</v>
      </c>
      <c r="I1537" t="s">
        <v>30540</v>
      </c>
    </row>
    <row r="1538" spans="1:9">
      <c r="A1538" s="1">
        <f ca="1">RAND()</f>
        <v>0.81726262245193504</v>
      </c>
      <c r="B1538" s="1"/>
      <c r="C1538">
        <v>2</v>
      </c>
      <c r="D1538" t="s">
        <v>2496</v>
      </c>
      <c r="E1538" t="s">
        <v>31370</v>
      </c>
      <c r="F1538">
        <v>4</v>
      </c>
      <c r="H1538" t="s">
        <v>2497</v>
      </c>
      <c r="I1538" t="s">
        <v>30540</v>
      </c>
    </row>
    <row r="1539" spans="1:9">
      <c r="A1539" s="1">
        <f ca="1">RAND()</f>
        <v>0.81104223434609457</v>
      </c>
      <c r="B1539" s="1"/>
      <c r="C1539">
        <v>5</v>
      </c>
      <c r="D1539" t="s">
        <v>2498</v>
      </c>
      <c r="E1539" t="s">
        <v>31370</v>
      </c>
      <c r="F1539">
        <v>4</v>
      </c>
      <c r="H1539" t="s">
        <v>2499</v>
      </c>
      <c r="I1539" t="s">
        <v>30540</v>
      </c>
    </row>
    <row r="1540" spans="1:9">
      <c r="A1540" s="1">
        <f ca="1">RAND()</f>
        <v>3.5194688087414105E-2</v>
      </c>
      <c r="B1540" s="1"/>
      <c r="C1540">
        <v>1</v>
      </c>
      <c r="D1540" t="s">
        <v>2494</v>
      </c>
      <c r="E1540" t="s">
        <v>31370</v>
      </c>
      <c r="F1540">
        <v>4</v>
      </c>
      <c r="H1540" t="s">
        <v>2495</v>
      </c>
      <c r="I1540" t="s">
        <v>30540</v>
      </c>
    </row>
    <row r="1541" spans="1:9">
      <c r="A1541" s="1">
        <f ca="1">RAND()</f>
        <v>0.95208337873445659</v>
      </c>
      <c r="B1541" s="1"/>
      <c r="C1541">
        <v>15</v>
      </c>
      <c r="D1541" t="s">
        <v>2492</v>
      </c>
      <c r="E1541" t="s">
        <v>31371</v>
      </c>
      <c r="F1541">
        <v>4</v>
      </c>
      <c r="H1541" t="s">
        <v>2493</v>
      </c>
      <c r="I1541" t="s">
        <v>30540</v>
      </c>
    </row>
    <row r="1542" spans="1:9">
      <c r="A1542" s="1">
        <f ca="1">RAND()</f>
        <v>0.32379811679387138</v>
      </c>
      <c r="B1542" s="1"/>
      <c r="C1542">
        <v>14</v>
      </c>
      <c r="D1542" t="s">
        <v>2490</v>
      </c>
      <c r="E1542" t="s">
        <v>31371</v>
      </c>
      <c r="F1542">
        <v>4</v>
      </c>
      <c r="H1542" t="s">
        <v>2491</v>
      </c>
      <c r="I1542" t="s">
        <v>30540</v>
      </c>
    </row>
    <row r="1543" spans="1:9">
      <c r="A1543" s="1">
        <f ca="1">RAND()</f>
        <v>0.78049635338666301</v>
      </c>
      <c r="B1543" s="1"/>
      <c r="C1543">
        <v>11</v>
      </c>
      <c r="D1543" t="s">
        <v>2488</v>
      </c>
      <c r="E1543" t="s">
        <v>31371</v>
      </c>
      <c r="F1543">
        <v>4</v>
      </c>
      <c r="H1543" t="s">
        <v>2489</v>
      </c>
      <c r="I1543" t="s">
        <v>30540</v>
      </c>
    </row>
    <row r="1544" spans="1:9">
      <c r="A1544" s="1">
        <f ca="1">RAND()</f>
        <v>0.49422048408610864</v>
      </c>
      <c r="B1544" s="1"/>
      <c r="C1544">
        <v>2</v>
      </c>
      <c r="D1544" t="s">
        <v>2486</v>
      </c>
      <c r="E1544" t="s">
        <v>31371</v>
      </c>
      <c r="F1544">
        <v>4</v>
      </c>
      <c r="H1544" t="s">
        <v>2487</v>
      </c>
      <c r="I1544" t="s">
        <v>30540</v>
      </c>
    </row>
    <row r="1545" spans="1:9">
      <c r="A1545" s="1">
        <f ca="1">RAND()</f>
        <v>0.96134970570501022</v>
      </c>
      <c r="B1545" s="1"/>
      <c r="C1545">
        <v>2</v>
      </c>
      <c r="D1545" t="s">
        <v>2484</v>
      </c>
      <c r="E1545" t="s">
        <v>31372</v>
      </c>
      <c r="F1545">
        <v>3</v>
      </c>
      <c r="G1545" t="s">
        <v>9</v>
      </c>
      <c r="H1545" t="s">
        <v>2485</v>
      </c>
      <c r="I1545" t="s">
        <v>30540</v>
      </c>
    </row>
    <row r="1546" spans="1:9">
      <c r="A1546" s="1">
        <f ca="1">RAND()</f>
        <v>0.92185010529206657</v>
      </c>
      <c r="B1546" s="1"/>
      <c r="C1546">
        <v>5</v>
      </c>
      <c r="D1546" t="s">
        <v>2480</v>
      </c>
      <c r="E1546" t="s">
        <v>31373</v>
      </c>
      <c r="F1546">
        <v>4</v>
      </c>
      <c r="H1546" t="s">
        <v>2481</v>
      </c>
      <c r="I1546" t="s">
        <v>30540</v>
      </c>
    </row>
    <row r="1547" spans="1:9">
      <c r="A1547" s="1">
        <f ca="1">RAND()</f>
        <v>0.12312761433259611</v>
      </c>
      <c r="B1547" s="1"/>
      <c r="C1547">
        <v>6</v>
      </c>
      <c r="D1547" t="s">
        <v>2482</v>
      </c>
      <c r="E1547" t="s">
        <v>31373</v>
      </c>
      <c r="F1547">
        <v>4</v>
      </c>
      <c r="H1547" t="s">
        <v>2483</v>
      </c>
      <c r="I1547" t="s">
        <v>30540</v>
      </c>
    </row>
    <row r="1548" spans="1:9">
      <c r="A1548" s="1">
        <f ca="1">RAND()</f>
        <v>0.98860414295933463</v>
      </c>
      <c r="B1548" s="1"/>
      <c r="C1548">
        <v>3</v>
      </c>
      <c r="D1548" t="s">
        <v>2478</v>
      </c>
      <c r="E1548" t="s">
        <v>31373</v>
      </c>
      <c r="F1548">
        <v>4</v>
      </c>
      <c r="H1548" t="s">
        <v>2479</v>
      </c>
      <c r="I1548" t="s">
        <v>30540</v>
      </c>
    </row>
    <row r="1549" spans="1:9">
      <c r="A1549" s="1">
        <f ca="1">RAND()</f>
        <v>0.14039174734254289</v>
      </c>
      <c r="B1549" s="1"/>
      <c r="C1549">
        <v>5</v>
      </c>
      <c r="D1549" t="s">
        <v>2472</v>
      </c>
      <c r="E1549" t="s">
        <v>31374</v>
      </c>
      <c r="F1549">
        <v>5</v>
      </c>
      <c r="H1549" t="s">
        <v>2473</v>
      </c>
      <c r="I1549" t="s">
        <v>30540</v>
      </c>
    </row>
    <row r="1550" spans="1:9">
      <c r="A1550" s="1">
        <f ca="1">RAND()</f>
        <v>2.2014848076666316E-2</v>
      </c>
      <c r="B1550" s="1"/>
      <c r="C1550">
        <v>8</v>
      </c>
      <c r="D1550" t="s">
        <v>2476</v>
      </c>
      <c r="E1550" t="s">
        <v>31374</v>
      </c>
      <c r="F1550">
        <v>5</v>
      </c>
      <c r="H1550" t="s">
        <v>2477</v>
      </c>
      <c r="I1550" t="s">
        <v>30540</v>
      </c>
    </row>
    <row r="1551" spans="1:9">
      <c r="A1551" s="1">
        <f ca="1">RAND()</f>
        <v>0.38008889129910994</v>
      </c>
      <c r="B1551" s="1"/>
      <c r="C1551">
        <v>7</v>
      </c>
      <c r="D1551" t="s">
        <v>2474</v>
      </c>
      <c r="E1551" t="s">
        <v>31374</v>
      </c>
      <c r="F1551">
        <v>4</v>
      </c>
      <c r="H1551" t="s">
        <v>2475</v>
      </c>
      <c r="I1551" t="s">
        <v>30540</v>
      </c>
    </row>
    <row r="1552" spans="1:9">
      <c r="A1552" s="1">
        <f ca="1">RAND()</f>
        <v>0.85650487017883026</v>
      </c>
      <c r="B1552" s="1"/>
      <c r="C1552">
        <v>6</v>
      </c>
      <c r="D1552" t="s">
        <v>2470</v>
      </c>
      <c r="E1552" t="s">
        <v>31375</v>
      </c>
      <c r="F1552">
        <v>4</v>
      </c>
      <c r="H1552" t="s">
        <v>2471</v>
      </c>
      <c r="I1552" t="s">
        <v>30540</v>
      </c>
    </row>
    <row r="1553" spans="1:9">
      <c r="A1553" s="1">
        <f ca="1">RAND()</f>
        <v>0.87155541519153745</v>
      </c>
      <c r="B1553" s="1"/>
      <c r="C1553">
        <v>4</v>
      </c>
      <c r="D1553" t="s">
        <v>2468</v>
      </c>
      <c r="E1553" t="s">
        <v>31376</v>
      </c>
      <c r="F1553">
        <v>4</v>
      </c>
      <c r="H1553" t="s">
        <v>2469</v>
      </c>
      <c r="I1553" t="s">
        <v>30540</v>
      </c>
    </row>
    <row r="1554" spans="1:9">
      <c r="A1554" s="1">
        <f ca="1">RAND()</f>
        <v>0.16897762906871083</v>
      </c>
      <c r="B1554" s="1"/>
      <c r="C1554">
        <v>3</v>
      </c>
      <c r="D1554" t="s">
        <v>2466</v>
      </c>
      <c r="E1554" t="s">
        <v>31376</v>
      </c>
      <c r="F1554">
        <v>4</v>
      </c>
      <c r="H1554" t="s">
        <v>2467</v>
      </c>
      <c r="I1554" t="s">
        <v>30540</v>
      </c>
    </row>
    <row r="1555" spans="1:9">
      <c r="A1555" s="1">
        <f ca="1">RAND()</f>
        <v>0.12839783742158817</v>
      </c>
      <c r="B1555" s="1"/>
      <c r="C1555">
        <v>2</v>
      </c>
      <c r="D1555" t="s">
        <v>2462</v>
      </c>
      <c r="E1555" t="s">
        <v>31377</v>
      </c>
      <c r="F1555">
        <v>4</v>
      </c>
      <c r="H1555" t="s">
        <v>2463</v>
      </c>
      <c r="I1555" t="s">
        <v>30540</v>
      </c>
    </row>
    <row r="1556" spans="1:9">
      <c r="A1556" s="1">
        <f ca="1">RAND()</f>
        <v>0.48776041843262008</v>
      </c>
      <c r="B1556" s="1"/>
      <c r="C1556">
        <v>6</v>
      </c>
      <c r="D1556" t="s">
        <v>2464</v>
      </c>
      <c r="E1556" t="s">
        <v>31377</v>
      </c>
      <c r="F1556">
        <v>3</v>
      </c>
      <c r="H1556" t="s">
        <v>2465</v>
      </c>
      <c r="I1556" t="s">
        <v>30540</v>
      </c>
    </row>
    <row r="1557" spans="1:9">
      <c r="A1557" s="1">
        <f ca="1">RAND()</f>
        <v>0.51622535404050718</v>
      </c>
      <c r="B1557" s="1"/>
      <c r="C1557">
        <v>1</v>
      </c>
      <c r="D1557" t="s">
        <v>2460</v>
      </c>
      <c r="E1557" t="s">
        <v>31377</v>
      </c>
      <c r="F1557">
        <v>2</v>
      </c>
      <c r="H1557" t="s">
        <v>2461</v>
      </c>
      <c r="I1557" t="s">
        <v>30540</v>
      </c>
    </row>
    <row r="1558" spans="1:9">
      <c r="A1558" s="1">
        <f ca="1">RAND()</f>
        <v>0.93740139655957144</v>
      </c>
      <c r="B1558" s="1"/>
      <c r="C1558">
        <v>3</v>
      </c>
      <c r="D1558" t="s">
        <v>2454</v>
      </c>
      <c r="E1558" t="s">
        <v>31378</v>
      </c>
      <c r="F1558">
        <v>4</v>
      </c>
      <c r="H1558" t="s">
        <v>2455</v>
      </c>
      <c r="I1558" t="s">
        <v>30540</v>
      </c>
    </row>
    <row r="1559" spans="1:9">
      <c r="A1559" s="1">
        <f ca="1">RAND()</f>
        <v>0.98786025417793366</v>
      </c>
      <c r="B1559" s="1"/>
      <c r="C1559">
        <v>5</v>
      </c>
      <c r="D1559" t="s">
        <v>2458</v>
      </c>
      <c r="E1559" t="s">
        <v>31378</v>
      </c>
      <c r="F1559">
        <v>4</v>
      </c>
      <c r="H1559" t="s">
        <v>2459</v>
      </c>
      <c r="I1559" t="s">
        <v>30540</v>
      </c>
    </row>
    <row r="1560" spans="1:9">
      <c r="A1560" s="1">
        <f ca="1">RAND()</f>
        <v>0.78486463963528319</v>
      </c>
      <c r="B1560" s="1"/>
      <c r="C1560">
        <v>4</v>
      </c>
      <c r="D1560" t="s">
        <v>2456</v>
      </c>
      <c r="E1560" t="s">
        <v>31378</v>
      </c>
      <c r="F1560">
        <v>2</v>
      </c>
      <c r="H1560" t="s">
        <v>2457</v>
      </c>
      <c r="I1560" t="s">
        <v>30540</v>
      </c>
    </row>
    <row r="1561" spans="1:9">
      <c r="A1561" s="1">
        <f ca="1">RAND()</f>
        <v>0.6738043423868546</v>
      </c>
      <c r="B1561" s="1"/>
      <c r="C1561">
        <v>2</v>
      </c>
      <c r="D1561" t="s">
        <v>2452</v>
      </c>
      <c r="E1561" t="s">
        <v>31379</v>
      </c>
      <c r="F1561">
        <v>4</v>
      </c>
      <c r="H1561" t="s">
        <v>2453</v>
      </c>
      <c r="I1561" t="s">
        <v>30540</v>
      </c>
    </row>
    <row r="1562" spans="1:9">
      <c r="A1562" s="1">
        <f ca="1">RAND()</f>
        <v>2.7290925653697951E-2</v>
      </c>
      <c r="B1562" s="1"/>
      <c r="C1562">
        <v>8</v>
      </c>
      <c r="D1562" t="s">
        <v>2450</v>
      </c>
      <c r="E1562" t="s">
        <v>31380</v>
      </c>
      <c r="F1562">
        <v>5</v>
      </c>
      <c r="H1562" t="s">
        <v>2451</v>
      </c>
      <c r="I1562" t="s">
        <v>30540</v>
      </c>
    </row>
    <row r="1563" spans="1:9">
      <c r="A1563" s="1">
        <f ca="1">RAND()</f>
        <v>0.67940791012092083</v>
      </c>
      <c r="B1563" s="1"/>
      <c r="C1563">
        <v>4</v>
      </c>
      <c r="D1563" t="s">
        <v>2446</v>
      </c>
      <c r="E1563" t="s">
        <v>31380</v>
      </c>
      <c r="F1563">
        <v>4</v>
      </c>
      <c r="H1563" t="s">
        <v>2447</v>
      </c>
      <c r="I1563" t="s">
        <v>30540</v>
      </c>
    </row>
    <row r="1564" spans="1:9">
      <c r="A1564" s="1">
        <f ca="1">RAND()</f>
        <v>0.46502467249741875</v>
      </c>
      <c r="B1564" s="1"/>
      <c r="C1564">
        <v>5</v>
      </c>
      <c r="D1564" t="s">
        <v>2448</v>
      </c>
      <c r="E1564" t="s">
        <v>31380</v>
      </c>
      <c r="F1564">
        <v>2</v>
      </c>
      <c r="H1564" t="s">
        <v>2449</v>
      </c>
      <c r="I1564" t="s">
        <v>30540</v>
      </c>
    </row>
    <row r="1565" spans="1:9">
      <c r="A1565" s="1">
        <f ca="1">RAND()</f>
        <v>0.50161139548656619</v>
      </c>
      <c r="B1565" s="1"/>
      <c r="C1565">
        <v>6</v>
      </c>
      <c r="D1565" t="s">
        <v>2442</v>
      </c>
      <c r="E1565" t="s">
        <v>31381</v>
      </c>
      <c r="F1565">
        <v>4</v>
      </c>
      <c r="H1565" t="s">
        <v>2443</v>
      </c>
      <c r="I1565" t="s">
        <v>30540</v>
      </c>
    </row>
    <row r="1566" spans="1:9">
      <c r="A1566" s="1">
        <f ca="1">RAND()</f>
        <v>0.11665021156533539</v>
      </c>
      <c r="B1566" s="1"/>
      <c r="C1566">
        <v>7</v>
      </c>
      <c r="D1566" t="s">
        <v>2444</v>
      </c>
      <c r="E1566" t="s">
        <v>31381</v>
      </c>
      <c r="F1566">
        <v>3</v>
      </c>
      <c r="H1566" t="s">
        <v>2445</v>
      </c>
      <c r="I1566" t="s">
        <v>30540</v>
      </c>
    </row>
    <row r="1567" spans="1:9">
      <c r="A1567" s="1">
        <f ca="1">RAND()</f>
        <v>0.51930946300818226</v>
      </c>
      <c r="B1567" s="1"/>
      <c r="C1567">
        <v>3</v>
      </c>
      <c r="D1567" t="s">
        <v>2440</v>
      </c>
      <c r="E1567" t="s">
        <v>31382</v>
      </c>
      <c r="F1567">
        <v>3</v>
      </c>
      <c r="H1567" t="s">
        <v>2441</v>
      </c>
      <c r="I1567" t="s">
        <v>30540</v>
      </c>
    </row>
    <row r="1568" spans="1:9">
      <c r="A1568" s="1">
        <f ca="1">RAND()</f>
        <v>0.33483993876291562</v>
      </c>
      <c r="B1568" s="1"/>
      <c r="C1568">
        <v>2</v>
      </c>
      <c r="D1568" t="s">
        <v>2438</v>
      </c>
      <c r="E1568" t="s">
        <v>31383</v>
      </c>
      <c r="F1568">
        <v>5</v>
      </c>
      <c r="H1568" t="s">
        <v>2439</v>
      </c>
      <c r="I1568" t="s">
        <v>30540</v>
      </c>
    </row>
    <row r="1569" spans="1:9">
      <c r="A1569" s="1">
        <f ca="1">RAND()</f>
        <v>0.80833491726063</v>
      </c>
      <c r="B1569" s="1"/>
      <c r="C1569">
        <v>2</v>
      </c>
      <c r="D1569" t="s">
        <v>2438</v>
      </c>
      <c r="E1569" t="s">
        <v>31383</v>
      </c>
      <c r="F1569">
        <v>5</v>
      </c>
      <c r="H1569" t="s">
        <v>2439</v>
      </c>
      <c r="I1569" t="s">
        <v>30540</v>
      </c>
    </row>
    <row r="1570" spans="1:9">
      <c r="A1570" s="1">
        <f ca="1">RAND()</f>
        <v>0.95178731443010067</v>
      </c>
      <c r="B1570" s="1"/>
      <c r="C1570">
        <v>6</v>
      </c>
      <c r="D1570" t="s">
        <v>2436</v>
      </c>
      <c r="E1570" t="s">
        <v>31384</v>
      </c>
      <c r="F1570">
        <v>4</v>
      </c>
      <c r="H1570" t="s">
        <v>2437</v>
      </c>
      <c r="I1570" t="s">
        <v>30540</v>
      </c>
    </row>
    <row r="1571" spans="1:9">
      <c r="A1571" s="1">
        <f ca="1">RAND()</f>
        <v>0.89616933598755733</v>
      </c>
      <c r="B1571" s="1"/>
      <c r="C1571">
        <v>6</v>
      </c>
      <c r="D1571" t="s">
        <v>2436</v>
      </c>
      <c r="E1571" t="s">
        <v>31384</v>
      </c>
      <c r="F1571">
        <v>4</v>
      </c>
      <c r="H1571" t="s">
        <v>2437</v>
      </c>
      <c r="I1571" t="s">
        <v>30540</v>
      </c>
    </row>
    <row r="1572" spans="1:9">
      <c r="A1572" s="1">
        <f ca="1">RAND()</f>
        <v>0.46270505125491124</v>
      </c>
      <c r="B1572" s="1"/>
      <c r="C1572">
        <v>4</v>
      </c>
      <c r="D1572" t="s">
        <v>2434</v>
      </c>
      <c r="E1572" t="s">
        <v>31385</v>
      </c>
      <c r="F1572">
        <v>5</v>
      </c>
      <c r="H1572" t="s">
        <v>2435</v>
      </c>
      <c r="I1572" t="s">
        <v>30540</v>
      </c>
    </row>
    <row r="1573" spans="1:9">
      <c r="A1573" s="1">
        <f ca="1">RAND()</f>
        <v>0.39204004372068912</v>
      </c>
      <c r="B1573" s="1"/>
      <c r="C1573">
        <v>4</v>
      </c>
      <c r="D1573" t="s">
        <v>2434</v>
      </c>
      <c r="E1573" t="s">
        <v>31385</v>
      </c>
      <c r="F1573">
        <v>5</v>
      </c>
      <c r="H1573" t="s">
        <v>2435</v>
      </c>
      <c r="I1573" t="s">
        <v>30540</v>
      </c>
    </row>
    <row r="1574" spans="1:9">
      <c r="A1574" s="1">
        <f ca="1">RAND()</f>
        <v>0.88821540509925401</v>
      </c>
      <c r="B1574" s="1"/>
      <c r="C1574">
        <v>2</v>
      </c>
      <c r="D1574" t="s">
        <v>2432</v>
      </c>
      <c r="E1574" t="s">
        <v>31385</v>
      </c>
      <c r="F1574">
        <v>4</v>
      </c>
      <c r="H1574" t="s">
        <v>2433</v>
      </c>
      <c r="I1574" t="s">
        <v>30540</v>
      </c>
    </row>
    <row r="1575" spans="1:9">
      <c r="A1575" s="1">
        <f ca="1">RAND()</f>
        <v>0.89733090124008874</v>
      </c>
      <c r="B1575" s="1"/>
      <c r="C1575">
        <v>2</v>
      </c>
      <c r="D1575" t="s">
        <v>2432</v>
      </c>
      <c r="E1575" t="s">
        <v>31385</v>
      </c>
      <c r="F1575">
        <v>4</v>
      </c>
      <c r="H1575" t="s">
        <v>2433</v>
      </c>
      <c r="I1575" t="s">
        <v>30540</v>
      </c>
    </row>
    <row r="1576" spans="1:9">
      <c r="A1576" s="1">
        <f ca="1">RAND()</f>
        <v>0.67369335163017574</v>
      </c>
      <c r="B1576" s="1"/>
      <c r="C1576">
        <v>1</v>
      </c>
      <c r="D1576" t="s">
        <v>4177</v>
      </c>
      <c r="E1576" t="s">
        <v>31386</v>
      </c>
      <c r="F1576">
        <v>5</v>
      </c>
      <c r="H1576" t="s">
        <v>4178</v>
      </c>
      <c r="I1576" t="s">
        <v>30540</v>
      </c>
    </row>
    <row r="1577" spans="1:9">
      <c r="A1577" s="1">
        <f ca="1">RAND()</f>
        <v>0.17927959813701888</v>
      </c>
      <c r="B1577" s="1"/>
      <c r="C1577">
        <v>5</v>
      </c>
      <c r="D1577" t="s">
        <v>4183</v>
      </c>
      <c r="E1577" t="s">
        <v>31386</v>
      </c>
      <c r="F1577">
        <v>5</v>
      </c>
      <c r="H1577" t="s">
        <v>4184</v>
      </c>
      <c r="I1577" t="s">
        <v>30540</v>
      </c>
    </row>
    <row r="1578" spans="1:9">
      <c r="A1578" s="1">
        <f ca="1">RAND()</f>
        <v>0.39112320014284796</v>
      </c>
      <c r="B1578" s="1"/>
      <c r="C1578">
        <v>16</v>
      </c>
      <c r="D1578" t="s">
        <v>4185</v>
      </c>
      <c r="E1578" t="s">
        <v>31386</v>
      </c>
      <c r="F1578">
        <v>4</v>
      </c>
      <c r="H1578" t="s">
        <v>4186</v>
      </c>
      <c r="I1578" t="s">
        <v>30540</v>
      </c>
    </row>
    <row r="1579" spans="1:9">
      <c r="A1579" s="1">
        <f ca="1">RAND()</f>
        <v>0.25694472550965808</v>
      </c>
      <c r="B1579" s="1"/>
      <c r="C1579">
        <v>2</v>
      </c>
      <c r="D1579" t="s">
        <v>4179</v>
      </c>
      <c r="E1579" t="s">
        <v>31386</v>
      </c>
      <c r="F1579">
        <v>4</v>
      </c>
      <c r="H1579" t="s">
        <v>4180</v>
      </c>
      <c r="I1579" t="s">
        <v>30540</v>
      </c>
    </row>
    <row r="1580" spans="1:9">
      <c r="A1580" s="1">
        <f ca="1">RAND()</f>
        <v>0.24712465098297043</v>
      </c>
      <c r="B1580" s="1"/>
      <c r="C1580">
        <v>4</v>
      </c>
      <c r="D1580" t="s">
        <v>4181</v>
      </c>
      <c r="E1580" t="s">
        <v>31386</v>
      </c>
      <c r="F1580">
        <v>2</v>
      </c>
      <c r="H1580" t="s">
        <v>4182</v>
      </c>
      <c r="I1580" t="s">
        <v>30540</v>
      </c>
    </row>
    <row r="1581" spans="1:9">
      <c r="A1581" s="1">
        <f ca="1">RAND()</f>
        <v>0.6120675480816975</v>
      </c>
      <c r="B1581" s="1"/>
      <c r="C1581">
        <v>1</v>
      </c>
      <c r="D1581" t="s">
        <v>4175</v>
      </c>
      <c r="E1581" t="s">
        <v>31387</v>
      </c>
      <c r="F1581">
        <v>4</v>
      </c>
      <c r="H1581" t="s">
        <v>4176</v>
      </c>
      <c r="I1581" t="s">
        <v>30540</v>
      </c>
    </row>
    <row r="1582" spans="1:9">
      <c r="A1582" s="1">
        <f ca="1">RAND()</f>
        <v>0.82646321793052346</v>
      </c>
      <c r="B1582" s="1"/>
      <c r="C1582">
        <v>3</v>
      </c>
      <c r="D1582" t="s">
        <v>4173</v>
      </c>
      <c r="E1582" t="s">
        <v>31388</v>
      </c>
      <c r="F1582">
        <v>4</v>
      </c>
      <c r="H1582" t="s">
        <v>4174</v>
      </c>
      <c r="I1582" t="s">
        <v>30540</v>
      </c>
    </row>
    <row r="1583" spans="1:9">
      <c r="A1583" s="1">
        <f ca="1">RAND()</f>
        <v>5.7333852301384436E-2</v>
      </c>
      <c r="B1583" s="1"/>
      <c r="C1583">
        <v>5</v>
      </c>
      <c r="D1583" t="s">
        <v>4171</v>
      </c>
      <c r="E1583" t="s">
        <v>31389</v>
      </c>
      <c r="F1583">
        <v>4</v>
      </c>
      <c r="H1583" t="s">
        <v>4172</v>
      </c>
      <c r="I1583" t="s">
        <v>30540</v>
      </c>
    </row>
    <row r="1584" spans="1:9">
      <c r="A1584" s="1">
        <f ca="1">RAND()</f>
        <v>0.86988124782474441</v>
      </c>
      <c r="B1584" s="1"/>
      <c r="C1584">
        <v>11</v>
      </c>
      <c r="D1584" t="s">
        <v>4169</v>
      </c>
      <c r="E1584" t="s">
        <v>31390</v>
      </c>
      <c r="F1584">
        <v>4</v>
      </c>
      <c r="H1584" t="s">
        <v>4170</v>
      </c>
      <c r="I1584" t="s">
        <v>30540</v>
      </c>
    </row>
    <row r="1585" spans="1:9">
      <c r="A1585" s="1">
        <f ca="1">RAND()</f>
        <v>0.6601326356857069</v>
      </c>
      <c r="B1585" s="1"/>
      <c r="C1585">
        <v>10</v>
      </c>
      <c r="D1585" t="s">
        <v>4167</v>
      </c>
      <c r="E1585" t="s">
        <v>31390</v>
      </c>
      <c r="F1585">
        <v>4</v>
      </c>
      <c r="H1585" t="s">
        <v>4168</v>
      </c>
      <c r="I1585" t="s">
        <v>30540</v>
      </c>
    </row>
    <row r="1586" spans="1:9">
      <c r="A1586" s="1">
        <f ca="1">RAND()</f>
        <v>0.62964098522108536</v>
      </c>
      <c r="B1586" s="1"/>
      <c r="C1586">
        <v>9</v>
      </c>
      <c r="D1586" t="s">
        <v>4165</v>
      </c>
      <c r="E1586" t="s">
        <v>31390</v>
      </c>
      <c r="F1586">
        <v>3</v>
      </c>
      <c r="H1586" t="s">
        <v>4166</v>
      </c>
      <c r="I1586" t="s">
        <v>30540</v>
      </c>
    </row>
    <row r="1587" spans="1:9">
      <c r="A1587" s="1">
        <f ca="1">RAND()</f>
        <v>0.72257264741728922</v>
      </c>
      <c r="B1587" s="1"/>
      <c r="C1587">
        <v>3</v>
      </c>
      <c r="D1587" t="s">
        <v>4163</v>
      </c>
      <c r="E1587" t="s">
        <v>31390</v>
      </c>
      <c r="F1587">
        <v>2</v>
      </c>
      <c r="H1587" t="s">
        <v>4164</v>
      </c>
      <c r="I1587" t="s">
        <v>30540</v>
      </c>
    </row>
    <row r="1588" spans="1:9">
      <c r="A1588" s="1">
        <f ca="1">RAND()</f>
        <v>0.71265903466567349</v>
      </c>
      <c r="B1588" s="1"/>
      <c r="C1588">
        <v>4</v>
      </c>
      <c r="D1588" t="s">
        <v>4161</v>
      </c>
      <c r="E1588" t="s">
        <v>31391</v>
      </c>
      <c r="F1588">
        <v>4</v>
      </c>
      <c r="H1588" t="s">
        <v>4162</v>
      </c>
      <c r="I1588" t="s">
        <v>30540</v>
      </c>
    </row>
    <row r="1589" spans="1:9">
      <c r="A1589" s="1">
        <f ca="1">RAND()</f>
        <v>0.70190005632771557</v>
      </c>
      <c r="B1589" s="1"/>
      <c r="C1589">
        <v>1</v>
      </c>
      <c r="D1589" t="s">
        <v>4155</v>
      </c>
      <c r="E1589" t="s">
        <v>31392</v>
      </c>
      <c r="F1589">
        <v>4</v>
      </c>
      <c r="H1589" t="s">
        <v>4156</v>
      </c>
      <c r="I1589" t="s">
        <v>30540</v>
      </c>
    </row>
    <row r="1590" spans="1:9">
      <c r="A1590" s="1">
        <f ca="1">RAND()</f>
        <v>0.97351462293777535</v>
      </c>
      <c r="B1590" s="1"/>
      <c r="C1590">
        <v>7</v>
      </c>
      <c r="D1590" t="s">
        <v>4159</v>
      </c>
      <c r="E1590" t="s">
        <v>31392</v>
      </c>
      <c r="F1590">
        <v>3</v>
      </c>
      <c r="H1590" t="s">
        <v>4160</v>
      </c>
      <c r="I1590" t="s">
        <v>30540</v>
      </c>
    </row>
    <row r="1591" spans="1:9">
      <c r="A1591" s="1">
        <f ca="1">RAND()</f>
        <v>0.39125217195602324</v>
      </c>
      <c r="B1591" s="1"/>
      <c r="C1591">
        <v>6</v>
      </c>
      <c r="D1591" t="s">
        <v>4157</v>
      </c>
      <c r="E1591" t="s">
        <v>31392</v>
      </c>
      <c r="F1591">
        <v>3</v>
      </c>
      <c r="H1591" t="s">
        <v>4158</v>
      </c>
      <c r="I1591" t="s">
        <v>30540</v>
      </c>
    </row>
    <row r="1592" spans="1:9">
      <c r="A1592" s="1">
        <f ca="1">RAND()</f>
        <v>0.35183298503148341</v>
      </c>
      <c r="B1592" s="1"/>
      <c r="C1592">
        <v>1</v>
      </c>
      <c r="D1592" t="s">
        <v>4153</v>
      </c>
      <c r="E1592" t="s">
        <v>31393</v>
      </c>
      <c r="F1592">
        <v>4</v>
      </c>
      <c r="H1592" t="s">
        <v>4154</v>
      </c>
      <c r="I1592" t="s">
        <v>30540</v>
      </c>
    </row>
    <row r="1593" spans="1:9">
      <c r="A1593" s="1">
        <f ca="1">RAND()</f>
        <v>0.35032741886996632</v>
      </c>
      <c r="B1593" s="1"/>
      <c r="C1593">
        <v>6</v>
      </c>
      <c r="D1593" t="s">
        <v>4151</v>
      </c>
      <c r="E1593" t="s">
        <v>31394</v>
      </c>
      <c r="F1593">
        <v>4</v>
      </c>
      <c r="H1593" t="s">
        <v>4152</v>
      </c>
      <c r="I1593" t="s">
        <v>30540</v>
      </c>
    </row>
    <row r="1594" spans="1:9">
      <c r="A1594" s="1">
        <f ca="1">RAND()</f>
        <v>0.18268542883111227</v>
      </c>
      <c r="B1594" s="1"/>
      <c r="C1594">
        <v>5</v>
      </c>
      <c r="D1594" t="s">
        <v>4149</v>
      </c>
      <c r="E1594" t="s">
        <v>31394</v>
      </c>
      <c r="F1594">
        <v>4</v>
      </c>
      <c r="H1594" t="s">
        <v>4150</v>
      </c>
      <c r="I1594" t="s">
        <v>30540</v>
      </c>
    </row>
    <row r="1595" spans="1:9">
      <c r="A1595" s="1">
        <f ca="1">RAND()</f>
        <v>0.40476162118955716</v>
      </c>
      <c r="B1595" s="1"/>
      <c r="C1595">
        <v>2</v>
      </c>
      <c r="D1595" t="s">
        <v>4147</v>
      </c>
      <c r="E1595" t="s">
        <v>31394</v>
      </c>
      <c r="F1595">
        <v>3</v>
      </c>
      <c r="H1595" t="s">
        <v>4148</v>
      </c>
      <c r="I1595" t="s">
        <v>30540</v>
      </c>
    </row>
    <row r="1596" spans="1:9">
      <c r="A1596" s="1">
        <f ca="1">RAND()</f>
        <v>0.1156711294775159</v>
      </c>
      <c r="B1596" s="1"/>
      <c r="C1596">
        <v>1</v>
      </c>
      <c r="D1596" t="s">
        <v>4145</v>
      </c>
      <c r="E1596" t="s">
        <v>31395</v>
      </c>
      <c r="F1596">
        <v>4</v>
      </c>
      <c r="H1596" t="s">
        <v>4146</v>
      </c>
      <c r="I1596" t="s">
        <v>30540</v>
      </c>
    </row>
    <row r="1597" spans="1:9">
      <c r="A1597" s="1">
        <f ca="1">RAND()</f>
        <v>0.55325363271452965</v>
      </c>
      <c r="B1597" s="1"/>
      <c r="C1597">
        <v>5</v>
      </c>
      <c r="D1597" t="s">
        <v>4143</v>
      </c>
      <c r="E1597" t="s">
        <v>31396</v>
      </c>
      <c r="F1597">
        <v>4</v>
      </c>
      <c r="H1597" t="s">
        <v>4144</v>
      </c>
      <c r="I1597" t="s">
        <v>30540</v>
      </c>
    </row>
    <row r="1598" spans="1:9">
      <c r="A1598" s="1">
        <f ca="1">RAND()</f>
        <v>0.29450176336538381</v>
      </c>
      <c r="B1598" s="1"/>
      <c r="C1598">
        <v>3</v>
      </c>
      <c r="D1598" t="s">
        <v>4141</v>
      </c>
      <c r="E1598" t="s">
        <v>31396</v>
      </c>
      <c r="F1598">
        <v>4</v>
      </c>
      <c r="H1598" t="s">
        <v>4142</v>
      </c>
      <c r="I1598" t="s">
        <v>30540</v>
      </c>
    </row>
    <row r="1599" spans="1:9">
      <c r="A1599" s="1">
        <f ca="1">RAND()</f>
        <v>0.97289402275515546</v>
      </c>
      <c r="B1599" s="1"/>
      <c r="C1599">
        <v>13</v>
      </c>
      <c r="D1599" t="s">
        <v>4137</v>
      </c>
      <c r="E1599" t="s">
        <v>31397</v>
      </c>
      <c r="F1599">
        <v>5</v>
      </c>
      <c r="H1599" t="s">
        <v>4138</v>
      </c>
      <c r="I1599" t="s">
        <v>30540</v>
      </c>
    </row>
    <row r="1600" spans="1:9">
      <c r="A1600" s="1">
        <f ca="1">RAND()</f>
        <v>6.8470021549879245E-2</v>
      </c>
      <c r="B1600" s="1"/>
      <c r="C1600">
        <v>1</v>
      </c>
      <c r="D1600" t="s">
        <v>4131</v>
      </c>
      <c r="E1600" t="s">
        <v>31397</v>
      </c>
      <c r="F1600">
        <v>5</v>
      </c>
      <c r="H1600" t="s">
        <v>4132</v>
      </c>
      <c r="I1600" t="s">
        <v>30540</v>
      </c>
    </row>
    <row r="1601" spans="1:9">
      <c r="A1601" s="1">
        <f ca="1">RAND()</f>
        <v>0.63214232548772697</v>
      </c>
      <c r="B1601" s="1"/>
      <c r="C1601">
        <v>7</v>
      </c>
      <c r="D1601" t="s">
        <v>4133</v>
      </c>
      <c r="E1601" t="s">
        <v>31397</v>
      </c>
      <c r="F1601">
        <v>4</v>
      </c>
      <c r="H1601" t="s">
        <v>4134</v>
      </c>
      <c r="I1601" t="s">
        <v>30540</v>
      </c>
    </row>
    <row r="1602" spans="1:9">
      <c r="A1602" s="1">
        <f ca="1">RAND()</f>
        <v>0.63003375299479092</v>
      </c>
      <c r="B1602" s="1"/>
      <c r="C1602">
        <v>16</v>
      </c>
      <c r="D1602" t="s">
        <v>4139</v>
      </c>
      <c r="E1602" t="s">
        <v>31397</v>
      </c>
      <c r="F1602">
        <v>4</v>
      </c>
      <c r="H1602" t="s">
        <v>4140</v>
      </c>
      <c r="I1602" t="s">
        <v>30540</v>
      </c>
    </row>
    <row r="1603" spans="1:9">
      <c r="A1603" s="1">
        <f ca="1">RAND()</f>
        <v>0.9258790926567162</v>
      </c>
      <c r="B1603" s="1"/>
      <c r="C1603">
        <v>10</v>
      </c>
      <c r="D1603" t="s">
        <v>4135</v>
      </c>
      <c r="E1603" t="s">
        <v>31397</v>
      </c>
      <c r="F1603">
        <v>4</v>
      </c>
      <c r="H1603" t="s">
        <v>4136</v>
      </c>
      <c r="I1603" t="s">
        <v>30540</v>
      </c>
    </row>
    <row r="1604" spans="1:9">
      <c r="A1604" s="1">
        <f ca="1">RAND()</f>
        <v>0.4414865469733863</v>
      </c>
      <c r="B1604" s="1"/>
      <c r="C1604">
        <v>4</v>
      </c>
      <c r="D1604" t="s">
        <v>4129</v>
      </c>
      <c r="E1604" t="s">
        <v>31398</v>
      </c>
      <c r="F1604">
        <v>4</v>
      </c>
      <c r="H1604" t="s">
        <v>4130</v>
      </c>
      <c r="I1604" t="s">
        <v>30540</v>
      </c>
    </row>
    <row r="1605" spans="1:9">
      <c r="A1605" s="1">
        <f ca="1">RAND()</f>
        <v>0.7445810448123058</v>
      </c>
      <c r="B1605" s="1"/>
      <c r="C1605">
        <v>3</v>
      </c>
      <c r="D1605" t="s">
        <v>4127</v>
      </c>
      <c r="E1605" t="s">
        <v>31398</v>
      </c>
      <c r="F1605">
        <v>4</v>
      </c>
      <c r="H1605" t="s">
        <v>4128</v>
      </c>
      <c r="I1605" t="s">
        <v>30540</v>
      </c>
    </row>
    <row r="1606" spans="1:9">
      <c r="A1606" s="1">
        <f ca="1">RAND()</f>
        <v>0.55366194820698733</v>
      </c>
      <c r="B1606" s="1"/>
      <c r="C1606">
        <v>2</v>
      </c>
      <c r="D1606" t="s">
        <v>4125</v>
      </c>
      <c r="E1606" t="s">
        <v>31399</v>
      </c>
      <c r="F1606">
        <v>4</v>
      </c>
      <c r="H1606" t="s">
        <v>4126</v>
      </c>
      <c r="I1606" t="s">
        <v>30540</v>
      </c>
    </row>
    <row r="1607" spans="1:9">
      <c r="A1607" s="1">
        <f ca="1">RAND()</f>
        <v>0.34669208679898766</v>
      </c>
      <c r="B1607" s="1"/>
      <c r="C1607">
        <v>1</v>
      </c>
      <c r="D1607" t="s">
        <v>4123</v>
      </c>
      <c r="E1607" t="s">
        <v>31399</v>
      </c>
      <c r="F1607">
        <v>3</v>
      </c>
      <c r="H1607" t="s">
        <v>4124</v>
      </c>
      <c r="I1607" t="s">
        <v>30540</v>
      </c>
    </row>
    <row r="1608" spans="1:9">
      <c r="A1608" s="1">
        <f ca="1">RAND()</f>
        <v>8.9150161707849396E-3</v>
      </c>
      <c r="B1608" s="1"/>
      <c r="C1608">
        <v>8</v>
      </c>
      <c r="D1608" t="s">
        <v>4121</v>
      </c>
      <c r="E1608" t="s">
        <v>31400</v>
      </c>
      <c r="F1608">
        <v>4</v>
      </c>
      <c r="H1608" t="s">
        <v>4122</v>
      </c>
      <c r="I1608" t="s">
        <v>30540</v>
      </c>
    </row>
    <row r="1609" spans="1:9">
      <c r="A1609" s="1">
        <f ca="1">RAND()</f>
        <v>0.47614629320888668</v>
      </c>
      <c r="B1609" s="1"/>
      <c r="C1609">
        <v>2</v>
      </c>
      <c r="D1609" t="s">
        <v>4119</v>
      </c>
      <c r="E1609" t="s">
        <v>31400</v>
      </c>
      <c r="F1609">
        <v>2</v>
      </c>
      <c r="H1609" t="s">
        <v>4120</v>
      </c>
      <c r="I1609" t="s">
        <v>30540</v>
      </c>
    </row>
    <row r="1610" spans="1:9">
      <c r="A1610" s="1">
        <f ca="1">RAND()</f>
        <v>0.50737124137573242</v>
      </c>
      <c r="B1610" s="1"/>
      <c r="C1610">
        <v>9</v>
      </c>
      <c r="D1610" t="s">
        <v>4117</v>
      </c>
      <c r="E1610" t="s">
        <v>31401</v>
      </c>
      <c r="F1610">
        <v>4</v>
      </c>
      <c r="H1610" t="s">
        <v>4118</v>
      </c>
      <c r="I1610" t="s">
        <v>30540</v>
      </c>
    </row>
    <row r="1611" spans="1:9">
      <c r="A1611" s="1">
        <f ca="1">RAND()</f>
        <v>0.99834265509674458</v>
      </c>
      <c r="B1611" s="1"/>
      <c r="C1611">
        <v>4</v>
      </c>
      <c r="D1611" t="s">
        <v>4115</v>
      </c>
      <c r="E1611" t="s">
        <v>31401</v>
      </c>
      <c r="F1611">
        <v>4</v>
      </c>
      <c r="H1611" t="s">
        <v>4116</v>
      </c>
      <c r="I1611" t="s">
        <v>30540</v>
      </c>
    </row>
    <row r="1612" spans="1:9">
      <c r="A1612" s="1">
        <f ca="1">RAND()</f>
        <v>0.78039162708643883</v>
      </c>
      <c r="B1612" s="1"/>
      <c r="C1612">
        <v>2</v>
      </c>
      <c r="D1612" t="s">
        <v>4113</v>
      </c>
      <c r="E1612" t="s">
        <v>31401</v>
      </c>
      <c r="F1612">
        <v>4</v>
      </c>
      <c r="H1612" t="s">
        <v>4114</v>
      </c>
      <c r="I1612" t="s">
        <v>30540</v>
      </c>
    </row>
    <row r="1613" spans="1:9">
      <c r="A1613" s="1">
        <f ca="1">RAND()</f>
        <v>0.16017392447226508</v>
      </c>
      <c r="B1613" s="1"/>
      <c r="C1613">
        <v>4</v>
      </c>
      <c r="D1613" t="s">
        <v>4111</v>
      </c>
      <c r="E1613" t="s">
        <v>31402</v>
      </c>
      <c r="F1613">
        <v>4</v>
      </c>
      <c r="H1613" t="s">
        <v>4112</v>
      </c>
      <c r="I1613" t="s">
        <v>30540</v>
      </c>
    </row>
    <row r="1614" spans="1:9">
      <c r="A1614" s="1">
        <f ca="1">RAND()</f>
        <v>0.59021694140626491</v>
      </c>
      <c r="B1614" s="1"/>
      <c r="C1614">
        <v>3</v>
      </c>
      <c r="D1614" t="s">
        <v>4109</v>
      </c>
      <c r="E1614" t="s">
        <v>31403</v>
      </c>
      <c r="F1614">
        <v>4</v>
      </c>
      <c r="H1614" t="s">
        <v>4110</v>
      </c>
      <c r="I1614" t="s">
        <v>30540</v>
      </c>
    </row>
    <row r="1615" spans="1:9">
      <c r="A1615" s="1">
        <f ca="1">RAND()</f>
        <v>0.15002308970135148</v>
      </c>
      <c r="B1615" s="1"/>
      <c r="C1615">
        <v>3</v>
      </c>
      <c r="D1615" t="s">
        <v>4105</v>
      </c>
      <c r="E1615" t="s">
        <v>31404</v>
      </c>
      <c r="F1615">
        <v>5</v>
      </c>
      <c r="H1615" t="s">
        <v>4106</v>
      </c>
      <c r="I1615" t="s">
        <v>30540</v>
      </c>
    </row>
    <row r="1616" spans="1:9">
      <c r="A1616" s="1">
        <f ca="1">RAND()</f>
        <v>0.68879113632413691</v>
      </c>
      <c r="B1616" s="1"/>
      <c r="C1616">
        <v>1</v>
      </c>
      <c r="D1616" t="s">
        <v>4103</v>
      </c>
      <c r="E1616" t="s">
        <v>31404</v>
      </c>
      <c r="F1616">
        <v>5</v>
      </c>
      <c r="H1616" t="s">
        <v>4104</v>
      </c>
      <c r="I1616" t="s">
        <v>30540</v>
      </c>
    </row>
    <row r="1617" spans="1:9">
      <c r="A1617" s="1">
        <f ca="1">RAND()</f>
        <v>0.51262185111080705</v>
      </c>
      <c r="B1617" s="1"/>
      <c r="C1617">
        <v>4</v>
      </c>
      <c r="D1617" t="s">
        <v>4107</v>
      </c>
      <c r="E1617" t="s">
        <v>31404</v>
      </c>
      <c r="F1617">
        <v>4</v>
      </c>
      <c r="H1617" t="s">
        <v>4108</v>
      </c>
      <c r="I1617" t="s">
        <v>30540</v>
      </c>
    </row>
    <row r="1618" spans="1:9">
      <c r="A1618" s="1">
        <f ca="1">RAND()</f>
        <v>0.13955718165359166</v>
      </c>
      <c r="B1618" s="1"/>
      <c r="C1618">
        <v>8</v>
      </c>
      <c r="D1618" t="s">
        <v>4101</v>
      </c>
      <c r="E1618" t="s">
        <v>31405</v>
      </c>
      <c r="F1618">
        <v>4</v>
      </c>
      <c r="H1618" t="s">
        <v>4102</v>
      </c>
      <c r="I1618" t="s">
        <v>30540</v>
      </c>
    </row>
    <row r="1619" spans="1:9">
      <c r="A1619" s="1">
        <f ca="1">RAND()</f>
        <v>0.41745518999832876</v>
      </c>
      <c r="B1619" s="1"/>
      <c r="C1619">
        <v>5</v>
      </c>
      <c r="D1619" t="s">
        <v>4097</v>
      </c>
      <c r="E1619" t="s">
        <v>31406</v>
      </c>
      <c r="F1619">
        <v>4</v>
      </c>
      <c r="H1619" t="s">
        <v>4098</v>
      </c>
      <c r="I1619" t="s">
        <v>30540</v>
      </c>
    </row>
    <row r="1620" spans="1:9">
      <c r="A1620" s="1">
        <f ca="1">RAND()</f>
        <v>0.91850857000688191</v>
      </c>
      <c r="B1620" s="1"/>
      <c r="C1620">
        <v>8</v>
      </c>
      <c r="D1620" t="s">
        <v>4099</v>
      </c>
      <c r="E1620" t="s">
        <v>31406</v>
      </c>
      <c r="F1620">
        <v>4</v>
      </c>
      <c r="H1620" t="s">
        <v>4100</v>
      </c>
      <c r="I1620" t="s">
        <v>30540</v>
      </c>
    </row>
    <row r="1621" spans="1:9">
      <c r="A1621" s="1">
        <f ca="1">RAND()</f>
        <v>0.46829644831837869</v>
      </c>
      <c r="B1621" s="1"/>
      <c r="C1621">
        <v>2</v>
      </c>
      <c r="D1621" t="s">
        <v>4095</v>
      </c>
      <c r="E1621" t="s">
        <v>31407</v>
      </c>
      <c r="F1621">
        <v>4</v>
      </c>
      <c r="H1621" t="s">
        <v>4096</v>
      </c>
      <c r="I1621" t="s">
        <v>30540</v>
      </c>
    </row>
    <row r="1622" spans="1:9">
      <c r="A1622" s="1">
        <f ca="1">RAND()</f>
        <v>0.2056205852827746</v>
      </c>
      <c r="B1622" s="1"/>
      <c r="C1622">
        <v>2</v>
      </c>
      <c r="D1622" t="s">
        <v>4091</v>
      </c>
      <c r="E1622" t="s">
        <v>31408</v>
      </c>
      <c r="F1622">
        <v>5</v>
      </c>
      <c r="H1622" t="s">
        <v>4092</v>
      </c>
      <c r="I1622" t="s">
        <v>30540</v>
      </c>
    </row>
    <row r="1623" spans="1:9">
      <c r="A1623" s="1">
        <f ca="1">RAND()</f>
        <v>0.15451744497292796</v>
      </c>
      <c r="B1623" s="1"/>
      <c r="C1623">
        <v>6</v>
      </c>
      <c r="D1623" t="s">
        <v>4093</v>
      </c>
      <c r="E1623" t="s">
        <v>31408</v>
      </c>
      <c r="F1623">
        <v>4</v>
      </c>
      <c r="H1623" t="s">
        <v>4094</v>
      </c>
      <c r="I1623" t="s">
        <v>30540</v>
      </c>
    </row>
    <row r="1624" spans="1:9">
      <c r="A1624" s="1">
        <f ca="1">RAND()</f>
        <v>1.8283391185717757E-2</v>
      </c>
      <c r="B1624" s="1"/>
      <c r="C1624">
        <v>3</v>
      </c>
      <c r="D1624" t="s">
        <v>4089</v>
      </c>
      <c r="E1624" t="s">
        <v>31409</v>
      </c>
      <c r="F1624">
        <v>4</v>
      </c>
      <c r="H1624" t="s">
        <v>4090</v>
      </c>
      <c r="I1624" t="s">
        <v>30540</v>
      </c>
    </row>
    <row r="1625" spans="1:9">
      <c r="A1625" s="1">
        <f ca="1">RAND()</f>
        <v>0.41173600776008623</v>
      </c>
      <c r="B1625" s="1"/>
      <c r="C1625">
        <v>4</v>
      </c>
      <c r="D1625" t="s">
        <v>4085</v>
      </c>
      <c r="E1625" t="s">
        <v>31410</v>
      </c>
      <c r="F1625">
        <v>5</v>
      </c>
      <c r="H1625" t="s">
        <v>4086</v>
      </c>
      <c r="I1625" t="s">
        <v>30540</v>
      </c>
    </row>
    <row r="1626" spans="1:9">
      <c r="A1626" s="1">
        <f ca="1">RAND()</f>
        <v>0.29589124975619618</v>
      </c>
      <c r="B1626" s="1"/>
      <c r="C1626">
        <v>7</v>
      </c>
      <c r="D1626" t="s">
        <v>4087</v>
      </c>
      <c r="E1626" t="s">
        <v>31410</v>
      </c>
      <c r="F1626">
        <v>5</v>
      </c>
      <c r="H1626" t="s">
        <v>4088</v>
      </c>
      <c r="I1626" t="s">
        <v>30540</v>
      </c>
    </row>
    <row r="1627" spans="1:9">
      <c r="A1627" s="1">
        <f ca="1">RAND()</f>
        <v>0.44089338582068571</v>
      </c>
      <c r="B1627" s="1"/>
      <c r="C1627">
        <v>11</v>
      </c>
      <c r="D1627" t="s">
        <v>4083</v>
      </c>
      <c r="E1627" t="s">
        <v>31411</v>
      </c>
      <c r="F1627">
        <v>5</v>
      </c>
      <c r="H1627" t="s">
        <v>4084</v>
      </c>
      <c r="I1627" t="s">
        <v>30540</v>
      </c>
    </row>
    <row r="1628" spans="1:9">
      <c r="A1628" s="1">
        <f ca="1">RAND()</f>
        <v>9.3512036638954243E-2</v>
      </c>
      <c r="B1628" s="1"/>
      <c r="C1628">
        <v>8</v>
      </c>
      <c r="D1628" t="s">
        <v>4081</v>
      </c>
      <c r="E1628" t="s">
        <v>31411</v>
      </c>
      <c r="F1628">
        <v>4</v>
      </c>
      <c r="H1628" t="s">
        <v>4082</v>
      </c>
      <c r="I1628" t="s">
        <v>30540</v>
      </c>
    </row>
    <row r="1629" spans="1:9">
      <c r="A1629" s="1">
        <f ca="1">RAND()</f>
        <v>0.58123042912076694</v>
      </c>
      <c r="B1629" s="1"/>
      <c r="C1629">
        <v>5</v>
      </c>
      <c r="D1629" t="s">
        <v>4079</v>
      </c>
      <c r="E1629" t="s">
        <v>31412</v>
      </c>
      <c r="F1629">
        <v>5</v>
      </c>
      <c r="H1629" t="s">
        <v>4080</v>
      </c>
      <c r="I1629" t="s">
        <v>30540</v>
      </c>
    </row>
    <row r="1630" spans="1:9">
      <c r="A1630" s="1">
        <f ca="1">RAND()</f>
        <v>0.23144699735134378</v>
      </c>
      <c r="B1630" s="1"/>
      <c r="C1630">
        <v>1</v>
      </c>
      <c r="D1630" t="s">
        <v>4077</v>
      </c>
      <c r="E1630" t="s">
        <v>31412</v>
      </c>
      <c r="F1630">
        <v>5</v>
      </c>
      <c r="H1630" t="s">
        <v>4078</v>
      </c>
      <c r="I1630" t="s">
        <v>30540</v>
      </c>
    </row>
    <row r="1631" spans="1:9">
      <c r="A1631" s="1">
        <f ca="1">RAND()</f>
        <v>0.19552095881190734</v>
      </c>
      <c r="B1631" s="1"/>
      <c r="C1631">
        <v>7</v>
      </c>
      <c r="D1631" t="s">
        <v>4073</v>
      </c>
      <c r="E1631" t="s">
        <v>31413</v>
      </c>
      <c r="F1631">
        <v>5</v>
      </c>
      <c r="H1631" t="s">
        <v>4074</v>
      </c>
      <c r="I1631" t="s">
        <v>30540</v>
      </c>
    </row>
    <row r="1632" spans="1:9">
      <c r="A1632" s="1">
        <f ca="1">RAND()</f>
        <v>4.2258600791398648E-2</v>
      </c>
      <c r="B1632" s="1"/>
      <c r="C1632">
        <v>10</v>
      </c>
      <c r="D1632" t="s">
        <v>4075</v>
      </c>
      <c r="E1632" t="s">
        <v>31413</v>
      </c>
      <c r="F1632">
        <v>5</v>
      </c>
      <c r="H1632" t="s">
        <v>4076</v>
      </c>
      <c r="I1632" t="s">
        <v>30540</v>
      </c>
    </row>
    <row r="1633" spans="1:9">
      <c r="A1633" s="1">
        <f ca="1">RAND()</f>
        <v>0.12777013933629489</v>
      </c>
      <c r="B1633" s="1"/>
      <c r="C1633">
        <v>1</v>
      </c>
      <c r="D1633" t="s">
        <v>4069</v>
      </c>
      <c r="E1633" t="s">
        <v>31413</v>
      </c>
      <c r="F1633">
        <v>4</v>
      </c>
      <c r="H1633" t="s">
        <v>4070</v>
      </c>
      <c r="I1633" t="s">
        <v>30540</v>
      </c>
    </row>
    <row r="1634" spans="1:9">
      <c r="A1634" s="1">
        <f ca="1">RAND()</f>
        <v>0.69378967699641192</v>
      </c>
      <c r="B1634" s="1"/>
      <c r="C1634">
        <v>6</v>
      </c>
      <c r="D1634" t="s">
        <v>4071</v>
      </c>
      <c r="E1634" t="s">
        <v>31413</v>
      </c>
      <c r="F1634">
        <v>4</v>
      </c>
      <c r="H1634" t="s">
        <v>4072</v>
      </c>
      <c r="I1634" t="s">
        <v>30540</v>
      </c>
    </row>
    <row r="1635" spans="1:9">
      <c r="A1635" s="1">
        <f ca="1">RAND()</f>
        <v>0.81138963131651753</v>
      </c>
      <c r="B1635" s="1"/>
      <c r="C1635">
        <v>2</v>
      </c>
      <c r="D1635" t="s">
        <v>4067</v>
      </c>
      <c r="E1635" t="s">
        <v>31414</v>
      </c>
      <c r="F1635">
        <v>4</v>
      </c>
      <c r="H1635" t="s">
        <v>4068</v>
      </c>
      <c r="I1635" t="s">
        <v>30540</v>
      </c>
    </row>
    <row r="1636" spans="1:9">
      <c r="A1636" s="1">
        <f ca="1">RAND()</f>
        <v>6.4892724784087141E-2</v>
      </c>
      <c r="B1636" s="1"/>
      <c r="C1636">
        <v>7</v>
      </c>
      <c r="D1636" t="s">
        <v>4065</v>
      </c>
      <c r="E1636" t="s">
        <v>31415</v>
      </c>
      <c r="F1636">
        <v>4</v>
      </c>
      <c r="H1636" t="s">
        <v>4066</v>
      </c>
      <c r="I1636" t="s">
        <v>30540</v>
      </c>
    </row>
    <row r="1637" spans="1:9">
      <c r="A1637" s="1">
        <f ca="1">RAND()</f>
        <v>0.18975696165289779</v>
      </c>
      <c r="B1637" s="1"/>
      <c r="C1637">
        <v>4</v>
      </c>
      <c r="D1637" t="s">
        <v>4061</v>
      </c>
      <c r="E1637" t="s">
        <v>31415</v>
      </c>
      <c r="F1637">
        <v>4</v>
      </c>
      <c r="H1637" t="s">
        <v>4062</v>
      </c>
      <c r="I1637" t="s">
        <v>30540</v>
      </c>
    </row>
    <row r="1638" spans="1:9">
      <c r="A1638" s="1">
        <f ca="1">RAND()</f>
        <v>0.99407302793378127</v>
      </c>
      <c r="B1638" s="1"/>
      <c r="C1638">
        <v>5</v>
      </c>
      <c r="D1638" t="s">
        <v>4063</v>
      </c>
      <c r="E1638" t="s">
        <v>31415</v>
      </c>
      <c r="F1638">
        <v>4</v>
      </c>
      <c r="H1638" t="s">
        <v>4064</v>
      </c>
      <c r="I1638" t="s">
        <v>30540</v>
      </c>
    </row>
    <row r="1639" spans="1:9">
      <c r="A1639" s="1">
        <f ca="1">RAND()</f>
        <v>0.74765349630124411</v>
      </c>
      <c r="B1639" s="1"/>
      <c r="C1639">
        <v>4</v>
      </c>
      <c r="D1639" t="s">
        <v>4057</v>
      </c>
      <c r="E1639" t="s">
        <v>31416</v>
      </c>
      <c r="F1639">
        <v>4</v>
      </c>
      <c r="H1639" t="s">
        <v>4058</v>
      </c>
      <c r="I1639" t="s">
        <v>30540</v>
      </c>
    </row>
    <row r="1640" spans="1:9">
      <c r="A1640" s="1">
        <f ca="1">RAND()</f>
        <v>0.63175897682332782</v>
      </c>
      <c r="B1640" s="1"/>
      <c r="C1640">
        <v>5</v>
      </c>
      <c r="D1640" t="s">
        <v>4059</v>
      </c>
      <c r="E1640" t="s">
        <v>31416</v>
      </c>
      <c r="F1640">
        <v>3</v>
      </c>
      <c r="H1640" t="s">
        <v>4060</v>
      </c>
      <c r="I1640" t="s">
        <v>30540</v>
      </c>
    </row>
    <row r="1641" spans="1:9">
      <c r="A1641" s="1">
        <f ca="1">RAND()</f>
        <v>0.58004735995064849</v>
      </c>
      <c r="B1641" s="1"/>
      <c r="C1641">
        <v>8</v>
      </c>
      <c r="D1641" t="s">
        <v>4053</v>
      </c>
      <c r="E1641" t="s">
        <v>31417</v>
      </c>
      <c r="F1641">
        <v>4</v>
      </c>
      <c r="H1641" t="s">
        <v>4054</v>
      </c>
      <c r="I1641" t="s">
        <v>30540</v>
      </c>
    </row>
    <row r="1642" spans="1:9">
      <c r="A1642" s="1">
        <f ca="1">RAND()</f>
        <v>0.91917476147829069</v>
      </c>
      <c r="B1642" s="1"/>
      <c r="C1642">
        <v>1</v>
      </c>
      <c r="D1642" t="s">
        <v>4049</v>
      </c>
      <c r="E1642" t="s">
        <v>31417</v>
      </c>
      <c r="F1642">
        <v>4</v>
      </c>
      <c r="H1642" t="s">
        <v>4050</v>
      </c>
      <c r="I1642" t="s">
        <v>30540</v>
      </c>
    </row>
    <row r="1643" spans="1:9">
      <c r="A1643" s="1">
        <f ca="1">RAND()</f>
        <v>0.29552882705532013</v>
      </c>
      <c r="B1643" s="1"/>
      <c r="C1643">
        <v>9</v>
      </c>
      <c r="D1643" t="s">
        <v>4055</v>
      </c>
      <c r="E1643" t="s">
        <v>31417</v>
      </c>
      <c r="F1643">
        <v>4</v>
      </c>
      <c r="H1643" t="s">
        <v>4056</v>
      </c>
      <c r="I1643" t="s">
        <v>30540</v>
      </c>
    </row>
    <row r="1644" spans="1:9">
      <c r="A1644" s="1">
        <f ca="1">RAND()</f>
        <v>7.6802075629414102E-3</v>
      </c>
      <c r="B1644" s="1"/>
      <c r="C1644">
        <v>3</v>
      </c>
      <c r="D1644" t="s">
        <v>4051</v>
      </c>
      <c r="E1644" t="s">
        <v>31417</v>
      </c>
      <c r="F1644">
        <v>2</v>
      </c>
      <c r="H1644" t="s">
        <v>4052</v>
      </c>
      <c r="I1644" t="s">
        <v>30540</v>
      </c>
    </row>
    <row r="1645" spans="1:9">
      <c r="A1645" s="1">
        <f ca="1">RAND()</f>
        <v>0.85311059014457524</v>
      </c>
      <c r="B1645" s="1"/>
      <c r="C1645">
        <v>5</v>
      </c>
      <c r="D1645" t="s">
        <v>4047</v>
      </c>
      <c r="E1645" t="s">
        <v>31418</v>
      </c>
      <c r="F1645">
        <v>5</v>
      </c>
      <c r="H1645" t="s">
        <v>4048</v>
      </c>
      <c r="I1645" t="s">
        <v>30540</v>
      </c>
    </row>
    <row r="1646" spans="1:9">
      <c r="A1646" s="1">
        <f ca="1">RAND()</f>
        <v>0.76329410732841985</v>
      </c>
      <c r="B1646" s="1"/>
      <c r="C1646">
        <v>4</v>
      </c>
      <c r="D1646" t="s">
        <v>4045</v>
      </c>
      <c r="E1646" t="s">
        <v>31418</v>
      </c>
      <c r="F1646">
        <v>4</v>
      </c>
      <c r="H1646" t="s">
        <v>4046</v>
      </c>
      <c r="I1646" t="s">
        <v>30540</v>
      </c>
    </row>
    <row r="1647" spans="1:9">
      <c r="A1647" s="1">
        <f ca="1">RAND()</f>
        <v>0.84622592455112278</v>
      </c>
      <c r="B1647" s="1"/>
      <c r="C1647">
        <v>3</v>
      </c>
      <c r="D1647" t="s">
        <v>4043</v>
      </c>
      <c r="E1647" t="s">
        <v>31418</v>
      </c>
      <c r="F1647">
        <v>2</v>
      </c>
      <c r="H1647" t="s">
        <v>4044</v>
      </c>
      <c r="I1647" t="s">
        <v>30540</v>
      </c>
    </row>
    <row r="1648" spans="1:9">
      <c r="A1648" s="1">
        <f ca="1">RAND()</f>
        <v>0.44578088139248839</v>
      </c>
      <c r="B1648" s="1"/>
      <c r="C1648">
        <v>4</v>
      </c>
      <c r="D1648" t="s">
        <v>4039</v>
      </c>
      <c r="E1648" t="s">
        <v>31419</v>
      </c>
      <c r="F1648">
        <v>5</v>
      </c>
      <c r="H1648" t="s">
        <v>4040</v>
      </c>
      <c r="I1648" t="s">
        <v>30540</v>
      </c>
    </row>
    <row r="1649" spans="1:9">
      <c r="A1649" s="1">
        <f ca="1">RAND()</f>
        <v>0.79107953434028189</v>
      </c>
      <c r="B1649" s="1"/>
      <c r="C1649">
        <v>5</v>
      </c>
      <c r="D1649" t="s">
        <v>4041</v>
      </c>
      <c r="E1649" t="s">
        <v>31419</v>
      </c>
      <c r="F1649">
        <v>4</v>
      </c>
      <c r="H1649" t="s">
        <v>4042</v>
      </c>
      <c r="I1649" t="s">
        <v>30540</v>
      </c>
    </row>
    <row r="1650" spans="1:9">
      <c r="A1650" s="1">
        <f ca="1">RAND()</f>
        <v>8.6637849990127136E-2</v>
      </c>
      <c r="B1650" s="1"/>
      <c r="C1650">
        <v>3</v>
      </c>
      <c r="D1650" t="s">
        <v>4037</v>
      </c>
      <c r="E1650" t="s">
        <v>31419</v>
      </c>
      <c r="F1650">
        <v>4</v>
      </c>
      <c r="H1650" t="s">
        <v>4038</v>
      </c>
      <c r="I1650" t="s">
        <v>30540</v>
      </c>
    </row>
    <row r="1651" spans="1:9">
      <c r="A1651" s="1">
        <f ca="1">RAND()</f>
        <v>0.95939745844691893</v>
      </c>
      <c r="B1651" s="1"/>
      <c r="C1651">
        <v>2</v>
      </c>
      <c r="D1651" t="s">
        <v>4035</v>
      </c>
      <c r="E1651" t="s">
        <v>31420</v>
      </c>
      <c r="F1651">
        <v>4</v>
      </c>
      <c r="H1651" t="s">
        <v>4036</v>
      </c>
      <c r="I1651" t="s">
        <v>30540</v>
      </c>
    </row>
    <row r="1652" spans="1:9">
      <c r="A1652" s="1">
        <f ca="1">RAND()</f>
        <v>0.26366491757519717</v>
      </c>
      <c r="B1652" s="1"/>
      <c r="C1652">
        <v>3</v>
      </c>
      <c r="D1652" t="s">
        <v>4033</v>
      </c>
      <c r="E1652" t="s">
        <v>31421</v>
      </c>
      <c r="F1652">
        <v>5</v>
      </c>
      <c r="H1652" t="s">
        <v>4034</v>
      </c>
      <c r="I1652" t="s">
        <v>30540</v>
      </c>
    </row>
    <row r="1653" spans="1:9">
      <c r="A1653" s="1">
        <f ca="1">RAND()</f>
        <v>0.11363689594203064</v>
      </c>
      <c r="B1653" s="1"/>
      <c r="C1653">
        <v>9</v>
      </c>
      <c r="D1653" t="s">
        <v>4025</v>
      </c>
      <c r="E1653" t="s">
        <v>31422</v>
      </c>
      <c r="F1653">
        <v>4</v>
      </c>
      <c r="H1653" t="s">
        <v>4026</v>
      </c>
      <c r="I1653" t="s">
        <v>30540</v>
      </c>
    </row>
    <row r="1654" spans="1:9">
      <c r="A1654" s="1">
        <f ca="1">RAND()</f>
        <v>0.68465929745742493</v>
      </c>
      <c r="B1654" s="1"/>
      <c r="C1654">
        <v>15</v>
      </c>
      <c r="D1654" t="s">
        <v>4031</v>
      </c>
      <c r="E1654" t="s">
        <v>31422</v>
      </c>
      <c r="F1654">
        <v>4</v>
      </c>
      <c r="H1654" t="s">
        <v>4032</v>
      </c>
      <c r="I1654" t="s">
        <v>30540</v>
      </c>
    </row>
    <row r="1655" spans="1:9">
      <c r="A1655" s="1">
        <f ca="1">RAND()</f>
        <v>0.7992241854524017</v>
      </c>
      <c r="B1655" s="1"/>
      <c r="C1655">
        <v>12</v>
      </c>
      <c r="D1655" t="s">
        <v>4029</v>
      </c>
      <c r="E1655" t="s">
        <v>31422</v>
      </c>
      <c r="F1655">
        <v>4</v>
      </c>
      <c r="H1655" t="s">
        <v>4030</v>
      </c>
      <c r="I1655" t="s">
        <v>30540</v>
      </c>
    </row>
    <row r="1656" spans="1:9">
      <c r="A1656" s="1">
        <f ca="1">RAND()</f>
        <v>0.21279132565170944</v>
      </c>
      <c r="B1656" s="1"/>
      <c r="C1656">
        <v>11</v>
      </c>
      <c r="D1656" t="s">
        <v>4027</v>
      </c>
      <c r="E1656" t="s">
        <v>31422</v>
      </c>
      <c r="F1656">
        <v>3</v>
      </c>
      <c r="H1656" t="s">
        <v>4028</v>
      </c>
      <c r="I1656" t="s">
        <v>30540</v>
      </c>
    </row>
    <row r="1657" spans="1:9">
      <c r="A1657" s="1">
        <f ca="1">RAND()</f>
        <v>0.60662300831229798</v>
      </c>
      <c r="B1657" s="1"/>
      <c r="C1657">
        <v>6</v>
      </c>
      <c r="D1657" t="s">
        <v>4023</v>
      </c>
      <c r="E1657" t="s">
        <v>31423</v>
      </c>
      <c r="F1657">
        <v>4</v>
      </c>
      <c r="H1657" t="s">
        <v>4024</v>
      </c>
      <c r="I1657" t="s">
        <v>30540</v>
      </c>
    </row>
    <row r="1658" spans="1:9">
      <c r="A1658" s="1">
        <f ca="1">RAND()</f>
        <v>0.76972169809750624</v>
      </c>
      <c r="B1658" s="1"/>
      <c r="C1658">
        <v>2</v>
      </c>
      <c r="D1658" t="s">
        <v>4021</v>
      </c>
      <c r="E1658" t="s">
        <v>31424</v>
      </c>
      <c r="F1658">
        <v>3</v>
      </c>
      <c r="H1658" t="s">
        <v>4022</v>
      </c>
      <c r="I1658" t="s">
        <v>30540</v>
      </c>
    </row>
    <row r="1659" spans="1:9">
      <c r="A1659" s="1">
        <f ca="1">RAND()</f>
        <v>0.27103665267985377</v>
      </c>
      <c r="B1659" s="1"/>
      <c r="C1659">
        <v>3</v>
      </c>
      <c r="D1659" t="s">
        <v>4019</v>
      </c>
      <c r="E1659" t="s">
        <v>31425</v>
      </c>
      <c r="F1659">
        <v>4</v>
      </c>
      <c r="H1659" t="s">
        <v>4020</v>
      </c>
      <c r="I1659" t="s">
        <v>30540</v>
      </c>
    </row>
    <row r="1660" spans="1:9">
      <c r="A1660" s="1">
        <f ca="1">RAND()</f>
        <v>0.33007066789529782</v>
      </c>
      <c r="B1660" s="1"/>
      <c r="C1660">
        <v>2</v>
      </c>
      <c r="D1660" t="s">
        <v>4017</v>
      </c>
      <c r="E1660" t="s">
        <v>31425</v>
      </c>
      <c r="F1660">
        <v>3</v>
      </c>
      <c r="H1660" t="s">
        <v>4018</v>
      </c>
      <c r="I1660" t="s">
        <v>30540</v>
      </c>
    </row>
    <row r="1661" spans="1:9">
      <c r="A1661" s="1">
        <f ca="1">RAND()</f>
        <v>0.58894517258367618</v>
      </c>
      <c r="B1661" s="1"/>
      <c r="C1661">
        <v>2</v>
      </c>
      <c r="D1661" t="s">
        <v>4013</v>
      </c>
      <c r="E1661" t="s">
        <v>31426</v>
      </c>
      <c r="F1661">
        <v>5</v>
      </c>
      <c r="H1661" t="s">
        <v>4014</v>
      </c>
      <c r="I1661" t="s">
        <v>30540</v>
      </c>
    </row>
    <row r="1662" spans="1:9">
      <c r="A1662" s="1">
        <f ca="1">RAND()</f>
        <v>0.40502803471910653</v>
      </c>
      <c r="B1662" s="1"/>
      <c r="C1662">
        <v>3</v>
      </c>
      <c r="D1662" t="s">
        <v>4015</v>
      </c>
      <c r="E1662" t="s">
        <v>31426</v>
      </c>
      <c r="F1662">
        <v>4</v>
      </c>
      <c r="H1662" t="s">
        <v>4016</v>
      </c>
      <c r="I1662" t="s">
        <v>30540</v>
      </c>
    </row>
    <row r="1663" spans="1:9">
      <c r="A1663" s="1">
        <f ca="1">RAND()</f>
        <v>0.4693174403435949</v>
      </c>
      <c r="B1663" s="1"/>
      <c r="C1663">
        <v>7</v>
      </c>
      <c r="D1663" t="s">
        <v>4011</v>
      </c>
      <c r="E1663" t="s">
        <v>31427</v>
      </c>
      <c r="F1663">
        <v>4</v>
      </c>
      <c r="H1663" t="s">
        <v>4012</v>
      </c>
      <c r="I1663" t="s">
        <v>30540</v>
      </c>
    </row>
    <row r="1664" spans="1:9">
      <c r="A1664" s="1">
        <f ca="1">RAND()</f>
        <v>0.44023313032689937</v>
      </c>
      <c r="B1664" s="1"/>
      <c r="C1664">
        <v>1</v>
      </c>
      <c r="D1664" t="s">
        <v>4009</v>
      </c>
      <c r="E1664" t="s">
        <v>31427</v>
      </c>
      <c r="F1664">
        <v>3</v>
      </c>
      <c r="H1664" t="s">
        <v>4010</v>
      </c>
      <c r="I1664" t="s">
        <v>30540</v>
      </c>
    </row>
    <row r="1665" spans="1:9">
      <c r="A1665" s="1">
        <f ca="1">RAND()</f>
        <v>1.8864888301004412E-2</v>
      </c>
      <c r="B1665" s="1"/>
      <c r="C1665">
        <v>12</v>
      </c>
      <c r="D1665" t="s">
        <v>4007</v>
      </c>
      <c r="E1665" t="s">
        <v>31428</v>
      </c>
      <c r="F1665">
        <v>4</v>
      </c>
      <c r="H1665" t="s">
        <v>4008</v>
      </c>
      <c r="I1665" t="s">
        <v>30540</v>
      </c>
    </row>
    <row r="1666" spans="1:9">
      <c r="A1666" s="1">
        <f ca="1">RAND()</f>
        <v>0.19467949294187115</v>
      </c>
      <c r="B1666" s="1"/>
      <c r="C1666">
        <v>2</v>
      </c>
      <c r="D1666" t="s">
        <v>4005</v>
      </c>
      <c r="E1666" t="s">
        <v>31428</v>
      </c>
      <c r="F1666">
        <v>4</v>
      </c>
      <c r="H1666" t="s">
        <v>4006</v>
      </c>
      <c r="I1666" t="s">
        <v>30540</v>
      </c>
    </row>
    <row r="1667" spans="1:9">
      <c r="A1667" s="1">
        <f ca="1">RAND()</f>
        <v>0.27065120150878341</v>
      </c>
      <c r="B1667" s="1"/>
      <c r="C1667">
        <v>7</v>
      </c>
      <c r="D1667" t="s">
        <v>4003</v>
      </c>
      <c r="E1667" t="s">
        <v>31429</v>
      </c>
      <c r="F1667">
        <v>4</v>
      </c>
      <c r="H1667" t="s">
        <v>4004</v>
      </c>
      <c r="I1667" t="s">
        <v>30540</v>
      </c>
    </row>
    <row r="1668" spans="1:9">
      <c r="A1668" s="1">
        <f ca="1">RAND()</f>
        <v>0.9918827029329077</v>
      </c>
      <c r="B1668" s="1"/>
      <c r="C1668">
        <v>4</v>
      </c>
      <c r="D1668" t="s">
        <v>4001</v>
      </c>
      <c r="E1668" t="s">
        <v>31430</v>
      </c>
      <c r="F1668">
        <v>4</v>
      </c>
      <c r="H1668" t="s">
        <v>4002</v>
      </c>
      <c r="I1668" t="s">
        <v>30540</v>
      </c>
    </row>
    <row r="1669" spans="1:9">
      <c r="A1669" s="1">
        <f ca="1">RAND()</f>
        <v>0.62856543722451874</v>
      </c>
      <c r="B1669" s="1"/>
      <c r="C1669">
        <v>2</v>
      </c>
      <c r="D1669" t="s">
        <v>3997</v>
      </c>
      <c r="E1669" t="s">
        <v>31431</v>
      </c>
      <c r="F1669">
        <v>4</v>
      </c>
      <c r="H1669" t="s">
        <v>3998</v>
      </c>
      <c r="I1669" t="s">
        <v>30540</v>
      </c>
    </row>
    <row r="1670" spans="1:9">
      <c r="A1670" s="1">
        <f ca="1">RAND()</f>
        <v>0.63646892624616902</v>
      </c>
      <c r="B1670" s="1"/>
      <c r="C1670">
        <v>5</v>
      </c>
      <c r="D1670" t="s">
        <v>3999</v>
      </c>
      <c r="E1670" t="s">
        <v>31431</v>
      </c>
      <c r="F1670">
        <v>4</v>
      </c>
      <c r="H1670" t="s">
        <v>4000</v>
      </c>
      <c r="I1670" t="s">
        <v>30540</v>
      </c>
    </row>
    <row r="1671" spans="1:9">
      <c r="A1671" s="1">
        <f ca="1">RAND()</f>
        <v>0.99962471825453159</v>
      </c>
      <c r="B1671" s="1"/>
      <c r="C1671">
        <v>9</v>
      </c>
      <c r="D1671" t="s">
        <v>3993</v>
      </c>
      <c r="E1671" t="s">
        <v>31432</v>
      </c>
      <c r="F1671">
        <v>5</v>
      </c>
      <c r="H1671" t="s">
        <v>3994</v>
      </c>
      <c r="I1671" t="s">
        <v>30540</v>
      </c>
    </row>
    <row r="1672" spans="1:9">
      <c r="A1672" s="1">
        <f ca="1">RAND()</f>
        <v>0.10189323593272426</v>
      </c>
      <c r="B1672" s="1"/>
      <c r="C1672">
        <v>6</v>
      </c>
      <c r="D1672" t="s">
        <v>3991</v>
      </c>
      <c r="E1672" t="s">
        <v>31432</v>
      </c>
      <c r="F1672">
        <v>5</v>
      </c>
      <c r="H1672" t="s">
        <v>3992</v>
      </c>
      <c r="I1672" t="s">
        <v>30540</v>
      </c>
    </row>
    <row r="1673" spans="1:9">
      <c r="A1673" s="1">
        <f ca="1">RAND()</f>
        <v>0.55798172417705127</v>
      </c>
      <c r="B1673" s="1"/>
      <c r="C1673">
        <v>10</v>
      </c>
      <c r="D1673" t="s">
        <v>3995</v>
      </c>
      <c r="E1673" t="s">
        <v>31432</v>
      </c>
      <c r="F1673">
        <v>4</v>
      </c>
      <c r="H1673" t="s">
        <v>3996</v>
      </c>
      <c r="I1673" t="s">
        <v>30540</v>
      </c>
    </row>
    <row r="1674" spans="1:9">
      <c r="A1674" s="1">
        <f ca="1">RAND()</f>
        <v>0.79678811434080266</v>
      </c>
      <c r="B1674" s="1"/>
      <c r="C1674">
        <v>9</v>
      </c>
      <c r="D1674" t="s">
        <v>3985</v>
      </c>
      <c r="E1674" t="s">
        <v>31433</v>
      </c>
      <c r="F1674">
        <v>4</v>
      </c>
      <c r="H1674" t="s">
        <v>3986</v>
      </c>
      <c r="I1674" t="s">
        <v>30540</v>
      </c>
    </row>
    <row r="1675" spans="1:9">
      <c r="A1675" s="1">
        <f ca="1">RAND()</f>
        <v>0.74262463759011288</v>
      </c>
      <c r="B1675" s="1"/>
      <c r="C1675">
        <v>10</v>
      </c>
      <c r="D1675" t="s">
        <v>3987</v>
      </c>
      <c r="E1675" t="s">
        <v>31433</v>
      </c>
      <c r="F1675">
        <v>4</v>
      </c>
      <c r="H1675" t="s">
        <v>3988</v>
      </c>
      <c r="I1675" t="s">
        <v>30540</v>
      </c>
    </row>
    <row r="1676" spans="1:9">
      <c r="A1676" s="1">
        <f ca="1">RAND()</f>
        <v>0.83423450091305285</v>
      </c>
      <c r="B1676" s="1"/>
      <c r="C1676">
        <v>1</v>
      </c>
      <c r="D1676" t="s">
        <v>3979</v>
      </c>
      <c r="E1676" t="s">
        <v>31433</v>
      </c>
      <c r="F1676">
        <v>4</v>
      </c>
      <c r="H1676" t="s">
        <v>3980</v>
      </c>
      <c r="I1676" t="s">
        <v>30540</v>
      </c>
    </row>
    <row r="1677" spans="1:9">
      <c r="A1677" s="1">
        <f ca="1">RAND()</f>
        <v>0.19393825944894372</v>
      </c>
      <c r="B1677" s="1"/>
      <c r="C1677">
        <v>5</v>
      </c>
      <c r="D1677" t="s">
        <v>3983</v>
      </c>
      <c r="E1677" t="s">
        <v>31433</v>
      </c>
      <c r="F1677">
        <v>4</v>
      </c>
      <c r="H1677" t="s">
        <v>3984</v>
      </c>
      <c r="I1677" t="s">
        <v>30540</v>
      </c>
    </row>
    <row r="1678" spans="1:9">
      <c r="A1678" s="1">
        <f ca="1">RAND()</f>
        <v>0.33266592029713482</v>
      </c>
      <c r="B1678" s="1"/>
      <c r="C1678">
        <v>2</v>
      </c>
      <c r="D1678" t="s">
        <v>3981</v>
      </c>
      <c r="E1678" t="s">
        <v>31433</v>
      </c>
      <c r="F1678">
        <v>4</v>
      </c>
      <c r="H1678" t="s">
        <v>3982</v>
      </c>
      <c r="I1678" t="s">
        <v>30540</v>
      </c>
    </row>
    <row r="1679" spans="1:9">
      <c r="A1679" s="1">
        <f ca="1">RAND()</f>
        <v>8.4885122665767754E-2</v>
      </c>
      <c r="B1679" s="1"/>
      <c r="C1679">
        <v>11</v>
      </c>
      <c r="D1679" t="s">
        <v>3989</v>
      </c>
      <c r="E1679" t="s">
        <v>31433</v>
      </c>
      <c r="F1679">
        <v>4</v>
      </c>
      <c r="H1679" t="s">
        <v>3990</v>
      </c>
      <c r="I1679" t="s">
        <v>30540</v>
      </c>
    </row>
    <row r="1680" spans="1:9">
      <c r="A1680" s="1">
        <f ca="1">RAND()</f>
        <v>0.69267328677296158</v>
      </c>
      <c r="B1680" s="1"/>
      <c r="C1680">
        <v>3</v>
      </c>
      <c r="D1680" t="s">
        <v>3975</v>
      </c>
      <c r="E1680" t="s">
        <v>31434</v>
      </c>
      <c r="F1680">
        <v>5</v>
      </c>
      <c r="H1680" t="s">
        <v>3976</v>
      </c>
      <c r="I1680" t="s">
        <v>30540</v>
      </c>
    </row>
    <row r="1681" spans="1:9">
      <c r="A1681" s="1">
        <f ca="1">RAND()</f>
        <v>0.10115269484012268</v>
      </c>
      <c r="B1681" s="1"/>
      <c r="C1681">
        <v>5</v>
      </c>
      <c r="D1681" t="s">
        <v>3977</v>
      </c>
      <c r="E1681" t="s">
        <v>31434</v>
      </c>
      <c r="F1681">
        <v>4</v>
      </c>
      <c r="H1681" t="s">
        <v>3978</v>
      </c>
      <c r="I1681" t="s">
        <v>30540</v>
      </c>
    </row>
    <row r="1682" spans="1:9">
      <c r="A1682" s="1">
        <f ca="1">RAND()</f>
        <v>0.2610915551129751</v>
      </c>
      <c r="B1682" s="1"/>
      <c r="C1682">
        <v>1</v>
      </c>
      <c r="D1682" t="s">
        <v>3973</v>
      </c>
      <c r="E1682" t="s">
        <v>31434</v>
      </c>
      <c r="F1682">
        <v>4</v>
      </c>
      <c r="H1682" t="s">
        <v>3974</v>
      </c>
      <c r="I1682" t="s">
        <v>30540</v>
      </c>
    </row>
    <row r="1683" spans="1:9">
      <c r="A1683" s="1">
        <f ca="1">RAND()</f>
        <v>0.90372346260720415</v>
      </c>
      <c r="B1683" s="1"/>
      <c r="C1683">
        <v>1</v>
      </c>
      <c r="D1683" t="s">
        <v>3971</v>
      </c>
      <c r="E1683" t="s">
        <v>31435</v>
      </c>
      <c r="F1683">
        <v>4</v>
      </c>
      <c r="H1683" t="s">
        <v>3972</v>
      </c>
      <c r="I1683" t="s">
        <v>30540</v>
      </c>
    </row>
    <row r="1684" spans="1:9">
      <c r="A1684" s="1">
        <f ca="1">RAND()</f>
        <v>0.10334533554733949</v>
      </c>
      <c r="B1684" s="1"/>
      <c r="C1684">
        <v>10</v>
      </c>
      <c r="D1684" t="s">
        <v>3965</v>
      </c>
      <c r="E1684" t="s">
        <v>31436</v>
      </c>
      <c r="F1684">
        <v>4</v>
      </c>
      <c r="H1684" t="s">
        <v>3966</v>
      </c>
      <c r="I1684" t="s">
        <v>30540</v>
      </c>
    </row>
    <row r="1685" spans="1:9">
      <c r="A1685" s="1">
        <f ca="1">RAND()</f>
        <v>6.9657529565878118E-2</v>
      </c>
      <c r="B1685" s="1"/>
      <c r="C1685">
        <v>7</v>
      </c>
      <c r="D1685" t="s">
        <v>3959</v>
      </c>
      <c r="E1685" t="s">
        <v>31436</v>
      </c>
      <c r="F1685">
        <v>4</v>
      </c>
      <c r="H1685" t="s">
        <v>3960</v>
      </c>
      <c r="I1685" t="s">
        <v>30540</v>
      </c>
    </row>
    <row r="1686" spans="1:9">
      <c r="A1686" s="1">
        <f ca="1">RAND()</f>
        <v>3.306496108969148E-2</v>
      </c>
      <c r="B1686" s="1"/>
      <c r="C1686">
        <v>8</v>
      </c>
      <c r="D1686" t="s">
        <v>3961</v>
      </c>
      <c r="E1686" t="s">
        <v>31436</v>
      </c>
      <c r="F1686">
        <v>4</v>
      </c>
      <c r="H1686" t="s">
        <v>3962</v>
      </c>
      <c r="I1686" t="s">
        <v>30540</v>
      </c>
    </row>
    <row r="1687" spans="1:9">
      <c r="A1687" s="1">
        <f ca="1">RAND()</f>
        <v>0.50042119418565156</v>
      </c>
      <c r="B1687" s="1"/>
      <c r="C1687">
        <v>4</v>
      </c>
      <c r="D1687" t="s">
        <v>3953</v>
      </c>
      <c r="E1687" t="s">
        <v>31436</v>
      </c>
      <c r="F1687">
        <v>4</v>
      </c>
      <c r="H1687" t="s">
        <v>3954</v>
      </c>
      <c r="I1687" t="s">
        <v>30540</v>
      </c>
    </row>
    <row r="1688" spans="1:9">
      <c r="A1688" s="1">
        <f ca="1">RAND()</f>
        <v>0.11379797146258752</v>
      </c>
      <c r="B1688" s="1"/>
      <c r="C1688">
        <v>9</v>
      </c>
      <c r="D1688" t="s">
        <v>3963</v>
      </c>
      <c r="E1688" t="s">
        <v>31436</v>
      </c>
      <c r="F1688">
        <v>4</v>
      </c>
      <c r="H1688" t="s">
        <v>3964</v>
      </c>
      <c r="I1688" t="s">
        <v>30540</v>
      </c>
    </row>
    <row r="1689" spans="1:9">
      <c r="A1689" s="1">
        <f ca="1">RAND()</f>
        <v>0.51128984721417259</v>
      </c>
      <c r="B1689" s="1"/>
      <c r="C1689">
        <v>5</v>
      </c>
      <c r="D1689" t="s">
        <v>3955</v>
      </c>
      <c r="E1689" t="s">
        <v>31436</v>
      </c>
      <c r="F1689">
        <v>4</v>
      </c>
      <c r="H1689" t="s">
        <v>3956</v>
      </c>
      <c r="I1689" t="s">
        <v>30540</v>
      </c>
    </row>
    <row r="1690" spans="1:9">
      <c r="A1690" s="1">
        <f ca="1">RAND()</f>
        <v>0.68565865993800057</v>
      </c>
      <c r="B1690" s="1"/>
      <c r="C1690">
        <v>13</v>
      </c>
      <c r="D1690" t="s">
        <v>3969</v>
      </c>
      <c r="E1690" t="s">
        <v>31436</v>
      </c>
      <c r="F1690">
        <v>3</v>
      </c>
      <c r="H1690" t="s">
        <v>3970</v>
      </c>
      <c r="I1690" t="s">
        <v>30540</v>
      </c>
    </row>
    <row r="1691" spans="1:9">
      <c r="A1691" s="1">
        <f ca="1">RAND()</f>
        <v>0.84173296642202422</v>
      </c>
      <c r="B1691" s="1"/>
      <c r="C1691">
        <v>12</v>
      </c>
      <c r="D1691" t="s">
        <v>3967</v>
      </c>
      <c r="E1691" t="s">
        <v>31436</v>
      </c>
      <c r="F1691">
        <v>2</v>
      </c>
      <c r="H1691" t="s">
        <v>3968</v>
      </c>
      <c r="I1691" t="s">
        <v>30540</v>
      </c>
    </row>
    <row r="1692" spans="1:9">
      <c r="A1692" s="1">
        <f ca="1">RAND()</f>
        <v>0.43152576687716659</v>
      </c>
      <c r="B1692" s="1"/>
      <c r="C1692">
        <v>6</v>
      </c>
      <c r="D1692" t="s">
        <v>3957</v>
      </c>
      <c r="E1692" t="s">
        <v>31436</v>
      </c>
      <c r="F1692">
        <v>1</v>
      </c>
      <c r="H1692" t="s">
        <v>3958</v>
      </c>
      <c r="I1692" t="s">
        <v>30540</v>
      </c>
    </row>
    <row r="1693" spans="1:9">
      <c r="A1693" s="1">
        <f ca="1">RAND()</f>
        <v>0.90564404809000332</v>
      </c>
      <c r="B1693" s="1"/>
      <c r="C1693">
        <v>5</v>
      </c>
      <c r="D1693" t="s">
        <v>3951</v>
      </c>
      <c r="E1693" t="s">
        <v>31437</v>
      </c>
      <c r="F1693">
        <v>4</v>
      </c>
      <c r="H1693" t="s">
        <v>3952</v>
      </c>
      <c r="I1693" t="s">
        <v>30540</v>
      </c>
    </row>
    <row r="1694" spans="1:9">
      <c r="A1694" s="1">
        <f ca="1">RAND()</f>
        <v>0.58076283974536735</v>
      </c>
      <c r="B1694" s="1"/>
      <c r="C1694">
        <v>1</v>
      </c>
      <c r="D1694" t="s">
        <v>3947</v>
      </c>
      <c r="E1694" t="s">
        <v>31437</v>
      </c>
      <c r="F1694">
        <v>4</v>
      </c>
      <c r="H1694" t="s">
        <v>3948</v>
      </c>
      <c r="I1694" t="s">
        <v>30540</v>
      </c>
    </row>
    <row r="1695" spans="1:9">
      <c r="A1695" s="1">
        <f ca="1">RAND()</f>
        <v>0.83934765738658401</v>
      </c>
      <c r="B1695" s="1"/>
      <c r="C1695">
        <v>3</v>
      </c>
      <c r="D1695" t="s">
        <v>3949</v>
      </c>
      <c r="E1695" t="s">
        <v>31437</v>
      </c>
      <c r="F1695">
        <v>2</v>
      </c>
      <c r="H1695" t="s">
        <v>3950</v>
      </c>
      <c r="I1695" t="s">
        <v>30540</v>
      </c>
    </row>
    <row r="1696" spans="1:9">
      <c r="A1696" s="1">
        <f ca="1">RAND()</f>
        <v>8.1467794134890914E-2</v>
      </c>
      <c r="B1696" s="1"/>
      <c r="C1696">
        <v>2</v>
      </c>
      <c r="D1696" t="s">
        <v>3943</v>
      </c>
      <c r="E1696" t="s">
        <v>31438</v>
      </c>
      <c r="F1696">
        <v>5</v>
      </c>
      <c r="H1696" t="s">
        <v>3944</v>
      </c>
      <c r="I1696" t="s">
        <v>30540</v>
      </c>
    </row>
    <row r="1697" spans="1:9">
      <c r="A1697" s="1">
        <f ca="1">RAND()</f>
        <v>0.87059434230860566</v>
      </c>
      <c r="B1697" s="1"/>
      <c r="C1697">
        <v>1</v>
      </c>
      <c r="D1697" t="s">
        <v>3941</v>
      </c>
      <c r="E1697" t="s">
        <v>31438</v>
      </c>
      <c r="F1697">
        <v>5</v>
      </c>
      <c r="H1697" t="s">
        <v>3942</v>
      </c>
      <c r="I1697" t="s">
        <v>30540</v>
      </c>
    </row>
    <row r="1698" spans="1:9">
      <c r="A1698" s="1">
        <f ca="1">RAND()</f>
        <v>0.33912497458358382</v>
      </c>
      <c r="B1698" s="1"/>
      <c r="C1698">
        <v>4</v>
      </c>
      <c r="D1698" t="s">
        <v>3945</v>
      </c>
      <c r="E1698" t="s">
        <v>31438</v>
      </c>
      <c r="F1698">
        <v>4</v>
      </c>
      <c r="H1698" t="s">
        <v>3946</v>
      </c>
      <c r="I1698" t="s">
        <v>30540</v>
      </c>
    </row>
    <row r="1699" spans="1:9">
      <c r="A1699" s="1">
        <f ca="1">RAND()</f>
        <v>0.82678137143089669</v>
      </c>
      <c r="B1699" s="1"/>
      <c r="C1699">
        <v>5</v>
      </c>
      <c r="D1699" t="s">
        <v>3937</v>
      </c>
      <c r="E1699" t="s">
        <v>31439</v>
      </c>
      <c r="F1699">
        <v>5</v>
      </c>
      <c r="H1699" t="s">
        <v>3938</v>
      </c>
      <c r="I1699" t="s">
        <v>30540</v>
      </c>
    </row>
    <row r="1700" spans="1:9">
      <c r="A1700" s="1">
        <f ca="1">RAND()</f>
        <v>0.9945326095432524</v>
      </c>
      <c r="B1700" s="1"/>
      <c r="C1700">
        <v>6</v>
      </c>
      <c r="D1700" t="s">
        <v>3939</v>
      </c>
      <c r="E1700" t="s">
        <v>31439</v>
      </c>
      <c r="F1700">
        <v>4</v>
      </c>
      <c r="H1700" t="s">
        <v>3940</v>
      </c>
      <c r="I1700" t="s">
        <v>30540</v>
      </c>
    </row>
    <row r="1701" spans="1:9">
      <c r="A1701" s="1">
        <f ca="1">RAND()</f>
        <v>0.37457833668905693</v>
      </c>
      <c r="B1701" s="1"/>
      <c r="C1701">
        <v>3</v>
      </c>
      <c r="D1701" t="s">
        <v>3931</v>
      </c>
      <c r="E1701" t="s">
        <v>31440</v>
      </c>
      <c r="F1701">
        <v>4</v>
      </c>
      <c r="G1701" t="s">
        <v>10</v>
      </c>
      <c r="H1701" t="s">
        <v>3932</v>
      </c>
      <c r="I1701" t="s">
        <v>30540</v>
      </c>
    </row>
    <row r="1702" spans="1:9">
      <c r="A1702" s="1">
        <f ca="1">RAND()</f>
        <v>0.84704631360078675</v>
      </c>
      <c r="B1702" s="1"/>
      <c r="C1702">
        <v>5</v>
      </c>
      <c r="D1702" t="s">
        <v>3935</v>
      </c>
      <c r="E1702" t="s">
        <v>31440</v>
      </c>
      <c r="F1702">
        <v>4</v>
      </c>
      <c r="H1702" t="s">
        <v>3936</v>
      </c>
      <c r="I1702" t="s">
        <v>30540</v>
      </c>
    </row>
    <row r="1703" spans="1:9">
      <c r="A1703" s="1">
        <f ca="1">RAND()</f>
        <v>0.4828171972599925</v>
      </c>
      <c r="B1703" s="1"/>
      <c r="C1703">
        <v>4</v>
      </c>
      <c r="D1703" t="s">
        <v>3933</v>
      </c>
      <c r="E1703" t="s">
        <v>31440</v>
      </c>
      <c r="F1703">
        <v>4</v>
      </c>
      <c r="H1703" t="s">
        <v>3934</v>
      </c>
      <c r="I1703" t="s">
        <v>30540</v>
      </c>
    </row>
    <row r="1704" spans="1:9">
      <c r="A1704" s="1">
        <f ca="1">RAND()</f>
        <v>0.54242647399873267</v>
      </c>
      <c r="B1704" s="1"/>
      <c r="C1704">
        <v>1</v>
      </c>
      <c r="D1704" t="s">
        <v>3929</v>
      </c>
      <c r="E1704" t="s">
        <v>31441</v>
      </c>
      <c r="F1704">
        <v>2</v>
      </c>
      <c r="H1704" t="s">
        <v>3930</v>
      </c>
      <c r="I1704" t="s">
        <v>30540</v>
      </c>
    </row>
    <row r="1705" spans="1:9">
      <c r="A1705" s="1">
        <f ca="1">RAND()</f>
        <v>0.48999461525527588</v>
      </c>
      <c r="B1705" s="1"/>
      <c r="C1705">
        <v>18</v>
      </c>
      <c r="D1705" t="s">
        <v>3927</v>
      </c>
      <c r="E1705" t="s">
        <v>31442</v>
      </c>
      <c r="F1705">
        <v>4</v>
      </c>
      <c r="H1705" t="s">
        <v>3928</v>
      </c>
      <c r="I1705" t="s">
        <v>30540</v>
      </c>
    </row>
    <row r="1706" spans="1:9">
      <c r="A1706" s="1">
        <f ca="1">RAND()</f>
        <v>0.40045582607980901</v>
      </c>
      <c r="B1706" s="1"/>
      <c r="C1706">
        <v>3</v>
      </c>
      <c r="D1706" t="s">
        <v>3921</v>
      </c>
      <c r="E1706" t="s">
        <v>31442</v>
      </c>
      <c r="F1706">
        <v>4</v>
      </c>
      <c r="H1706" t="s">
        <v>3922</v>
      </c>
      <c r="I1706" t="s">
        <v>30540</v>
      </c>
    </row>
    <row r="1707" spans="1:9">
      <c r="A1707" s="1">
        <f ca="1">RAND()</f>
        <v>0.53092116539354606</v>
      </c>
      <c r="B1707" s="1"/>
      <c r="C1707">
        <v>7</v>
      </c>
      <c r="D1707" t="s">
        <v>3923</v>
      </c>
      <c r="E1707" t="s">
        <v>31442</v>
      </c>
      <c r="F1707">
        <v>4</v>
      </c>
      <c r="H1707" t="s">
        <v>3924</v>
      </c>
      <c r="I1707" t="s">
        <v>30540</v>
      </c>
    </row>
    <row r="1708" spans="1:9">
      <c r="A1708" s="1">
        <f ca="1">RAND()</f>
        <v>2.6151878123670591E-2</v>
      </c>
      <c r="B1708" s="1"/>
      <c r="C1708">
        <v>2</v>
      </c>
      <c r="D1708" t="s">
        <v>3919</v>
      </c>
      <c r="E1708" t="s">
        <v>31442</v>
      </c>
      <c r="F1708">
        <v>4</v>
      </c>
      <c r="H1708" t="s">
        <v>3920</v>
      </c>
      <c r="I1708" t="s">
        <v>30540</v>
      </c>
    </row>
    <row r="1709" spans="1:9">
      <c r="A1709" s="1">
        <f ca="1">RAND()</f>
        <v>0.55841491479578143</v>
      </c>
      <c r="B1709" s="1"/>
      <c r="C1709">
        <v>11</v>
      </c>
      <c r="D1709" t="s">
        <v>3925</v>
      </c>
      <c r="E1709" t="s">
        <v>31442</v>
      </c>
      <c r="F1709">
        <v>2</v>
      </c>
      <c r="H1709" t="s">
        <v>3926</v>
      </c>
      <c r="I1709" t="s">
        <v>30540</v>
      </c>
    </row>
    <row r="1710" spans="1:9">
      <c r="A1710" s="1">
        <f ca="1">RAND()</f>
        <v>0.59620069886722427</v>
      </c>
      <c r="B1710" s="1"/>
      <c r="C1710">
        <v>5</v>
      </c>
      <c r="D1710" t="s">
        <v>3917</v>
      </c>
      <c r="E1710" t="s">
        <v>31443</v>
      </c>
      <c r="F1710">
        <v>5</v>
      </c>
      <c r="H1710" t="s">
        <v>3918</v>
      </c>
      <c r="I1710" t="s">
        <v>30540</v>
      </c>
    </row>
    <row r="1711" spans="1:9">
      <c r="A1711" s="1">
        <f ca="1">RAND()</f>
        <v>0.99607992144260193</v>
      </c>
      <c r="B1711" s="1"/>
      <c r="C1711">
        <v>4</v>
      </c>
      <c r="D1711" t="s">
        <v>3915</v>
      </c>
      <c r="E1711" t="s">
        <v>31444</v>
      </c>
      <c r="F1711">
        <v>5</v>
      </c>
      <c r="H1711" t="s">
        <v>3916</v>
      </c>
      <c r="I1711" t="s">
        <v>30540</v>
      </c>
    </row>
    <row r="1712" spans="1:9">
      <c r="A1712" s="1">
        <f ca="1">RAND()</f>
        <v>0.28247555149388914</v>
      </c>
      <c r="B1712" s="1"/>
      <c r="C1712">
        <v>2</v>
      </c>
      <c r="D1712" t="s">
        <v>3913</v>
      </c>
      <c r="E1712" t="s">
        <v>31444</v>
      </c>
      <c r="F1712">
        <v>2</v>
      </c>
      <c r="H1712" t="s">
        <v>3914</v>
      </c>
      <c r="I1712" t="s">
        <v>30540</v>
      </c>
    </row>
    <row r="1713" spans="1:9">
      <c r="A1713" s="1">
        <f ca="1">RAND()</f>
        <v>0.2570584720043112</v>
      </c>
      <c r="B1713" s="1"/>
      <c r="C1713">
        <v>5</v>
      </c>
      <c r="D1713" t="s">
        <v>3909</v>
      </c>
      <c r="E1713" t="s">
        <v>31445</v>
      </c>
      <c r="F1713">
        <v>4</v>
      </c>
      <c r="H1713" t="s">
        <v>3910</v>
      </c>
      <c r="I1713" t="s">
        <v>30540</v>
      </c>
    </row>
    <row r="1714" spans="1:9">
      <c r="A1714" s="1">
        <f ca="1">RAND()</f>
        <v>0.5372870263427737</v>
      </c>
      <c r="B1714" s="1"/>
      <c r="C1714">
        <v>4</v>
      </c>
      <c r="D1714" t="s">
        <v>3907</v>
      </c>
      <c r="E1714" t="s">
        <v>31445</v>
      </c>
      <c r="F1714">
        <v>4</v>
      </c>
      <c r="H1714" t="s">
        <v>3908</v>
      </c>
      <c r="I1714" t="s">
        <v>30540</v>
      </c>
    </row>
    <row r="1715" spans="1:9">
      <c r="A1715" s="1">
        <f ca="1">RAND()</f>
        <v>0.9504547497964706</v>
      </c>
      <c r="B1715" s="1"/>
      <c r="C1715">
        <v>7</v>
      </c>
      <c r="D1715" t="s">
        <v>3911</v>
      </c>
      <c r="E1715" t="s">
        <v>31445</v>
      </c>
      <c r="F1715">
        <v>2</v>
      </c>
      <c r="H1715" t="s">
        <v>3912</v>
      </c>
      <c r="I1715" t="s">
        <v>30540</v>
      </c>
    </row>
    <row r="1716" spans="1:9">
      <c r="A1716" s="1">
        <f ca="1">RAND()</f>
        <v>6.8631724359702106E-2</v>
      </c>
      <c r="B1716" s="1"/>
      <c r="C1716">
        <v>6</v>
      </c>
      <c r="D1716" t="s">
        <v>3899</v>
      </c>
      <c r="E1716" t="s">
        <v>31446</v>
      </c>
      <c r="F1716">
        <v>5</v>
      </c>
      <c r="G1716" t="s">
        <v>775</v>
      </c>
      <c r="H1716" t="s">
        <v>3900</v>
      </c>
      <c r="I1716" t="s">
        <v>30540</v>
      </c>
    </row>
    <row r="1717" spans="1:9">
      <c r="A1717" s="1">
        <f ca="1">RAND()</f>
        <v>0.50397233097573269</v>
      </c>
      <c r="B1717" s="1"/>
      <c r="C1717">
        <v>11</v>
      </c>
      <c r="D1717" t="s">
        <v>3905</v>
      </c>
      <c r="E1717" t="s">
        <v>31446</v>
      </c>
      <c r="F1717">
        <v>4</v>
      </c>
      <c r="H1717" t="s">
        <v>3906</v>
      </c>
      <c r="I1717" t="s">
        <v>30540</v>
      </c>
    </row>
    <row r="1718" spans="1:9">
      <c r="A1718" s="1">
        <f ca="1">RAND()</f>
        <v>0.75724531391133698</v>
      </c>
      <c r="B1718" s="1"/>
      <c r="C1718">
        <v>9</v>
      </c>
      <c r="D1718" t="s">
        <v>3903</v>
      </c>
      <c r="E1718" t="s">
        <v>31446</v>
      </c>
      <c r="F1718">
        <v>4</v>
      </c>
      <c r="H1718" t="s">
        <v>3904</v>
      </c>
      <c r="I1718" t="s">
        <v>30540</v>
      </c>
    </row>
    <row r="1719" spans="1:9">
      <c r="A1719" s="1">
        <f ca="1">RAND()</f>
        <v>0.28151360329332065</v>
      </c>
      <c r="B1719" s="1"/>
      <c r="C1719">
        <v>4</v>
      </c>
      <c r="D1719" t="s">
        <v>3897</v>
      </c>
      <c r="E1719" t="s">
        <v>31446</v>
      </c>
      <c r="F1719">
        <v>4</v>
      </c>
      <c r="H1719" t="s">
        <v>3898</v>
      </c>
      <c r="I1719" t="s">
        <v>30540</v>
      </c>
    </row>
    <row r="1720" spans="1:9">
      <c r="A1720" s="1">
        <f ca="1">RAND()</f>
        <v>0.59658402465422933</v>
      </c>
      <c r="B1720" s="1"/>
      <c r="C1720">
        <v>8</v>
      </c>
      <c r="D1720" t="s">
        <v>3901</v>
      </c>
      <c r="E1720" t="s">
        <v>31446</v>
      </c>
      <c r="F1720">
        <v>1</v>
      </c>
      <c r="H1720" t="s">
        <v>3902</v>
      </c>
      <c r="I1720" t="s">
        <v>30540</v>
      </c>
    </row>
    <row r="1721" spans="1:9">
      <c r="A1721" s="1">
        <f ca="1">RAND()</f>
        <v>0.51138545516216671</v>
      </c>
      <c r="B1721" s="1"/>
      <c r="C1721">
        <v>4</v>
      </c>
      <c r="D1721" t="s">
        <v>3895</v>
      </c>
      <c r="E1721" t="s">
        <v>31447</v>
      </c>
      <c r="F1721">
        <v>4</v>
      </c>
      <c r="H1721" t="s">
        <v>3896</v>
      </c>
      <c r="I1721" t="s">
        <v>30540</v>
      </c>
    </row>
    <row r="1722" spans="1:9">
      <c r="A1722" s="1">
        <f ca="1">RAND()</f>
        <v>0.61987565401533029</v>
      </c>
      <c r="B1722" s="1"/>
      <c r="C1722">
        <v>3</v>
      </c>
      <c r="D1722" t="s">
        <v>3893</v>
      </c>
      <c r="E1722" t="s">
        <v>31447</v>
      </c>
      <c r="F1722">
        <v>3</v>
      </c>
      <c r="H1722" t="s">
        <v>3894</v>
      </c>
      <c r="I1722" t="s">
        <v>30540</v>
      </c>
    </row>
    <row r="1723" spans="1:9">
      <c r="A1723" s="1">
        <f ca="1">RAND()</f>
        <v>0.54863932139364091</v>
      </c>
      <c r="B1723" s="1"/>
      <c r="C1723">
        <v>1</v>
      </c>
      <c r="D1723" t="s">
        <v>3891</v>
      </c>
      <c r="E1723" t="s">
        <v>31448</v>
      </c>
      <c r="F1723">
        <v>4</v>
      </c>
      <c r="H1723" t="s">
        <v>3892</v>
      </c>
      <c r="I1723" t="s">
        <v>30540</v>
      </c>
    </row>
    <row r="1724" spans="1:9">
      <c r="A1724" s="1">
        <f ca="1">RAND()</f>
        <v>0.65926397559546612</v>
      </c>
      <c r="B1724" s="1"/>
      <c r="C1724">
        <v>5</v>
      </c>
      <c r="D1724" t="s">
        <v>3889</v>
      </c>
      <c r="E1724" t="s">
        <v>31449</v>
      </c>
      <c r="F1724">
        <v>5</v>
      </c>
      <c r="H1724" t="s">
        <v>3890</v>
      </c>
      <c r="I1724" t="s">
        <v>30540</v>
      </c>
    </row>
    <row r="1725" spans="1:9">
      <c r="A1725" s="1">
        <f ca="1">RAND()</f>
        <v>0.54355307209496329</v>
      </c>
      <c r="B1725" s="1"/>
      <c r="C1725">
        <v>2</v>
      </c>
      <c r="D1725" t="s">
        <v>3887</v>
      </c>
      <c r="E1725" t="s">
        <v>31449</v>
      </c>
      <c r="F1725">
        <v>4</v>
      </c>
      <c r="H1725" t="s">
        <v>3888</v>
      </c>
      <c r="I1725" t="s">
        <v>30540</v>
      </c>
    </row>
    <row r="1726" spans="1:9">
      <c r="A1726" s="1">
        <f ca="1">RAND()</f>
        <v>0.65627416453422682</v>
      </c>
      <c r="B1726" s="1"/>
      <c r="C1726">
        <v>4</v>
      </c>
      <c r="D1726" t="s">
        <v>3885</v>
      </c>
      <c r="E1726" t="s">
        <v>31450</v>
      </c>
      <c r="F1726">
        <v>5</v>
      </c>
      <c r="H1726" t="s">
        <v>3886</v>
      </c>
      <c r="I1726" t="s">
        <v>30540</v>
      </c>
    </row>
    <row r="1727" spans="1:9">
      <c r="A1727" s="1">
        <f ca="1">RAND()</f>
        <v>3.6727717666753423E-2</v>
      </c>
      <c r="B1727" s="1"/>
      <c r="C1727">
        <v>3</v>
      </c>
      <c r="D1727" t="s">
        <v>3883</v>
      </c>
      <c r="E1727" t="s">
        <v>31451</v>
      </c>
      <c r="F1727">
        <v>5</v>
      </c>
      <c r="H1727" t="s">
        <v>3884</v>
      </c>
      <c r="I1727" t="s">
        <v>30540</v>
      </c>
    </row>
    <row r="1728" spans="1:9">
      <c r="A1728" s="1">
        <f ca="1">RAND()</f>
        <v>0.12550232055910104</v>
      </c>
      <c r="B1728" s="1"/>
      <c r="C1728">
        <v>7</v>
      </c>
      <c r="D1728" t="s">
        <v>3881</v>
      </c>
      <c r="E1728" t="s">
        <v>31452</v>
      </c>
      <c r="F1728">
        <v>4</v>
      </c>
      <c r="H1728" t="s">
        <v>3882</v>
      </c>
      <c r="I1728" t="s">
        <v>30540</v>
      </c>
    </row>
    <row r="1729" spans="1:9">
      <c r="A1729" s="1">
        <f ca="1">RAND()</f>
        <v>0.49149060701250136</v>
      </c>
      <c r="B1729" s="1"/>
      <c r="C1729">
        <v>5</v>
      </c>
      <c r="D1729" t="s">
        <v>3879</v>
      </c>
      <c r="E1729" t="s">
        <v>31452</v>
      </c>
      <c r="F1729">
        <v>4</v>
      </c>
      <c r="H1729" t="s">
        <v>3880</v>
      </c>
      <c r="I1729" t="s">
        <v>30540</v>
      </c>
    </row>
    <row r="1730" spans="1:9">
      <c r="A1730" s="1">
        <f ca="1">RAND()</f>
        <v>0.90333233507765109</v>
      </c>
      <c r="B1730" s="1"/>
      <c r="C1730">
        <v>3</v>
      </c>
      <c r="D1730" t="s">
        <v>3877</v>
      </c>
      <c r="E1730" t="s">
        <v>31453</v>
      </c>
      <c r="F1730">
        <v>4</v>
      </c>
      <c r="H1730" t="s">
        <v>3878</v>
      </c>
      <c r="I1730" t="s">
        <v>30540</v>
      </c>
    </row>
    <row r="1731" spans="1:9">
      <c r="A1731" s="1">
        <f ca="1">RAND()</f>
        <v>2.3516288728885115E-2</v>
      </c>
      <c r="B1731" s="1"/>
      <c r="C1731">
        <v>1</v>
      </c>
      <c r="D1731" t="s">
        <v>3869</v>
      </c>
      <c r="E1731" t="s">
        <v>31454</v>
      </c>
      <c r="F1731">
        <v>5</v>
      </c>
      <c r="H1731" t="s">
        <v>3870</v>
      </c>
      <c r="I1731" t="s">
        <v>30540</v>
      </c>
    </row>
    <row r="1732" spans="1:9">
      <c r="A1732" s="1">
        <f ca="1">RAND()</f>
        <v>0.87288372724138152</v>
      </c>
      <c r="B1732" s="1"/>
      <c r="C1732">
        <v>5</v>
      </c>
      <c r="D1732" t="s">
        <v>3873</v>
      </c>
      <c r="E1732" t="s">
        <v>31454</v>
      </c>
      <c r="F1732">
        <v>4</v>
      </c>
      <c r="H1732" t="s">
        <v>3874</v>
      </c>
      <c r="I1732" t="s">
        <v>30540</v>
      </c>
    </row>
    <row r="1733" spans="1:9">
      <c r="A1733" s="1">
        <f ca="1">RAND()</f>
        <v>1.6907222978337133E-2</v>
      </c>
      <c r="B1733" s="1"/>
      <c r="C1733">
        <v>4</v>
      </c>
      <c r="D1733" t="s">
        <v>3871</v>
      </c>
      <c r="E1733" t="s">
        <v>31454</v>
      </c>
      <c r="F1733">
        <v>3</v>
      </c>
      <c r="H1733" t="s">
        <v>3872</v>
      </c>
      <c r="I1733" t="s">
        <v>30540</v>
      </c>
    </row>
    <row r="1734" spans="1:9">
      <c r="A1734" s="1">
        <f ca="1">RAND()</f>
        <v>0.98606395377924028</v>
      </c>
      <c r="B1734" s="1"/>
      <c r="C1734">
        <v>11</v>
      </c>
      <c r="D1734" t="s">
        <v>3875</v>
      </c>
      <c r="E1734" t="s">
        <v>31454</v>
      </c>
      <c r="F1734">
        <v>2</v>
      </c>
      <c r="H1734" t="s">
        <v>3876</v>
      </c>
      <c r="I1734" t="s">
        <v>30540</v>
      </c>
    </row>
    <row r="1735" spans="1:9">
      <c r="A1735" s="1">
        <f ca="1">RAND()</f>
        <v>0.26567110734100385</v>
      </c>
      <c r="B1735" s="1"/>
      <c r="C1735">
        <v>5</v>
      </c>
      <c r="D1735" t="s">
        <v>3867</v>
      </c>
      <c r="E1735" t="s">
        <v>31455</v>
      </c>
      <c r="F1735">
        <v>5</v>
      </c>
      <c r="H1735" t="s">
        <v>3868</v>
      </c>
      <c r="I1735" t="s">
        <v>30540</v>
      </c>
    </row>
    <row r="1736" spans="1:9">
      <c r="A1736" s="1">
        <f ca="1">RAND()</f>
        <v>0.97142356512672123</v>
      </c>
      <c r="B1736" s="1"/>
      <c r="C1736">
        <v>2</v>
      </c>
      <c r="D1736" t="s">
        <v>3865</v>
      </c>
      <c r="E1736" t="s">
        <v>31456</v>
      </c>
      <c r="F1736">
        <v>4</v>
      </c>
      <c r="H1736" t="s">
        <v>3866</v>
      </c>
      <c r="I1736" t="s">
        <v>30540</v>
      </c>
    </row>
    <row r="1737" spans="1:9">
      <c r="A1737" s="1">
        <f ca="1">RAND()</f>
        <v>0.54210083023261546</v>
      </c>
      <c r="B1737" s="1"/>
      <c r="C1737">
        <v>2</v>
      </c>
      <c r="D1737" t="s">
        <v>3861</v>
      </c>
      <c r="E1737" t="s">
        <v>31457</v>
      </c>
      <c r="F1737">
        <v>5</v>
      </c>
      <c r="H1737" t="s">
        <v>3862</v>
      </c>
      <c r="I1737" t="s">
        <v>30540</v>
      </c>
    </row>
    <row r="1738" spans="1:9">
      <c r="A1738" s="1">
        <f ca="1">RAND()</f>
        <v>0.50583075838398384</v>
      </c>
      <c r="B1738" s="1"/>
      <c r="C1738">
        <v>1</v>
      </c>
      <c r="D1738" t="s">
        <v>3859</v>
      </c>
      <c r="E1738" t="s">
        <v>31457</v>
      </c>
      <c r="F1738">
        <v>4</v>
      </c>
      <c r="H1738" t="s">
        <v>3860</v>
      </c>
      <c r="I1738" t="s">
        <v>30540</v>
      </c>
    </row>
    <row r="1739" spans="1:9">
      <c r="A1739" s="1">
        <f ca="1">RAND()</f>
        <v>0.2180165029934229</v>
      </c>
      <c r="B1739" s="1"/>
      <c r="C1739">
        <v>4</v>
      </c>
      <c r="D1739" t="s">
        <v>3863</v>
      </c>
      <c r="E1739" t="s">
        <v>31457</v>
      </c>
      <c r="F1739">
        <v>3</v>
      </c>
      <c r="H1739" t="s">
        <v>3864</v>
      </c>
      <c r="I1739" t="s">
        <v>30540</v>
      </c>
    </row>
    <row r="1740" spans="1:9">
      <c r="A1740" s="1">
        <f ca="1">RAND()</f>
        <v>0.46327627261412274</v>
      </c>
      <c r="B1740" s="1"/>
      <c r="C1740">
        <v>1</v>
      </c>
      <c r="D1740" t="s">
        <v>3855</v>
      </c>
      <c r="E1740" t="s">
        <v>31458</v>
      </c>
      <c r="F1740">
        <v>4</v>
      </c>
      <c r="H1740" t="s">
        <v>3856</v>
      </c>
      <c r="I1740" t="s">
        <v>30540</v>
      </c>
    </row>
    <row r="1741" spans="1:9">
      <c r="A1741" s="1">
        <f ca="1">RAND()</f>
        <v>0.21469660057476669</v>
      </c>
      <c r="B1741" s="1"/>
      <c r="C1741">
        <v>3</v>
      </c>
      <c r="D1741" t="s">
        <v>3857</v>
      </c>
      <c r="E1741" t="s">
        <v>31458</v>
      </c>
      <c r="F1741">
        <v>3</v>
      </c>
      <c r="H1741" t="s">
        <v>3858</v>
      </c>
      <c r="I1741" t="s">
        <v>30540</v>
      </c>
    </row>
    <row r="1742" spans="1:9">
      <c r="A1742" s="1">
        <f ca="1">RAND()</f>
        <v>0.12146416493227663</v>
      </c>
      <c r="B1742" s="1"/>
      <c r="C1742">
        <v>4</v>
      </c>
      <c r="D1742" t="s">
        <v>3849</v>
      </c>
      <c r="E1742" t="s">
        <v>31459</v>
      </c>
      <c r="F1742">
        <v>5</v>
      </c>
      <c r="H1742" t="s">
        <v>3850</v>
      </c>
      <c r="I1742" t="s">
        <v>30540</v>
      </c>
    </row>
    <row r="1743" spans="1:9">
      <c r="A1743" s="1">
        <f ca="1">RAND()</f>
        <v>0.94515783868207104</v>
      </c>
      <c r="B1743" s="1"/>
      <c r="C1743">
        <v>10</v>
      </c>
      <c r="D1743" t="s">
        <v>3853</v>
      </c>
      <c r="E1743" t="s">
        <v>31459</v>
      </c>
      <c r="F1743">
        <v>4</v>
      </c>
      <c r="H1743" t="s">
        <v>3854</v>
      </c>
      <c r="I1743" t="s">
        <v>30540</v>
      </c>
    </row>
    <row r="1744" spans="1:9">
      <c r="A1744" s="1">
        <f ca="1">RAND()</f>
        <v>0.68247873655222202</v>
      </c>
      <c r="B1744" s="1"/>
      <c r="C1744">
        <v>6</v>
      </c>
      <c r="D1744" t="s">
        <v>3851</v>
      </c>
      <c r="E1744" t="s">
        <v>31459</v>
      </c>
      <c r="F1744">
        <v>2</v>
      </c>
      <c r="H1744" t="s">
        <v>3852</v>
      </c>
      <c r="I1744" t="s">
        <v>30540</v>
      </c>
    </row>
    <row r="1745" spans="1:9">
      <c r="A1745" s="1">
        <f ca="1">RAND()</f>
        <v>0.76518857894572878</v>
      </c>
      <c r="B1745" s="1"/>
      <c r="C1745">
        <v>3</v>
      </c>
      <c r="D1745" t="s">
        <v>3847</v>
      </c>
      <c r="E1745" t="s">
        <v>31459</v>
      </c>
      <c r="F1745">
        <v>1</v>
      </c>
      <c r="H1745" t="s">
        <v>3848</v>
      </c>
      <c r="I1745" t="s">
        <v>30540</v>
      </c>
    </row>
    <row r="1746" spans="1:9">
      <c r="A1746" s="1">
        <f ca="1">RAND()</f>
        <v>0.71608661157685694</v>
      </c>
      <c r="B1746" s="1"/>
      <c r="C1746">
        <v>11</v>
      </c>
      <c r="D1746" t="s">
        <v>3843</v>
      </c>
      <c r="E1746" t="s">
        <v>31460</v>
      </c>
      <c r="F1746">
        <v>5</v>
      </c>
      <c r="H1746" t="s">
        <v>3844</v>
      </c>
      <c r="I1746" t="s">
        <v>30540</v>
      </c>
    </row>
    <row r="1747" spans="1:9">
      <c r="A1747" s="1">
        <f ca="1">RAND()</f>
        <v>5.9690433842105373E-2</v>
      </c>
      <c r="B1747" s="1"/>
      <c r="C1747">
        <v>2</v>
      </c>
      <c r="D1747" t="s">
        <v>3839</v>
      </c>
      <c r="E1747" t="s">
        <v>31460</v>
      </c>
      <c r="F1747">
        <v>4</v>
      </c>
      <c r="H1747" t="s">
        <v>3840</v>
      </c>
      <c r="I1747" t="s">
        <v>30540</v>
      </c>
    </row>
    <row r="1748" spans="1:9">
      <c r="A1748" s="1">
        <f ca="1">RAND()</f>
        <v>0.92954503133351762</v>
      </c>
      <c r="B1748" s="1"/>
      <c r="C1748">
        <v>10</v>
      </c>
      <c r="D1748" t="s">
        <v>3841</v>
      </c>
      <c r="E1748" t="s">
        <v>31460</v>
      </c>
      <c r="F1748">
        <v>4</v>
      </c>
      <c r="H1748" t="s">
        <v>3842</v>
      </c>
      <c r="I1748" t="s">
        <v>30540</v>
      </c>
    </row>
    <row r="1749" spans="1:9">
      <c r="A1749" s="1">
        <f ca="1">RAND()</f>
        <v>0.749771440257474</v>
      </c>
      <c r="B1749" s="1"/>
      <c r="C1749">
        <v>12</v>
      </c>
      <c r="D1749" t="s">
        <v>3845</v>
      </c>
      <c r="E1749" t="s">
        <v>31460</v>
      </c>
      <c r="F1749">
        <v>4</v>
      </c>
      <c r="H1749" t="s">
        <v>3846</v>
      </c>
      <c r="I1749" t="s">
        <v>30540</v>
      </c>
    </row>
    <row r="1750" spans="1:9">
      <c r="A1750" s="1">
        <f ca="1">RAND()</f>
        <v>8.7287202335302516E-2</v>
      </c>
      <c r="B1750" s="1"/>
      <c r="C1750">
        <v>1</v>
      </c>
      <c r="D1750" t="s">
        <v>3833</v>
      </c>
      <c r="E1750" t="s">
        <v>31461</v>
      </c>
      <c r="F1750">
        <v>4</v>
      </c>
      <c r="H1750" t="s">
        <v>3834</v>
      </c>
      <c r="I1750" t="s">
        <v>30540</v>
      </c>
    </row>
    <row r="1751" spans="1:9">
      <c r="A1751" s="1">
        <f ca="1">RAND()</f>
        <v>0.93247358813182013</v>
      </c>
      <c r="B1751" s="1"/>
      <c r="C1751">
        <v>2</v>
      </c>
      <c r="D1751" t="s">
        <v>3835</v>
      </c>
      <c r="E1751" t="s">
        <v>31461</v>
      </c>
      <c r="F1751">
        <v>4</v>
      </c>
      <c r="H1751" t="s">
        <v>3836</v>
      </c>
      <c r="I1751" t="s">
        <v>30540</v>
      </c>
    </row>
    <row r="1752" spans="1:9">
      <c r="A1752" s="1">
        <f ca="1">RAND()</f>
        <v>0.11758744451742653</v>
      </c>
      <c r="B1752" s="1"/>
      <c r="C1752">
        <v>3</v>
      </c>
      <c r="D1752" t="s">
        <v>3837</v>
      </c>
      <c r="E1752" t="s">
        <v>31461</v>
      </c>
      <c r="F1752">
        <v>4</v>
      </c>
      <c r="H1752" t="s">
        <v>3838</v>
      </c>
      <c r="I1752" t="s">
        <v>30540</v>
      </c>
    </row>
    <row r="1753" spans="1:9">
      <c r="A1753" s="1">
        <f ca="1">RAND()</f>
        <v>0.85330410748671159</v>
      </c>
      <c r="B1753" s="1"/>
      <c r="C1753">
        <v>3</v>
      </c>
      <c r="D1753" t="s">
        <v>3831</v>
      </c>
      <c r="E1753" t="s">
        <v>31462</v>
      </c>
      <c r="F1753">
        <v>5</v>
      </c>
      <c r="H1753" t="s">
        <v>3832</v>
      </c>
      <c r="I1753" t="s">
        <v>30540</v>
      </c>
    </row>
    <row r="1754" spans="1:9">
      <c r="A1754" s="1">
        <f ca="1">RAND()</f>
        <v>0.44670127824057693</v>
      </c>
      <c r="B1754" s="1"/>
      <c r="C1754">
        <v>7</v>
      </c>
      <c r="D1754" t="s">
        <v>3829</v>
      </c>
      <c r="E1754" t="s">
        <v>31463</v>
      </c>
      <c r="F1754">
        <v>5</v>
      </c>
      <c r="H1754" t="s">
        <v>3830</v>
      </c>
      <c r="I1754" t="s">
        <v>30540</v>
      </c>
    </row>
    <row r="1755" spans="1:9">
      <c r="A1755" s="1">
        <f ca="1">RAND()</f>
        <v>0.61953872653570896</v>
      </c>
      <c r="B1755" s="1"/>
      <c r="C1755">
        <v>9</v>
      </c>
      <c r="D1755" t="s">
        <v>3823</v>
      </c>
      <c r="E1755" t="s">
        <v>31464</v>
      </c>
      <c r="F1755">
        <v>4</v>
      </c>
      <c r="H1755" t="s">
        <v>3824</v>
      </c>
      <c r="I1755" t="s">
        <v>30540</v>
      </c>
    </row>
    <row r="1756" spans="1:9">
      <c r="A1756" s="1">
        <f ca="1">RAND()</f>
        <v>0.92399121354662661</v>
      </c>
      <c r="B1756" s="1"/>
      <c r="C1756">
        <v>14</v>
      </c>
      <c r="D1756" t="s">
        <v>3827</v>
      </c>
      <c r="E1756" t="s">
        <v>31464</v>
      </c>
      <c r="F1756">
        <v>4</v>
      </c>
      <c r="H1756" t="s">
        <v>3828</v>
      </c>
      <c r="I1756" t="s">
        <v>30540</v>
      </c>
    </row>
    <row r="1757" spans="1:9">
      <c r="A1757" s="1">
        <f ca="1">RAND()</f>
        <v>0.49433389787473503</v>
      </c>
      <c r="B1757" s="1"/>
      <c r="C1757">
        <v>11</v>
      </c>
      <c r="D1757" t="s">
        <v>3825</v>
      </c>
      <c r="E1757" t="s">
        <v>31464</v>
      </c>
      <c r="F1757">
        <v>3</v>
      </c>
      <c r="H1757" t="s">
        <v>3826</v>
      </c>
      <c r="I1757" t="s">
        <v>30540</v>
      </c>
    </row>
    <row r="1758" spans="1:9">
      <c r="A1758" s="1">
        <f ca="1">RAND()</f>
        <v>0.17809393115425154</v>
      </c>
      <c r="B1758" s="1"/>
      <c r="C1758">
        <v>3</v>
      </c>
      <c r="D1758" t="s">
        <v>3819</v>
      </c>
      <c r="E1758" t="s">
        <v>31465</v>
      </c>
      <c r="F1758">
        <v>5</v>
      </c>
      <c r="H1758" t="s">
        <v>3820</v>
      </c>
      <c r="I1758" t="s">
        <v>30540</v>
      </c>
    </row>
    <row r="1759" spans="1:9">
      <c r="A1759" s="1">
        <f ca="1">RAND()</f>
        <v>0.96684500123999317</v>
      </c>
      <c r="B1759" s="1"/>
      <c r="C1759">
        <v>5</v>
      </c>
      <c r="D1759" t="s">
        <v>3821</v>
      </c>
      <c r="E1759" t="s">
        <v>31465</v>
      </c>
      <c r="F1759">
        <v>2</v>
      </c>
      <c r="H1759" t="s">
        <v>3822</v>
      </c>
      <c r="I1759" t="s">
        <v>30540</v>
      </c>
    </row>
    <row r="1760" spans="1:9">
      <c r="A1760" s="1">
        <f ca="1">RAND()</f>
        <v>0.96363971813281268</v>
      </c>
      <c r="B1760" s="1"/>
      <c r="C1760">
        <v>3</v>
      </c>
      <c r="D1760" t="s">
        <v>3817</v>
      </c>
      <c r="E1760" t="s">
        <v>31466</v>
      </c>
      <c r="F1760">
        <v>4</v>
      </c>
      <c r="H1760" t="s">
        <v>3818</v>
      </c>
      <c r="I1760" t="s">
        <v>30540</v>
      </c>
    </row>
    <row r="1761" spans="1:9">
      <c r="A1761" s="1">
        <f ca="1">RAND()</f>
        <v>1.7165240622315503E-2</v>
      </c>
      <c r="B1761" s="1"/>
      <c r="C1761">
        <v>5</v>
      </c>
      <c r="D1761" t="s">
        <v>3815</v>
      </c>
      <c r="E1761" t="s">
        <v>31467</v>
      </c>
      <c r="F1761">
        <v>4</v>
      </c>
      <c r="H1761" t="s">
        <v>3816</v>
      </c>
      <c r="I1761" t="s">
        <v>30540</v>
      </c>
    </row>
    <row r="1762" spans="1:9">
      <c r="A1762" s="1">
        <f ca="1">RAND()</f>
        <v>0.94260060496547893</v>
      </c>
      <c r="B1762" s="1"/>
      <c r="C1762">
        <v>16</v>
      </c>
      <c r="D1762" t="s">
        <v>3811</v>
      </c>
      <c r="E1762" t="s">
        <v>31468</v>
      </c>
      <c r="F1762">
        <v>5</v>
      </c>
      <c r="H1762" t="s">
        <v>3812</v>
      </c>
      <c r="I1762" t="s">
        <v>30540</v>
      </c>
    </row>
    <row r="1763" spans="1:9">
      <c r="A1763" s="1">
        <f ca="1">RAND()</f>
        <v>0.18389197508178512</v>
      </c>
      <c r="B1763" s="1"/>
      <c r="C1763">
        <v>17</v>
      </c>
      <c r="D1763" t="s">
        <v>3813</v>
      </c>
      <c r="E1763" t="s">
        <v>31468</v>
      </c>
      <c r="F1763">
        <v>4</v>
      </c>
      <c r="H1763" t="s">
        <v>3814</v>
      </c>
      <c r="I1763" t="s">
        <v>30540</v>
      </c>
    </row>
    <row r="1764" spans="1:9">
      <c r="A1764" s="1">
        <f ca="1">RAND()</f>
        <v>3.3557443140062704E-2</v>
      </c>
      <c r="B1764" s="1"/>
      <c r="C1764">
        <v>6</v>
      </c>
      <c r="D1764" t="s">
        <v>3807</v>
      </c>
      <c r="E1764" t="s">
        <v>31468</v>
      </c>
      <c r="F1764">
        <v>4</v>
      </c>
      <c r="H1764" t="s">
        <v>3808</v>
      </c>
      <c r="I1764" t="s">
        <v>30540</v>
      </c>
    </row>
    <row r="1765" spans="1:9">
      <c r="A1765" s="1">
        <f ca="1">RAND()</f>
        <v>0.38946483185412473</v>
      </c>
      <c r="B1765" s="1"/>
      <c r="C1765">
        <v>2</v>
      </c>
      <c r="D1765" t="s">
        <v>3805</v>
      </c>
      <c r="E1765" t="s">
        <v>31468</v>
      </c>
      <c r="F1765">
        <v>4</v>
      </c>
      <c r="H1765" t="s">
        <v>3806</v>
      </c>
      <c r="I1765" t="s">
        <v>30540</v>
      </c>
    </row>
    <row r="1766" spans="1:9">
      <c r="A1766" s="1">
        <f ca="1">RAND()</f>
        <v>0.87328676299802588</v>
      </c>
      <c r="B1766" s="1"/>
      <c r="C1766">
        <v>7</v>
      </c>
      <c r="D1766" t="s">
        <v>3809</v>
      </c>
      <c r="E1766" t="s">
        <v>31468</v>
      </c>
      <c r="F1766">
        <v>2</v>
      </c>
      <c r="H1766" t="s">
        <v>3810</v>
      </c>
      <c r="I1766" t="s">
        <v>30540</v>
      </c>
    </row>
    <row r="1767" spans="1:9">
      <c r="A1767" s="1">
        <f ca="1">RAND()</f>
        <v>0.79475176206091669</v>
      </c>
      <c r="B1767" s="1"/>
      <c r="C1767">
        <v>3</v>
      </c>
      <c r="D1767" t="s">
        <v>3803</v>
      </c>
      <c r="E1767" t="s">
        <v>31469</v>
      </c>
      <c r="F1767">
        <v>5</v>
      </c>
      <c r="H1767" t="s">
        <v>3804</v>
      </c>
      <c r="I1767" t="s">
        <v>30540</v>
      </c>
    </row>
    <row r="1768" spans="1:9">
      <c r="A1768" s="1">
        <f ca="1">RAND()</f>
        <v>0.90652174636797622</v>
      </c>
      <c r="B1768" s="1"/>
      <c r="C1768">
        <v>1</v>
      </c>
      <c r="D1768" t="s">
        <v>3799</v>
      </c>
      <c r="E1768" t="s">
        <v>31470</v>
      </c>
      <c r="F1768">
        <v>4</v>
      </c>
      <c r="H1768" t="s">
        <v>3800</v>
      </c>
      <c r="I1768" t="s">
        <v>30540</v>
      </c>
    </row>
    <row r="1769" spans="1:9">
      <c r="A1769" s="1">
        <f ca="1">RAND()</f>
        <v>0.37813231202658437</v>
      </c>
      <c r="B1769" s="1"/>
      <c r="C1769">
        <v>2</v>
      </c>
      <c r="D1769" t="s">
        <v>3801</v>
      </c>
      <c r="E1769" t="s">
        <v>31470</v>
      </c>
      <c r="F1769">
        <v>2</v>
      </c>
      <c r="H1769" t="s">
        <v>3802</v>
      </c>
      <c r="I1769" t="s">
        <v>30540</v>
      </c>
    </row>
    <row r="1770" spans="1:9">
      <c r="A1770" s="1">
        <f ca="1">RAND()</f>
        <v>0.28358581658247628</v>
      </c>
      <c r="B1770" s="1"/>
      <c r="C1770">
        <v>1</v>
      </c>
      <c r="D1770" t="s">
        <v>3793</v>
      </c>
      <c r="E1770" t="s">
        <v>31471</v>
      </c>
      <c r="F1770">
        <v>4</v>
      </c>
      <c r="H1770" t="s">
        <v>3794</v>
      </c>
      <c r="I1770" t="s">
        <v>30540</v>
      </c>
    </row>
    <row r="1771" spans="1:9">
      <c r="A1771" s="1">
        <f ca="1">RAND()</f>
        <v>0.69098153870197243</v>
      </c>
      <c r="B1771" s="1"/>
      <c r="C1771">
        <v>10</v>
      </c>
      <c r="D1771" t="s">
        <v>3797</v>
      </c>
      <c r="E1771" t="s">
        <v>31471</v>
      </c>
      <c r="F1771">
        <v>4</v>
      </c>
      <c r="H1771" t="s">
        <v>3798</v>
      </c>
      <c r="I1771" t="s">
        <v>30540</v>
      </c>
    </row>
    <row r="1772" spans="1:9">
      <c r="A1772" s="1">
        <f ca="1">RAND()</f>
        <v>0.99514911885333301</v>
      </c>
      <c r="B1772" s="1"/>
      <c r="C1772">
        <v>7</v>
      </c>
      <c r="D1772" t="s">
        <v>3795</v>
      </c>
      <c r="E1772" t="s">
        <v>31471</v>
      </c>
      <c r="F1772">
        <v>2</v>
      </c>
      <c r="H1772" t="s">
        <v>3796</v>
      </c>
      <c r="I1772" t="s">
        <v>30540</v>
      </c>
    </row>
    <row r="1773" spans="1:9">
      <c r="A1773" s="1">
        <f ca="1">RAND()</f>
        <v>0.55276116072330272</v>
      </c>
      <c r="B1773" s="1"/>
      <c r="C1773">
        <v>5</v>
      </c>
      <c r="D1773" t="s">
        <v>3787</v>
      </c>
      <c r="E1773" t="s">
        <v>31472</v>
      </c>
      <c r="F1773">
        <v>4</v>
      </c>
      <c r="H1773" t="s">
        <v>3788</v>
      </c>
      <c r="I1773" t="s">
        <v>30540</v>
      </c>
    </row>
    <row r="1774" spans="1:9">
      <c r="A1774" s="1">
        <f ca="1">RAND()</f>
        <v>0.12376569632498402</v>
      </c>
      <c r="B1774" s="1"/>
      <c r="C1774">
        <v>9</v>
      </c>
      <c r="D1774" t="s">
        <v>3789</v>
      </c>
      <c r="E1774" t="s">
        <v>31472</v>
      </c>
      <c r="F1774">
        <v>4</v>
      </c>
      <c r="H1774" t="s">
        <v>3790</v>
      </c>
      <c r="I1774" t="s">
        <v>30540</v>
      </c>
    </row>
    <row r="1775" spans="1:9">
      <c r="A1775" s="1">
        <f ca="1">RAND()</f>
        <v>0.59822606584373883</v>
      </c>
      <c r="B1775" s="1"/>
      <c r="C1775">
        <v>15</v>
      </c>
      <c r="D1775" t="s">
        <v>3791</v>
      </c>
      <c r="E1775" t="s">
        <v>31472</v>
      </c>
      <c r="F1775">
        <v>4</v>
      </c>
      <c r="H1775" t="s">
        <v>3792</v>
      </c>
      <c r="I1775" t="s">
        <v>30540</v>
      </c>
    </row>
    <row r="1776" spans="1:9">
      <c r="A1776" s="1">
        <f ca="1">RAND()</f>
        <v>0.36866463761149471</v>
      </c>
      <c r="B1776" s="1"/>
      <c r="C1776">
        <v>4</v>
      </c>
      <c r="D1776" t="s">
        <v>3785</v>
      </c>
      <c r="E1776" t="s">
        <v>31472</v>
      </c>
      <c r="F1776">
        <v>3</v>
      </c>
      <c r="H1776" t="s">
        <v>3786</v>
      </c>
      <c r="I1776" t="s">
        <v>30540</v>
      </c>
    </row>
    <row r="1777" spans="1:9">
      <c r="A1777" s="1">
        <f ca="1">RAND()</f>
        <v>0.32874000530903136</v>
      </c>
      <c r="B1777" s="1"/>
      <c r="C1777">
        <v>1</v>
      </c>
      <c r="D1777" t="s">
        <v>3777</v>
      </c>
      <c r="E1777" t="s">
        <v>31473</v>
      </c>
      <c r="F1777">
        <v>4</v>
      </c>
      <c r="H1777" t="s">
        <v>3778</v>
      </c>
      <c r="I1777" t="s">
        <v>30540</v>
      </c>
    </row>
    <row r="1778" spans="1:9">
      <c r="A1778" s="1">
        <f ca="1">RAND()</f>
        <v>0.545756024253779</v>
      </c>
      <c r="B1778" s="1"/>
      <c r="C1778">
        <v>2</v>
      </c>
      <c r="D1778" t="s">
        <v>3779</v>
      </c>
      <c r="E1778" t="s">
        <v>31473</v>
      </c>
      <c r="F1778">
        <v>4</v>
      </c>
      <c r="H1778" t="s">
        <v>3780</v>
      </c>
      <c r="I1778" t="s">
        <v>30540</v>
      </c>
    </row>
    <row r="1779" spans="1:9">
      <c r="A1779" s="1">
        <f ca="1">RAND()</f>
        <v>0.16560981980860445</v>
      </c>
      <c r="B1779" s="1"/>
      <c r="C1779">
        <v>6</v>
      </c>
      <c r="D1779" t="s">
        <v>3781</v>
      </c>
      <c r="E1779" t="s">
        <v>31473</v>
      </c>
      <c r="F1779">
        <v>4</v>
      </c>
      <c r="H1779" t="s">
        <v>3782</v>
      </c>
      <c r="I1779" t="s">
        <v>30540</v>
      </c>
    </row>
    <row r="1780" spans="1:9">
      <c r="A1780" s="1">
        <f ca="1">RAND()</f>
        <v>0.28854282063242254</v>
      </c>
      <c r="B1780" s="1"/>
      <c r="C1780">
        <v>9</v>
      </c>
      <c r="D1780" t="s">
        <v>3783</v>
      </c>
      <c r="E1780" t="s">
        <v>31473</v>
      </c>
      <c r="F1780">
        <v>4</v>
      </c>
      <c r="H1780" t="s">
        <v>3784</v>
      </c>
      <c r="I1780" t="s">
        <v>30540</v>
      </c>
    </row>
    <row r="1781" spans="1:9">
      <c r="A1781" s="1">
        <f ca="1">RAND()</f>
        <v>0.3291101393417093</v>
      </c>
      <c r="B1781" s="1"/>
      <c r="C1781">
        <v>1</v>
      </c>
      <c r="D1781" t="s">
        <v>3773</v>
      </c>
      <c r="E1781" t="s">
        <v>31474</v>
      </c>
      <c r="F1781">
        <v>4</v>
      </c>
      <c r="H1781" t="s">
        <v>3774</v>
      </c>
      <c r="I1781" t="s">
        <v>30540</v>
      </c>
    </row>
    <row r="1782" spans="1:9">
      <c r="A1782" s="1">
        <f ca="1">RAND()</f>
        <v>0.89014259907979965</v>
      </c>
      <c r="B1782" s="1"/>
      <c r="C1782">
        <v>3</v>
      </c>
      <c r="D1782" t="s">
        <v>3775</v>
      </c>
      <c r="E1782" t="s">
        <v>31474</v>
      </c>
      <c r="F1782">
        <v>3</v>
      </c>
      <c r="H1782" t="s">
        <v>3776</v>
      </c>
      <c r="I1782" t="s">
        <v>30540</v>
      </c>
    </row>
    <row r="1783" spans="1:9">
      <c r="A1783" s="1">
        <f ca="1">RAND()</f>
        <v>0.218024809451002</v>
      </c>
      <c r="B1783" s="1"/>
      <c r="C1783">
        <v>2</v>
      </c>
      <c r="D1783" t="s">
        <v>3769</v>
      </c>
      <c r="E1783" t="s">
        <v>31475</v>
      </c>
      <c r="F1783">
        <v>4</v>
      </c>
      <c r="H1783" t="s">
        <v>3770</v>
      </c>
      <c r="I1783" t="s">
        <v>30540</v>
      </c>
    </row>
    <row r="1784" spans="1:9">
      <c r="A1784" s="1">
        <f ca="1">RAND()</f>
        <v>0.80758733735773625</v>
      </c>
      <c r="B1784" s="1"/>
      <c r="C1784">
        <v>5</v>
      </c>
      <c r="D1784" t="s">
        <v>3771</v>
      </c>
      <c r="E1784" t="s">
        <v>31475</v>
      </c>
      <c r="F1784">
        <v>4</v>
      </c>
      <c r="H1784" t="s">
        <v>3772</v>
      </c>
      <c r="I1784" t="s">
        <v>30540</v>
      </c>
    </row>
    <row r="1785" spans="1:9">
      <c r="A1785" s="1">
        <f ca="1">RAND()</f>
        <v>0.61611555702184306</v>
      </c>
      <c r="B1785" s="1"/>
      <c r="C1785">
        <v>1</v>
      </c>
      <c r="D1785" t="s">
        <v>3767</v>
      </c>
      <c r="E1785" t="s">
        <v>31475</v>
      </c>
      <c r="F1785">
        <v>4</v>
      </c>
      <c r="H1785" t="s">
        <v>3768</v>
      </c>
      <c r="I1785" t="s">
        <v>30540</v>
      </c>
    </row>
    <row r="1786" spans="1:9">
      <c r="A1786" s="1">
        <f ca="1">RAND()</f>
        <v>0.70707638865554889</v>
      </c>
      <c r="B1786" s="1"/>
      <c r="C1786">
        <v>6</v>
      </c>
      <c r="D1786" t="s">
        <v>3753</v>
      </c>
      <c r="E1786" t="s">
        <v>31476</v>
      </c>
      <c r="F1786">
        <v>5</v>
      </c>
      <c r="H1786" t="s">
        <v>3754</v>
      </c>
      <c r="I1786" t="s">
        <v>30540</v>
      </c>
    </row>
    <row r="1787" spans="1:9">
      <c r="A1787" s="1">
        <f ca="1">RAND()</f>
        <v>0.46688369387241324</v>
      </c>
      <c r="B1787" s="1"/>
      <c r="C1787">
        <v>4</v>
      </c>
      <c r="D1787" t="s">
        <v>3751</v>
      </c>
      <c r="E1787" t="s">
        <v>31476</v>
      </c>
      <c r="F1787">
        <v>5</v>
      </c>
      <c r="H1787" t="s">
        <v>3752</v>
      </c>
      <c r="I1787" t="s">
        <v>30540</v>
      </c>
    </row>
    <row r="1788" spans="1:9">
      <c r="A1788" s="1">
        <f ca="1">RAND()</f>
        <v>0.14220427248918299</v>
      </c>
      <c r="B1788" s="1"/>
      <c r="C1788">
        <v>19</v>
      </c>
      <c r="D1788" t="s">
        <v>3765</v>
      </c>
      <c r="E1788" t="s">
        <v>31476</v>
      </c>
      <c r="F1788">
        <v>5</v>
      </c>
      <c r="H1788" t="s">
        <v>3766</v>
      </c>
      <c r="I1788" t="s">
        <v>30540</v>
      </c>
    </row>
    <row r="1789" spans="1:9">
      <c r="A1789" s="1">
        <f ca="1">RAND()</f>
        <v>0.51912032892347471</v>
      </c>
      <c r="B1789" s="1"/>
      <c r="C1789">
        <v>3</v>
      </c>
      <c r="D1789" t="s">
        <v>3749</v>
      </c>
      <c r="E1789" t="s">
        <v>31476</v>
      </c>
      <c r="F1789">
        <v>4</v>
      </c>
      <c r="H1789" t="s">
        <v>3750</v>
      </c>
      <c r="I1789" t="s">
        <v>30540</v>
      </c>
    </row>
    <row r="1790" spans="1:9">
      <c r="A1790" s="1">
        <f ca="1">RAND()</f>
        <v>0.70824196794140892</v>
      </c>
      <c r="B1790" s="1"/>
      <c r="C1790">
        <v>16</v>
      </c>
      <c r="D1790" t="s">
        <v>3761</v>
      </c>
      <c r="E1790" t="s">
        <v>31476</v>
      </c>
      <c r="F1790">
        <v>4</v>
      </c>
      <c r="H1790" t="s">
        <v>3762</v>
      </c>
      <c r="I1790" t="s">
        <v>30540</v>
      </c>
    </row>
    <row r="1791" spans="1:9">
      <c r="A1791" s="1">
        <f ca="1">RAND()</f>
        <v>0.73861602103888924</v>
      </c>
      <c r="B1791" s="1"/>
      <c r="C1791">
        <v>12</v>
      </c>
      <c r="D1791" t="s">
        <v>3757</v>
      </c>
      <c r="E1791" t="s">
        <v>31476</v>
      </c>
      <c r="F1791">
        <v>4</v>
      </c>
      <c r="H1791" t="s">
        <v>3758</v>
      </c>
      <c r="I1791" t="s">
        <v>30540</v>
      </c>
    </row>
    <row r="1792" spans="1:9">
      <c r="A1792" s="1">
        <f ca="1">RAND()</f>
        <v>0.30537433616262044</v>
      </c>
      <c r="B1792" s="1"/>
      <c r="C1792">
        <v>13</v>
      </c>
      <c r="D1792" t="s">
        <v>3759</v>
      </c>
      <c r="E1792" t="s">
        <v>31476</v>
      </c>
      <c r="F1792">
        <v>3</v>
      </c>
      <c r="H1792" t="s">
        <v>3760</v>
      </c>
      <c r="I1792" t="s">
        <v>30540</v>
      </c>
    </row>
    <row r="1793" spans="1:9">
      <c r="A1793" s="1">
        <f ca="1">RAND()</f>
        <v>0.36192806861453364</v>
      </c>
      <c r="B1793" s="1"/>
      <c r="C1793">
        <v>2</v>
      </c>
      <c r="D1793" t="s">
        <v>3747</v>
      </c>
      <c r="E1793" t="s">
        <v>31476</v>
      </c>
      <c r="F1793">
        <v>2</v>
      </c>
      <c r="H1793" t="s">
        <v>3748</v>
      </c>
      <c r="I1793" t="s">
        <v>30540</v>
      </c>
    </row>
    <row r="1794" spans="1:9">
      <c r="A1794" s="1">
        <f ca="1">RAND()</f>
        <v>0.80436896665951918</v>
      </c>
      <c r="B1794" s="1"/>
      <c r="C1794">
        <v>11</v>
      </c>
      <c r="D1794" t="s">
        <v>3755</v>
      </c>
      <c r="E1794" t="s">
        <v>31476</v>
      </c>
      <c r="F1794">
        <v>2</v>
      </c>
      <c r="H1794" t="s">
        <v>3756</v>
      </c>
      <c r="I1794" t="s">
        <v>30540</v>
      </c>
    </row>
    <row r="1795" spans="1:9">
      <c r="A1795" s="1">
        <f ca="1">RAND()</f>
        <v>0.96047882757101166</v>
      </c>
      <c r="B1795" s="1"/>
      <c r="C1795">
        <v>17</v>
      </c>
      <c r="D1795" t="s">
        <v>3763</v>
      </c>
      <c r="E1795" t="s">
        <v>31476</v>
      </c>
      <c r="F1795">
        <v>1</v>
      </c>
      <c r="H1795" t="s">
        <v>3764</v>
      </c>
      <c r="I1795" t="s">
        <v>30540</v>
      </c>
    </row>
    <row r="1796" spans="1:9">
      <c r="A1796" s="1">
        <f ca="1">RAND()</f>
        <v>0.67265463293663907</v>
      </c>
      <c r="B1796" s="1"/>
      <c r="C1796">
        <v>5</v>
      </c>
      <c r="D1796" t="s">
        <v>3745</v>
      </c>
      <c r="E1796" t="s">
        <v>31477</v>
      </c>
      <c r="F1796">
        <v>4</v>
      </c>
      <c r="H1796" t="s">
        <v>3746</v>
      </c>
      <c r="I1796" t="s">
        <v>30540</v>
      </c>
    </row>
    <row r="1797" spans="1:9">
      <c r="A1797" s="1">
        <f ca="1">RAND()</f>
        <v>0.24602490368177887</v>
      </c>
      <c r="B1797" s="1"/>
      <c r="C1797">
        <v>3</v>
      </c>
      <c r="D1797" t="s">
        <v>3743</v>
      </c>
      <c r="E1797" t="s">
        <v>31478</v>
      </c>
      <c r="F1797">
        <v>4</v>
      </c>
      <c r="G1797" t="s">
        <v>13</v>
      </c>
      <c r="H1797" t="s">
        <v>3744</v>
      </c>
      <c r="I1797" t="s">
        <v>30540</v>
      </c>
    </row>
    <row r="1798" spans="1:9">
      <c r="A1798" s="1">
        <f ca="1">RAND()</f>
        <v>0.89166030056360435</v>
      </c>
      <c r="B1798" s="1"/>
      <c r="C1798">
        <v>2</v>
      </c>
      <c r="D1798" t="s">
        <v>3741</v>
      </c>
      <c r="E1798" t="s">
        <v>31479</v>
      </c>
      <c r="F1798">
        <v>4</v>
      </c>
      <c r="G1798" t="s">
        <v>1</v>
      </c>
      <c r="H1798" t="s">
        <v>3742</v>
      </c>
      <c r="I1798" t="s">
        <v>30540</v>
      </c>
    </row>
    <row r="1799" spans="1:9">
      <c r="A1799" s="1">
        <f ca="1">RAND()</f>
        <v>0.60648812420287568</v>
      </c>
      <c r="B1799" s="1"/>
      <c r="C1799">
        <v>10</v>
      </c>
      <c r="D1799" t="s">
        <v>3739</v>
      </c>
      <c r="E1799" t="s">
        <v>31480</v>
      </c>
      <c r="F1799">
        <v>4</v>
      </c>
      <c r="G1799" t="s">
        <v>0</v>
      </c>
      <c r="H1799" t="s">
        <v>3740</v>
      </c>
      <c r="I1799" t="s">
        <v>30540</v>
      </c>
    </row>
    <row r="1800" spans="1:9">
      <c r="A1800" s="1">
        <f ca="1">RAND()</f>
        <v>0.68662030770772398</v>
      </c>
      <c r="B1800" s="1"/>
      <c r="C1800">
        <v>2</v>
      </c>
      <c r="D1800" t="s">
        <v>3737</v>
      </c>
      <c r="E1800" t="s">
        <v>31480</v>
      </c>
      <c r="F1800">
        <v>4</v>
      </c>
      <c r="G1800" t="s">
        <v>2</v>
      </c>
      <c r="H1800" t="s">
        <v>3738</v>
      </c>
      <c r="I1800" t="s">
        <v>30540</v>
      </c>
    </row>
    <row r="1801" spans="1:9">
      <c r="A1801" s="1">
        <f ca="1">RAND()</f>
        <v>0.38555149003098821</v>
      </c>
      <c r="B1801" s="1"/>
      <c r="C1801">
        <v>18</v>
      </c>
      <c r="D1801" t="s">
        <v>3735</v>
      </c>
      <c r="E1801" t="s">
        <v>31481</v>
      </c>
      <c r="F1801">
        <v>3</v>
      </c>
      <c r="G1801" t="s">
        <v>771</v>
      </c>
      <c r="H1801" t="s">
        <v>3736</v>
      </c>
      <c r="I1801" t="s">
        <v>30540</v>
      </c>
    </row>
    <row r="1802" spans="1:9">
      <c r="A1802" s="1">
        <f ca="1">RAND()</f>
        <v>0.18114105933539004</v>
      </c>
      <c r="B1802" s="1"/>
      <c r="C1802">
        <v>10</v>
      </c>
      <c r="D1802" t="s">
        <v>3733</v>
      </c>
      <c r="E1802" t="s">
        <v>31481</v>
      </c>
      <c r="F1802">
        <v>2</v>
      </c>
      <c r="G1802" t="s">
        <v>3107</v>
      </c>
      <c r="H1802" t="s">
        <v>3734</v>
      </c>
      <c r="I1802" t="s">
        <v>30540</v>
      </c>
    </row>
    <row r="1803" spans="1:9">
      <c r="A1803" s="1">
        <f ca="1">RAND()</f>
        <v>0.82695675696746151</v>
      </c>
      <c r="B1803" s="1"/>
      <c r="C1803">
        <v>2</v>
      </c>
      <c r="D1803" t="s">
        <v>3730</v>
      </c>
      <c r="E1803" t="s">
        <v>31482</v>
      </c>
      <c r="F1803">
        <v>4</v>
      </c>
      <c r="G1803" t="s">
        <v>2</v>
      </c>
      <c r="H1803" t="s">
        <v>3731</v>
      </c>
      <c r="I1803" t="s">
        <v>30540</v>
      </c>
    </row>
    <row r="1804" spans="1:9">
      <c r="A1804" s="1">
        <f ca="1">RAND()</f>
        <v>7.1278793388731554E-3</v>
      </c>
      <c r="B1804" s="1"/>
      <c r="C1804">
        <v>2</v>
      </c>
      <c r="D1804" t="s">
        <v>3722</v>
      </c>
      <c r="E1804" t="s">
        <v>31483</v>
      </c>
      <c r="F1804">
        <v>5</v>
      </c>
      <c r="G1804" t="s">
        <v>1</v>
      </c>
      <c r="H1804" t="s">
        <v>3723</v>
      </c>
      <c r="I1804" t="s">
        <v>30540</v>
      </c>
    </row>
    <row r="1805" spans="1:9">
      <c r="A1805" s="1">
        <f ca="1">RAND()</f>
        <v>7.4580711686899059E-2</v>
      </c>
      <c r="B1805" s="1"/>
      <c r="C1805">
        <v>7</v>
      </c>
      <c r="D1805" t="s">
        <v>3728</v>
      </c>
      <c r="E1805" t="s">
        <v>31483</v>
      </c>
      <c r="F1805">
        <v>4</v>
      </c>
      <c r="G1805" t="s">
        <v>0</v>
      </c>
      <c r="H1805" t="s">
        <v>3729</v>
      </c>
      <c r="I1805" t="s">
        <v>30540</v>
      </c>
    </row>
    <row r="1806" spans="1:9">
      <c r="A1806" s="1">
        <f ca="1">RAND()</f>
        <v>0.73662539670565319</v>
      </c>
      <c r="B1806" s="1"/>
      <c r="C1806">
        <v>4</v>
      </c>
      <c r="D1806" t="s">
        <v>3724</v>
      </c>
      <c r="E1806" t="s">
        <v>31483</v>
      </c>
      <c r="F1806">
        <v>4</v>
      </c>
      <c r="G1806" t="s">
        <v>2</v>
      </c>
      <c r="H1806" t="s">
        <v>3725</v>
      </c>
      <c r="I1806" t="s">
        <v>30540</v>
      </c>
    </row>
    <row r="1807" spans="1:9">
      <c r="A1807" s="1">
        <f ca="1">RAND()</f>
        <v>0.28619317722765758</v>
      </c>
      <c r="B1807" s="1"/>
      <c r="C1807">
        <v>6</v>
      </c>
      <c r="D1807" t="s">
        <v>3726</v>
      </c>
      <c r="E1807" t="s">
        <v>31483</v>
      </c>
      <c r="F1807">
        <v>2</v>
      </c>
      <c r="G1807" t="s">
        <v>13</v>
      </c>
      <c r="H1807" t="s">
        <v>3727</v>
      </c>
      <c r="I1807" t="s">
        <v>30540</v>
      </c>
    </row>
    <row r="1808" spans="1:9">
      <c r="A1808" s="1">
        <f ca="1">RAND()</f>
        <v>0.75034641800256008</v>
      </c>
      <c r="B1808" s="1"/>
      <c r="C1808">
        <v>4</v>
      </c>
      <c r="D1808" t="s">
        <v>3720</v>
      </c>
      <c r="E1808" t="s">
        <v>31484</v>
      </c>
      <c r="F1808">
        <v>4</v>
      </c>
      <c r="G1808" t="s">
        <v>0</v>
      </c>
      <c r="H1808" t="s">
        <v>3721</v>
      </c>
      <c r="I1808" t="s">
        <v>30540</v>
      </c>
    </row>
    <row r="1809" spans="1:9">
      <c r="A1809" s="1">
        <f ca="1">RAND()</f>
        <v>0.70632714813500097</v>
      </c>
      <c r="B1809" s="1"/>
      <c r="C1809">
        <v>7</v>
      </c>
      <c r="D1809" t="s">
        <v>3716</v>
      </c>
      <c r="E1809" t="s">
        <v>31485</v>
      </c>
      <c r="F1809">
        <v>4</v>
      </c>
      <c r="G1809" t="s">
        <v>0</v>
      </c>
      <c r="H1809" t="s">
        <v>3717</v>
      </c>
      <c r="I1809" t="s">
        <v>30540</v>
      </c>
    </row>
    <row r="1810" spans="1:9">
      <c r="A1810" s="1">
        <f ca="1">RAND()</f>
        <v>4.4487837204592484E-2</v>
      </c>
      <c r="B1810" s="1"/>
      <c r="C1810">
        <v>10</v>
      </c>
      <c r="D1810" t="s">
        <v>3718</v>
      </c>
      <c r="E1810" t="s">
        <v>31485</v>
      </c>
      <c r="F1810">
        <v>1</v>
      </c>
      <c r="G1810" t="s">
        <v>10</v>
      </c>
      <c r="H1810" t="s">
        <v>3719</v>
      </c>
      <c r="I1810" t="s">
        <v>30540</v>
      </c>
    </row>
    <row r="1811" spans="1:9">
      <c r="A1811" s="1">
        <f ca="1">RAND()</f>
        <v>0.91278967949747181</v>
      </c>
      <c r="B1811" s="1"/>
      <c r="C1811">
        <v>18</v>
      </c>
      <c r="D1811" t="s">
        <v>3710</v>
      </c>
      <c r="E1811" t="s">
        <v>31486</v>
      </c>
      <c r="F1811">
        <v>5</v>
      </c>
      <c r="G1811" t="s">
        <v>9</v>
      </c>
      <c r="H1811" t="s">
        <v>3711</v>
      </c>
      <c r="I1811" t="s">
        <v>30540</v>
      </c>
    </row>
    <row r="1812" spans="1:9">
      <c r="A1812" s="1">
        <f ca="1">RAND()</f>
        <v>0.80934584639203455</v>
      </c>
      <c r="B1812" s="1"/>
      <c r="C1812">
        <v>19</v>
      </c>
      <c r="D1812" t="s">
        <v>3712</v>
      </c>
      <c r="E1812" t="s">
        <v>31486</v>
      </c>
      <c r="F1812">
        <v>5</v>
      </c>
      <c r="G1812" t="s">
        <v>770</v>
      </c>
      <c r="H1812" t="s">
        <v>3713</v>
      </c>
      <c r="I1812" t="s">
        <v>30540</v>
      </c>
    </row>
    <row r="1813" spans="1:9">
      <c r="A1813" s="1">
        <f ca="1">RAND()</f>
        <v>0.43838207260989059</v>
      </c>
      <c r="B1813" s="1"/>
      <c r="C1813">
        <v>20</v>
      </c>
      <c r="D1813" t="s">
        <v>3714</v>
      </c>
      <c r="E1813" t="s">
        <v>31486</v>
      </c>
      <c r="F1813">
        <v>5</v>
      </c>
      <c r="G1813" t="s">
        <v>775</v>
      </c>
      <c r="H1813" t="s">
        <v>3715</v>
      </c>
      <c r="I1813" t="s">
        <v>30540</v>
      </c>
    </row>
    <row r="1814" spans="1:9">
      <c r="A1814" s="1">
        <f ca="1">RAND()</f>
        <v>0.74940323769730521</v>
      </c>
      <c r="B1814" s="1"/>
      <c r="C1814">
        <v>4</v>
      </c>
      <c r="D1814" t="s">
        <v>3702</v>
      </c>
      <c r="E1814" t="s">
        <v>31486</v>
      </c>
      <c r="F1814">
        <v>4</v>
      </c>
      <c r="G1814" t="s">
        <v>1295</v>
      </c>
      <c r="H1814" t="s">
        <v>3703</v>
      </c>
      <c r="I1814" t="s">
        <v>30540</v>
      </c>
    </row>
    <row r="1815" spans="1:9">
      <c r="A1815" s="1">
        <f ca="1">RAND()</f>
        <v>0.31894755814494868</v>
      </c>
      <c r="B1815" s="1"/>
      <c r="C1815">
        <v>2</v>
      </c>
      <c r="D1815" t="s">
        <v>3700</v>
      </c>
      <c r="E1815" t="s">
        <v>31486</v>
      </c>
      <c r="F1815">
        <v>4</v>
      </c>
      <c r="G1815" t="s">
        <v>9</v>
      </c>
      <c r="H1815" t="s">
        <v>3701</v>
      </c>
      <c r="I1815" t="s">
        <v>30540</v>
      </c>
    </row>
    <row r="1816" spans="1:9">
      <c r="A1816" s="1">
        <f ca="1">RAND()</f>
        <v>0.31649770156692136</v>
      </c>
      <c r="B1816" s="1"/>
      <c r="C1816">
        <v>14</v>
      </c>
      <c r="D1816" t="s">
        <v>3708</v>
      </c>
      <c r="E1816" t="s">
        <v>31486</v>
      </c>
      <c r="F1816">
        <v>4</v>
      </c>
      <c r="G1816" t="s">
        <v>774</v>
      </c>
      <c r="H1816" t="s">
        <v>3709</v>
      </c>
      <c r="I1816" t="s">
        <v>30540</v>
      </c>
    </row>
    <row r="1817" spans="1:9">
      <c r="A1817" s="1">
        <f ca="1">RAND()</f>
        <v>0.15785243116272074</v>
      </c>
      <c r="B1817" s="1"/>
      <c r="C1817">
        <v>10</v>
      </c>
      <c r="D1817" t="s">
        <v>3706</v>
      </c>
      <c r="E1817" t="s">
        <v>31486</v>
      </c>
      <c r="F1817">
        <v>4</v>
      </c>
      <c r="G1817" t="s">
        <v>766</v>
      </c>
      <c r="H1817" t="s">
        <v>3707</v>
      </c>
      <c r="I1817" t="s">
        <v>30540</v>
      </c>
    </row>
    <row r="1818" spans="1:9">
      <c r="A1818" s="1">
        <f ca="1">RAND()</f>
        <v>0.74450973599717307</v>
      </c>
      <c r="B1818" s="1"/>
      <c r="C1818">
        <v>1</v>
      </c>
      <c r="D1818" t="s">
        <v>3698</v>
      </c>
      <c r="E1818" t="s">
        <v>31486</v>
      </c>
      <c r="F1818">
        <v>4</v>
      </c>
      <c r="G1818" t="s">
        <v>1426</v>
      </c>
      <c r="H1818" t="s">
        <v>3699</v>
      </c>
      <c r="I1818" t="s">
        <v>30540</v>
      </c>
    </row>
    <row r="1819" spans="1:9">
      <c r="A1819" s="1">
        <f ca="1">RAND()</f>
        <v>0.23779108202257415</v>
      </c>
      <c r="B1819" s="1"/>
      <c r="C1819">
        <v>5</v>
      </c>
      <c r="D1819" t="s">
        <v>3704</v>
      </c>
      <c r="E1819" t="s">
        <v>31486</v>
      </c>
      <c r="F1819">
        <v>3</v>
      </c>
      <c r="G1819" t="s">
        <v>1426</v>
      </c>
      <c r="H1819" t="s">
        <v>3705</v>
      </c>
      <c r="I1819" t="s">
        <v>30540</v>
      </c>
    </row>
    <row r="1820" spans="1:9">
      <c r="A1820" s="1">
        <f ca="1">RAND()</f>
        <v>0.77161194665431099</v>
      </c>
      <c r="B1820" s="1"/>
      <c r="C1820">
        <v>8</v>
      </c>
      <c r="D1820" t="s">
        <v>3696</v>
      </c>
      <c r="E1820" t="s">
        <v>31487</v>
      </c>
      <c r="F1820">
        <v>4</v>
      </c>
      <c r="G1820" t="s">
        <v>13</v>
      </c>
      <c r="H1820" t="s">
        <v>3697</v>
      </c>
      <c r="I1820" t="s">
        <v>30540</v>
      </c>
    </row>
    <row r="1821" spans="1:9">
      <c r="A1821" s="1">
        <f ca="1">RAND()</f>
        <v>0.37904840999564382</v>
      </c>
      <c r="B1821" s="1"/>
      <c r="C1821">
        <v>2</v>
      </c>
      <c r="D1821" t="s">
        <v>3694</v>
      </c>
      <c r="E1821" t="s">
        <v>31487</v>
      </c>
      <c r="F1821">
        <v>4</v>
      </c>
      <c r="G1821" t="s">
        <v>774</v>
      </c>
      <c r="H1821" t="s">
        <v>3695</v>
      </c>
      <c r="I1821" t="s">
        <v>30540</v>
      </c>
    </row>
    <row r="1822" spans="1:9">
      <c r="A1822" s="1">
        <f ca="1">RAND()</f>
        <v>0.18754165817489776</v>
      </c>
      <c r="B1822" s="1"/>
      <c r="C1822">
        <v>10</v>
      </c>
      <c r="D1822" t="s">
        <v>3692</v>
      </c>
      <c r="E1822" t="s">
        <v>31488</v>
      </c>
      <c r="F1822">
        <v>5</v>
      </c>
      <c r="G1822" t="s">
        <v>0</v>
      </c>
      <c r="H1822" t="s">
        <v>3693</v>
      </c>
      <c r="I1822" t="s">
        <v>30540</v>
      </c>
    </row>
    <row r="1823" spans="1:9">
      <c r="A1823" s="1">
        <f ca="1">RAND()</f>
        <v>0.52804503183732798</v>
      </c>
      <c r="B1823" s="1"/>
      <c r="C1823">
        <v>8</v>
      </c>
      <c r="D1823" t="s">
        <v>3690</v>
      </c>
      <c r="E1823" t="s">
        <v>31488</v>
      </c>
      <c r="F1823">
        <v>4</v>
      </c>
      <c r="G1823" t="s">
        <v>10</v>
      </c>
      <c r="H1823" t="s">
        <v>3691</v>
      </c>
      <c r="I1823" t="s">
        <v>30540</v>
      </c>
    </row>
    <row r="1824" spans="1:9">
      <c r="A1824" s="1">
        <f ca="1">RAND()</f>
        <v>0.91266637801135619</v>
      </c>
      <c r="B1824" s="1"/>
      <c r="C1824">
        <v>3</v>
      </c>
      <c r="D1824" t="s">
        <v>3674</v>
      </c>
      <c r="E1824" t="s">
        <v>31489</v>
      </c>
      <c r="F1824">
        <v>5</v>
      </c>
      <c r="G1824" t="s">
        <v>10</v>
      </c>
      <c r="H1824" t="s">
        <v>3675</v>
      </c>
      <c r="I1824" t="s">
        <v>30540</v>
      </c>
    </row>
    <row r="1825" spans="1:9">
      <c r="A1825" s="1">
        <f ca="1">RAND()</f>
        <v>0.63150680600430553</v>
      </c>
      <c r="B1825" s="1"/>
      <c r="C1825">
        <v>11</v>
      </c>
      <c r="D1825" t="s">
        <v>3680</v>
      </c>
      <c r="E1825" t="s">
        <v>31489</v>
      </c>
      <c r="F1825">
        <v>4</v>
      </c>
      <c r="G1825" t="s">
        <v>1295</v>
      </c>
      <c r="H1825" t="s">
        <v>3681</v>
      </c>
      <c r="I1825" t="s">
        <v>30540</v>
      </c>
    </row>
    <row r="1826" spans="1:9">
      <c r="A1826" s="1">
        <f ca="1">RAND()</f>
        <v>0.29312529600352077</v>
      </c>
      <c r="B1826" s="1"/>
      <c r="C1826">
        <v>20</v>
      </c>
      <c r="D1826" t="s">
        <v>3688</v>
      </c>
      <c r="E1826" t="s">
        <v>31489</v>
      </c>
      <c r="F1826">
        <v>4</v>
      </c>
      <c r="G1826" t="s">
        <v>1431</v>
      </c>
      <c r="H1826" t="s">
        <v>3689</v>
      </c>
      <c r="I1826" t="s">
        <v>30540</v>
      </c>
    </row>
    <row r="1827" spans="1:9">
      <c r="A1827" s="1">
        <f ca="1">RAND()</f>
        <v>0.95353404686703658</v>
      </c>
      <c r="B1827" s="1"/>
      <c r="C1827">
        <v>2</v>
      </c>
      <c r="D1827" t="s">
        <v>3672</v>
      </c>
      <c r="E1827" t="s">
        <v>31489</v>
      </c>
      <c r="F1827">
        <v>4</v>
      </c>
      <c r="G1827" t="s">
        <v>13</v>
      </c>
      <c r="H1827" t="s">
        <v>3673</v>
      </c>
      <c r="I1827" t="s">
        <v>30540</v>
      </c>
    </row>
    <row r="1828" spans="1:9">
      <c r="A1828" s="1">
        <f ca="1">RAND()</f>
        <v>0.68231259756222051</v>
      </c>
      <c r="B1828" s="1"/>
      <c r="C1828">
        <v>15</v>
      </c>
      <c r="D1828" t="s">
        <v>3684</v>
      </c>
      <c r="E1828" t="s">
        <v>31489</v>
      </c>
      <c r="F1828">
        <v>4</v>
      </c>
      <c r="G1828" t="s">
        <v>9</v>
      </c>
      <c r="H1828" t="s">
        <v>3685</v>
      </c>
      <c r="I1828" t="s">
        <v>30540</v>
      </c>
    </row>
    <row r="1829" spans="1:9">
      <c r="A1829" s="1">
        <f ca="1">RAND()</f>
        <v>8.3447807133633201E-2</v>
      </c>
      <c r="B1829" s="1"/>
      <c r="C1829">
        <v>5</v>
      </c>
      <c r="D1829" t="s">
        <v>3676</v>
      </c>
      <c r="E1829" t="s">
        <v>31489</v>
      </c>
      <c r="F1829">
        <v>3</v>
      </c>
      <c r="G1829" t="s">
        <v>13</v>
      </c>
      <c r="H1829" t="s">
        <v>3677</v>
      </c>
      <c r="I1829" t="s">
        <v>30540</v>
      </c>
    </row>
    <row r="1830" spans="1:9">
      <c r="A1830" s="1">
        <f ca="1">RAND()</f>
        <v>0.1189502649838331</v>
      </c>
      <c r="B1830" s="1"/>
      <c r="C1830">
        <v>8</v>
      </c>
      <c r="D1830" t="s">
        <v>3678</v>
      </c>
      <c r="E1830" t="s">
        <v>31489</v>
      </c>
      <c r="F1830">
        <v>2</v>
      </c>
      <c r="G1830" t="s">
        <v>1295</v>
      </c>
      <c r="H1830" t="s">
        <v>3679</v>
      </c>
      <c r="I1830" t="s">
        <v>30540</v>
      </c>
    </row>
    <row r="1831" spans="1:9">
      <c r="A1831" s="1">
        <f ca="1">RAND()</f>
        <v>0.31109413541822373</v>
      </c>
      <c r="B1831" s="1"/>
      <c r="C1831">
        <v>19</v>
      </c>
      <c r="D1831" t="s">
        <v>3686</v>
      </c>
      <c r="E1831" t="s">
        <v>31489</v>
      </c>
      <c r="F1831">
        <v>2</v>
      </c>
      <c r="G1831" t="s">
        <v>2229</v>
      </c>
      <c r="H1831" t="s">
        <v>3687</v>
      </c>
      <c r="I1831" t="s">
        <v>30540</v>
      </c>
    </row>
    <row r="1832" spans="1:9">
      <c r="A1832" s="1">
        <f ca="1">RAND()</f>
        <v>7.0894493901153988E-2</v>
      </c>
      <c r="B1832" s="1"/>
      <c r="C1832">
        <v>12</v>
      </c>
      <c r="D1832" t="s">
        <v>3682</v>
      </c>
      <c r="E1832" t="s">
        <v>31489</v>
      </c>
      <c r="F1832">
        <v>2</v>
      </c>
      <c r="G1832" t="s">
        <v>775</v>
      </c>
      <c r="H1832" t="s">
        <v>3683</v>
      </c>
      <c r="I1832" t="s">
        <v>30540</v>
      </c>
    </row>
    <row r="1833" spans="1:9">
      <c r="A1833" s="1">
        <f ca="1">RAND()</f>
        <v>0.2893999792191998</v>
      </c>
      <c r="B1833" s="1"/>
      <c r="C1833">
        <v>4</v>
      </c>
      <c r="D1833" t="s">
        <v>3670</v>
      </c>
      <c r="E1833" t="s">
        <v>31490</v>
      </c>
      <c r="F1833">
        <v>5</v>
      </c>
      <c r="G1833" t="s">
        <v>0</v>
      </c>
      <c r="H1833" t="s">
        <v>3671</v>
      </c>
      <c r="I1833" t="s">
        <v>30540</v>
      </c>
    </row>
    <row r="1834" spans="1:9">
      <c r="A1834" s="1">
        <f ca="1">RAND()</f>
        <v>0.94730622635055772</v>
      </c>
      <c r="B1834" s="1"/>
      <c r="C1834">
        <v>6</v>
      </c>
      <c r="D1834" t="s">
        <v>3664</v>
      </c>
      <c r="E1834" t="s">
        <v>31491</v>
      </c>
      <c r="F1834">
        <v>5</v>
      </c>
      <c r="G1834" t="s">
        <v>1</v>
      </c>
      <c r="H1834" t="s">
        <v>3665</v>
      </c>
      <c r="I1834" t="s">
        <v>30540</v>
      </c>
    </row>
    <row r="1835" spans="1:9">
      <c r="A1835" s="1">
        <f ca="1">RAND()</f>
        <v>0.31342489921811845</v>
      </c>
      <c r="B1835" s="1"/>
      <c r="C1835">
        <v>7</v>
      </c>
      <c r="D1835" t="s">
        <v>3666</v>
      </c>
      <c r="E1835" t="s">
        <v>31491</v>
      </c>
      <c r="F1835">
        <v>4</v>
      </c>
      <c r="G1835" t="s">
        <v>0</v>
      </c>
      <c r="H1835" t="s">
        <v>3667</v>
      </c>
      <c r="I1835" t="s">
        <v>30540</v>
      </c>
    </row>
    <row r="1836" spans="1:9">
      <c r="A1836" s="1">
        <f ca="1">RAND()</f>
        <v>6.0078194860168077E-2</v>
      </c>
      <c r="B1836" s="1"/>
      <c r="C1836">
        <v>8</v>
      </c>
      <c r="D1836" t="s">
        <v>3668</v>
      </c>
      <c r="E1836" t="s">
        <v>31491</v>
      </c>
      <c r="F1836">
        <v>4</v>
      </c>
      <c r="G1836" t="s">
        <v>0</v>
      </c>
      <c r="H1836" t="s">
        <v>3669</v>
      </c>
      <c r="I1836" t="s">
        <v>30540</v>
      </c>
    </row>
    <row r="1837" spans="1:9">
      <c r="A1837" s="1">
        <f ca="1">RAND()</f>
        <v>0.37010825604048136</v>
      </c>
      <c r="B1837" s="1"/>
      <c r="C1837">
        <v>1</v>
      </c>
      <c r="D1837" t="s">
        <v>3662</v>
      </c>
      <c r="E1837" t="s">
        <v>31492</v>
      </c>
      <c r="F1837">
        <v>2</v>
      </c>
      <c r="G1837" t="s">
        <v>2</v>
      </c>
      <c r="H1837" t="s">
        <v>3663</v>
      </c>
      <c r="I1837" t="s">
        <v>30540</v>
      </c>
    </row>
    <row r="1838" spans="1:9">
      <c r="A1838" s="1">
        <f ca="1">RAND()</f>
        <v>0.12703959427233258</v>
      </c>
      <c r="B1838" s="1"/>
      <c r="C1838">
        <v>10</v>
      </c>
      <c r="D1838" t="s">
        <v>3658</v>
      </c>
      <c r="E1838" t="s">
        <v>31493</v>
      </c>
      <c r="F1838">
        <v>4</v>
      </c>
      <c r="G1838" t="s">
        <v>13</v>
      </c>
      <c r="H1838" t="s">
        <v>3659</v>
      </c>
      <c r="I1838" t="s">
        <v>30540</v>
      </c>
    </row>
    <row r="1839" spans="1:9">
      <c r="A1839" s="1">
        <f ca="1">RAND()</f>
        <v>0.77885563508739231</v>
      </c>
      <c r="B1839" s="1"/>
      <c r="C1839">
        <v>12</v>
      </c>
      <c r="D1839" t="s">
        <v>3660</v>
      </c>
      <c r="E1839" t="s">
        <v>31493</v>
      </c>
      <c r="F1839">
        <v>4</v>
      </c>
      <c r="G1839" t="s">
        <v>0</v>
      </c>
      <c r="H1839" t="s">
        <v>3661</v>
      </c>
      <c r="I1839" t="s">
        <v>30540</v>
      </c>
    </row>
    <row r="1840" spans="1:9">
      <c r="A1840" s="1">
        <f ca="1">RAND()</f>
        <v>0.38478534571511291</v>
      </c>
      <c r="B1840" s="1"/>
      <c r="C1840">
        <v>2</v>
      </c>
      <c r="D1840" t="s">
        <v>3656</v>
      </c>
      <c r="E1840" t="s">
        <v>31493</v>
      </c>
      <c r="F1840">
        <v>2</v>
      </c>
      <c r="G1840" t="s">
        <v>15</v>
      </c>
      <c r="H1840" t="s">
        <v>3657</v>
      </c>
      <c r="I1840" t="s">
        <v>30540</v>
      </c>
    </row>
    <row r="1841" spans="1:9">
      <c r="A1841" s="1">
        <f ca="1">RAND()</f>
        <v>0.81833619200108065</v>
      </c>
      <c r="B1841" s="1"/>
      <c r="C1841">
        <v>1</v>
      </c>
      <c r="D1841" t="s">
        <v>3646</v>
      </c>
      <c r="E1841" t="s">
        <v>31494</v>
      </c>
      <c r="F1841">
        <v>5</v>
      </c>
      <c r="G1841" t="s">
        <v>1</v>
      </c>
      <c r="H1841" t="s">
        <v>3647</v>
      </c>
      <c r="I1841" t="s">
        <v>30540</v>
      </c>
    </row>
    <row r="1842" spans="1:9">
      <c r="A1842" s="1">
        <f ca="1">RAND()</f>
        <v>0.15533183038772314</v>
      </c>
      <c r="B1842" s="1"/>
      <c r="C1842">
        <v>19</v>
      </c>
      <c r="D1842" t="s">
        <v>3654</v>
      </c>
      <c r="E1842" t="s">
        <v>31494</v>
      </c>
      <c r="F1842">
        <v>4</v>
      </c>
      <c r="G1842" t="s">
        <v>1431</v>
      </c>
      <c r="H1842" t="s">
        <v>3655</v>
      </c>
      <c r="I1842" t="s">
        <v>30540</v>
      </c>
    </row>
    <row r="1843" spans="1:9">
      <c r="A1843" s="1">
        <f ca="1">RAND()</f>
        <v>0.92332388303042368</v>
      </c>
      <c r="B1843" s="1"/>
      <c r="C1843">
        <v>14</v>
      </c>
      <c r="D1843" t="s">
        <v>3648</v>
      </c>
      <c r="E1843" t="s">
        <v>31494</v>
      </c>
      <c r="F1843">
        <v>4</v>
      </c>
      <c r="G1843" t="s">
        <v>3107</v>
      </c>
      <c r="H1843" t="s">
        <v>3649</v>
      </c>
      <c r="I1843" t="s">
        <v>30540</v>
      </c>
    </row>
    <row r="1844" spans="1:9">
      <c r="A1844" s="1">
        <f ca="1">RAND()</f>
        <v>0.76904902573426093</v>
      </c>
      <c r="B1844" s="1"/>
      <c r="C1844">
        <v>15</v>
      </c>
      <c r="D1844" t="s">
        <v>3650</v>
      </c>
      <c r="E1844" t="s">
        <v>31494</v>
      </c>
      <c r="F1844">
        <v>4</v>
      </c>
      <c r="G1844" t="s">
        <v>13</v>
      </c>
      <c r="H1844" t="s">
        <v>3651</v>
      </c>
      <c r="I1844" t="s">
        <v>30540</v>
      </c>
    </row>
    <row r="1845" spans="1:9">
      <c r="A1845" s="1">
        <f ca="1">RAND()</f>
        <v>0.20058040866273286</v>
      </c>
      <c r="B1845" s="1"/>
      <c r="C1845">
        <v>16</v>
      </c>
      <c r="D1845" t="s">
        <v>3652</v>
      </c>
      <c r="E1845" t="s">
        <v>31494</v>
      </c>
      <c r="F1845">
        <v>1</v>
      </c>
      <c r="G1845" t="s">
        <v>2738</v>
      </c>
      <c r="H1845" t="s">
        <v>3653</v>
      </c>
      <c r="I1845" t="s">
        <v>30540</v>
      </c>
    </row>
    <row r="1846" spans="1:9">
      <c r="A1846" s="1">
        <f ca="1">RAND()</f>
        <v>0.51793432617199742</v>
      </c>
      <c r="B1846" s="1"/>
      <c r="C1846">
        <v>1</v>
      </c>
      <c r="D1846" t="s">
        <v>3640</v>
      </c>
      <c r="E1846" t="s">
        <v>31495</v>
      </c>
      <c r="F1846">
        <v>5</v>
      </c>
      <c r="G1846" t="s">
        <v>0</v>
      </c>
      <c r="H1846" t="s">
        <v>3641</v>
      </c>
      <c r="I1846" t="s">
        <v>30540</v>
      </c>
    </row>
    <row r="1847" spans="1:9">
      <c r="A1847" s="1">
        <f ca="1">RAND()</f>
        <v>0.46588237049971271</v>
      </c>
      <c r="B1847" s="1"/>
      <c r="C1847">
        <v>3</v>
      </c>
      <c r="D1847" t="s">
        <v>3642</v>
      </c>
      <c r="E1847" t="s">
        <v>31495</v>
      </c>
      <c r="F1847">
        <v>4</v>
      </c>
      <c r="G1847" t="s">
        <v>10</v>
      </c>
      <c r="H1847" t="s">
        <v>3643</v>
      </c>
      <c r="I1847" t="s">
        <v>30540</v>
      </c>
    </row>
    <row r="1848" spans="1:9">
      <c r="A1848" s="1">
        <f ca="1">RAND()</f>
        <v>0.37653750955767751</v>
      </c>
      <c r="B1848" s="1"/>
      <c r="C1848">
        <v>5</v>
      </c>
      <c r="D1848" t="s">
        <v>3644</v>
      </c>
      <c r="E1848" t="s">
        <v>31495</v>
      </c>
      <c r="F1848">
        <v>4</v>
      </c>
      <c r="G1848" t="s">
        <v>1</v>
      </c>
      <c r="H1848" t="s">
        <v>3645</v>
      </c>
      <c r="I1848" t="s">
        <v>30540</v>
      </c>
    </row>
    <row r="1849" spans="1:9">
      <c r="A1849" s="1">
        <f ca="1">RAND()</f>
        <v>0.118880813452789</v>
      </c>
      <c r="B1849" s="1"/>
      <c r="C1849">
        <v>5</v>
      </c>
      <c r="D1849" t="s">
        <v>3638</v>
      </c>
      <c r="E1849" t="s">
        <v>31496</v>
      </c>
      <c r="F1849">
        <v>4</v>
      </c>
      <c r="G1849" t="s">
        <v>0</v>
      </c>
      <c r="H1849" t="s">
        <v>3639</v>
      </c>
      <c r="I1849" t="s">
        <v>30540</v>
      </c>
    </row>
    <row r="1850" spans="1:9">
      <c r="A1850" s="1">
        <f ca="1">RAND()</f>
        <v>5.8369993011333499E-3</v>
      </c>
      <c r="B1850" s="1"/>
      <c r="C1850">
        <v>2</v>
      </c>
      <c r="D1850" t="s">
        <v>3636</v>
      </c>
      <c r="E1850" t="s">
        <v>31497</v>
      </c>
      <c r="F1850">
        <v>4</v>
      </c>
      <c r="G1850" t="s">
        <v>0</v>
      </c>
      <c r="H1850" t="s">
        <v>3637</v>
      </c>
      <c r="I1850" t="s">
        <v>30540</v>
      </c>
    </row>
    <row r="1851" spans="1:9">
      <c r="A1851" s="1">
        <f ca="1">RAND()</f>
        <v>0.87890268651021308</v>
      </c>
      <c r="B1851" s="1"/>
      <c r="C1851">
        <v>5</v>
      </c>
      <c r="D1851" t="s">
        <v>3634</v>
      </c>
      <c r="E1851" t="s">
        <v>31498</v>
      </c>
      <c r="F1851">
        <v>2</v>
      </c>
      <c r="G1851" t="s">
        <v>0</v>
      </c>
      <c r="H1851" t="s">
        <v>3635</v>
      </c>
      <c r="I1851" t="s">
        <v>30540</v>
      </c>
    </row>
    <row r="1852" spans="1:9">
      <c r="A1852" s="1">
        <f ca="1">RAND()</f>
        <v>0.60406384946268232</v>
      </c>
      <c r="B1852" s="1"/>
      <c r="C1852">
        <v>8</v>
      </c>
      <c r="D1852" t="s">
        <v>3632</v>
      </c>
      <c r="E1852" t="s">
        <v>31499</v>
      </c>
      <c r="F1852">
        <v>1</v>
      </c>
      <c r="G1852" t="s">
        <v>0</v>
      </c>
      <c r="H1852" t="s">
        <v>3633</v>
      </c>
      <c r="I1852" t="s">
        <v>30540</v>
      </c>
    </row>
    <row r="1853" spans="1:9">
      <c r="A1853" s="1">
        <f ca="1">RAND()</f>
        <v>3.6057125998713357E-2</v>
      </c>
      <c r="B1853" s="1"/>
      <c r="C1853">
        <v>20</v>
      </c>
      <c r="D1853" t="s">
        <v>3630</v>
      </c>
      <c r="E1853" t="s">
        <v>31500</v>
      </c>
      <c r="F1853">
        <v>4</v>
      </c>
      <c r="G1853" t="s">
        <v>15</v>
      </c>
      <c r="H1853" t="s">
        <v>3631</v>
      </c>
      <c r="I1853" t="s">
        <v>30540</v>
      </c>
    </row>
    <row r="1854" spans="1:9">
      <c r="A1854" s="1">
        <f ca="1">RAND()</f>
        <v>0.32258909219159249</v>
      </c>
      <c r="B1854" s="1"/>
      <c r="C1854">
        <v>16</v>
      </c>
      <c r="D1854" t="s">
        <v>3628</v>
      </c>
      <c r="E1854" t="s">
        <v>31500</v>
      </c>
      <c r="F1854">
        <v>4</v>
      </c>
      <c r="G1854" t="s">
        <v>10</v>
      </c>
      <c r="H1854" t="s">
        <v>3629</v>
      </c>
      <c r="I1854" t="s">
        <v>30540</v>
      </c>
    </row>
    <row r="1855" spans="1:9">
      <c r="A1855" s="1">
        <f ca="1">RAND()</f>
        <v>0.3890543323496698</v>
      </c>
      <c r="B1855" s="1"/>
      <c r="C1855">
        <v>3</v>
      </c>
      <c r="D1855" t="s">
        <v>3622</v>
      </c>
      <c r="E1855" t="s">
        <v>31500</v>
      </c>
      <c r="F1855">
        <v>4</v>
      </c>
      <c r="G1855" t="s">
        <v>13</v>
      </c>
      <c r="H1855" t="s">
        <v>3623</v>
      </c>
      <c r="I1855" t="s">
        <v>30540</v>
      </c>
    </row>
    <row r="1856" spans="1:9">
      <c r="A1856" s="1">
        <f ca="1">RAND()</f>
        <v>0.60103779780620403</v>
      </c>
      <c r="B1856" s="1"/>
      <c r="C1856">
        <v>14</v>
      </c>
      <c r="D1856" t="s">
        <v>3626</v>
      </c>
      <c r="E1856" t="s">
        <v>31500</v>
      </c>
      <c r="F1856">
        <v>3</v>
      </c>
      <c r="G1856" t="s">
        <v>2229</v>
      </c>
      <c r="H1856" t="s">
        <v>3627</v>
      </c>
      <c r="I1856" t="s">
        <v>30540</v>
      </c>
    </row>
    <row r="1857" spans="1:9">
      <c r="A1857" s="1">
        <f ca="1">RAND()</f>
        <v>0.28182202745279394</v>
      </c>
      <c r="B1857" s="1"/>
      <c r="C1857">
        <v>5</v>
      </c>
      <c r="D1857" t="s">
        <v>3624</v>
      </c>
      <c r="E1857" t="s">
        <v>31500</v>
      </c>
      <c r="F1857">
        <v>2</v>
      </c>
      <c r="G1857" t="s">
        <v>766</v>
      </c>
      <c r="H1857" t="s">
        <v>3625</v>
      </c>
      <c r="I1857" t="s">
        <v>30540</v>
      </c>
    </row>
    <row r="1858" spans="1:9">
      <c r="A1858" s="1">
        <f ca="1">RAND()</f>
        <v>0.59608198812881763</v>
      </c>
      <c r="B1858" s="1"/>
      <c r="C1858">
        <v>2</v>
      </c>
      <c r="D1858" t="s">
        <v>3620</v>
      </c>
      <c r="E1858" t="s">
        <v>31501</v>
      </c>
      <c r="F1858">
        <v>5</v>
      </c>
      <c r="G1858" t="s">
        <v>14</v>
      </c>
      <c r="H1858" t="s">
        <v>3621</v>
      </c>
      <c r="I1858" t="s">
        <v>30540</v>
      </c>
    </row>
    <row r="1859" spans="1:9">
      <c r="A1859" s="1">
        <f ca="1">RAND()</f>
        <v>0.75374852501125245</v>
      </c>
      <c r="B1859" s="1"/>
      <c r="C1859">
        <v>5</v>
      </c>
      <c r="D1859" t="s">
        <v>3616</v>
      </c>
      <c r="E1859" t="s">
        <v>31502</v>
      </c>
      <c r="F1859">
        <v>5</v>
      </c>
      <c r="G1859" t="s">
        <v>13</v>
      </c>
      <c r="H1859" t="s">
        <v>3617</v>
      </c>
      <c r="I1859" t="s">
        <v>30540</v>
      </c>
    </row>
    <row r="1860" spans="1:9">
      <c r="A1860" s="1">
        <f ca="1">RAND()</f>
        <v>0.17860988742932071</v>
      </c>
      <c r="B1860" s="1"/>
      <c r="C1860">
        <v>6</v>
      </c>
      <c r="D1860" t="s">
        <v>3618</v>
      </c>
      <c r="E1860" t="s">
        <v>31502</v>
      </c>
      <c r="F1860">
        <v>4</v>
      </c>
      <c r="G1860" t="s">
        <v>0</v>
      </c>
      <c r="H1860" t="s">
        <v>3619</v>
      </c>
      <c r="I1860" t="s">
        <v>30540</v>
      </c>
    </row>
    <row r="1861" spans="1:9">
      <c r="A1861" s="1">
        <f ca="1">RAND()</f>
        <v>0.28976837834181135</v>
      </c>
      <c r="B1861" s="1"/>
      <c r="C1861">
        <v>1</v>
      </c>
      <c r="D1861" t="s">
        <v>3614</v>
      </c>
      <c r="E1861" t="s">
        <v>31503</v>
      </c>
      <c r="F1861">
        <v>5</v>
      </c>
      <c r="G1861" t="s">
        <v>10</v>
      </c>
      <c r="H1861" t="s">
        <v>3615</v>
      </c>
      <c r="I1861" t="s">
        <v>30540</v>
      </c>
    </row>
    <row r="1862" spans="1:9">
      <c r="A1862" s="1">
        <f ca="1">RAND()</f>
        <v>0.14233853117041273</v>
      </c>
      <c r="B1862" s="1"/>
      <c r="C1862">
        <v>4</v>
      </c>
      <c r="D1862" t="s">
        <v>3610</v>
      </c>
      <c r="E1862" t="s">
        <v>31504</v>
      </c>
      <c r="F1862">
        <v>3</v>
      </c>
      <c r="G1862" t="s">
        <v>14</v>
      </c>
      <c r="H1862" t="s">
        <v>3611</v>
      </c>
      <c r="I1862" t="s">
        <v>30540</v>
      </c>
    </row>
    <row r="1863" spans="1:9">
      <c r="A1863" s="1">
        <f ca="1">RAND()</f>
        <v>0.31258852331388842</v>
      </c>
      <c r="B1863" s="1"/>
      <c r="C1863">
        <v>8</v>
      </c>
      <c r="D1863" t="s">
        <v>3612</v>
      </c>
      <c r="E1863" t="s">
        <v>31504</v>
      </c>
      <c r="F1863">
        <v>2</v>
      </c>
      <c r="G1863" t="s">
        <v>15</v>
      </c>
      <c r="H1863" t="s">
        <v>3613</v>
      </c>
      <c r="I1863" t="s">
        <v>30540</v>
      </c>
    </row>
    <row r="1864" spans="1:9">
      <c r="A1864" s="1">
        <f ca="1">RAND()</f>
        <v>0.68701904433899286</v>
      </c>
      <c r="B1864" s="1"/>
      <c r="C1864">
        <v>16</v>
      </c>
      <c r="D1864" t="s">
        <v>3604</v>
      </c>
      <c r="E1864" t="s">
        <v>31505</v>
      </c>
      <c r="F1864">
        <v>5</v>
      </c>
      <c r="G1864" t="s">
        <v>762</v>
      </c>
      <c r="H1864" t="s">
        <v>3605</v>
      </c>
      <c r="I1864" t="s">
        <v>30540</v>
      </c>
    </row>
    <row r="1865" spans="1:9">
      <c r="A1865" s="1">
        <f ca="1">RAND()</f>
        <v>0.17742359088047832</v>
      </c>
      <c r="B1865" s="1"/>
      <c r="C1865">
        <v>18</v>
      </c>
      <c r="D1865" t="s">
        <v>3606</v>
      </c>
      <c r="E1865" t="s">
        <v>31505</v>
      </c>
      <c r="F1865">
        <v>4</v>
      </c>
      <c r="G1865" t="s">
        <v>2738</v>
      </c>
      <c r="H1865" t="s">
        <v>3607</v>
      </c>
      <c r="I1865" t="s">
        <v>30540</v>
      </c>
    </row>
    <row r="1866" spans="1:9">
      <c r="A1866" s="1">
        <f ca="1">RAND()</f>
        <v>2.9959089243727366E-2</v>
      </c>
      <c r="B1866" s="1"/>
      <c r="C1866">
        <v>5</v>
      </c>
      <c r="D1866" t="s">
        <v>3592</v>
      </c>
      <c r="E1866" t="s">
        <v>31505</v>
      </c>
      <c r="F1866">
        <v>4</v>
      </c>
      <c r="G1866" t="s">
        <v>1426</v>
      </c>
      <c r="H1866" t="s">
        <v>3593</v>
      </c>
      <c r="I1866" t="s">
        <v>30540</v>
      </c>
    </row>
    <row r="1867" spans="1:9">
      <c r="A1867" s="1">
        <f ca="1">RAND()</f>
        <v>6.3105923083961457E-3</v>
      </c>
      <c r="B1867" s="1"/>
      <c r="C1867">
        <v>15</v>
      </c>
      <c r="D1867" t="s">
        <v>3602</v>
      </c>
      <c r="E1867" t="s">
        <v>31505</v>
      </c>
      <c r="F1867">
        <v>4</v>
      </c>
      <c r="G1867" t="s">
        <v>766</v>
      </c>
      <c r="H1867" t="s">
        <v>3603</v>
      </c>
      <c r="I1867" t="s">
        <v>30540</v>
      </c>
    </row>
    <row r="1868" spans="1:9">
      <c r="A1868" s="1">
        <f ca="1">RAND()</f>
        <v>0.79598581194229279</v>
      </c>
      <c r="B1868" s="1"/>
      <c r="C1868">
        <v>11</v>
      </c>
      <c r="D1868" t="s">
        <v>3598</v>
      </c>
      <c r="E1868" t="s">
        <v>31505</v>
      </c>
      <c r="F1868">
        <v>4</v>
      </c>
      <c r="G1868" t="s">
        <v>1295</v>
      </c>
      <c r="H1868" t="s">
        <v>3599</v>
      </c>
      <c r="I1868" t="s">
        <v>30540</v>
      </c>
    </row>
    <row r="1869" spans="1:9">
      <c r="A1869" s="1">
        <f ca="1">RAND()</f>
        <v>0.86488613595961161</v>
      </c>
      <c r="B1869" s="1"/>
      <c r="C1869">
        <v>4</v>
      </c>
      <c r="D1869" t="s">
        <v>3590</v>
      </c>
      <c r="E1869" t="s">
        <v>31505</v>
      </c>
      <c r="F1869">
        <v>4</v>
      </c>
      <c r="G1869" t="s">
        <v>13</v>
      </c>
      <c r="H1869" t="s">
        <v>3591</v>
      </c>
      <c r="I1869" t="s">
        <v>30540</v>
      </c>
    </row>
    <row r="1870" spans="1:9">
      <c r="A1870" s="1">
        <f ca="1">RAND()</f>
        <v>0.11865872480248785</v>
      </c>
      <c r="B1870" s="1"/>
      <c r="C1870">
        <v>6</v>
      </c>
      <c r="D1870" t="s">
        <v>3594</v>
      </c>
      <c r="E1870" t="s">
        <v>31505</v>
      </c>
      <c r="F1870">
        <v>4</v>
      </c>
      <c r="G1870" t="s">
        <v>765</v>
      </c>
      <c r="H1870" t="s">
        <v>3595</v>
      </c>
      <c r="I1870" t="s">
        <v>30540</v>
      </c>
    </row>
    <row r="1871" spans="1:9">
      <c r="A1871" s="1">
        <f ca="1">RAND()</f>
        <v>0.81283446310564722</v>
      </c>
      <c r="B1871" s="1"/>
      <c r="C1871">
        <v>7</v>
      </c>
      <c r="D1871" t="s">
        <v>3596</v>
      </c>
      <c r="E1871" t="s">
        <v>31505</v>
      </c>
      <c r="F1871">
        <v>4</v>
      </c>
      <c r="G1871" t="s">
        <v>9</v>
      </c>
      <c r="H1871" t="s">
        <v>3597</v>
      </c>
      <c r="I1871" t="s">
        <v>30540</v>
      </c>
    </row>
    <row r="1872" spans="1:9">
      <c r="A1872" s="1">
        <f ca="1">RAND()</f>
        <v>0.89688463353192305</v>
      </c>
      <c r="B1872" s="1"/>
      <c r="C1872">
        <v>20</v>
      </c>
      <c r="D1872" t="s">
        <v>3608</v>
      </c>
      <c r="E1872" t="s">
        <v>31505</v>
      </c>
      <c r="F1872">
        <v>4</v>
      </c>
      <c r="G1872" t="s">
        <v>1431</v>
      </c>
      <c r="H1872" t="s">
        <v>3609</v>
      </c>
      <c r="I1872" t="s">
        <v>30540</v>
      </c>
    </row>
    <row r="1873" spans="1:9">
      <c r="A1873" s="1">
        <f ca="1">RAND()</f>
        <v>0.36255104542477545</v>
      </c>
      <c r="B1873" s="1"/>
      <c r="C1873">
        <v>14</v>
      </c>
      <c r="D1873" t="s">
        <v>3600</v>
      </c>
      <c r="E1873" t="s">
        <v>31505</v>
      </c>
      <c r="F1873">
        <v>4</v>
      </c>
      <c r="G1873" t="s">
        <v>1426</v>
      </c>
      <c r="H1873" t="s">
        <v>3601</v>
      </c>
      <c r="I1873" t="s">
        <v>30540</v>
      </c>
    </row>
    <row r="1874" spans="1:9">
      <c r="A1874" s="1">
        <f ca="1">RAND()</f>
        <v>0.59696974490059584</v>
      </c>
      <c r="B1874" s="1"/>
      <c r="C1874">
        <v>4</v>
      </c>
      <c r="D1874" t="s">
        <v>3588</v>
      </c>
      <c r="E1874" t="s">
        <v>31506</v>
      </c>
      <c r="F1874">
        <v>5</v>
      </c>
      <c r="G1874" t="s">
        <v>2</v>
      </c>
      <c r="H1874" t="s">
        <v>3589</v>
      </c>
      <c r="I1874" t="s">
        <v>30540</v>
      </c>
    </row>
    <row r="1875" spans="1:9">
      <c r="A1875" s="1">
        <f ca="1">RAND()</f>
        <v>0.10196079485323484</v>
      </c>
      <c r="B1875" s="1"/>
      <c r="C1875">
        <v>2</v>
      </c>
      <c r="D1875" t="s">
        <v>3584</v>
      </c>
      <c r="E1875" t="s">
        <v>31506</v>
      </c>
      <c r="F1875">
        <v>5</v>
      </c>
      <c r="G1875" t="s">
        <v>1</v>
      </c>
      <c r="H1875" t="s">
        <v>3585</v>
      </c>
      <c r="I1875" t="s">
        <v>30540</v>
      </c>
    </row>
    <row r="1876" spans="1:9">
      <c r="A1876" s="1">
        <f ca="1">RAND()</f>
        <v>0.51336613587960278</v>
      </c>
      <c r="B1876" s="1"/>
      <c r="C1876">
        <v>3</v>
      </c>
      <c r="D1876" t="s">
        <v>3586</v>
      </c>
      <c r="E1876" t="s">
        <v>31506</v>
      </c>
      <c r="F1876">
        <v>4</v>
      </c>
      <c r="G1876" t="s">
        <v>2</v>
      </c>
      <c r="H1876" t="s">
        <v>3587</v>
      </c>
      <c r="I1876" t="s">
        <v>30540</v>
      </c>
    </row>
    <row r="1877" spans="1:9">
      <c r="A1877" s="1">
        <f ca="1">RAND()</f>
        <v>0.19858522589779692</v>
      </c>
      <c r="B1877" s="1"/>
      <c r="C1877">
        <v>1</v>
      </c>
      <c r="D1877" t="s">
        <v>3582</v>
      </c>
      <c r="E1877" t="s">
        <v>31506</v>
      </c>
      <c r="F1877">
        <v>4</v>
      </c>
      <c r="G1877" t="s">
        <v>9</v>
      </c>
      <c r="H1877" t="s">
        <v>3583</v>
      </c>
      <c r="I1877" t="s">
        <v>30540</v>
      </c>
    </row>
    <row r="1878" spans="1:9">
      <c r="A1878" s="1">
        <f ca="1">RAND()</f>
        <v>0.65614128193957966</v>
      </c>
      <c r="B1878" s="1"/>
      <c r="C1878">
        <v>3</v>
      </c>
      <c r="D1878" t="s">
        <v>3578</v>
      </c>
      <c r="E1878" t="s">
        <v>31507</v>
      </c>
      <c r="F1878">
        <v>4</v>
      </c>
      <c r="G1878" t="s">
        <v>13</v>
      </c>
      <c r="H1878" t="s">
        <v>3579</v>
      </c>
      <c r="I1878" t="s">
        <v>30540</v>
      </c>
    </row>
    <row r="1879" spans="1:9">
      <c r="A1879" s="1">
        <f ca="1">RAND()</f>
        <v>3.0973121643997015E-2</v>
      </c>
      <c r="B1879" s="1"/>
      <c r="C1879">
        <v>6</v>
      </c>
      <c r="D1879" t="s">
        <v>3580</v>
      </c>
      <c r="E1879" t="s">
        <v>31507</v>
      </c>
      <c r="F1879">
        <v>4</v>
      </c>
      <c r="G1879" t="s">
        <v>0</v>
      </c>
      <c r="H1879" t="s">
        <v>3581</v>
      </c>
      <c r="I1879" t="s">
        <v>30540</v>
      </c>
    </row>
    <row r="1880" spans="1:9">
      <c r="A1880" s="1">
        <f ca="1">RAND()</f>
        <v>0.1535115132451782</v>
      </c>
      <c r="B1880" s="1"/>
      <c r="C1880">
        <v>6</v>
      </c>
      <c r="D1880" t="s">
        <v>3574</v>
      </c>
      <c r="E1880" t="s">
        <v>31508</v>
      </c>
      <c r="F1880">
        <v>5</v>
      </c>
      <c r="G1880" t="s">
        <v>2</v>
      </c>
      <c r="H1880" t="s">
        <v>3575</v>
      </c>
      <c r="I1880" t="s">
        <v>30540</v>
      </c>
    </row>
    <row r="1881" spans="1:9">
      <c r="A1881" s="1">
        <f ca="1">RAND()</f>
        <v>0.71317608804960919</v>
      </c>
      <c r="B1881" s="1"/>
      <c r="C1881">
        <v>9</v>
      </c>
      <c r="D1881" t="s">
        <v>3576</v>
      </c>
      <c r="E1881" t="s">
        <v>31508</v>
      </c>
      <c r="F1881">
        <v>4</v>
      </c>
      <c r="G1881" t="s">
        <v>15</v>
      </c>
      <c r="H1881" t="s">
        <v>3577</v>
      </c>
      <c r="I1881" t="s">
        <v>30540</v>
      </c>
    </row>
    <row r="1882" spans="1:9">
      <c r="A1882" s="1">
        <f ca="1">RAND()</f>
        <v>0.16428760750811477</v>
      </c>
      <c r="B1882" s="1"/>
      <c r="C1882">
        <v>1</v>
      </c>
      <c r="D1882" t="s">
        <v>3570</v>
      </c>
      <c r="E1882" t="s">
        <v>31509</v>
      </c>
      <c r="F1882">
        <v>4</v>
      </c>
      <c r="G1882" t="s">
        <v>15</v>
      </c>
      <c r="H1882" t="s">
        <v>3571</v>
      </c>
      <c r="I1882" t="s">
        <v>30540</v>
      </c>
    </row>
    <row r="1883" spans="1:9">
      <c r="A1883" s="1">
        <f ca="1">RAND()</f>
        <v>0.37229075277221568</v>
      </c>
      <c r="B1883" s="1"/>
      <c r="C1883">
        <v>8</v>
      </c>
      <c r="D1883" t="s">
        <v>3572</v>
      </c>
      <c r="E1883" t="s">
        <v>31509</v>
      </c>
      <c r="F1883">
        <v>3</v>
      </c>
      <c r="G1883" t="s">
        <v>0</v>
      </c>
      <c r="H1883" t="s">
        <v>3573</v>
      </c>
      <c r="I1883" t="s">
        <v>30540</v>
      </c>
    </row>
    <row r="1884" spans="1:9">
      <c r="A1884" s="1">
        <f ca="1">RAND()</f>
        <v>0.61031467438913078</v>
      </c>
      <c r="B1884" s="1"/>
      <c r="C1884">
        <v>10</v>
      </c>
      <c r="D1884" t="s">
        <v>3564</v>
      </c>
      <c r="E1884" t="s">
        <v>31510</v>
      </c>
      <c r="F1884">
        <v>5</v>
      </c>
      <c r="G1884" t="s">
        <v>1</v>
      </c>
      <c r="H1884" t="s">
        <v>3565</v>
      </c>
      <c r="I1884" t="s">
        <v>30540</v>
      </c>
    </row>
    <row r="1885" spans="1:9">
      <c r="A1885" s="1">
        <f ca="1">RAND()</f>
        <v>0.75479096119053823</v>
      </c>
      <c r="B1885" s="1"/>
      <c r="C1885">
        <v>13</v>
      </c>
      <c r="D1885" t="s">
        <v>3566</v>
      </c>
      <c r="E1885" t="s">
        <v>31510</v>
      </c>
      <c r="F1885">
        <v>5</v>
      </c>
      <c r="G1885" t="s">
        <v>774</v>
      </c>
      <c r="H1885" t="s">
        <v>3567</v>
      </c>
      <c r="I1885" t="s">
        <v>30540</v>
      </c>
    </row>
    <row r="1886" spans="1:9">
      <c r="A1886" s="1">
        <f ca="1">RAND()</f>
        <v>6.7435604373892177E-2</v>
      </c>
      <c r="B1886" s="1"/>
      <c r="C1886">
        <v>18</v>
      </c>
      <c r="D1886" t="s">
        <v>3568</v>
      </c>
      <c r="E1886" t="s">
        <v>31510</v>
      </c>
      <c r="F1886">
        <v>4</v>
      </c>
      <c r="G1886" t="s">
        <v>766</v>
      </c>
      <c r="H1886" t="s">
        <v>3569</v>
      </c>
      <c r="I1886" t="s">
        <v>30540</v>
      </c>
    </row>
    <row r="1887" spans="1:9">
      <c r="A1887" s="1">
        <f ca="1">RAND()</f>
        <v>0.39356089291512597</v>
      </c>
      <c r="B1887" s="1"/>
      <c r="C1887">
        <v>4</v>
      </c>
      <c r="D1887" t="s">
        <v>3562</v>
      </c>
      <c r="E1887" t="s">
        <v>31511</v>
      </c>
      <c r="F1887">
        <v>4</v>
      </c>
      <c r="G1887" t="s">
        <v>1</v>
      </c>
      <c r="H1887" t="s">
        <v>3563</v>
      </c>
      <c r="I1887" t="s">
        <v>30540</v>
      </c>
    </row>
    <row r="1888" spans="1:9">
      <c r="A1888" s="1">
        <f ca="1">RAND()</f>
        <v>0.47440715410159673</v>
      </c>
      <c r="B1888" s="1"/>
      <c r="C1888">
        <v>5</v>
      </c>
      <c r="D1888" t="s">
        <v>3560</v>
      </c>
      <c r="E1888" t="s">
        <v>31512</v>
      </c>
      <c r="F1888">
        <v>5</v>
      </c>
      <c r="G1888" t="s">
        <v>10</v>
      </c>
      <c r="H1888" t="s">
        <v>3561</v>
      </c>
      <c r="I1888" t="s">
        <v>30540</v>
      </c>
    </row>
    <row r="1889" spans="1:9">
      <c r="A1889" s="1">
        <f ca="1">RAND()</f>
        <v>0.92763180195886008</v>
      </c>
      <c r="B1889" s="1"/>
      <c r="C1889">
        <v>4</v>
      </c>
      <c r="D1889" t="s">
        <v>3558</v>
      </c>
      <c r="E1889" t="s">
        <v>31513</v>
      </c>
      <c r="F1889">
        <v>4</v>
      </c>
      <c r="G1889" t="s">
        <v>0</v>
      </c>
      <c r="H1889" t="s">
        <v>3559</v>
      </c>
      <c r="I1889" t="s">
        <v>30540</v>
      </c>
    </row>
    <row r="1890" spans="1:9">
      <c r="A1890" s="1">
        <f ca="1">RAND()</f>
        <v>0.39507094851718205</v>
      </c>
      <c r="B1890" s="1"/>
      <c r="C1890">
        <v>2</v>
      </c>
      <c r="D1890" t="s">
        <v>3556</v>
      </c>
      <c r="E1890" t="s">
        <v>31513</v>
      </c>
      <c r="F1890">
        <v>3</v>
      </c>
      <c r="G1890" t="s">
        <v>9</v>
      </c>
      <c r="H1890" t="s">
        <v>3557</v>
      </c>
      <c r="I1890" t="s">
        <v>30540</v>
      </c>
    </row>
    <row r="1891" spans="1:9">
      <c r="A1891" s="1">
        <f ca="1">RAND()</f>
        <v>0.81526440218720075</v>
      </c>
      <c r="B1891" s="1"/>
      <c r="C1891">
        <v>12</v>
      </c>
      <c r="D1891" t="s">
        <v>3554</v>
      </c>
      <c r="E1891" t="s">
        <v>31514</v>
      </c>
      <c r="F1891">
        <v>4</v>
      </c>
      <c r="G1891" t="s">
        <v>15</v>
      </c>
      <c r="H1891" t="s">
        <v>3555</v>
      </c>
      <c r="I1891" t="s">
        <v>30540</v>
      </c>
    </row>
    <row r="1892" spans="1:9">
      <c r="A1892" s="1">
        <f ca="1">RAND()</f>
        <v>0.55086273471057268</v>
      </c>
      <c r="B1892" s="1"/>
      <c r="C1892">
        <v>6</v>
      </c>
      <c r="D1892" t="s">
        <v>3546</v>
      </c>
      <c r="E1892" t="s">
        <v>31515</v>
      </c>
      <c r="F1892">
        <v>5</v>
      </c>
      <c r="G1892" t="s">
        <v>765</v>
      </c>
      <c r="H1892" t="s">
        <v>3547</v>
      </c>
      <c r="I1892" t="s">
        <v>30540</v>
      </c>
    </row>
    <row r="1893" spans="1:9">
      <c r="A1893" s="1">
        <f ca="1">RAND()</f>
        <v>0.99521062582147024</v>
      </c>
      <c r="B1893" s="1"/>
      <c r="C1893">
        <v>9</v>
      </c>
      <c r="D1893" t="s">
        <v>3550</v>
      </c>
      <c r="E1893" t="s">
        <v>31515</v>
      </c>
      <c r="F1893">
        <v>4</v>
      </c>
      <c r="G1893" t="s">
        <v>774</v>
      </c>
      <c r="H1893" t="s">
        <v>3551</v>
      </c>
      <c r="I1893" t="s">
        <v>30540</v>
      </c>
    </row>
    <row r="1894" spans="1:9">
      <c r="A1894" s="1">
        <f ca="1">RAND()</f>
        <v>0.50659285060470649</v>
      </c>
      <c r="B1894" s="1"/>
      <c r="C1894">
        <v>5</v>
      </c>
      <c r="D1894" t="s">
        <v>3544</v>
      </c>
      <c r="E1894" t="s">
        <v>31515</v>
      </c>
      <c r="F1894">
        <v>4</v>
      </c>
      <c r="G1894" t="s">
        <v>15</v>
      </c>
      <c r="H1894" t="s">
        <v>3545</v>
      </c>
      <c r="I1894" t="s">
        <v>30540</v>
      </c>
    </row>
    <row r="1895" spans="1:9">
      <c r="A1895" s="1">
        <f ca="1">RAND()</f>
        <v>0.12364777103472169</v>
      </c>
      <c r="B1895" s="1"/>
      <c r="C1895">
        <v>7</v>
      </c>
      <c r="D1895" t="s">
        <v>3548</v>
      </c>
      <c r="E1895" t="s">
        <v>31515</v>
      </c>
      <c r="F1895">
        <v>4</v>
      </c>
      <c r="G1895" t="s">
        <v>1295</v>
      </c>
      <c r="H1895" t="s">
        <v>3549</v>
      </c>
      <c r="I1895" t="s">
        <v>30540</v>
      </c>
    </row>
    <row r="1896" spans="1:9">
      <c r="A1896" s="1">
        <f ca="1">RAND()</f>
        <v>0.27121384635889034</v>
      </c>
      <c r="B1896" s="1"/>
      <c r="C1896">
        <v>11</v>
      </c>
      <c r="D1896" t="s">
        <v>3552</v>
      </c>
      <c r="E1896" t="s">
        <v>31515</v>
      </c>
      <c r="F1896">
        <v>2</v>
      </c>
      <c r="G1896" t="s">
        <v>766</v>
      </c>
      <c r="H1896" t="s">
        <v>3553</v>
      </c>
      <c r="I1896" t="s">
        <v>30540</v>
      </c>
    </row>
    <row r="1897" spans="1:9">
      <c r="A1897" s="1">
        <f ca="1">RAND()</f>
        <v>0.71465284909027738</v>
      </c>
      <c r="B1897" s="1"/>
      <c r="C1897">
        <v>4</v>
      </c>
      <c r="D1897" t="s">
        <v>3542</v>
      </c>
      <c r="E1897" t="s">
        <v>31515</v>
      </c>
      <c r="F1897">
        <v>1</v>
      </c>
      <c r="G1897" t="s">
        <v>14</v>
      </c>
      <c r="H1897" t="s">
        <v>3543</v>
      </c>
      <c r="I1897" t="s">
        <v>30540</v>
      </c>
    </row>
    <row r="1898" spans="1:9">
      <c r="A1898" s="1">
        <f ca="1">RAND()</f>
        <v>0.55154825622611126</v>
      </c>
      <c r="B1898" s="1"/>
      <c r="C1898">
        <v>2</v>
      </c>
      <c r="D1898" t="s">
        <v>3534</v>
      </c>
      <c r="E1898" t="s">
        <v>31516</v>
      </c>
      <c r="F1898">
        <v>4</v>
      </c>
      <c r="G1898" t="s">
        <v>1</v>
      </c>
      <c r="H1898" t="s">
        <v>3535</v>
      </c>
      <c r="I1898" t="s">
        <v>30540</v>
      </c>
    </row>
    <row r="1899" spans="1:9">
      <c r="A1899" s="1">
        <f ca="1">RAND()</f>
        <v>0.55436007923629937</v>
      </c>
      <c r="B1899" s="1"/>
      <c r="C1899">
        <v>6</v>
      </c>
      <c r="D1899" t="s">
        <v>3538</v>
      </c>
      <c r="E1899" t="s">
        <v>31516</v>
      </c>
      <c r="F1899">
        <v>4</v>
      </c>
      <c r="G1899" t="s">
        <v>13</v>
      </c>
      <c r="H1899" t="s">
        <v>3539</v>
      </c>
      <c r="I1899" t="s">
        <v>30540</v>
      </c>
    </row>
    <row r="1900" spans="1:9">
      <c r="A1900" s="1">
        <f ca="1">RAND()</f>
        <v>0.45353133552472258</v>
      </c>
      <c r="B1900" s="1"/>
      <c r="C1900">
        <v>3</v>
      </c>
      <c r="D1900" t="s">
        <v>3536</v>
      </c>
      <c r="E1900" t="s">
        <v>31516</v>
      </c>
      <c r="F1900">
        <v>4</v>
      </c>
      <c r="G1900" t="s">
        <v>15</v>
      </c>
      <c r="H1900" t="s">
        <v>3537</v>
      </c>
      <c r="I1900" t="s">
        <v>30540</v>
      </c>
    </row>
    <row r="1901" spans="1:9">
      <c r="A1901" s="1">
        <f ca="1">RAND()</f>
        <v>0.77404346288843118</v>
      </c>
      <c r="B1901" s="1"/>
      <c r="C1901">
        <v>7</v>
      </c>
      <c r="D1901" t="s">
        <v>3540</v>
      </c>
      <c r="E1901" t="s">
        <v>31516</v>
      </c>
      <c r="F1901">
        <v>4</v>
      </c>
      <c r="G1901" t="s">
        <v>13</v>
      </c>
      <c r="H1901" t="s">
        <v>3541</v>
      </c>
      <c r="I1901" t="s">
        <v>30540</v>
      </c>
    </row>
    <row r="1902" spans="1:9">
      <c r="A1902" s="1">
        <f ca="1">RAND()</f>
        <v>0.7020175032939352</v>
      </c>
      <c r="B1902" s="1"/>
      <c r="C1902">
        <v>7</v>
      </c>
      <c r="D1902" t="s">
        <v>3532</v>
      </c>
      <c r="E1902" t="s">
        <v>31517</v>
      </c>
      <c r="F1902">
        <v>3</v>
      </c>
      <c r="G1902" t="s">
        <v>1</v>
      </c>
      <c r="H1902" t="s">
        <v>3533</v>
      </c>
      <c r="I1902" t="s">
        <v>30540</v>
      </c>
    </row>
    <row r="1903" spans="1:9">
      <c r="A1903" s="1">
        <f ca="1">RAND()</f>
        <v>0.49245095180511655</v>
      </c>
      <c r="B1903" s="1"/>
      <c r="C1903">
        <v>4</v>
      </c>
      <c r="D1903" t="s">
        <v>3530</v>
      </c>
      <c r="E1903" t="s">
        <v>31518</v>
      </c>
      <c r="F1903">
        <v>5</v>
      </c>
      <c r="G1903" t="s">
        <v>0</v>
      </c>
      <c r="H1903" t="s">
        <v>3531</v>
      </c>
      <c r="I1903" t="s">
        <v>30540</v>
      </c>
    </row>
    <row r="1904" spans="1:9">
      <c r="A1904" s="1">
        <f ca="1">RAND()</f>
        <v>0.43480485367031207</v>
      </c>
      <c r="B1904" s="1"/>
      <c r="C1904">
        <v>2</v>
      </c>
      <c r="D1904" t="s">
        <v>3528</v>
      </c>
      <c r="E1904" t="s">
        <v>31518</v>
      </c>
      <c r="F1904">
        <v>4</v>
      </c>
      <c r="G1904" t="s">
        <v>13</v>
      </c>
      <c r="H1904" t="s">
        <v>3529</v>
      </c>
      <c r="I1904" t="s">
        <v>30540</v>
      </c>
    </row>
    <row r="1905" spans="1:9">
      <c r="A1905" s="1">
        <f ca="1">RAND()</f>
        <v>0.78548630320480184</v>
      </c>
      <c r="B1905" s="1"/>
      <c r="C1905">
        <v>5</v>
      </c>
      <c r="D1905" t="s">
        <v>3526</v>
      </c>
      <c r="E1905" t="s">
        <v>31519</v>
      </c>
      <c r="F1905">
        <v>5</v>
      </c>
      <c r="G1905" t="s">
        <v>0</v>
      </c>
      <c r="H1905" t="s">
        <v>3527</v>
      </c>
      <c r="I1905" t="s">
        <v>30540</v>
      </c>
    </row>
    <row r="1906" spans="1:9">
      <c r="A1906" s="1">
        <f ca="1">RAND()</f>
        <v>0.77447534726578648</v>
      </c>
      <c r="B1906" s="1"/>
      <c r="C1906">
        <v>11</v>
      </c>
      <c r="D1906" t="s">
        <v>3524</v>
      </c>
      <c r="E1906" t="s">
        <v>31520</v>
      </c>
      <c r="F1906">
        <v>5</v>
      </c>
      <c r="G1906" t="s">
        <v>1</v>
      </c>
      <c r="H1906" t="s">
        <v>3525</v>
      </c>
      <c r="I1906" t="s">
        <v>30540</v>
      </c>
    </row>
    <row r="1907" spans="1:9">
      <c r="A1907" s="1">
        <f ca="1">RAND()</f>
        <v>0.77793814233992309</v>
      </c>
      <c r="B1907" s="1"/>
      <c r="C1907">
        <v>12</v>
      </c>
      <c r="D1907" t="s">
        <v>3518</v>
      </c>
      <c r="E1907" t="s">
        <v>31521</v>
      </c>
      <c r="F1907">
        <v>4</v>
      </c>
      <c r="G1907" t="s">
        <v>765</v>
      </c>
      <c r="H1907" t="s">
        <v>3519</v>
      </c>
      <c r="I1907" t="s">
        <v>30540</v>
      </c>
    </row>
    <row r="1908" spans="1:9">
      <c r="A1908" s="1">
        <f ca="1">RAND()</f>
        <v>0.51423707149435571</v>
      </c>
      <c r="B1908" s="1"/>
      <c r="C1908">
        <v>15</v>
      </c>
      <c r="D1908" t="s">
        <v>3520</v>
      </c>
      <c r="E1908" t="s">
        <v>31521</v>
      </c>
      <c r="F1908">
        <v>4</v>
      </c>
      <c r="G1908" t="s">
        <v>3107</v>
      </c>
      <c r="H1908" t="s">
        <v>3521</v>
      </c>
      <c r="I1908" t="s">
        <v>30540</v>
      </c>
    </row>
    <row r="1909" spans="1:9">
      <c r="A1909" s="1">
        <f ca="1">RAND()</f>
        <v>0.67240139008531163</v>
      </c>
      <c r="B1909" s="1"/>
      <c r="C1909">
        <v>16</v>
      </c>
      <c r="D1909" t="s">
        <v>3522</v>
      </c>
      <c r="E1909" t="s">
        <v>31521</v>
      </c>
      <c r="F1909">
        <v>4</v>
      </c>
      <c r="G1909" t="s">
        <v>774</v>
      </c>
      <c r="H1909" t="s">
        <v>3523</v>
      </c>
      <c r="I1909" t="s">
        <v>30540</v>
      </c>
    </row>
    <row r="1910" spans="1:9">
      <c r="A1910" s="1">
        <f ca="1">RAND()</f>
        <v>3.050481628042756E-2</v>
      </c>
      <c r="B1910" s="1"/>
      <c r="C1910">
        <v>2</v>
      </c>
      <c r="D1910" t="s">
        <v>3514</v>
      </c>
      <c r="E1910" t="s">
        <v>31521</v>
      </c>
      <c r="F1910">
        <v>4</v>
      </c>
      <c r="G1910" t="s">
        <v>1</v>
      </c>
      <c r="H1910" t="s">
        <v>3515</v>
      </c>
      <c r="I1910" t="s">
        <v>30540</v>
      </c>
    </row>
    <row r="1911" spans="1:9">
      <c r="A1911" s="1">
        <f ca="1">RAND()</f>
        <v>0.56319688110709698</v>
      </c>
      <c r="B1911" s="1"/>
      <c r="C1911">
        <v>3</v>
      </c>
      <c r="D1911" t="s">
        <v>3516</v>
      </c>
      <c r="E1911" t="s">
        <v>31521</v>
      </c>
      <c r="F1911">
        <v>4</v>
      </c>
      <c r="G1911" t="s">
        <v>0</v>
      </c>
      <c r="H1911" t="s">
        <v>3517</v>
      </c>
      <c r="I1911" t="s">
        <v>30540</v>
      </c>
    </row>
    <row r="1912" spans="1:9">
      <c r="A1912" s="1">
        <f ca="1">RAND()</f>
        <v>0.12850606218356075</v>
      </c>
      <c r="B1912" s="1"/>
      <c r="C1912">
        <v>1</v>
      </c>
      <c r="D1912" t="s">
        <v>3512</v>
      </c>
      <c r="E1912" t="s">
        <v>31521</v>
      </c>
      <c r="F1912">
        <v>4</v>
      </c>
      <c r="G1912" t="s">
        <v>775</v>
      </c>
      <c r="H1912" t="s">
        <v>3513</v>
      </c>
      <c r="I1912" t="s">
        <v>30540</v>
      </c>
    </row>
    <row r="1913" spans="1:9">
      <c r="A1913" s="1">
        <f ca="1">RAND()</f>
        <v>0.49583825406199133</v>
      </c>
      <c r="B1913" s="1"/>
      <c r="C1913">
        <v>7</v>
      </c>
      <c r="D1913" t="s">
        <v>3510</v>
      </c>
      <c r="E1913" t="s">
        <v>31522</v>
      </c>
      <c r="F1913">
        <v>5</v>
      </c>
      <c r="G1913" t="s">
        <v>0</v>
      </c>
      <c r="H1913" t="s">
        <v>3511</v>
      </c>
      <c r="I1913" t="s">
        <v>30540</v>
      </c>
    </row>
    <row r="1914" spans="1:9">
      <c r="A1914" s="1">
        <f ca="1">RAND()</f>
        <v>0.3370853485499693</v>
      </c>
      <c r="B1914" s="1"/>
      <c r="C1914">
        <v>1</v>
      </c>
      <c r="D1914" t="s">
        <v>3508</v>
      </c>
      <c r="E1914" t="s">
        <v>31522</v>
      </c>
      <c r="F1914">
        <v>2</v>
      </c>
      <c r="G1914" t="s">
        <v>1</v>
      </c>
      <c r="H1914" t="s">
        <v>3509</v>
      </c>
      <c r="I1914" t="s">
        <v>30540</v>
      </c>
    </row>
    <row r="1915" spans="1:9">
      <c r="A1915" s="1">
        <f ca="1">RAND()</f>
        <v>0.6895667764246477</v>
      </c>
      <c r="B1915" s="1"/>
      <c r="C1915">
        <v>2</v>
      </c>
      <c r="D1915" t="s">
        <v>3506</v>
      </c>
      <c r="E1915" t="s">
        <v>31523</v>
      </c>
      <c r="F1915">
        <v>4</v>
      </c>
      <c r="G1915" t="s">
        <v>9</v>
      </c>
      <c r="H1915" t="s">
        <v>3507</v>
      </c>
      <c r="I1915" t="s">
        <v>30540</v>
      </c>
    </row>
    <row r="1916" spans="1:9">
      <c r="A1916" s="1">
        <f ca="1">RAND()</f>
        <v>8.6688053457161574E-2</v>
      </c>
      <c r="B1916" s="1"/>
      <c r="C1916">
        <v>8</v>
      </c>
      <c r="D1916" t="s">
        <v>3496</v>
      </c>
      <c r="E1916" t="s">
        <v>31524</v>
      </c>
      <c r="F1916">
        <v>5</v>
      </c>
      <c r="G1916" t="s">
        <v>774</v>
      </c>
      <c r="H1916" t="s">
        <v>3497</v>
      </c>
      <c r="I1916" t="s">
        <v>30540</v>
      </c>
    </row>
    <row r="1917" spans="1:9">
      <c r="A1917" s="1">
        <f ca="1">RAND()</f>
        <v>0.52384235258767842</v>
      </c>
      <c r="B1917" s="1"/>
      <c r="C1917">
        <v>6</v>
      </c>
      <c r="D1917" t="s">
        <v>3494</v>
      </c>
      <c r="E1917" t="s">
        <v>31524</v>
      </c>
      <c r="F1917">
        <v>5</v>
      </c>
      <c r="G1917" t="s">
        <v>9</v>
      </c>
      <c r="H1917" t="s">
        <v>3495</v>
      </c>
      <c r="I1917" t="s">
        <v>30540</v>
      </c>
    </row>
    <row r="1918" spans="1:9">
      <c r="A1918" s="1">
        <f ca="1">RAND()</f>
        <v>0.65912772635240946</v>
      </c>
      <c r="B1918" s="1"/>
      <c r="C1918">
        <v>4</v>
      </c>
      <c r="D1918" t="s">
        <v>3490</v>
      </c>
      <c r="E1918" t="s">
        <v>31524</v>
      </c>
      <c r="F1918">
        <v>5</v>
      </c>
      <c r="G1918" t="s">
        <v>1426</v>
      </c>
      <c r="H1918" t="s">
        <v>3491</v>
      </c>
      <c r="I1918" t="s">
        <v>30540</v>
      </c>
    </row>
    <row r="1919" spans="1:9">
      <c r="A1919" s="1">
        <f ca="1">RAND()</f>
        <v>0.95096793707890448</v>
      </c>
      <c r="B1919" s="1"/>
      <c r="C1919">
        <v>18</v>
      </c>
      <c r="D1919" t="s">
        <v>3504</v>
      </c>
      <c r="E1919" t="s">
        <v>31524</v>
      </c>
      <c r="F1919">
        <v>5</v>
      </c>
      <c r="G1919" t="s">
        <v>1295</v>
      </c>
      <c r="H1919" t="s">
        <v>3505</v>
      </c>
      <c r="I1919" t="s">
        <v>30540</v>
      </c>
    </row>
    <row r="1920" spans="1:9">
      <c r="A1920" s="1">
        <f ca="1">RAND()</f>
        <v>0.95473026217184298</v>
      </c>
      <c r="B1920" s="1"/>
      <c r="C1920">
        <v>5</v>
      </c>
      <c r="D1920" t="s">
        <v>3492</v>
      </c>
      <c r="E1920" t="s">
        <v>31524</v>
      </c>
      <c r="F1920">
        <v>4</v>
      </c>
      <c r="G1920" t="s">
        <v>10</v>
      </c>
      <c r="H1920" t="s">
        <v>3493</v>
      </c>
      <c r="I1920" t="s">
        <v>30540</v>
      </c>
    </row>
    <row r="1921" spans="1:9">
      <c r="A1921" s="1">
        <f ca="1">RAND()</f>
        <v>0.97561047607960216</v>
      </c>
      <c r="B1921" s="1"/>
      <c r="C1921">
        <v>11</v>
      </c>
      <c r="D1921" t="s">
        <v>3498</v>
      </c>
      <c r="E1921" t="s">
        <v>31524</v>
      </c>
      <c r="F1921">
        <v>4</v>
      </c>
      <c r="G1921" t="s">
        <v>9</v>
      </c>
      <c r="H1921" t="s">
        <v>3499</v>
      </c>
      <c r="I1921" t="s">
        <v>30540</v>
      </c>
    </row>
    <row r="1922" spans="1:9">
      <c r="A1922" s="1">
        <f ca="1">RAND()</f>
        <v>0.36284043810802735</v>
      </c>
      <c r="B1922" s="1"/>
      <c r="C1922">
        <v>17</v>
      </c>
      <c r="D1922" t="s">
        <v>3502</v>
      </c>
      <c r="E1922" t="s">
        <v>31524</v>
      </c>
      <c r="F1922">
        <v>4</v>
      </c>
      <c r="G1922" t="s">
        <v>2229</v>
      </c>
      <c r="H1922" t="s">
        <v>3503</v>
      </c>
      <c r="I1922" t="s">
        <v>30540</v>
      </c>
    </row>
    <row r="1923" spans="1:9">
      <c r="A1923" s="1">
        <f ca="1">RAND()</f>
        <v>9.9547636112163995E-2</v>
      </c>
      <c r="B1923" s="1"/>
      <c r="C1923">
        <v>1</v>
      </c>
      <c r="D1923" t="s">
        <v>3488</v>
      </c>
      <c r="E1923" t="s">
        <v>31524</v>
      </c>
      <c r="F1923">
        <v>3</v>
      </c>
      <c r="G1923" t="s">
        <v>766</v>
      </c>
      <c r="H1923" t="s">
        <v>3489</v>
      </c>
      <c r="I1923" t="s">
        <v>30540</v>
      </c>
    </row>
    <row r="1924" spans="1:9">
      <c r="A1924" s="1">
        <f ca="1">RAND()</f>
        <v>0.90014112057870044</v>
      </c>
      <c r="B1924" s="1"/>
      <c r="C1924">
        <v>13</v>
      </c>
      <c r="D1924" t="s">
        <v>3500</v>
      </c>
      <c r="E1924" t="s">
        <v>31524</v>
      </c>
      <c r="F1924">
        <v>2</v>
      </c>
      <c r="G1924" t="s">
        <v>9</v>
      </c>
      <c r="H1924" t="s">
        <v>3501</v>
      </c>
      <c r="I1924" t="s">
        <v>30540</v>
      </c>
    </row>
    <row r="1925" spans="1:9">
      <c r="A1925" s="1">
        <f ca="1">RAND()</f>
        <v>0.59088865619383757</v>
      </c>
      <c r="B1925" s="1"/>
      <c r="C1925">
        <v>8</v>
      </c>
      <c r="D1925" t="s">
        <v>3486</v>
      </c>
      <c r="E1925" t="s">
        <v>31525</v>
      </c>
      <c r="F1925">
        <v>4</v>
      </c>
      <c r="G1925" t="s">
        <v>0</v>
      </c>
      <c r="H1925" t="s">
        <v>3487</v>
      </c>
      <c r="I1925" t="s">
        <v>30540</v>
      </c>
    </row>
    <row r="1926" spans="1:9">
      <c r="A1926" s="1">
        <f ca="1">RAND()</f>
        <v>0.78166147910496475</v>
      </c>
      <c r="B1926" s="1"/>
      <c r="C1926">
        <v>5</v>
      </c>
      <c r="D1926" t="s">
        <v>3482</v>
      </c>
      <c r="E1926" t="s">
        <v>31525</v>
      </c>
      <c r="F1926">
        <v>4</v>
      </c>
      <c r="G1926" t="s">
        <v>14</v>
      </c>
      <c r="H1926" t="s">
        <v>3483</v>
      </c>
      <c r="I1926" t="s">
        <v>30540</v>
      </c>
    </row>
    <row r="1927" spans="1:9">
      <c r="A1927" s="1">
        <f ca="1">RAND()</f>
        <v>0.16985431626413572</v>
      </c>
      <c r="B1927" s="1"/>
      <c r="C1927">
        <v>2</v>
      </c>
      <c r="D1927" t="s">
        <v>3480</v>
      </c>
      <c r="E1927" t="s">
        <v>31525</v>
      </c>
      <c r="F1927">
        <v>3</v>
      </c>
      <c r="G1927" t="s">
        <v>14</v>
      </c>
      <c r="H1927" t="s">
        <v>3481</v>
      </c>
      <c r="I1927" t="s">
        <v>30540</v>
      </c>
    </row>
    <row r="1928" spans="1:9">
      <c r="A1928" s="1">
        <f ca="1">RAND()</f>
        <v>0.56578302858071128</v>
      </c>
      <c r="B1928" s="1"/>
      <c r="C1928">
        <v>6</v>
      </c>
      <c r="D1928" t="s">
        <v>3484</v>
      </c>
      <c r="E1928" t="s">
        <v>31525</v>
      </c>
      <c r="F1928">
        <v>2</v>
      </c>
      <c r="G1928" t="s">
        <v>14</v>
      </c>
      <c r="H1928" t="s">
        <v>3485</v>
      </c>
      <c r="I1928" t="s">
        <v>30540</v>
      </c>
    </row>
    <row r="1929" spans="1:9">
      <c r="A1929" s="1">
        <f ca="1">RAND()</f>
        <v>0.95259236150697058</v>
      </c>
      <c r="B1929" s="1"/>
      <c r="C1929">
        <v>4</v>
      </c>
      <c r="D1929" t="s">
        <v>3478</v>
      </c>
      <c r="E1929" t="s">
        <v>31526</v>
      </c>
      <c r="F1929">
        <v>5</v>
      </c>
      <c r="G1929" t="s">
        <v>1</v>
      </c>
      <c r="H1929" t="s">
        <v>3479</v>
      </c>
      <c r="I1929" t="s">
        <v>30540</v>
      </c>
    </row>
    <row r="1930" spans="1:9">
      <c r="A1930" s="1">
        <f ca="1">RAND()</f>
        <v>0.62650309436322693</v>
      </c>
      <c r="B1930" s="1"/>
      <c r="C1930">
        <v>7</v>
      </c>
      <c r="D1930" t="s">
        <v>3476</v>
      </c>
      <c r="E1930" t="s">
        <v>31527</v>
      </c>
      <c r="F1930">
        <v>5</v>
      </c>
      <c r="G1930" t="s">
        <v>13</v>
      </c>
      <c r="H1930" t="s">
        <v>3477</v>
      </c>
      <c r="I1930" t="s">
        <v>30540</v>
      </c>
    </row>
    <row r="1931" spans="1:9">
      <c r="A1931" s="1">
        <f ca="1">RAND()</f>
        <v>0.75702854242089912</v>
      </c>
      <c r="B1931" s="1"/>
      <c r="C1931">
        <v>1</v>
      </c>
      <c r="D1931" t="s">
        <v>3472</v>
      </c>
      <c r="E1931" t="s">
        <v>31527</v>
      </c>
      <c r="F1931">
        <v>4</v>
      </c>
      <c r="G1931" t="s">
        <v>10</v>
      </c>
      <c r="H1931" t="s">
        <v>3473</v>
      </c>
      <c r="I1931" t="s">
        <v>30540</v>
      </c>
    </row>
    <row r="1932" spans="1:9">
      <c r="A1932" s="1">
        <f ca="1">RAND()</f>
        <v>8.5286482423811094E-2</v>
      </c>
      <c r="B1932" s="1"/>
      <c r="C1932">
        <v>3</v>
      </c>
      <c r="D1932" t="s">
        <v>3474</v>
      </c>
      <c r="E1932" t="s">
        <v>31527</v>
      </c>
      <c r="F1932">
        <v>2</v>
      </c>
      <c r="G1932" t="s">
        <v>15</v>
      </c>
      <c r="H1932" t="s">
        <v>3475</v>
      </c>
      <c r="I1932" t="s">
        <v>30540</v>
      </c>
    </row>
    <row r="1933" spans="1:9">
      <c r="A1933" s="1">
        <f ca="1">RAND()</f>
        <v>0.52242558494130964</v>
      </c>
      <c r="B1933" s="1"/>
      <c r="C1933">
        <v>3</v>
      </c>
      <c r="D1933" t="s">
        <v>3460</v>
      </c>
      <c r="E1933" t="s">
        <v>31528</v>
      </c>
      <c r="F1933">
        <v>5</v>
      </c>
      <c r="G1933" t="s">
        <v>0</v>
      </c>
      <c r="H1933" t="s">
        <v>3461</v>
      </c>
      <c r="I1933" t="s">
        <v>30540</v>
      </c>
    </row>
    <row r="1934" spans="1:9">
      <c r="A1934" s="1">
        <f ca="1">RAND()</f>
        <v>0.16742680968268409</v>
      </c>
      <c r="B1934" s="1"/>
      <c r="C1934">
        <v>14</v>
      </c>
      <c r="D1934" t="s">
        <v>3468</v>
      </c>
      <c r="E1934" t="s">
        <v>31528</v>
      </c>
      <c r="F1934">
        <v>5</v>
      </c>
      <c r="G1934" t="s">
        <v>1295</v>
      </c>
      <c r="H1934" t="s">
        <v>3469</v>
      </c>
      <c r="I1934" t="s">
        <v>30540</v>
      </c>
    </row>
    <row r="1935" spans="1:9">
      <c r="A1935" s="1">
        <f ca="1">RAND()</f>
        <v>0.85356616916967409</v>
      </c>
      <c r="B1935" s="1"/>
      <c r="C1935">
        <v>10</v>
      </c>
      <c r="D1935" t="s">
        <v>3464</v>
      </c>
      <c r="E1935" t="s">
        <v>31528</v>
      </c>
      <c r="F1935">
        <v>4</v>
      </c>
      <c r="G1935" t="s">
        <v>774</v>
      </c>
      <c r="H1935" t="s">
        <v>3465</v>
      </c>
      <c r="I1935" t="s">
        <v>30540</v>
      </c>
    </row>
    <row r="1936" spans="1:9">
      <c r="A1936" s="1">
        <f ca="1">RAND()</f>
        <v>0.81562278543679601</v>
      </c>
      <c r="B1936" s="1"/>
      <c r="C1936">
        <v>13</v>
      </c>
      <c r="D1936" t="s">
        <v>3466</v>
      </c>
      <c r="E1936" t="s">
        <v>31528</v>
      </c>
      <c r="F1936">
        <v>4</v>
      </c>
      <c r="G1936" t="s">
        <v>1426</v>
      </c>
      <c r="H1936" t="s">
        <v>3467</v>
      </c>
      <c r="I1936" t="s">
        <v>30540</v>
      </c>
    </row>
    <row r="1937" spans="1:9">
      <c r="A1937" s="1">
        <f ca="1">RAND()</f>
        <v>0.10720974804116856</v>
      </c>
      <c r="B1937" s="1"/>
      <c r="C1937">
        <v>5</v>
      </c>
      <c r="D1937" t="s">
        <v>3462</v>
      </c>
      <c r="E1937" t="s">
        <v>31528</v>
      </c>
      <c r="F1937">
        <v>4</v>
      </c>
      <c r="G1937" t="s">
        <v>1426</v>
      </c>
      <c r="H1937" t="s">
        <v>3463</v>
      </c>
      <c r="I1937" t="s">
        <v>30540</v>
      </c>
    </row>
    <row r="1938" spans="1:9">
      <c r="A1938" s="1">
        <f ca="1">RAND()</f>
        <v>0.75031043504865347</v>
      </c>
      <c r="B1938" s="1"/>
      <c r="C1938">
        <v>15</v>
      </c>
      <c r="D1938" t="s">
        <v>3470</v>
      </c>
      <c r="E1938" t="s">
        <v>31528</v>
      </c>
      <c r="F1938">
        <v>3</v>
      </c>
      <c r="G1938" t="s">
        <v>3107</v>
      </c>
      <c r="H1938" t="s">
        <v>3471</v>
      </c>
      <c r="I1938" t="s">
        <v>30540</v>
      </c>
    </row>
    <row r="1939" spans="1:9">
      <c r="A1939" s="1">
        <f ca="1">RAND()</f>
        <v>0.5549164259643985</v>
      </c>
      <c r="B1939" s="1"/>
      <c r="C1939">
        <v>4</v>
      </c>
      <c r="D1939" t="s">
        <v>3458</v>
      </c>
      <c r="E1939" t="s">
        <v>31529</v>
      </c>
      <c r="F1939">
        <v>4</v>
      </c>
      <c r="G1939" t="s">
        <v>9</v>
      </c>
      <c r="H1939" t="s">
        <v>3459</v>
      </c>
      <c r="I1939" t="s">
        <v>30540</v>
      </c>
    </row>
    <row r="1940" spans="1:9">
      <c r="A1940" s="1">
        <f ca="1">RAND()</f>
        <v>0.56078856583485148</v>
      </c>
      <c r="B1940" s="1"/>
      <c r="C1940">
        <v>2</v>
      </c>
      <c r="D1940" t="s">
        <v>3454</v>
      </c>
      <c r="E1940" t="s">
        <v>31530</v>
      </c>
      <c r="F1940">
        <v>4</v>
      </c>
      <c r="G1940" t="s">
        <v>13</v>
      </c>
      <c r="H1940" t="s">
        <v>3455</v>
      </c>
      <c r="I1940" t="s">
        <v>30540</v>
      </c>
    </row>
    <row r="1941" spans="1:9">
      <c r="A1941" s="1">
        <f ca="1">RAND()</f>
        <v>0.2411230587361729</v>
      </c>
      <c r="B1941" s="1"/>
      <c r="C1941">
        <v>7</v>
      </c>
      <c r="D1941" t="s">
        <v>3456</v>
      </c>
      <c r="E1941" t="s">
        <v>31530</v>
      </c>
      <c r="F1941">
        <v>3</v>
      </c>
      <c r="G1941" t="s">
        <v>1</v>
      </c>
      <c r="H1941" t="s">
        <v>3457</v>
      </c>
      <c r="I1941" t="s">
        <v>30540</v>
      </c>
    </row>
    <row r="1942" spans="1:9">
      <c r="A1942" s="1">
        <f ca="1">RAND()</f>
        <v>0.91366050366456386</v>
      </c>
      <c r="B1942" s="1"/>
      <c r="C1942">
        <v>3</v>
      </c>
      <c r="D1942" t="s">
        <v>3452</v>
      </c>
      <c r="E1942" t="s">
        <v>31531</v>
      </c>
      <c r="F1942">
        <v>4</v>
      </c>
      <c r="G1942" t="s">
        <v>0</v>
      </c>
      <c r="H1942" t="s">
        <v>3453</v>
      </c>
      <c r="I1942" t="s">
        <v>30540</v>
      </c>
    </row>
    <row r="1943" spans="1:9">
      <c r="A1943" s="1">
        <f ca="1">RAND()</f>
        <v>0.65817353865848705</v>
      </c>
      <c r="B1943" s="1"/>
      <c r="C1943">
        <v>3</v>
      </c>
      <c r="D1943" t="s">
        <v>3450</v>
      </c>
      <c r="E1943" t="s">
        <v>31532</v>
      </c>
      <c r="F1943">
        <v>2</v>
      </c>
      <c r="G1943" t="s">
        <v>1</v>
      </c>
      <c r="H1943" t="s">
        <v>3451</v>
      </c>
      <c r="I1943" t="s">
        <v>30540</v>
      </c>
    </row>
    <row r="1944" spans="1:9">
      <c r="A1944" s="1">
        <f ca="1">RAND()</f>
        <v>0.74010854861783182</v>
      </c>
      <c r="B1944" s="1"/>
      <c r="C1944">
        <v>7</v>
      </c>
      <c r="D1944" t="s">
        <v>3444</v>
      </c>
      <c r="E1944" t="s">
        <v>31533</v>
      </c>
      <c r="F1944">
        <v>5</v>
      </c>
      <c r="G1944" t="s">
        <v>1426</v>
      </c>
      <c r="H1944" t="s">
        <v>3445</v>
      </c>
      <c r="I1944" t="s">
        <v>30540</v>
      </c>
    </row>
    <row r="1945" spans="1:9">
      <c r="A1945" s="1">
        <f ca="1">RAND()</f>
        <v>0.48688210640448271</v>
      </c>
      <c r="B1945" s="1"/>
      <c r="C1945">
        <v>1</v>
      </c>
      <c r="D1945" t="s">
        <v>3442</v>
      </c>
      <c r="E1945" t="s">
        <v>31533</v>
      </c>
      <c r="F1945">
        <v>4</v>
      </c>
      <c r="G1945" t="s">
        <v>0</v>
      </c>
      <c r="H1945" t="s">
        <v>3443</v>
      </c>
      <c r="I1945" t="s">
        <v>30540</v>
      </c>
    </row>
    <row r="1946" spans="1:9">
      <c r="A1946" s="1">
        <f ca="1">RAND()</f>
        <v>0.68545282935476515</v>
      </c>
      <c r="B1946" s="1"/>
      <c r="C1946">
        <v>13</v>
      </c>
      <c r="D1946" t="s">
        <v>3448</v>
      </c>
      <c r="E1946" t="s">
        <v>31533</v>
      </c>
      <c r="F1946">
        <v>4</v>
      </c>
      <c r="G1946" t="s">
        <v>770</v>
      </c>
      <c r="H1946" t="s">
        <v>3449</v>
      </c>
      <c r="I1946" t="s">
        <v>30540</v>
      </c>
    </row>
    <row r="1947" spans="1:9">
      <c r="A1947" s="1">
        <f ca="1">RAND()</f>
        <v>0.51918060809238342</v>
      </c>
      <c r="B1947" s="1"/>
      <c r="C1947">
        <v>8</v>
      </c>
      <c r="D1947" t="s">
        <v>3446</v>
      </c>
      <c r="E1947" t="s">
        <v>31533</v>
      </c>
      <c r="F1947">
        <v>3</v>
      </c>
      <c r="G1947" t="s">
        <v>13</v>
      </c>
      <c r="H1947" t="s">
        <v>3447</v>
      </c>
      <c r="I1947" t="s">
        <v>30540</v>
      </c>
    </row>
    <row r="1948" spans="1:9">
      <c r="A1948" s="1">
        <f ca="1">RAND()</f>
        <v>0.9067117601953496</v>
      </c>
      <c r="B1948" s="1"/>
      <c r="C1948">
        <v>5</v>
      </c>
      <c r="D1948" t="s">
        <v>3440</v>
      </c>
      <c r="E1948" t="s">
        <v>31534</v>
      </c>
      <c r="F1948">
        <v>4</v>
      </c>
      <c r="G1948" t="s">
        <v>1</v>
      </c>
      <c r="H1948" t="s">
        <v>3441</v>
      </c>
      <c r="I1948" t="s">
        <v>30540</v>
      </c>
    </row>
    <row r="1949" spans="1:9">
      <c r="A1949" s="1">
        <f ca="1">RAND()</f>
        <v>0.33203418844606081</v>
      </c>
      <c r="B1949" s="1"/>
      <c r="C1949">
        <v>3</v>
      </c>
      <c r="D1949" t="s">
        <v>3438</v>
      </c>
      <c r="E1949" t="s">
        <v>31534</v>
      </c>
      <c r="F1949">
        <v>4</v>
      </c>
      <c r="G1949" t="s">
        <v>0</v>
      </c>
      <c r="H1949" t="s">
        <v>3439</v>
      </c>
      <c r="I1949" t="s">
        <v>30540</v>
      </c>
    </row>
    <row r="1950" spans="1:9">
      <c r="A1950" s="1">
        <f ca="1">RAND()</f>
        <v>0.93198823164597955</v>
      </c>
      <c r="B1950" s="1"/>
      <c r="C1950">
        <v>6</v>
      </c>
      <c r="D1950" t="s">
        <v>3436</v>
      </c>
      <c r="E1950" t="s">
        <v>31535</v>
      </c>
      <c r="F1950">
        <v>4</v>
      </c>
      <c r="G1950" t="s">
        <v>0</v>
      </c>
      <c r="H1950" t="s">
        <v>3437</v>
      </c>
      <c r="I1950" t="s">
        <v>30540</v>
      </c>
    </row>
    <row r="1951" spans="1:9">
      <c r="A1951" s="1">
        <f ca="1">RAND()</f>
        <v>0.65894247383732873</v>
      </c>
      <c r="B1951" s="1"/>
      <c r="C1951">
        <v>7</v>
      </c>
      <c r="D1951" t="s">
        <v>3434</v>
      </c>
      <c r="E1951" t="s">
        <v>31536</v>
      </c>
      <c r="F1951">
        <v>4</v>
      </c>
      <c r="G1951" t="s">
        <v>13</v>
      </c>
      <c r="H1951" t="s">
        <v>3435</v>
      </c>
      <c r="I1951" t="s">
        <v>30540</v>
      </c>
    </row>
    <row r="1952" spans="1:9">
      <c r="A1952" s="1">
        <f ca="1">RAND()</f>
        <v>0.20599800167824256</v>
      </c>
      <c r="B1952" s="1"/>
      <c r="C1952">
        <v>3</v>
      </c>
      <c r="D1952" t="s">
        <v>3432</v>
      </c>
      <c r="E1952" t="s">
        <v>31537</v>
      </c>
      <c r="F1952">
        <v>4</v>
      </c>
      <c r="G1952" t="s">
        <v>0</v>
      </c>
      <c r="H1952" t="s">
        <v>3433</v>
      </c>
      <c r="I1952" t="s">
        <v>30540</v>
      </c>
    </row>
    <row r="1953" spans="1:9">
      <c r="A1953" s="1">
        <f ca="1">RAND()</f>
        <v>3.3452230470054189E-2</v>
      </c>
      <c r="B1953" s="1"/>
      <c r="C1953">
        <v>7</v>
      </c>
      <c r="D1953" t="s">
        <v>3430</v>
      </c>
      <c r="E1953" t="s">
        <v>31538</v>
      </c>
      <c r="F1953">
        <v>4</v>
      </c>
      <c r="G1953" t="s">
        <v>2</v>
      </c>
      <c r="H1953" t="s">
        <v>3431</v>
      </c>
      <c r="I1953" t="s">
        <v>30540</v>
      </c>
    </row>
    <row r="1954" spans="1:9">
      <c r="A1954" s="1">
        <f ca="1">RAND()</f>
        <v>0.24879160853673632</v>
      </c>
      <c r="B1954" s="1"/>
      <c r="C1954">
        <v>5</v>
      </c>
      <c r="D1954" t="s">
        <v>3418</v>
      </c>
      <c r="E1954" t="s">
        <v>31539</v>
      </c>
      <c r="F1954">
        <v>5</v>
      </c>
      <c r="G1954" t="s">
        <v>9</v>
      </c>
      <c r="H1954" t="s">
        <v>3419</v>
      </c>
      <c r="I1954" t="s">
        <v>30540</v>
      </c>
    </row>
    <row r="1955" spans="1:9">
      <c r="A1955" s="1">
        <f ca="1">RAND()</f>
        <v>0.51383680148942612</v>
      </c>
      <c r="B1955" s="1"/>
      <c r="C1955">
        <v>16</v>
      </c>
      <c r="D1955" t="s">
        <v>3422</v>
      </c>
      <c r="E1955" t="s">
        <v>31539</v>
      </c>
      <c r="F1955">
        <v>5</v>
      </c>
      <c r="G1955" t="s">
        <v>771</v>
      </c>
      <c r="H1955" t="s">
        <v>3423</v>
      </c>
      <c r="I1955" t="s">
        <v>30540</v>
      </c>
    </row>
    <row r="1956" spans="1:9">
      <c r="A1956" s="1">
        <f ca="1">RAND()</f>
        <v>0.70829702611144196</v>
      </c>
      <c r="B1956" s="1"/>
      <c r="C1956">
        <v>17</v>
      </c>
      <c r="D1956" t="s">
        <v>3424</v>
      </c>
      <c r="E1956" t="s">
        <v>31539</v>
      </c>
      <c r="F1956">
        <v>5</v>
      </c>
      <c r="G1956" t="s">
        <v>774</v>
      </c>
      <c r="H1956" t="s">
        <v>3425</v>
      </c>
      <c r="I1956" t="s">
        <v>30540</v>
      </c>
    </row>
    <row r="1957" spans="1:9">
      <c r="A1957" s="1">
        <f ca="1">RAND()</f>
        <v>0.94115203070004227</v>
      </c>
      <c r="B1957" s="1"/>
      <c r="C1957">
        <v>20</v>
      </c>
      <c r="D1957" t="s">
        <v>3428</v>
      </c>
      <c r="E1957" t="s">
        <v>31539</v>
      </c>
      <c r="F1957">
        <v>5</v>
      </c>
      <c r="G1957" t="s">
        <v>765</v>
      </c>
      <c r="H1957" t="s">
        <v>3429</v>
      </c>
      <c r="I1957" t="s">
        <v>30540</v>
      </c>
    </row>
    <row r="1958" spans="1:9">
      <c r="A1958" s="1">
        <f ca="1">RAND()</f>
        <v>0.23285197350131004</v>
      </c>
      <c r="B1958" s="1"/>
      <c r="C1958">
        <v>18</v>
      </c>
      <c r="D1958" t="s">
        <v>3426</v>
      </c>
      <c r="E1958" t="s">
        <v>31539</v>
      </c>
      <c r="F1958">
        <v>4</v>
      </c>
      <c r="G1958" t="s">
        <v>2738</v>
      </c>
      <c r="H1958" t="s">
        <v>3427</v>
      </c>
      <c r="I1958" t="s">
        <v>30540</v>
      </c>
    </row>
    <row r="1959" spans="1:9">
      <c r="A1959" s="1">
        <f ca="1">RAND()</f>
        <v>0.88657566353614714</v>
      </c>
      <c r="B1959" s="1"/>
      <c r="C1959">
        <v>4</v>
      </c>
      <c r="D1959" t="s">
        <v>3416</v>
      </c>
      <c r="E1959" t="s">
        <v>31539</v>
      </c>
      <c r="F1959">
        <v>4</v>
      </c>
      <c r="G1959" t="s">
        <v>13</v>
      </c>
      <c r="H1959" t="s">
        <v>3417</v>
      </c>
      <c r="I1959" t="s">
        <v>30540</v>
      </c>
    </row>
    <row r="1960" spans="1:9">
      <c r="A1960" s="1">
        <f ca="1">RAND()</f>
        <v>0.12450736565210596</v>
      </c>
      <c r="B1960" s="1"/>
      <c r="C1960">
        <v>13</v>
      </c>
      <c r="D1960" t="s">
        <v>3420</v>
      </c>
      <c r="E1960" t="s">
        <v>31539</v>
      </c>
      <c r="F1960">
        <v>3</v>
      </c>
      <c r="G1960" t="s">
        <v>0</v>
      </c>
      <c r="H1960" t="s">
        <v>3421</v>
      </c>
      <c r="I1960" t="s">
        <v>30540</v>
      </c>
    </row>
    <row r="1961" spans="1:9">
      <c r="A1961" s="1">
        <f ca="1">RAND()</f>
        <v>0.83833743487982715</v>
      </c>
      <c r="B1961" s="1"/>
      <c r="C1961">
        <v>2</v>
      </c>
      <c r="D1961" t="s">
        <v>3412</v>
      </c>
      <c r="E1961" t="s">
        <v>31540</v>
      </c>
      <c r="F1961">
        <v>4</v>
      </c>
      <c r="G1961" t="s">
        <v>14</v>
      </c>
      <c r="H1961" t="s">
        <v>3413</v>
      </c>
      <c r="I1961" t="s">
        <v>30540</v>
      </c>
    </row>
    <row r="1962" spans="1:9">
      <c r="A1962" s="1">
        <f ca="1">RAND()</f>
        <v>0.67367049185244177</v>
      </c>
      <c r="B1962" s="1"/>
      <c r="C1962">
        <v>3</v>
      </c>
      <c r="D1962" t="s">
        <v>3414</v>
      </c>
      <c r="E1962" t="s">
        <v>31540</v>
      </c>
      <c r="F1962">
        <v>4</v>
      </c>
      <c r="G1962" t="s">
        <v>9</v>
      </c>
      <c r="H1962" t="s">
        <v>3415</v>
      </c>
      <c r="I1962" t="s">
        <v>30540</v>
      </c>
    </row>
    <row r="1963" spans="1:9">
      <c r="A1963" s="1">
        <f ca="1">RAND()</f>
        <v>0.92815744799677058</v>
      </c>
      <c r="B1963" s="1"/>
      <c r="C1963">
        <v>5</v>
      </c>
      <c r="D1963" t="s">
        <v>3408</v>
      </c>
      <c r="E1963" t="s">
        <v>31541</v>
      </c>
      <c r="F1963">
        <v>4</v>
      </c>
      <c r="G1963" t="s">
        <v>1</v>
      </c>
      <c r="H1963" t="s">
        <v>3409</v>
      </c>
      <c r="I1963" t="s">
        <v>30540</v>
      </c>
    </row>
    <row r="1964" spans="1:9">
      <c r="A1964" s="1">
        <f ca="1">RAND()</f>
        <v>0.45331581318997083</v>
      </c>
      <c r="B1964" s="1"/>
      <c r="C1964">
        <v>6</v>
      </c>
      <c r="D1964" t="s">
        <v>3410</v>
      </c>
      <c r="E1964" t="s">
        <v>31541</v>
      </c>
      <c r="F1964">
        <v>4</v>
      </c>
      <c r="G1964" t="s">
        <v>1</v>
      </c>
      <c r="H1964" t="s">
        <v>3411</v>
      </c>
      <c r="I1964" t="s">
        <v>30540</v>
      </c>
    </row>
    <row r="1965" spans="1:9">
      <c r="A1965" s="1">
        <f ca="1">RAND()</f>
        <v>3.3962093661526582E-2</v>
      </c>
      <c r="B1965" s="1"/>
      <c r="C1965">
        <v>5</v>
      </c>
      <c r="D1965" t="s">
        <v>3406</v>
      </c>
      <c r="E1965" t="s">
        <v>31542</v>
      </c>
      <c r="F1965">
        <v>4</v>
      </c>
      <c r="G1965" t="s">
        <v>0</v>
      </c>
      <c r="H1965" t="s">
        <v>3407</v>
      </c>
      <c r="I1965" t="s">
        <v>30540</v>
      </c>
    </row>
    <row r="1966" spans="1:9">
      <c r="A1966" s="1">
        <f ca="1">RAND()</f>
        <v>0.99129314238121169</v>
      </c>
      <c r="B1966" s="1"/>
      <c r="C1966">
        <v>2</v>
      </c>
      <c r="D1966" t="s">
        <v>3404</v>
      </c>
      <c r="E1966" t="s">
        <v>31542</v>
      </c>
      <c r="F1966">
        <v>4</v>
      </c>
      <c r="G1966" t="s">
        <v>0</v>
      </c>
      <c r="H1966" t="s">
        <v>3405</v>
      </c>
      <c r="I1966" t="s">
        <v>30540</v>
      </c>
    </row>
    <row r="1967" spans="1:9">
      <c r="A1967" s="1">
        <f ca="1">RAND()</f>
        <v>0.77329438434165465</v>
      </c>
      <c r="B1967" s="1"/>
      <c r="C1967">
        <v>7</v>
      </c>
      <c r="D1967" t="s">
        <v>3402</v>
      </c>
      <c r="E1967" t="s">
        <v>31543</v>
      </c>
      <c r="F1967">
        <v>4</v>
      </c>
      <c r="G1967" t="s">
        <v>10</v>
      </c>
      <c r="H1967" t="s">
        <v>3403</v>
      </c>
      <c r="I1967" t="s">
        <v>30540</v>
      </c>
    </row>
    <row r="1968" spans="1:9">
      <c r="A1968" s="1">
        <f ca="1">RAND()</f>
        <v>0.39476970305175485</v>
      </c>
      <c r="B1968" s="1"/>
      <c r="C1968">
        <v>1</v>
      </c>
      <c r="D1968" t="s">
        <v>3392</v>
      </c>
      <c r="E1968" t="s">
        <v>31544</v>
      </c>
      <c r="F1968">
        <v>5</v>
      </c>
      <c r="G1968" t="s">
        <v>770</v>
      </c>
      <c r="H1968" t="s">
        <v>3393</v>
      </c>
      <c r="I1968" t="s">
        <v>30540</v>
      </c>
    </row>
    <row r="1969" spans="1:9">
      <c r="A1969" s="1">
        <f ca="1">RAND()</f>
        <v>0.11347236452720633</v>
      </c>
      <c r="B1969" s="1"/>
      <c r="C1969">
        <v>4</v>
      </c>
      <c r="D1969" t="s">
        <v>3394</v>
      </c>
      <c r="E1969" t="s">
        <v>31544</v>
      </c>
      <c r="F1969">
        <v>5</v>
      </c>
      <c r="G1969" t="s">
        <v>1426</v>
      </c>
      <c r="H1969" t="s">
        <v>3395</v>
      </c>
      <c r="I1969" t="s">
        <v>30540</v>
      </c>
    </row>
    <row r="1970" spans="1:9">
      <c r="A1970" s="1">
        <f ca="1">RAND()</f>
        <v>3.0013836180571629E-2</v>
      </c>
      <c r="B1970" s="1"/>
      <c r="C1970">
        <v>14</v>
      </c>
      <c r="D1970" t="s">
        <v>3398</v>
      </c>
      <c r="E1970" t="s">
        <v>31544</v>
      </c>
      <c r="F1970">
        <v>4</v>
      </c>
      <c r="G1970" t="s">
        <v>15</v>
      </c>
      <c r="H1970" t="s">
        <v>3399</v>
      </c>
      <c r="I1970" t="s">
        <v>30540</v>
      </c>
    </row>
    <row r="1971" spans="1:9">
      <c r="A1971" s="1">
        <f ca="1">RAND()</f>
        <v>0.87924039473295934</v>
      </c>
      <c r="B1971" s="1"/>
      <c r="C1971">
        <v>20</v>
      </c>
      <c r="D1971" t="s">
        <v>3400</v>
      </c>
      <c r="E1971" t="s">
        <v>31544</v>
      </c>
      <c r="F1971">
        <v>4</v>
      </c>
      <c r="G1971" t="s">
        <v>14</v>
      </c>
      <c r="H1971" t="s">
        <v>3401</v>
      </c>
      <c r="I1971" t="s">
        <v>30540</v>
      </c>
    </row>
    <row r="1972" spans="1:9">
      <c r="A1972" s="1">
        <f ca="1">RAND()</f>
        <v>0.92959070048315995</v>
      </c>
      <c r="B1972" s="1"/>
      <c r="C1972">
        <v>10</v>
      </c>
      <c r="D1972" t="s">
        <v>3396</v>
      </c>
      <c r="E1972" t="s">
        <v>31544</v>
      </c>
      <c r="F1972">
        <v>3</v>
      </c>
      <c r="G1972" t="s">
        <v>3107</v>
      </c>
      <c r="H1972" t="s">
        <v>3397</v>
      </c>
      <c r="I1972" t="s">
        <v>30540</v>
      </c>
    </row>
    <row r="1973" spans="1:9">
      <c r="A1973" s="1">
        <f ca="1">RAND()</f>
        <v>0.8794081393574521</v>
      </c>
      <c r="B1973" s="1"/>
      <c r="C1973">
        <v>1</v>
      </c>
      <c r="D1973" t="s">
        <v>3390</v>
      </c>
      <c r="E1973" t="s">
        <v>31545</v>
      </c>
      <c r="F1973">
        <v>4</v>
      </c>
      <c r="G1973" t="s">
        <v>0</v>
      </c>
      <c r="H1973" t="s">
        <v>3391</v>
      </c>
      <c r="I1973" t="s">
        <v>30540</v>
      </c>
    </row>
    <row r="1974" spans="1:9">
      <c r="A1974" s="1">
        <f ca="1">RAND()</f>
        <v>0.46384494360001371</v>
      </c>
      <c r="B1974" s="1"/>
      <c r="C1974">
        <v>3</v>
      </c>
      <c r="D1974" t="s">
        <v>3388</v>
      </c>
      <c r="E1974" t="s">
        <v>31546</v>
      </c>
      <c r="F1974">
        <v>5</v>
      </c>
      <c r="G1974" t="s">
        <v>13</v>
      </c>
      <c r="H1974" t="s">
        <v>3389</v>
      </c>
      <c r="I1974" t="s">
        <v>30540</v>
      </c>
    </row>
    <row r="1975" spans="1:9">
      <c r="A1975" s="1">
        <f ca="1">RAND()</f>
        <v>0.73559332339773897</v>
      </c>
      <c r="B1975" s="1"/>
      <c r="C1975">
        <v>4</v>
      </c>
      <c r="D1975" t="s">
        <v>3386</v>
      </c>
      <c r="E1975" t="s">
        <v>31547</v>
      </c>
      <c r="F1975">
        <v>4</v>
      </c>
      <c r="G1975" t="s">
        <v>1</v>
      </c>
      <c r="H1975" t="s">
        <v>3387</v>
      </c>
      <c r="I1975" t="s">
        <v>30540</v>
      </c>
    </row>
    <row r="1976" spans="1:9">
      <c r="A1976" s="1">
        <f ca="1">RAND()</f>
        <v>0.70163631638225521</v>
      </c>
      <c r="B1976" s="1"/>
      <c r="C1976">
        <v>1</v>
      </c>
      <c r="D1976" t="s">
        <v>3384</v>
      </c>
      <c r="E1976" t="s">
        <v>31548</v>
      </c>
      <c r="F1976">
        <v>4</v>
      </c>
      <c r="G1976" t="s">
        <v>10</v>
      </c>
      <c r="H1976" t="s">
        <v>3385</v>
      </c>
      <c r="I1976" t="s">
        <v>30540</v>
      </c>
    </row>
    <row r="1977" spans="1:9">
      <c r="A1977" s="1">
        <f ca="1">RAND()</f>
        <v>0.43705083633561392</v>
      </c>
      <c r="B1977" s="1"/>
      <c r="C1977">
        <v>8</v>
      </c>
      <c r="D1977" t="s">
        <v>3382</v>
      </c>
      <c r="E1977" t="s">
        <v>31549</v>
      </c>
      <c r="F1977">
        <v>3</v>
      </c>
      <c r="G1977" t="s">
        <v>1</v>
      </c>
      <c r="H1977" t="s">
        <v>3383</v>
      </c>
      <c r="I1977" t="s">
        <v>30540</v>
      </c>
    </row>
    <row r="1978" spans="1:9">
      <c r="A1978" s="1">
        <f ca="1">RAND()</f>
        <v>0.4779580331200276</v>
      </c>
      <c r="B1978" s="1"/>
      <c r="C1978">
        <v>1</v>
      </c>
      <c r="D1978" t="s">
        <v>3378</v>
      </c>
      <c r="E1978" t="s">
        <v>31550</v>
      </c>
      <c r="F1978">
        <v>4</v>
      </c>
      <c r="G1978" t="s">
        <v>10</v>
      </c>
      <c r="H1978" t="s">
        <v>3379</v>
      </c>
      <c r="I1978" t="s">
        <v>30540</v>
      </c>
    </row>
    <row r="1979" spans="1:9">
      <c r="A1979" s="1">
        <f ca="1">RAND()</f>
        <v>6.4186306022982031E-2</v>
      </c>
      <c r="B1979" s="1"/>
      <c r="C1979">
        <v>6</v>
      </c>
      <c r="D1979" t="s">
        <v>3380</v>
      </c>
      <c r="E1979" t="s">
        <v>31550</v>
      </c>
      <c r="F1979">
        <v>4</v>
      </c>
      <c r="G1979" t="s">
        <v>14</v>
      </c>
      <c r="H1979" t="s">
        <v>3381</v>
      </c>
      <c r="I1979" t="s">
        <v>30540</v>
      </c>
    </row>
    <row r="1980" spans="1:9">
      <c r="A1980" s="1">
        <f ca="1">RAND()</f>
        <v>0.36122166132211853</v>
      </c>
      <c r="B1980" s="1"/>
      <c r="C1980">
        <v>6</v>
      </c>
      <c r="D1980" t="s">
        <v>3376</v>
      </c>
      <c r="E1980" t="s">
        <v>31551</v>
      </c>
      <c r="F1980">
        <v>4</v>
      </c>
      <c r="G1980" t="s">
        <v>0</v>
      </c>
      <c r="H1980" t="s">
        <v>3377</v>
      </c>
      <c r="I1980" t="s">
        <v>30540</v>
      </c>
    </row>
    <row r="1981" spans="1:9">
      <c r="A1981" s="1">
        <f ca="1">RAND()</f>
        <v>2.126333047339235E-2</v>
      </c>
      <c r="B1981" s="1"/>
      <c r="C1981">
        <v>2</v>
      </c>
      <c r="D1981" t="s">
        <v>3372</v>
      </c>
      <c r="E1981" t="s">
        <v>31552</v>
      </c>
      <c r="F1981">
        <v>4</v>
      </c>
      <c r="G1981" t="s">
        <v>1</v>
      </c>
      <c r="H1981" t="s">
        <v>3373</v>
      </c>
      <c r="I1981" t="s">
        <v>30540</v>
      </c>
    </row>
    <row r="1982" spans="1:9">
      <c r="A1982" s="1">
        <f ca="1">RAND()</f>
        <v>0.11683797929729001</v>
      </c>
      <c r="B1982" s="1"/>
      <c r="C1982">
        <v>4</v>
      </c>
      <c r="D1982" t="s">
        <v>3374</v>
      </c>
      <c r="E1982" t="s">
        <v>31552</v>
      </c>
      <c r="F1982">
        <v>4</v>
      </c>
      <c r="G1982" t="s">
        <v>0</v>
      </c>
      <c r="H1982" t="s">
        <v>3375</v>
      </c>
      <c r="I1982" t="s">
        <v>30540</v>
      </c>
    </row>
    <row r="1983" spans="1:9">
      <c r="A1983" s="1">
        <f ca="1">RAND()</f>
        <v>0.74616890104837452</v>
      </c>
      <c r="B1983" s="1"/>
      <c r="C1983">
        <v>1</v>
      </c>
      <c r="D1983" t="s">
        <v>3370</v>
      </c>
      <c r="E1983" t="s">
        <v>31553</v>
      </c>
      <c r="F1983">
        <v>4</v>
      </c>
      <c r="G1983" t="s">
        <v>15</v>
      </c>
      <c r="H1983" t="s">
        <v>3371</v>
      </c>
      <c r="I1983" t="s">
        <v>30540</v>
      </c>
    </row>
    <row r="1984" spans="1:9">
      <c r="A1984" s="1">
        <f ca="1">RAND()</f>
        <v>0.31013564912260805</v>
      </c>
      <c r="B1984" s="1"/>
      <c r="C1984">
        <v>3</v>
      </c>
      <c r="D1984" t="s">
        <v>3364</v>
      </c>
      <c r="E1984" t="s">
        <v>31554</v>
      </c>
      <c r="F1984">
        <v>5</v>
      </c>
      <c r="G1984" t="s">
        <v>15</v>
      </c>
      <c r="H1984" t="s">
        <v>3365</v>
      </c>
      <c r="I1984" t="s">
        <v>30540</v>
      </c>
    </row>
    <row r="1985" spans="1:9">
      <c r="A1985" s="1">
        <f ca="1">RAND()</f>
        <v>0.68652412037016119</v>
      </c>
      <c r="B1985" s="1"/>
      <c r="C1985">
        <v>2</v>
      </c>
      <c r="D1985" t="s">
        <v>3362</v>
      </c>
      <c r="E1985" t="s">
        <v>31554</v>
      </c>
      <c r="F1985">
        <v>5</v>
      </c>
      <c r="G1985" t="s">
        <v>10</v>
      </c>
      <c r="H1985" t="s">
        <v>3363</v>
      </c>
      <c r="I1985" t="s">
        <v>30540</v>
      </c>
    </row>
    <row r="1986" spans="1:9">
      <c r="A1986" s="1">
        <f ca="1">RAND()</f>
        <v>0.92606404764434169</v>
      </c>
      <c r="B1986" s="1"/>
      <c r="C1986">
        <v>12</v>
      </c>
      <c r="D1986" t="s">
        <v>3368</v>
      </c>
      <c r="E1986" t="s">
        <v>31554</v>
      </c>
      <c r="F1986">
        <v>5</v>
      </c>
      <c r="G1986" t="s">
        <v>0</v>
      </c>
      <c r="H1986" t="s">
        <v>3369</v>
      </c>
      <c r="I1986" t="s">
        <v>30540</v>
      </c>
    </row>
    <row r="1987" spans="1:9">
      <c r="A1987" s="1">
        <f ca="1">RAND()</f>
        <v>0.83732104201197965</v>
      </c>
      <c r="B1987" s="1"/>
      <c r="C1987">
        <v>6</v>
      </c>
      <c r="D1987" t="s">
        <v>3366</v>
      </c>
      <c r="E1987" t="s">
        <v>31554</v>
      </c>
      <c r="F1987">
        <v>4</v>
      </c>
      <c r="G1987" t="s">
        <v>1</v>
      </c>
      <c r="H1987" t="s">
        <v>3367</v>
      </c>
      <c r="I1987" t="s">
        <v>30540</v>
      </c>
    </row>
    <row r="1988" spans="1:9">
      <c r="A1988" s="1">
        <f ca="1">RAND()</f>
        <v>0.41541918263613975</v>
      </c>
      <c r="B1988" s="1"/>
      <c r="C1988">
        <v>5</v>
      </c>
      <c r="D1988" t="s">
        <v>3358</v>
      </c>
      <c r="E1988" t="s">
        <v>31555</v>
      </c>
      <c r="F1988">
        <v>5</v>
      </c>
      <c r="G1988" t="s">
        <v>771</v>
      </c>
      <c r="H1988" t="s">
        <v>3359</v>
      </c>
      <c r="I1988" t="s">
        <v>30540</v>
      </c>
    </row>
    <row r="1989" spans="1:9">
      <c r="A1989" s="1">
        <f ca="1">RAND()</f>
        <v>0.67885407727238967</v>
      </c>
      <c r="B1989" s="1"/>
      <c r="C1989">
        <v>6</v>
      </c>
      <c r="D1989" t="s">
        <v>3360</v>
      </c>
      <c r="E1989" t="s">
        <v>31555</v>
      </c>
      <c r="F1989">
        <v>4</v>
      </c>
      <c r="G1989" t="s">
        <v>774</v>
      </c>
      <c r="H1989" t="s">
        <v>3361</v>
      </c>
      <c r="I1989" t="s">
        <v>30540</v>
      </c>
    </row>
    <row r="1990" spans="1:9">
      <c r="A1990" s="1">
        <f ca="1">RAND()</f>
        <v>0.16214085244237808</v>
      </c>
      <c r="B1990" s="1"/>
      <c r="C1990">
        <v>2</v>
      </c>
      <c r="D1990" t="s">
        <v>3356</v>
      </c>
      <c r="E1990" t="s">
        <v>31556</v>
      </c>
      <c r="F1990">
        <v>4</v>
      </c>
      <c r="G1990" t="s">
        <v>15</v>
      </c>
      <c r="H1990" t="s">
        <v>3357</v>
      </c>
      <c r="I1990" t="s">
        <v>30540</v>
      </c>
    </row>
    <row r="1991" spans="1:9">
      <c r="A1991" s="1">
        <f ca="1">RAND()</f>
        <v>6.4490376603242971E-2</v>
      </c>
      <c r="B1991" s="1"/>
      <c r="C1991">
        <v>5</v>
      </c>
      <c r="D1991" t="s">
        <v>3350</v>
      </c>
      <c r="E1991" t="s">
        <v>31557</v>
      </c>
      <c r="F1991">
        <v>5</v>
      </c>
      <c r="G1991" t="s">
        <v>14</v>
      </c>
      <c r="H1991" t="s">
        <v>3351</v>
      </c>
      <c r="I1991" t="s">
        <v>30540</v>
      </c>
    </row>
    <row r="1992" spans="1:9">
      <c r="A1992" s="1">
        <f ca="1">RAND()</f>
        <v>0.52596956520357419</v>
      </c>
      <c r="B1992" s="1"/>
      <c r="C1992">
        <v>9</v>
      </c>
      <c r="D1992" t="s">
        <v>3354</v>
      </c>
      <c r="E1992" t="s">
        <v>31557</v>
      </c>
      <c r="F1992">
        <v>4</v>
      </c>
      <c r="G1992" t="s">
        <v>13</v>
      </c>
      <c r="H1992" t="s">
        <v>3355</v>
      </c>
      <c r="I1992" t="s">
        <v>30540</v>
      </c>
    </row>
    <row r="1993" spans="1:9">
      <c r="A1993" s="1">
        <f ca="1">RAND()</f>
        <v>0.20378573722539683</v>
      </c>
      <c r="B1993" s="1"/>
      <c r="C1993">
        <v>7</v>
      </c>
      <c r="D1993" t="s">
        <v>3352</v>
      </c>
      <c r="E1993" t="s">
        <v>31557</v>
      </c>
      <c r="F1993">
        <v>4</v>
      </c>
      <c r="G1993" t="s">
        <v>1</v>
      </c>
      <c r="H1993" t="s">
        <v>3353</v>
      </c>
      <c r="I1993" t="s">
        <v>30540</v>
      </c>
    </row>
    <row r="1994" spans="1:9">
      <c r="A1994" s="1">
        <f ca="1">RAND()</f>
        <v>0.23699329543728298</v>
      </c>
      <c r="B1994" s="1"/>
      <c r="C1994">
        <v>4</v>
      </c>
      <c r="D1994" t="s">
        <v>3348</v>
      </c>
      <c r="E1994" t="s">
        <v>31558</v>
      </c>
      <c r="F1994">
        <v>4</v>
      </c>
      <c r="G1994" t="s">
        <v>1</v>
      </c>
      <c r="H1994" t="s">
        <v>3349</v>
      </c>
      <c r="I1994" t="s">
        <v>30540</v>
      </c>
    </row>
    <row r="1995" spans="1:9">
      <c r="A1995" s="1">
        <f ca="1">RAND()</f>
        <v>0.14799015715356412</v>
      </c>
      <c r="B1995" s="1"/>
      <c r="C1995">
        <v>8</v>
      </c>
      <c r="D1995" t="s">
        <v>3346</v>
      </c>
      <c r="E1995" t="s">
        <v>31559</v>
      </c>
      <c r="F1995">
        <v>4</v>
      </c>
      <c r="G1995" t="s">
        <v>15</v>
      </c>
      <c r="H1995" t="s">
        <v>3347</v>
      </c>
      <c r="I1995" t="s">
        <v>30540</v>
      </c>
    </row>
    <row r="1996" spans="1:9">
      <c r="A1996" s="1">
        <f ca="1">RAND()</f>
        <v>0.39551149856447032</v>
      </c>
      <c r="B1996" s="1"/>
      <c r="C1996">
        <v>2</v>
      </c>
      <c r="D1996" t="s">
        <v>3342</v>
      </c>
      <c r="E1996" t="s">
        <v>31559</v>
      </c>
      <c r="F1996">
        <v>4</v>
      </c>
      <c r="G1996" t="s">
        <v>1</v>
      </c>
      <c r="H1996" t="s">
        <v>3343</v>
      </c>
      <c r="I1996" t="s">
        <v>30540</v>
      </c>
    </row>
    <row r="1997" spans="1:9">
      <c r="A1997" s="1">
        <f ca="1">RAND()</f>
        <v>0.10821383868859669</v>
      </c>
      <c r="B1997" s="1"/>
      <c r="C1997">
        <v>6</v>
      </c>
      <c r="D1997" t="s">
        <v>3344</v>
      </c>
      <c r="E1997" t="s">
        <v>31559</v>
      </c>
      <c r="F1997">
        <v>4</v>
      </c>
      <c r="G1997" t="s">
        <v>0</v>
      </c>
      <c r="H1997" t="s">
        <v>3345</v>
      </c>
      <c r="I1997" t="s">
        <v>30540</v>
      </c>
    </row>
    <row r="1998" spans="1:9">
      <c r="A1998" s="1">
        <f ca="1">RAND()</f>
        <v>3.2337223000377779E-2</v>
      </c>
      <c r="B1998" s="1"/>
      <c r="C1998">
        <v>7</v>
      </c>
      <c r="D1998" t="s">
        <v>3336</v>
      </c>
      <c r="E1998" t="s">
        <v>31560</v>
      </c>
      <c r="F1998">
        <v>4</v>
      </c>
      <c r="G1998" t="s">
        <v>0</v>
      </c>
      <c r="H1998" t="s">
        <v>3337</v>
      </c>
      <c r="I1998" t="s">
        <v>30540</v>
      </c>
    </row>
    <row r="1999" spans="1:9">
      <c r="A1999" s="1">
        <f ca="1">RAND()</f>
        <v>8.8883761836543895E-2</v>
      </c>
      <c r="B1999" s="1"/>
      <c r="C1999">
        <v>8</v>
      </c>
      <c r="D1999" t="s">
        <v>3338</v>
      </c>
      <c r="E1999" t="s">
        <v>31560</v>
      </c>
      <c r="F1999">
        <v>4</v>
      </c>
      <c r="G1999" t="s">
        <v>10</v>
      </c>
      <c r="H1999" t="s">
        <v>3339</v>
      </c>
      <c r="I1999" t="s">
        <v>30540</v>
      </c>
    </row>
    <row r="2000" spans="1:9">
      <c r="A2000" s="1">
        <f ca="1">RAND()</f>
        <v>0.87468810717246648</v>
      </c>
      <c r="B2000" s="1"/>
      <c r="C2000">
        <v>9</v>
      </c>
      <c r="D2000" t="s">
        <v>3340</v>
      </c>
      <c r="E2000" t="s">
        <v>31560</v>
      </c>
      <c r="F2000">
        <v>2</v>
      </c>
      <c r="G2000" t="s">
        <v>14</v>
      </c>
      <c r="H2000" t="s">
        <v>3341</v>
      </c>
      <c r="I2000" t="s">
        <v>30540</v>
      </c>
    </row>
    <row r="2001" spans="1:9">
      <c r="A2001" s="1">
        <f ca="1">RAND()</f>
        <v>0.63049616860345647</v>
      </c>
      <c r="B2001" s="1"/>
      <c r="C2001">
        <v>15</v>
      </c>
      <c r="D2001" t="s">
        <v>3330</v>
      </c>
      <c r="E2001" t="s">
        <v>31561</v>
      </c>
      <c r="F2001">
        <v>4</v>
      </c>
      <c r="G2001" t="s">
        <v>15</v>
      </c>
      <c r="H2001" t="s">
        <v>3331</v>
      </c>
      <c r="I2001" t="s">
        <v>30540</v>
      </c>
    </row>
    <row r="2002" spans="1:9">
      <c r="A2002" s="1">
        <f ca="1">RAND()</f>
        <v>0.34629437947060671</v>
      </c>
      <c r="B2002" s="1"/>
      <c r="C2002">
        <v>9</v>
      </c>
      <c r="D2002" t="s">
        <v>3326</v>
      </c>
      <c r="E2002" t="s">
        <v>31561</v>
      </c>
      <c r="F2002">
        <v>4</v>
      </c>
      <c r="G2002" t="s">
        <v>2738</v>
      </c>
      <c r="H2002" t="s">
        <v>3327</v>
      </c>
      <c r="I2002" t="s">
        <v>30540</v>
      </c>
    </row>
    <row r="2003" spans="1:9">
      <c r="A2003" s="1">
        <f ca="1">RAND()</f>
        <v>0.16136935693274612</v>
      </c>
      <c r="B2003" s="1"/>
      <c r="C2003">
        <v>10</v>
      </c>
      <c r="D2003" t="s">
        <v>3328</v>
      </c>
      <c r="E2003" t="s">
        <v>31561</v>
      </c>
      <c r="F2003">
        <v>4</v>
      </c>
      <c r="G2003" t="s">
        <v>0</v>
      </c>
      <c r="H2003" t="s">
        <v>3329</v>
      </c>
      <c r="I2003" t="s">
        <v>30540</v>
      </c>
    </row>
    <row r="2004" spans="1:9">
      <c r="A2004" s="1">
        <f ca="1">RAND()</f>
        <v>0.80108780730822982</v>
      </c>
      <c r="B2004" s="1"/>
      <c r="C2004">
        <v>19</v>
      </c>
      <c r="D2004" t="s">
        <v>3334</v>
      </c>
      <c r="E2004" t="s">
        <v>31561</v>
      </c>
      <c r="F2004">
        <v>4</v>
      </c>
      <c r="G2004" t="s">
        <v>774</v>
      </c>
      <c r="H2004" t="s">
        <v>3335</v>
      </c>
      <c r="I2004" t="s">
        <v>30540</v>
      </c>
    </row>
    <row r="2005" spans="1:9">
      <c r="A2005" s="1">
        <f ca="1">RAND()</f>
        <v>0.73187327660222012</v>
      </c>
      <c r="B2005" s="1"/>
      <c r="C2005">
        <v>6</v>
      </c>
      <c r="D2005" t="s">
        <v>3324</v>
      </c>
      <c r="E2005" t="s">
        <v>31561</v>
      </c>
      <c r="F2005">
        <v>4</v>
      </c>
      <c r="G2005" t="s">
        <v>13</v>
      </c>
      <c r="H2005" t="s">
        <v>3325</v>
      </c>
      <c r="I2005" t="s">
        <v>30540</v>
      </c>
    </row>
    <row r="2006" spans="1:9">
      <c r="A2006" s="1">
        <f ca="1">RAND()</f>
        <v>0.45710136144990798</v>
      </c>
      <c r="B2006" s="1"/>
      <c r="C2006">
        <v>18</v>
      </c>
      <c r="D2006" t="s">
        <v>3332</v>
      </c>
      <c r="E2006" t="s">
        <v>31561</v>
      </c>
      <c r="F2006">
        <v>4</v>
      </c>
      <c r="G2006" t="s">
        <v>765</v>
      </c>
      <c r="H2006" t="s">
        <v>3333</v>
      </c>
      <c r="I2006" t="s">
        <v>30540</v>
      </c>
    </row>
    <row r="2007" spans="1:9">
      <c r="A2007" s="1">
        <f ca="1">RAND()</f>
        <v>9.4189230309455807E-2</v>
      </c>
      <c r="B2007" s="1"/>
      <c r="C2007">
        <v>4</v>
      </c>
      <c r="D2007" t="s">
        <v>3322</v>
      </c>
      <c r="E2007" t="s">
        <v>31561</v>
      </c>
      <c r="F2007">
        <v>4</v>
      </c>
      <c r="G2007" t="s">
        <v>774</v>
      </c>
      <c r="H2007" t="s">
        <v>3323</v>
      </c>
      <c r="I2007" t="s">
        <v>30540</v>
      </c>
    </row>
    <row r="2008" spans="1:9">
      <c r="A2008" s="1">
        <f ca="1">RAND()</f>
        <v>0.84760784392677402</v>
      </c>
      <c r="B2008" s="1"/>
      <c r="C2008">
        <v>5</v>
      </c>
      <c r="D2008" t="s">
        <v>3320</v>
      </c>
      <c r="E2008" t="s">
        <v>31562</v>
      </c>
      <c r="F2008">
        <v>2</v>
      </c>
      <c r="G2008" t="s">
        <v>13</v>
      </c>
      <c r="H2008" t="s">
        <v>3321</v>
      </c>
      <c r="I2008" t="s">
        <v>30540</v>
      </c>
    </row>
    <row r="2009" spans="1:9">
      <c r="A2009" s="1">
        <f ca="1">RAND()</f>
        <v>0.31789865013377472</v>
      </c>
      <c r="B2009" s="1"/>
      <c r="C2009">
        <v>4</v>
      </c>
      <c r="D2009" t="s">
        <v>3316</v>
      </c>
      <c r="E2009" t="s">
        <v>31563</v>
      </c>
      <c r="F2009">
        <v>4</v>
      </c>
      <c r="G2009" t="s">
        <v>1</v>
      </c>
      <c r="H2009" t="s">
        <v>3317</v>
      </c>
      <c r="I2009" t="s">
        <v>30540</v>
      </c>
    </row>
    <row r="2010" spans="1:9">
      <c r="A2010" s="1">
        <f ca="1">RAND()</f>
        <v>0.17739412443228986</v>
      </c>
      <c r="B2010" s="1"/>
      <c r="C2010">
        <v>7</v>
      </c>
      <c r="D2010" t="s">
        <v>3318</v>
      </c>
      <c r="E2010" t="s">
        <v>31563</v>
      </c>
      <c r="F2010">
        <v>4</v>
      </c>
      <c r="G2010" t="s">
        <v>13</v>
      </c>
      <c r="H2010" t="s">
        <v>3319</v>
      </c>
      <c r="I2010" t="s">
        <v>30540</v>
      </c>
    </row>
    <row r="2011" spans="1:9">
      <c r="A2011" s="1">
        <f ca="1">RAND()</f>
        <v>0.22624302706588906</v>
      </c>
      <c r="B2011" s="1"/>
      <c r="C2011">
        <v>5</v>
      </c>
      <c r="D2011" t="s">
        <v>3312</v>
      </c>
      <c r="E2011" t="s">
        <v>31564</v>
      </c>
      <c r="F2011">
        <v>5</v>
      </c>
      <c r="G2011" t="s">
        <v>1</v>
      </c>
      <c r="H2011" t="s">
        <v>3313</v>
      </c>
      <c r="I2011" t="s">
        <v>30540</v>
      </c>
    </row>
    <row r="2012" spans="1:9">
      <c r="A2012" s="1">
        <f ca="1">RAND()</f>
        <v>0.63104238367377385</v>
      </c>
      <c r="B2012" s="1"/>
      <c r="C2012">
        <v>7</v>
      </c>
      <c r="D2012" t="s">
        <v>3314</v>
      </c>
      <c r="E2012" t="s">
        <v>31564</v>
      </c>
      <c r="F2012">
        <v>4</v>
      </c>
      <c r="G2012" t="s">
        <v>9</v>
      </c>
      <c r="H2012" t="s">
        <v>3315</v>
      </c>
      <c r="I2012" t="s">
        <v>30540</v>
      </c>
    </row>
    <row r="2013" spans="1:9">
      <c r="A2013" s="1">
        <f ca="1">RAND()</f>
        <v>0.77717169990631396</v>
      </c>
      <c r="B2013" s="1"/>
      <c r="C2013">
        <v>1</v>
      </c>
      <c r="D2013" t="s">
        <v>3310</v>
      </c>
      <c r="E2013" t="s">
        <v>31564</v>
      </c>
      <c r="F2013">
        <v>2</v>
      </c>
      <c r="G2013" t="s">
        <v>1</v>
      </c>
      <c r="H2013" t="s">
        <v>3311</v>
      </c>
      <c r="I2013" t="s">
        <v>30540</v>
      </c>
    </row>
    <row r="2014" spans="1:9">
      <c r="A2014" s="1">
        <f ca="1">RAND()</f>
        <v>0.75171242700400309</v>
      </c>
      <c r="B2014" s="1"/>
      <c r="C2014">
        <v>1</v>
      </c>
      <c r="D2014" t="s">
        <v>3308</v>
      </c>
      <c r="E2014" t="s">
        <v>31565</v>
      </c>
      <c r="F2014">
        <v>4</v>
      </c>
      <c r="G2014" t="s">
        <v>9</v>
      </c>
      <c r="H2014" t="s">
        <v>3309</v>
      </c>
      <c r="I2014" t="s">
        <v>30540</v>
      </c>
    </row>
    <row r="2015" spans="1:9">
      <c r="A2015" s="1">
        <f ca="1">RAND()</f>
        <v>0.75782594015342042</v>
      </c>
      <c r="B2015" s="1"/>
      <c r="C2015">
        <v>4</v>
      </c>
      <c r="D2015" t="s">
        <v>3300</v>
      </c>
      <c r="E2015" t="s">
        <v>31566</v>
      </c>
      <c r="F2015">
        <v>4</v>
      </c>
      <c r="G2015" t="s">
        <v>0</v>
      </c>
      <c r="H2015" t="s">
        <v>3301</v>
      </c>
      <c r="I2015" t="s">
        <v>30540</v>
      </c>
    </row>
    <row r="2016" spans="1:9">
      <c r="A2016" s="1">
        <f ca="1">RAND()</f>
        <v>0.95652762407088754</v>
      </c>
      <c r="B2016" s="1"/>
      <c r="C2016">
        <v>10</v>
      </c>
      <c r="D2016" t="s">
        <v>3304</v>
      </c>
      <c r="E2016" t="s">
        <v>31566</v>
      </c>
      <c r="F2016">
        <v>4</v>
      </c>
      <c r="G2016" t="s">
        <v>15</v>
      </c>
      <c r="H2016" t="s">
        <v>3305</v>
      </c>
      <c r="I2016" t="s">
        <v>30540</v>
      </c>
    </row>
    <row r="2017" spans="1:9">
      <c r="A2017" s="1">
        <f ca="1">RAND()</f>
        <v>0.24480811324474516</v>
      </c>
      <c r="B2017" s="1"/>
      <c r="C2017">
        <v>11</v>
      </c>
      <c r="D2017" t="s">
        <v>3306</v>
      </c>
      <c r="E2017" t="s">
        <v>31566</v>
      </c>
      <c r="F2017">
        <v>4</v>
      </c>
      <c r="G2017" t="s">
        <v>10</v>
      </c>
      <c r="H2017" t="s">
        <v>3307</v>
      </c>
      <c r="I2017" t="s">
        <v>30540</v>
      </c>
    </row>
    <row r="2018" spans="1:9">
      <c r="A2018" s="1">
        <f ca="1">RAND()</f>
        <v>0.95837775463798303</v>
      </c>
      <c r="B2018" s="1"/>
      <c r="C2018">
        <v>6</v>
      </c>
      <c r="D2018" t="s">
        <v>3302</v>
      </c>
      <c r="E2018" t="s">
        <v>31566</v>
      </c>
      <c r="F2018">
        <v>2</v>
      </c>
      <c r="G2018" t="s">
        <v>1</v>
      </c>
      <c r="H2018" t="s">
        <v>3303</v>
      </c>
      <c r="I2018" t="s">
        <v>30540</v>
      </c>
    </row>
    <row r="2019" spans="1:9">
      <c r="A2019" s="1">
        <f ca="1">RAND()</f>
        <v>0.88690362530774436</v>
      </c>
      <c r="B2019" s="1"/>
      <c r="C2019">
        <v>11</v>
      </c>
      <c r="D2019" t="s">
        <v>3298</v>
      </c>
      <c r="E2019" t="s">
        <v>31567</v>
      </c>
      <c r="F2019">
        <v>4</v>
      </c>
      <c r="G2019" t="s">
        <v>1</v>
      </c>
      <c r="H2019" t="s">
        <v>3299</v>
      </c>
      <c r="I2019" t="s">
        <v>30540</v>
      </c>
    </row>
    <row r="2020" spans="1:9">
      <c r="A2020" s="1">
        <f ca="1">RAND()</f>
        <v>1.7268915130287832E-2</v>
      </c>
      <c r="B2020" s="1"/>
      <c r="C2020">
        <v>2</v>
      </c>
      <c r="D2020" t="s">
        <v>3296</v>
      </c>
      <c r="E2020" t="s">
        <v>31567</v>
      </c>
      <c r="F2020">
        <v>4</v>
      </c>
      <c r="G2020" t="s">
        <v>10</v>
      </c>
      <c r="H2020" t="s">
        <v>3297</v>
      </c>
      <c r="I2020" t="s">
        <v>30540</v>
      </c>
    </row>
    <row r="2021" spans="1:9">
      <c r="A2021" s="1">
        <f ca="1">RAND()</f>
        <v>0.77455695793844848</v>
      </c>
      <c r="B2021" s="1"/>
      <c r="C2021">
        <v>4</v>
      </c>
      <c r="D2021" t="s">
        <v>3294</v>
      </c>
      <c r="E2021" t="s">
        <v>31568</v>
      </c>
      <c r="F2021">
        <v>3</v>
      </c>
      <c r="G2021" t="s">
        <v>1</v>
      </c>
      <c r="H2021" t="s">
        <v>3295</v>
      </c>
      <c r="I2021" t="s">
        <v>30540</v>
      </c>
    </row>
    <row r="2022" spans="1:9">
      <c r="A2022" s="1">
        <f ca="1">RAND()</f>
        <v>0.32535660188439586</v>
      </c>
      <c r="B2022" s="1"/>
      <c r="C2022">
        <v>5</v>
      </c>
      <c r="D2022" t="s">
        <v>3292</v>
      </c>
      <c r="E2022" t="s">
        <v>31569</v>
      </c>
      <c r="F2022">
        <v>4</v>
      </c>
      <c r="G2022" t="s">
        <v>0</v>
      </c>
      <c r="H2022" t="s">
        <v>3293</v>
      </c>
      <c r="I2022" t="s">
        <v>30540</v>
      </c>
    </row>
    <row r="2023" spans="1:9">
      <c r="A2023" s="1">
        <f ca="1">RAND()</f>
        <v>0.15698352034256657</v>
      </c>
      <c r="B2023" s="1"/>
      <c r="C2023">
        <v>3</v>
      </c>
      <c r="D2023" t="s">
        <v>3290</v>
      </c>
      <c r="E2023" t="s">
        <v>31569</v>
      </c>
      <c r="F2023">
        <v>4</v>
      </c>
      <c r="G2023" t="s">
        <v>10</v>
      </c>
      <c r="H2023" t="s">
        <v>3291</v>
      </c>
      <c r="I2023" t="s">
        <v>30540</v>
      </c>
    </row>
    <row r="2024" spans="1:9">
      <c r="A2024" s="1">
        <f ca="1">RAND()</f>
        <v>3.8178050158339638E-2</v>
      </c>
      <c r="B2024" s="1"/>
      <c r="C2024">
        <v>6</v>
      </c>
      <c r="D2024" t="s">
        <v>3286</v>
      </c>
      <c r="E2024" t="s">
        <v>31570</v>
      </c>
      <c r="F2024">
        <v>5</v>
      </c>
      <c r="G2024" t="s">
        <v>0</v>
      </c>
      <c r="H2024" t="s">
        <v>3287</v>
      </c>
      <c r="I2024" t="s">
        <v>30540</v>
      </c>
    </row>
    <row r="2025" spans="1:9">
      <c r="A2025" s="1">
        <f ca="1">RAND()</f>
        <v>0.93245189661733041</v>
      </c>
      <c r="B2025" s="1"/>
      <c r="C2025">
        <v>2</v>
      </c>
      <c r="D2025" t="s">
        <v>3284</v>
      </c>
      <c r="E2025" t="s">
        <v>31570</v>
      </c>
      <c r="F2025">
        <v>5</v>
      </c>
      <c r="G2025" t="s">
        <v>1</v>
      </c>
      <c r="H2025" t="s">
        <v>3285</v>
      </c>
      <c r="I2025" t="s">
        <v>30540</v>
      </c>
    </row>
    <row r="2026" spans="1:9">
      <c r="A2026" s="1">
        <f ca="1">RAND()</f>
        <v>0.17679404741528459</v>
      </c>
      <c r="B2026" s="1"/>
      <c r="C2026">
        <v>9</v>
      </c>
      <c r="D2026" t="s">
        <v>3288</v>
      </c>
      <c r="E2026" t="s">
        <v>31570</v>
      </c>
      <c r="F2026">
        <v>4</v>
      </c>
      <c r="G2026" t="s">
        <v>14</v>
      </c>
      <c r="H2026" t="s">
        <v>3289</v>
      </c>
      <c r="I2026" t="s">
        <v>30540</v>
      </c>
    </row>
    <row r="2027" spans="1:9">
      <c r="A2027" s="1">
        <f ca="1">RAND()</f>
        <v>4.4758752260582568E-2</v>
      </c>
      <c r="B2027" s="1"/>
      <c r="C2027">
        <v>4</v>
      </c>
      <c r="D2027" t="s">
        <v>3270</v>
      </c>
      <c r="E2027" t="s">
        <v>31571</v>
      </c>
      <c r="F2027">
        <v>5</v>
      </c>
      <c r="G2027" t="s">
        <v>9</v>
      </c>
      <c r="H2027" t="s">
        <v>3271</v>
      </c>
      <c r="I2027" t="s">
        <v>30540</v>
      </c>
    </row>
    <row r="2028" spans="1:9">
      <c r="A2028" s="1">
        <f ca="1">RAND()</f>
        <v>0.14677986415772326</v>
      </c>
      <c r="B2028" s="1"/>
      <c r="C2028">
        <v>8</v>
      </c>
      <c r="D2028" t="s">
        <v>3272</v>
      </c>
      <c r="E2028" t="s">
        <v>31571</v>
      </c>
      <c r="F2028">
        <v>5</v>
      </c>
      <c r="G2028" t="s">
        <v>15</v>
      </c>
      <c r="H2028" t="s">
        <v>3273</v>
      </c>
      <c r="I2028" t="s">
        <v>30540</v>
      </c>
    </row>
    <row r="2029" spans="1:9">
      <c r="A2029" s="1">
        <f ca="1">RAND()</f>
        <v>0.10533231267516063</v>
      </c>
      <c r="B2029" s="1"/>
      <c r="C2029">
        <v>14</v>
      </c>
      <c r="D2029" t="s">
        <v>3276</v>
      </c>
      <c r="E2029" t="s">
        <v>31571</v>
      </c>
      <c r="F2029">
        <v>5</v>
      </c>
      <c r="G2029" t="s">
        <v>1431</v>
      </c>
      <c r="H2029" t="s">
        <v>3277</v>
      </c>
      <c r="I2029" t="s">
        <v>30540</v>
      </c>
    </row>
    <row r="2030" spans="1:9">
      <c r="A2030" s="1">
        <f ca="1">RAND()</f>
        <v>0.41495527215935035</v>
      </c>
      <c r="B2030" s="1"/>
      <c r="C2030">
        <v>11</v>
      </c>
      <c r="D2030" t="s">
        <v>3274</v>
      </c>
      <c r="E2030" t="s">
        <v>31571</v>
      </c>
      <c r="F2030">
        <v>5</v>
      </c>
      <c r="G2030" t="s">
        <v>1426</v>
      </c>
      <c r="H2030" t="s">
        <v>3275</v>
      </c>
      <c r="I2030" t="s">
        <v>30540</v>
      </c>
    </row>
    <row r="2031" spans="1:9">
      <c r="A2031" s="1">
        <f ca="1">RAND()</f>
        <v>0.67888700103202515</v>
      </c>
      <c r="B2031" s="1"/>
      <c r="C2031">
        <v>1</v>
      </c>
      <c r="D2031" t="s">
        <v>3268</v>
      </c>
      <c r="E2031" t="s">
        <v>31571</v>
      </c>
      <c r="F2031">
        <v>4</v>
      </c>
      <c r="G2031" t="s">
        <v>1</v>
      </c>
      <c r="H2031" t="s">
        <v>3269</v>
      </c>
      <c r="I2031" t="s">
        <v>30540</v>
      </c>
    </row>
    <row r="2032" spans="1:9">
      <c r="A2032" s="1">
        <f ca="1">RAND()</f>
        <v>0.25944283428189585</v>
      </c>
      <c r="B2032" s="1"/>
      <c r="C2032">
        <v>15</v>
      </c>
      <c r="D2032" t="s">
        <v>3278</v>
      </c>
      <c r="E2032" t="s">
        <v>31571</v>
      </c>
      <c r="F2032">
        <v>4</v>
      </c>
      <c r="G2032" t="s">
        <v>774</v>
      </c>
      <c r="H2032" t="s">
        <v>3279</v>
      </c>
      <c r="I2032" t="s">
        <v>30540</v>
      </c>
    </row>
    <row r="2033" spans="1:9">
      <c r="A2033" s="1">
        <f ca="1">RAND()</f>
        <v>0.92102071382845963</v>
      </c>
      <c r="B2033" s="1"/>
      <c r="C2033">
        <v>18</v>
      </c>
      <c r="D2033" t="s">
        <v>3280</v>
      </c>
      <c r="E2033" t="s">
        <v>31571</v>
      </c>
      <c r="F2033">
        <v>4</v>
      </c>
      <c r="G2033" t="s">
        <v>1431</v>
      </c>
      <c r="H2033" t="s">
        <v>3281</v>
      </c>
      <c r="I2033" t="s">
        <v>30540</v>
      </c>
    </row>
    <row r="2034" spans="1:9">
      <c r="A2034" s="1">
        <f ca="1">RAND()</f>
        <v>0.74142155972942902</v>
      </c>
      <c r="B2034" s="1"/>
      <c r="C2034">
        <v>19</v>
      </c>
      <c r="D2034" t="s">
        <v>3282</v>
      </c>
      <c r="E2034" t="s">
        <v>31571</v>
      </c>
      <c r="F2034">
        <v>4</v>
      </c>
      <c r="G2034" t="s">
        <v>1431</v>
      </c>
      <c r="H2034" t="s">
        <v>3283</v>
      </c>
      <c r="I2034" t="s">
        <v>30540</v>
      </c>
    </row>
    <row r="2035" spans="1:9">
      <c r="A2035" s="1">
        <f ca="1">RAND()</f>
        <v>0.12151889252112613</v>
      </c>
      <c r="B2035" s="1"/>
      <c r="C2035">
        <v>9</v>
      </c>
      <c r="D2035" t="s">
        <v>3264</v>
      </c>
      <c r="E2035" t="s">
        <v>31572</v>
      </c>
      <c r="F2035">
        <v>4</v>
      </c>
      <c r="G2035" t="s">
        <v>0</v>
      </c>
      <c r="H2035" t="s">
        <v>3265</v>
      </c>
      <c r="I2035" t="s">
        <v>30540</v>
      </c>
    </row>
    <row r="2036" spans="1:9">
      <c r="A2036" s="1">
        <f ca="1">RAND()</f>
        <v>0.4407528760684073</v>
      </c>
      <c r="B2036" s="1"/>
      <c r="C2036">
        <v>1</v>
      </c>
      <c r="D2036" t="s">
        <v>3260</v>
      </c>
      <c r="E2036" t="s">
        <v>31572</v>
      </c>
      <c r="F2036">
        <v>4</v>
      </c>
      <c r="G2036" t="s">
        <v>10</v>
      </c>
      <c r="H2036" t="s">
        <v>3261</v>
      </c>
      <c r="I2036" t="s">
        <v>30540</v>
      </c>
    </row>
    <row r="2037" spans="1:9">
      <c r="A2037" s="1">
        <f ca="1">RAND()</f>
        <v>0.74640605712514796</v>
      </c>
      <c r="B2037" s="1"/>
      <c r="C2037">
        <v>12</v>
      </c>
      <c r="D2037" t="s">
        <v>3266</v>
      </c>
      <c r="E2037" t="s">
        <v>31572</v>
      </c>
      <c r="F2037">
        <v>4</v>
      </c>
      <c r="G2037" t="s">
        <v>0</v>
      </c>
      <c r="H2037" t="s">
        <v>3267</v>
      </c>
      <c r="I2037" t="s">
        <v>30540</v>
      </c>
    </row>
    <row r="2038" spans="1:9">
      <c r="A2038" s="1">
        <f ca="1">RAND()</f>
        <v>0.47329012041752072</v>
      </c>
      <c r="B2038" s="1"/>
      <c r="C2038">
        <v>7</v>
      </c>
      <c r="D2038" t="s">
        <v>3262</v>
      </c>
      <c r="E2038" t="s">
        <v>31572</v>
      </c>
      <c r="F2038">
        <v>4</v>
      </c>
      <c r="G2038" t="s">
        <v>0</v>
      </c>
      <c r="H2038" t="s">
        <v>3263</v>
      </c>
      <c r="I2038" t="s">
        <v>30540</v>
      </c>
    </row>
    <row r="2039" spans="1:9">
      <c r="A2039" s="1">
        <f ca="1">RAND()</f>
        <v>0.3525926566034242</v>
      </c>
      <c r="B2039" s="1"/>
      <c r="C2039">
        <v>1</v>
      </c>
      <c r="D2039" t="s">
        <v>3258</v>
      </c>
      <c r="E2039" t="s">
        <v>31573</v>
      </c>
      <c r="F2039">
        <v>4</v>
      </c>
      <c r="G2039" t="s">
        <v>0</v>
      </c>
      <c r="H2039" t="s">
        <v>3259</v>
      </c>
      <c r="I2039" t="s">
        <v>30540</v>
      </c>
    </row>
    <row r="2040" spans="1:9">
      <c r="A2040" s="1">
        <f ca="1">RAND()</f>
        <v>0.10192997428389061</v>
      </c>
      <c r="B2040" s="1"/>
      <c r="C2040">
        <v>5</v>
      </c>
      <c r="D2040" t="s">
        <v>3256</v>
      </c>
      <c r="E2040" t="s">
        <v>31574</v>
      </c>
      <c r="F2040">
        <v>4</v>
      </c>
      <c r="G2040" t="s">
        <v>0</v>
      </c>
      <c r="H2040" t="s">
        <v>3257</v>
      </c>
      <c r="I2040" t="s">
        <v>30540</v>
      </c>
    </row>
    <row r="2041" spans="1:9">
      <c r="A2041" s="1">
        <f ca="1">RAND()</f>
        <v>0.34063154026393505</v>
      </c>
      <c r="B2041" s="1"/>
      <c r="C2041">
        <v>4</v>
      </c>
      <c r="D2041" t="s">
        <v>3250</v>
      </c>
      <c r="E2041" t="s">
        <v>31575</v>
      </c>
      <c r="F2041">
        <v>5</v>
      </c>
      <c r="G2041" t="s">
        <v>1</v>
      </c>
      <c r="H2041" t="s">
        <v>3251</v>
      </c>
      <c r="I2041" t="s">
        <v>30540</v>
      </c>
    </row>
    <row r="2042" spans="1:9">
      <c r="A2042" s="1">
        <f ca="1">RAND()</f>
        <v>0.65289376374815977</v>
      </c>
      <c r="B2042" s="1"/>
      <c r="C2042">
        <v>3</v>
      </c>
      <c r="D2042" t="s">
        <v>3248</v>
      </c>
      <c r="E2042" t="s">
        <v>31575</v>
      </c>
      <c r="F2042">
        <v>3</v>
      </c>
      <c r="G2042" t="s">
        <v>1</v>
      </c>
      <c r="H2042" t="s">
        <v>3249</v>
      </c>
      <c r="I2042" t="s">
        <v>30540</v>
      </c>
    </row>
    <row r="2043" spans="1:9">
      <c r="A2043" s="1">
        <f ca="1">RAND()</f>
        <v>4.1316450133247362E-2</v>
      </c>
      <c r="B2043" s="1"/>
      <c r="C2043">
        <v>8</v>
      </c>
      <c r="D2043" t="s">
        <v>3254</v>
      </c>
      <c r="E2043" t="s">
        <v>31575</v>
      </c>
      <c r="F2043">
        <v>2</v>
      </c>
      <c r="G2043" t="s">
        <v>14</v>
      </c>
      <c r="H2043" t="s">
        <v>3255</v>
      </c>
      <c r="I2043" t="s">
        <v>30540</v>
      </c>
    </row>
    <row r="2044" spans="1:9">
      <c r="A2044" s="1">
        <f ca="1">RAND()</f>
        <v>0.32785400330441605</v>
      </c>
      <c r="B2044" s="1"/>
      <c r="C2044">
        <v>5</v>
      </c>
      <c r="D2044" t="s">
        <v>3252</v>
      </c>
      <c r="E2044" t="s">
        <v>31575</v>
      </c>
      <c r="F2044">
        <v>2</v>
      </c>
      <c r="G2044" t="s">
        <v>13</v>
      </c>
      <c r="H2044" t="s">
        <v>3253</v>
      </c>
      <c r="I2044" t="s">
        <v>30540</v>
      </c>
    </row>
    <row r="2045" spans="1:9">
      <c r="A2045" s="1">
        <f ca="1">RAND()</f>
        <v>0.28977317971227323</v>
      </c>
      <c r="B2045" s="1"/>
      <c r="C2045">
        <v>4</v>
      </c>
      <c r="D2045" t="s">
        <v>3246</v>
      </c>
      <c r="E2045" t="s">
        <v>31576</v>
      </c>
      <c r="F2045">
        <v>4</v>
      </c>
      <c r="G2045" t="s">
        <v>10</v>
      </c>
      <c r="H2045" t="s">
        <v>3247</v>
      </c>
      <c r="I2045" t="s">
        <v>30540</v>
      </c>
    </row>
    <row r="2046" spans="1:9">
      <c r="A2046" s="1">
        <f ca="1">RAND()</f>
        <v>0.3494635922332322</v>
      </c>
      <c r="B2046" s="1"/>
      <c r="C2046">
        <v>2</v>
      </c>
      <c r="D2046" t="s">
        <v>3244</v>
      </c>
      <c r="E2046" t="s">
        <v>31576</v>
      </c>
      <c r="F2046">
        <v>4</v>
      </c>
      <c r="G2046" t="s">
        <v>15</v>
      </c>
      <c r="H2046" t="s">
        <v>3245</v>
      </c>
      <c r="I2046" t="s">
        <v>30540</v>
      </c>
    </row>
    <row r="2047" spans="1:9">
      <c r="A2047" s="1">
        <f ca="1">RAND()</f>
        <v>0.37022910218982286</v>
      </c>
      <c r="B2047" s="1"/>
      <c r="C2047">
        <v>20</v>
      </c>
      <c r="D2047" t="s">
        <v>3242</v>
      </c>
      <c r="E2047" t="s">
        <v>31577</v>
      </c>
      <c r="F2047">
        <v>5</v>
      </c>
      <c r="G2047" t="s">
        <v>765</v>
      </c>
      <c r="H2047" t="s">
        <v>3243</v>
      </c>
      <c r="I2047" t="s">
        <v>30540</v>
      </c>
    </row>
    <row r="2048" spans="1:9">
      <c r="A2048" s="1">
        <f ca="1">RAND()</f>
        <v>0.82570199993380788</v>
      </c>
      <c r="B2048" s="1"/>
      <c r="C2048">
        <v>9</v>
      </c>
      <c r="D2048" t="s">
        <v>3234</v>
      </c>
      <c r="E2048" t="s">
        <v>31577</v>
      </c>
      <c r="F2048">
        <v>4</v>
      </c>
      <c r="G2048" t="s">
        <v>769</v>
      </c>
      <c r="H2048" t="s">
        <v>3235</v>
      </c>
      <c r="I2048" t="s">
        <v>30540</v>
      </c>
    </row>
    <row r="2049" spans="1:9">
      <c r="A2049" s="1">
        <f ca="1">RAND()</f>
        <v>0.45472358208853181</v>
      </c>
      <c r="B2049" s="1"/>
      <c r="C2049">
        <v>19</v>
      </c>
      <c r="D2049" t="s">
        <v>3240</v>
      </c>
      <c r="E2049" t="s">
        <v>31577</v>
      </c>
      <c r="F2049">
        <v>4</v>
      </c>
      <c r="G2049" t="s">
        <v>2738</v>
      </c>
      <c r="H2049" t="s">
        <v>3241</v>
      </c>
      <c r="I2049" t="s">
        <v>30540</v>
      </c>
    </row>
    <row r="2050" spans="1:9">
      <c r="A2050" s="1">
        <f ca="1">RAND()</f>
        <v>0.46671547575141725</v>
      </c>
      <c r="B2050" s="1"/>
      <c r="C2050">
        <v>8</v>
      </c>
      <c r="D2050" t="s">
        <v>3232</v>
      </c>
      <c r="E2050" t="s">
        <v>31577</v>
      </c>
      <c r="F2050">
        <v>4</v>
      </c>
      <c r="G2050" t="s">
        <v>1</v>
      </c>
      <c r="H2050" t="s">
        <v>3233</v>
      </c>
      <c r="I2050" t="s">
        <v>30540</v>
      </c>
    </row>
    <row r="2051" spans="1:9">
      <c r="A2051" s="1">
        <f ca="1">RAND()</f>
        <v>0.71072915354673849</v>
      </c>
      <c r="B2051" s="1"/>
      <c r="C2051">
        <v>10</v>
      </c>
      <c r="D2051" t="s">
        <v>3236</v>
      </c>
      <c r="E2051" t="s">
        <v>31577</v>
      </c>
      <c r="F2051">
        <v>4</v>
      </c>
      <c r="G2051" t="s">
        <v>771</v>
      </c>
      <c r="H2051" t="s">
        <v>3237</v>
      </c>
      <c r="I2051" t="s">
        <v>30540</v>
      </c>
    </row>
    <row r="2052" spans="1:9">
      <c r="A2052" s="1">
        <f ca="1">RAND()</f>
        <v>8.9222920682202389E-2</v>
      </c>
      <c r="B2052" s="1"/>
      <c r="C2052">
        <v>12</v>
      </c>
      <c r="D2052" t="s">
        <v>3238</v>
      </c>
      <c r="E2052" t="s">
        <v>31577</v>
      </c>
      <c r="F2052">
        <v>4</v>
      </c>
      <c r="G2052" t="s">
        <v>13</v>
      </c>
      <c r="H2052" t="s">
        <v>3239</v>
      </c>
      <c r="I2052" t="s">
        <v>30540</v>
      </c>
    </row>
    <row r="2053" spans="1:9">
      <c r="A2053" s="1">
        <f ca="1">RAND()</f>
        <v>0.65297594621762034</v>
      </c>
      <c r="B2053" s="1"/>
      <c r="C2053">
        <v>5</v>
      </c>
      <c r="D2053" t="s">
        <v>3230</v>
      </c>
      <c r="E2053" t="s">
        <v>31577</v>
      </c>
      <c r="F2053">
        <v>4</v>
      </c>
      <c r="G2053" t="s">
        <v>15</v>
      </c>
      <c r="H2053" t="s">
        <v>3231</v>
      </c>
      <c r="I2053" t="s">
        <v>30540</v>
      </c>
    </row>
    <row r="2054" spans="1:9">
      <c r="A2054" s="1">
        <f ca="1">RAND()</f>
        <v>0.54295319323917091</v>
      </c>
      <c r="B2054" s="1"/>
      <c r="C2054">
        <v>2</v>
      </c>
      <c r="D2054" t="s">
        <v>3226</v>
      </c>
      <c r="E2054" t="s">
        <v>31578</v>
      </c>
      <c r="F2054">
        <v>5</v>
      </c>
      <c r="G2054" t="s">
        <v>1</v>
      </c>
      <c r="H2054" t="s">
        <v>3227</v>
      </c>
      <c r="I2054" t="s">
        <v>30540</v>
      </c>
    </row>
    <row r="2055" spans="1:9">
      <c r="A2055" s="1">
        <f ca="1">RAND()</f>
        <v>5.8338022548418689E-2</v>
      </c>
      <c r="B2055" s="1"/>
      <c r="C2055">
        <v>4</v>
      </c>
      <c r="D2055" t="s">
        <v>3228</v>
      </c>
      <c r="E2055" t="s">
        <v>31578</v>
      </c>
      <c r="F2055">
        <v>4</v>
      </c>
      <c r="G2055" t="s">
        <v>0</v>
      </c>
      <c r="H2055" t="s">
        <v>3229</v>
      </c>
      <c r="I2055" t="s">
        <v>30540</v>
      </c>
    </row>
    <row r="2056" spans="1:9">
      <c r="A2056" s="1">
        <f ca="1">RAND()</f>
        <v>0.40467933436282266</v>
      </c>
      <c r="B2056" s="1"/>
      <c r="C2056">
        <v>5</v>
      </c>
      <c r="D2056" t="s">
        <v>3224</v>
      </c>
      <c r="E2056" t="s">
        <v>31579</v>
      </c>
      <c r="F2056">
        <v>4</v>
      </c>
      <c r="G2056" t="s">
        <v>0</v>
      </c>
      <c r="H2056" t="s">
        <v>3225</v>
      </c>
      <c r="I2056" t="s">
        <v>30540</v>
      </c>
    </row>
    <row r="2057" spans="1:9">
      <c r="A2057" s="1">
        <f ca="1">RAND()</f>
        <v>0.64191429413807077</v>
      </c>
      <c r="B2057" s="1"/>
      <c r="C2057">
        <v>3</v>
      </c>
      <c r="D2057" t="s">
        <v>3222</v>
      </c>
      <c r="E2057" t="s">
        <v>31579</v>
      </c>
      <c r="F2057">
        <v>2</v>
      </c>
      <c r="G2057" t="s">
        <v>0</v>
      </c>
      <c r="H2057" t="s">
        <v>3223</v>
      </c>
      <c r="I2057" t="s">
        <v>30540</v>
      </c>
    </row>
    <row r="2058" spans="1:9">
      <c r="A2058" s="1">
        <f ca="1">RAND()</f>
        <v>0.12119697181936018</v>
      </c>
      <c r="B2058" s="1"/>
      <c r="C2058">
        <v>4</v>
      </c>
      <c r="D2058" t="s">
        <v>3218</v>
      </c>
      <c r="E2058" t="s">
        <v>31580</v>
      </c>
      <c r="F2058">
        <v>4</v>
      </c>
      <c r="G2058" t="s">
        <v>9</v>
      </c>
      <c r="H2058" t="s">
        <v>3219</v>
      </c>
      <c r="I2058" t="s">
        <v>30540</v>
      </c>
    </row>
    <row r="2059" spans="1:9">
      <c r="A2059" s="1">
        <f ca="1">RAND()</f>
        <v>0.83348821772682868</v>
      </c>
      <c r="B2059" s="1"/>
      <c r="C2059">
        <v>10</v>
      </c>
      <c r="D2059" t="s">
        <v>3220</v>
      </c>
      <c r="E2059" t="s">
        <v>31580</v>
      </c>
      <c r="F2059">
        <v>4</v>
      </c>
      <c r="G2059" t="s">
        <v>0</v>
      </c>
      <c r="H2059" t="s">
        <v>3221</v>
      </c>
      <c r="I2059" t="s">
        <v>30540</v>
      </c>
    </row>
    <row r="2060" spans="1:9">
      <c r="A2060" s="1">
        <f ca="1">RAND()</f>
        <v>0.67563655538062339</v>
      </c>
      <c r="B2060" s="1"/>
      <c r="C2060">
        <v>1</v>
      </c>
      <c r="D2060" t="s">
        <v>3212</v>
      </c>
      <c r="E2060" t="s">
        <v>31580</v>
      </c>
      <c r="F2060">
        <v>4</v>
      </c>
      <c r="G2060" t="s">
        <v>15</v>
      </c>
      <c r="H2060" t="s">
        <v>3213</v>
      </c>
      <c r="I2060" t="s">
        <v>30540</v>
      </c>
    </row>
    <row r="2061" spans="1:9">
      <c r="A2061" s="1">
        <f ca="1">RAND()</f>
        <v>0.18851413914684245</v>
      </c>
      <c r="B2061" s="1"/>
      <c r="C2061">
        <v>2</v>
      </c>
      <c r="D2061" t="s">
        <v>3214</v>
      </c>
      <c r="E2061" t="s">
        <v>31580</v>
      </c>
      <c r="F2061">
        <v>4</v>
      </c>
      <c r="G2061" t="s">
        <v>9</v>
      </c>
      <c r="H2061" t="s">
        <v>3215</v>
      </c>
      <c r="I2061" t="s">
        <v>30540</v>
      </c>
    </row>
    <row r="2062" spans="1:9">
      <c r="A2062" s="1">
        <f ca="1">RAND()</f>
        <v>0.18797745151285428</v>
      </c>
      <c r="B2062" s="1"/>
      <c r="C2062">
        <v>3</v>
      </c>
      <c r="D2062" t="s">
        <v>3216</v>
      </c>
      <c r="E2062" t="s">
        <v>31580</v>
      </c>
      <c r="F2062">
        <v>3</v>
      </c>
      <c r="G2062" t="s">
        <v>2</v>
      </c>
      <c r="H2062" t="s">
        <v>3217</v>
      </c>
      <c r="I2062" t="s">
        <v>30540</v>
      </c>
    </row>
    <row r="2063" spans="1:9">
      <c r="A2063" s="1">
        <f ca="1">RAND()</f>
        <v>0.32475663035070002</v>
      </c>
      <c r="B2063" s="1"/>
      <c r="C2063">
        <v>4</v>
      </c>
      <c r="D2063" t="s">
        <v>3204</v>
      </c>
      <c r="E2063" t="s">
        <v>31581</v>
      </c>
      <c r="F2063">
        <v>4</v>
      </c>
      <c r="G2063" t="s">
        <v>1426</v>
      </c>
      <c r="H2063" t="s">
        <v>3205</v>
      </c>
      <c r="I2063" t="s">
        <v>30540</v>
      </c>
    </row>
    <row r="2064" spans="1:9">
      <c r="A2064" s="1">
        <f ca="1">RAND()</f>
        <v>0.56979400514712741</v>
      </c>
      <c r="B2064" s="1"/>
      <c r="C2064">
        <v>2</v>
      </c>
      <c r="D2064" t="s">
        <v>3202</v>
      </c>
      <c r="E2064" t="s">
        <v>31581</v>
      </c>
      <c r="F2064">
        <v>4</v>
      </c>
      <c r="G2064" t="s">
        <v>1295</v>
      </c>
      <c r="H2064" t="s">
        <v>3203</v>
      </c>
      <c r="I2064" t="s">
        <v>30540</v>
      </c>
    </row>
    <row r="2065" spans="1:9">
      <c r="A2065" s="1">
        <f ca="1">RAND()</f>
        <v>0.22865152506638509</v>
      </c>
      <c r="B2065" s="1"/>
      <c r="C2065">
        <v>1</v>
      </c>
      <c r="D2065" t="s">
        <v>3200</v>
      </c>
      <c r="E2065" t="s">
        <v>31581</v>
      </c>
      <c r="F2065">
        <v>4</v>
      </c>
      <c r="G2065" t="s">
        <v>15</v>
      </c>
      <c r="H2065" t="s">
        <v>3201</v>
      </c>
      <c r="I2065" t="s">
        <v>30540</v>
      </c>
    </row>
    <row r="2066" spans="1:9">
      <c r="A2066" s="1">
        <f ca="1">RAND()</f>
        <v>0.64796593436802019</v>
      </c>
      <c r="B2066" s="1"/>
      <c r="C2066">
        <v>16</v>
      </c>
      <c r="D2066" t="s">
        <v>3208</v>
      </c>
      <c r="E2066" t="s">
        <v>31581</v>
      </c>
      <c r="F2066">
        <v>4</v>
      </c>
      <c r="G2066" t="s">
        <v>1</v>
      </c>
      <c r="H2066" t="s">
        <v>3209</v>
      </c>
      <c r="I2066" t="s">
        <v>30540</v>
      </c>
    </row>
    <row r="2067" spans="1:9">
      <c r="A2067" s="1">
        <f ca="1">RAND()</f>
        <v>0.31180880338320227</v>
      </c>
      <c r="B2067" s="1"/>
      <c r="C2067">
        <v>20</v>
      </c>
      <c r="D2067" t="s">
        <v>3210</v>
      </c>
      <c r="E2067" t="s">
        <v>31581</v>
      </c>
      <c r="F2067">
        <v>4</v>
      </c>
      <c r="G2067" t="s">
        <v>774</v>
      </c>
      <c r="H2067" t="s">
        <v>3211</v>
      </c>
      <c r="I2067" t="s">
        <v>30540</v>
      </c>
    </row>
    <row r="2068" spans="1:9">
      <c r="A2068" s="1">
        <f ca="1">RAND()</f>
        <v>0.36336759824797082</v>
      </c>
      <c r="B2068" s="1"/>
      <c r="C2068">
        <v>8</v>
      </c>
      <c r="D2068" t="s">
        <v>3206</v>
      </c>
      <c r="E2068" t="s">
        <v>31581</v>
      </c>
      <c r="F2068">
        <v>3</v>
      </c>
      <c r="G2068" t="s">
        <v>13</v>
      </c>
      <c r="H2068" t="s">
        <v>3207</v>
      </c>
      <c r="I2068" t="s">
        <v>30540</v>
      </c>
    </row>
    <row r="2069" spans="1:9">
      <c r="A2069" s="1">
        <f ca="1">RAND()</f>
        <v>0.36013028287573445</v>
      </c>
      <c r="B2069" s="1"/>
      <c r="C2069">
        <v>9</v>
      </c>
      <c r="D2069" t="s">
        <v>3198</v>
      </c>
      <c r="E2069" t="s">
        <v>31582</v>
      </c>
      <c r="F2069">
        <v>5</v>
      </c>
      <c r="G2069" t="s">
        <v>0</v>
      </c>
      <c r="H2069" t="s">
        <v>3199</v>
      </c>
      <c r="I2069" t="s">
        <v>30540</v>
      </c>
    </row>
    <row r="2070" spans="1:9">
      <c r="A2070" s="1">
        <f ca="1">RAND()</f>
        <v>0.28468446861581342</v>
      </c>
      <c r="B2070" s="1"/>
      <c r="C2070">
        <v>2</v>
      </c>
      <c r="D2070" t="s">
        <v>3196</v>
      </c>
      <c r="E2070" t="s">
        <v>31582</v>
      </c>
      <c r="F2070">
        <v>4</v>
      </c>
      <c r="G2070" t="s">
        <v>9</v>
      </c>
      <c r="H2070" t="s">
        <v>3197</v>
      </c>
      <c r="I2070" t="s">
        <v>30540</v>
      </c>
    </row>
    <row r="2071" spans="1:9">
      <c r="A2071" s="1">
        <f ca="1">RAND()</f>
        <v>0.32410985716532137</v>
      </c>
      <c r="B2071" s="1"/>
      <c r="C2071">
        <v>3</v>
      </c>
      <c r="D2071" t="s">
        <v>3194</v>
      </c>
      <c r="E2071" t="s">
        <v>31583</v>
      </c>
      <c r="F2071">
        <v>4</v>
      </c>
      <c r="G2071" t="s">
        <v>1</v>
      </c>
      <c r="H2071" t="s">
        <v>3195</v>
      </c>
      <c r="I2071" t="s">
        <v>30540</v>
      </c>
    </row>
    <row r="2072" spans="1:9">
      <c r="A2072" s="1">
        <f ca="1">RAND()</f>
        <v>9.0596361112041501E-2</v>
      </c>
      <c r="B2072" s="1"/>
      <c r="C2072">
        <v>6</v>
      </c>
      <c r="D2072" t="s">
        <v>3190</v>
      </c>
      <c r="E2072" t="s">
        <v>31584</v>
      </c>
      <c r="F2072">
        <v>5</v>
      </c>
      <c r="G2072" t="s">
        <v>1</v>
      </c>
      <c r="H2072" t="s">
        <v>3191</v>
      </c>
      <c r="I2072" t="s">
        <v>30540</v>
      </c>
    </row>
    <row r="2073" spans="1:9">
      <c r="A2073" s="1">
        <f ca="1">RAND()</f>
        <v>0.44963352508019672</v>
      </c>
      <c r="B2073" s="1"/>
      <c r="C2073">
        <v>5</v>
      </c>
      <c r="D2073" t="s">
        <v>3188</v>
      </c>
      <c r="E2073" t="s">
        <v>31584</v>
      </c>
      <c r="F2073">
        <v>4</v>
      </c>
      <c r="G2073" t="s">
        <v>14</v>
      </c>
      <c r="H2073" t="s">
        <v>3189</v>
      </c>
      <c r="I2073" t="s">
        <v>30540</v>
      </c>
    </row>
    <row r="2074" spans="1:9">
      <c r="A2074" s="1">
        <f ca="1">RAND()</f>
        <v>0.13213533878288897</v>
      </c>
      <c r="B2074" s="1"/>
      <c r="C2074">
        <v>7</v>
      </c>
      <c r="D2074" t="s">
        <v>3192</v>
      </c>
      <c r="E2074" t="s">
        <v>31584</v>
      </c>
      <c r="F2074">
        <v>4</v>
      </c>
      <c r="G2074" t="s">
        <v>13</v>
      </c>
      <c r="H2074" t="s">
        <v>3193</v>
      </c>
      <c r="I2074" t="s">
        <v>30540</v>
      </c>
    </row>
    <row r="2075" spans="1:9">
      <c r="A2075" s="1">
        <f ca="1">RAND()</f>
        <v>6.5593758799309065E-2</v>
      </c>
      <c r="B2075" s="1"/>
      <c r="C2075">
        <v>4</v>
      </c>
      <c r="D2075" t="s">
        <v>3186</v>
      </c>
      <c r="E2075" t="s">
        <v>31584</v>
      </c>
      <c r="F2075">
        <v>2</v>
      </c>
      <c r="G2075" t="s">
        <v>13</v>
      </c>
      <c r="H2075" t="s">
        <v>3187</v>
      </c>
      <c r="I2075" t="s">
        <v>30540</v>
      </c>
    </row>
    <row r="2076" spans="1:9">
      <c r="A2076" s="1">
        <f ca="1">RAND()</f>
        <v>0.42948672230268958</v>
      </c>
      <c r="B2076" s="1"/>
      <c r="C2076">
        <v>7</v>
      </c>
      <c r="D2076" t="s">
        <v>3184</v>
      </c>
      <c r="E2076" t="s">
        <v>31585</v>
      </c>
      <c r="F2076">
        <v>4</v>
      </c>
      <c r="G2076" t="s">
        <v>13</v>
      </c>
      <c r="H2076" t="s">
        <v>3185</v>
      </c>
      <c r="I2076" t="s">
        <v>30540</v>
      </c>
    </row>
    <row r="2077" spans="1:9">
      <c r="A2077" s="1">
        <f ca="1">RAND()</f>
        <v>0.62932583318565949</v>
      </c>
      <c r="B2077" s="1"/>
      <c r="C2077">
        <v>4</v>
      </c>
      <c r="D2077" t="s">
        <v>3182</v>
      </c>
      <c r="E2077" t="s">
        <v>31585</v>
      </c>
      <c r="F2077">
        <v>3</v>
      </c>
      <c r="G2077" t="s">
        <v>0</v>
      </c>
      <c r="H2077" t="s">
        <v>3183</v>
      </c>
      <c r="I2077" t="s">
        <v>30540</v>
      </c>
    </row>
    <row r="2078" spans="1:9">
      <c r="A2078" s="1">
        <f ca="1">RAND()</f>
        <v>6.5449709183766247E-2</v>
      </c>
      <c r="B2078" s="1"/>
      <c r="C2078">
        <v>1</v>
      </c>
      <c r="D2078" t="s">
        <v>3180</v>
      </c>
      <c r="E2078" t="s">
        <v>31585</v>
      </c>
      <c r="F2078">
        <v>2</v>
      </c>
      <c r="G2078" t="s">
        <v>15</v>
      </c>
      <c r="H2078" t="s">
        <v>3181</v>
      </c>
      <c r="I2078" t="s">
        <v>30540</v>
      </c>
    </row>
    <row r="2079" spans="1:9">
      <c r="A2079" s="1">
        <f ca="1">RAND()</f>
        <v>0.36461402109221563</v>
      </c>
      <c r="B2079" s="1"/>
      <c r="C2079">
        <v>1</v>
      </c>
      <c r="D2079" t="s">
        <v>3174</v>
      </c>
      <c r="E2079" t="s">
        <v>31586</v>
      </c>
      <c r="F2079">
        <v>4</v>
      </c>
      <c r="G2079" t="s">
        <v>9</v>
      </c>
      <c r="H2079" t="s">
        <v>3175</v>
      </c>
      <c r="I2079" t="s">
        <v>30540</v>
      </c>
    </row>
    <row r="2080" spans="1:9">
      <c r="A2080" s="1">
        <f ca="1">RAND()</f>
        <v>0.3742426302405486</v>
      </c>
      <c r="B2080" s="1"/>
      <c r="C2080">
        <v>9</v>
      </c>
      <c r="D2080" t="s">
        <v>3178</v>
      </c>
      <c r="E2080" t="s">
        <v>31586</v>
      </c>
      <c r="F2080">
        <v>4</v>
      </c>
      <c r="G2080" t="s">
        <v>2226</v>
      </c>
      <c r="H2080" t="s">
        <v>3179</v>
      </c>
      <c r="I2080" t="s">
        <v>30540</v>
      </c>
    </row>
    <row r="2081" spans="1:9">
      <c r="A2081" s="1">
        <f ca="1">RAND()</f>
        <v>0.2996844664627486</v>
      </c>
      <c r="B2081" s="1"/>
      <c r="C2081">
        <v>4</v>
      </c>
      <c r="D2081" t="s">
        <v>3176</v>
      </c>
      <c r="E2081" t="s">
        <v>31586</v>
      </c>
      <c r="F2081">
        <v>4</v>
      </c>
      <c r="G2081" t="s">
        <v>3107</v>
      </c>
      <c r="H2081" t="s">
        <v>3177</v>
      </c>
      <c r="I2081" t="s">
        <v>30540</v>
      </c>
    </row>
    <row r="2082" spans="1:9">
      <c r="A2082" s="1">
        <f ca="1">RAND()</f>
        <v>0.55154693931083476</v>
      </c>
      <c r="B2082" s="1"/>
      <c r="C2082">
        <v>2</v>
      </c>
      <c r="D2082" t="s">
        <v>3172</v>
      </c>
      <c r="E2082" t="s">
        <v>31587</v>
      </c>
      <c r="F2082">
        <v>4</v>
      </c>
      <c r="G2082" t="s">
        <v>10</v>
      </c>
      <c r="H2082" t="s">
        <v>3173</v>
      </c>
      <c r="I2082" t="s">
        <v>30540</v>
      </c>
    </row>
    <row r="2083" spans="1:9">
      <c r="A2083" s="1">
        <f ca="1">RAND()</f>
        <v>0.43422018291652875</v>
      </c>
      <c r="B2083" s="1"/>
      <c r="C2083">
        <v>2</v>
      </c>
      <c r="D2083" t="s">
        <v>3168</v>
      </c>
      <c r="E2083" t="s">
        <v>31588</v>
      </c>
      <c r="F2083">
        <v>5</v>
      </c>
      <c r="G2083" t="s">
        <v>9</v>
      </c>
      <c r="H2083" t="s">
        <v>3169</v>
      </c>
      <c r="I2083" t="s">
        <v>30540</v>
      </c>
    </row>
    <row r="2084" spans="1:9">
      <c r="A2084" s="1">
        <f ca="1">RAND()</f>
        <v>0.81998967733378825</v>
      </c>
      <c r="B2084" s="1"/>
      <c r="C2084">
        <v>5</v>
      </c>
      <c r="D2084" t="s">
        <v>3170</v>
      </c>
      <c r="E2084" t="s">
        <v>31588</v>
      </c>
      <c r="F2084">
        <v>4</v>
      </c>
      <c r="G2084" t="s">
        <v>1</v>
      </c>
      <c r="H2084" t="s">
        <v>3171</v>
      </c>
      <c r="I2084" t="s">
        <v>30540</v>
      </c>
    </row>
    <row r="2085" spans="1:9">
      <c r="A2085" s="1">
        <f ca="1">RAND()</f>
        <v>0.85752533462544622</v>
      </c>
      <c r="B2085" s="1"/>
      <c r="C2085">
        <v>1</v>
      </c>
      <c r="D2085" t="s">
        <v>3166</v>
      </c>
      <c r="E2085" t="s">
        <v>31589</v>
      </c>
      <c r="F2085">
        <v>5</v>
      </c>
      <c r="G2085" t="s">
        <v>15</v>
      </c>
      <c r="H2085" t="s">
        <v>3167</v>
      </c>
      <c r="I2085" t="s">
        <v>30540</v>
      </c>
    </row>
    <row r="2086" spans="1:9">
      <c r="A2086" s="1">
        <f ca="1">RAND()</f>
        <v>0.88088040736495687</v>
      </c>
      <c r="B2086" s="1"/>
      <c r="C2086">
        <v>17</v>
      </c>
      <c r="D2086" t="s">
        <v>3164</v>
      </c>
      <c r="E2086" t="s">
        <v>31590</v>
      </c>
      <c r="F2086">
        <v>5</v>
      </c>
      <c r="G2086" t="s">
        <v>3107</v>
      </c>
      <c r="H2086" t="s">
        <v>3165</v>
      </c>
      <c r="I2086" t="s">
        <v>30540</v>
      </c>
    </row>
    <row r="2087" spans="1:9">
      <c r="A2087" s="1">
        <f ca="1">RAND()</f>
        <v>0.6604379656790178</v>
      </c>
      <c r="B2087" s="1"/>
      <c r="C2087">
        <v>5</v>
      </c>
      <c r="D2087" t="s">
        <v>3158</v>
      </c>
      <c r="E2087" t="s">
        <v>31590</v>
      </c>
      <c r="F2087">
        <v>4</v>
      </c>
      <c r="G2087" t="s">
        <v>770</v>
      </c>
      <c r="H2087" t="s">
        <v>3159</v>
      </c>
      <c r="I2087" t="s">
        <v>30540</v>
      </c>
    </row>
    <row r="2088" spans="1:9">
      <c r="A2088" s="1">
        <f ca="1">RAND()</f>
        <v>0.68856203451841391</v>
      </c>
      <c r="B2088" s="1"/>
      <c r="C2088">
        <v>2</v>
      </c>
      <c r="D2088" t="s">
        <v>3156</v>
      </c>
      <c r="E2088" t="s">
        <v>31590</v>
      </c>
      <c r="F2088">
        <v>4</v>
      </c>
      <c r="G2088" t="s">
        <v>0</v>
      </c>
      <c r="H2088" t="s">
        <v>3157</v>
      </c>
      <c r="I2088" t="s">
        <v>30540</v>
      </c>
    </row>
    <row r="2089" spans="1:9">
      <c r="A2089" s="1">
        <f ca="1">RAND()</f>
        <v>0.66080306903025332</v>
      </c>
      <c r="B2089" s="1"/>
      <c r="C2089">
        <v>11</v>
      </c>
      <c r="D2089" t="s">
        <v>3160</v>
      </c>
      <c r="E2089" t="s">
        <v>31590</v>
      </c>
      <c r="F2089">
        <v>4</v>
      </c>
      <c r="G2089" t="s">
        <v>13</v>
      </c>
      <c r="H2089" t="s">
        <v>3161</v>
      </c>
      <c r="I2089" t="s">
        <v>30540</v>
      </c>
    </row>
    <row r="2090" spans="1:9">
      <c r="A2090" s="1">
        <f ca="1">RAND()</f>
        <v>0.2462133654654679</v>
      </c>
      <c r="B2090" s="1"/>
      <c r="C2090">
        <v>12</v>
      </c>
      <c r="D2090" t="s">
        <v>3162</v>
      </c>
      <c r="E2090" t="s">
        <v>31590</v>
      </c>
      <c r="F2090">
        <v>4</v>
      </c>
      <c r="G2090" t="s">
        <v>1426</v>
      </c>
      <c r="H2090" t="s">
        <v>3163</v>
      </c>
      <c r="I2090" t="s">
        <v>30540</v>
      </c>
    </row>
    <row r="2091" spans="1:9">
      <c r="A2091" s="1">
        <f ca="1">RAND()</f>
        <v>0.75292919212162512</v>
      </c>
      <c r="B2091" s="1"/>
      <c r="C2091">
        <v>10</v>
      </c>
      <c r="D2091" t="s">
        <v>3154</v>
      </c>
      <c r="E2091" t="s">
        <v>31591</v>
      </c>
      <c r="F2091">
        <v>5</v>
      </c>
      <c r="G2091" t="s">
        <v>0</v>
      </c>
      <c r="H2091" t="s">
        <v>3155</v>
      </c>
      <c r="I2091" t="s">
        <v>30540</v>
      </c>
    </row>
    <row r="2092" spans="1:9">
      <c r="A2092" s="1">
        <f ca="1">RAND()</f>
        <v>0.3456853857428851</v>
      </c>
      <c r="B2092" s="1"/>
      <c r="C2092">
        <v>1</v>
      </c>
      <c r="D2092" t="s">
        <v>3150</v>
      </c>
      <c r="E2092" t="s">
        <v>31591</v>
      </c>
      <c r="F2092">
        <v>4</v>
      </c>
      <c r="G2092" t="s">
        <v>0</v>
      </c>
      <c r="H2092" t="s">
        <v>3151</v>
      </c>
      <c r="I2092" t="s">
        <v>30540</v>
      </c>
    </row>
    <row r="2093" spans="1:9">
      <c r="A2093" s="1">
        <f ca="1">RAND()</f>
        <v>0.63169650936075239</v>
      </c>
      <c r="B2093" s="1"/>
      <c r="C2093">
        <v>9</v>
      </c>
      <c r="D2093" t="s">
        <v>3152</v>
      </c>
      <c r="E2093" t="s">
        <v>31591</v>
      </c>
      <c r="F2093">
        <v>4</v>
      </c>
      <c r="G2093" t="s">
        <v>13</v>
      </c>
      <c r="H2093" t="s">
        <v>3153</v>
      </c>
      <c r="I2093" t="s">
        <v>30540</v>
      </c>
    </row>
    <row r="2094" spans="1:9">
      <c r="A2094" s="1">
        <f ca="1">RAND()</f>
        <v>0.28006796561765146</v>
      </c>
      <c r="B2094" s="1"/>
      <c r="C2094">
        <v>1</v>
      </c>
      <c r="D2094" t="s">
        <v>3146</v>
      </c>
      <c r="E2094" t="s">
        <v>31592</v>
      </c>
      <c r="F2094">
        <v>4</v>
      </c>
      <c r="G2094" t="s">
        <v>13</v>
      </c>
      <c r="H2094" t="s">
        <v>3147</v>
      </c>
      <c r="I2094" t="s">
        <v>30540</v>
      </c>
    </row>
    <row r="2095" spans="1:9">
      <c r="A2095" s="1">
        <f ca="1">RAND()</f>
        <v>0.52337617223872612</v>
      </c>
      <c r="B2095" s="1"/>
      <c r="C2095">
        <v>2</v>
      </c>
      <c r="D2095" t="s">
        <v>3148</v>
      </c>
      <c r="E2095" t="s">
        <v>31592</v>
      </c>
      <c r="F2095">
        <v>4</v>
      </c>
      <c r="G2095" t="s">
        <v>0</v>
      </c>
      <c r="H2095" t="s">
        <v>3149</v>
      </c>
      <c r="I2095" t="s">
        <v>30540</v>
      </c>
    </row>
    <row r="2096" spans="1:9">
      <c r="A2096" s="1">
        <f ca="1">RAND()</f>
        <v>0.76191641963095491</v>
      </c>
      <c r="B2096" s="1"/>
      <c r="C2096">
        <v>5</v>
      </c>
      <c r="D2096" t="s">
        <v>3144</v>
      </c>
      <c r="E2096" t="s">
        <v>31593</v>
      </c>
      <c r="F2096">
        <v>4</v>
      </c>
      <c r="G2096" t="s">
        <v>2</v>
      </c>
      <c r="H2096" t="s">
        <v>3145</v>
      </c>
      <c r="I2096" t="s">
        <v>30540</v>
      </c>
    </row>
    <row r="2097" spans="1:9">
      <c r="A2097" s="1">
        <f ca="1">RAND()</f>
        <v>0.20428797462848769</v>
      </c>
      <c r="B2097" s="1"/>
      <c r="C2097">
        <v>3</v>
      </c>
      <c r="D2097" t="s">
        <v>3140</v>
      </c>
      <c r="E2097" t="s">
        <v>31594</v>
      </c>
      <c r="F2097">
        <v>4</v>
      </c>
      <c r="G2097" t="s">
        <v>769</v>
      </c>
      <c r="H2097" t="s">
        <v>3141</v>
      </c>
      <c r="I2097" t="s">
        <v>30540</v>
      </c>
    </row>
    <row r="2098" spans="1:9">
      <c r="A2098" s="1">
        <f ca="1">RAND()</f>
        <v>0.81905123467703866</v>
      </c>
      <c r="B2098" s="1"/>
      <c r="C2098">
        <v>7</v>
      </c>
      <c r="D2098" t="s">
        <v>3142</v>
      </c>
      <c r="E2098" t="s">
        <v>31594</v>
      </c>
      <c r="F2098">
        <v>3</v>
      </c>
      <c r="G2098" t="s">
        <v>770</v>
      </c>
      <c r="H2098" t="s">
        <v>3143</v>
      </c>
      <c r="I2098" t="s">
        <v>30540</v>
      </c>
    </row>
    <row r="2099" spans="1:9">
      <c r="A2099" s="1">
        <f ca="1">RAND()</f>
        <v>0.43779852092690108</v>
      </c>
      <c r="B2099" s="1"/>
      <c r="C2099">
        <v>1</v>
      </c>
      <c r="D2099" t="s">
        <v>3138</v>
      </c>
      <c r="E2099" t="s">
        <v>31595</v>
      </c>
      <c r="F2099">
        <v>4</v>
      </c>
      <c r="G2099" t="s">
        <v>2</v>
      </c>
      <c r="H2099" t="s">
        <v>3139</v>
      </c>
      <c r="I2099" t="s">
        <v>30540</v>
      </c>
    </row>
    <row r="2100" spans="1:9">
      <c r="A2100" s="1">
        <f ca="1">RAND()</f>
        <v>0.51504276140101879</v>
      </c>
      <c r="B2100" s="1"/>
      <c r="C2100">
        <v>2</v>
      </c>
      <c r="D2100" t="s">
        <v>3136</v>
      </c>
      <c r="E2100" t="s">
        <v>31596</v>
      </c>
      <c r="F2100">
        <v>4</v>
      </c>
      <c r="G2100" t="s">
        <v>0</v>
      </c>
      <c r="H2100" t="s">
        <v>3137</v>
      </c>
      <c r="I2100" t="s">
        <v>30540</v>
      </c>
    </row>
    <row r="2101" spans="1:9">
      <c r="A2101" s="1">
        <f ca="1">RAND()</f>
        <v>0.67511109065714336</v>
      </c>
      <c r="B2101" s="1"/>
      <c r="C2101">
        <v>3</v>
      </c>
      <c r="D2101" t="s">
        <v>3132</v>
      </c>
      <c r="E2101" t="s">
        <v>31597</v>
      </c>
      <c r="F2101">
        <v>4</v>
      </c>
      <c r="G2101" t="s">
        <v>10</v>
      </c>
      <c r="H2101" t="s">
        <v>3133</v>
      </c>
      <c r="I2101" t="s">
        <v>30540</v>
      </c>
    </row>
    <row r="2102" spans="1:9">
      <c r="A2102" s="1">
        <f ca="1">RAND()</f>
        <v>0.14843028382910761</v>
      </c>
      <c r="B2102" s="1"/>
      <c r="C2102">
        <v>2</v>
      </c>
      <c r="D2102" t="s">
        <v>3130</v>
      </c>
      <c r="E2102" t="s">
        <v>31597</v>
      </c>
      <c r="F2102">
        <v>4</v>
      </c>
      <c r="G2102" t="s">
        <v>1</v>
      </c>
      <c r="H2102" t="s">
        <v>3131</v>
      </c>
      <c r="I2102" t="s">
        <v>30540</v>
      </c>
    </row>
    <row r="2103" spans="1:9">
      <c r="A2103" s="1">
        <f ca="1">RAND()</f>
        <v>0.85031751620842455</v>
      </c>
      <c r="B2103" s="1"/>
      <c r="C2103">
        <v>4</v>
      </c>
      <c r="D2103" t="s">
        <v>3134</v>
      </c>
      <c r="E2103" t="s">
        <v>31597</v>
      </c>
      <c r="F2103">
        <v>4</v>
      </c>
      <c r="G2103" t="s">
        <v>15</v>
      </c>
      <c r="H2103" t="s">
        <v>3135</v>
      </c>
      <c r="I2103" t="s">
        <v>30540</v>
      </c>
    </row>
    <row r="2104" spans="1:9">
      <c r="A2104" s="1">
        <f ca="1">RAND()</f>
        <v>0.72254631769250899</v>
      </c>
      <c r="B2104" s="1"/>
      <c r="C2104">
        <v>1</v>
      </c>
      <c r="D2104" t="s">
        <v>3128</v>
      </c>
      <c r="E2104" t="s">
        <v>31597</v>
      </c>
      <c r="F2104">
        <v>4</v>
      </c>
      <c r="G2104" t="s">
        <v>9</v>
      </c>
      <c r="H2104" t="s">
        <v>3129</v>
      </c>
      <c r="I2104" t="s">
        <v>30540</v>
      </c>
    </row>
    <row r="2105" spans="1:9">
      <c r="A2105" s="1">
        <f ca="1">RAND()</f>
        <v>0.34802732182376328</v>
      </c>
      <c r="B2105" s="1"/>
      <c r="C2105">
        <v>2</v>
      </c>
      <c r="D2105" t="s">
        <v>3126</v>
      </c>
      <c r="E2105" t="s">
        <v>31598</v>
      </c>
      <c r="F2105">
        <v>4</v>
      </c>
      <c r="G2105" t="s">
        <v>2</v>
      </c>
      <c r="H2105" t="s">
        <v>3127</v>
      </c>
      <c r="I2105" t="s">
        <v>30540</v>
      </c>
    </row>
    <row r="2106" spans="1:9">
      <c r="A2106" s="1">
        <f ca="1">RAND()</f>
        <v>0.41423817427052845</v>
      </c>
      <c r="B2106" s="1"/>
      <c r="C2106">
        <v>3</v>
      </c>
      <c r="D2106" t="s">
        <v>3118</v>
      </c>
      <c r="E2106" t="s">
        <v>31599</v>
      </c>
      <c r="F2106">
        <v>4</v>
      </c>
      <c r="G2106" t="s">
        <v>3107</v>
      </c>
      <c r="H2106" t="s">
        <v>3119</v>
      </c>
      <c r="I2106" t="s">
        <v>30540</v>
      </c>
    </row>
    <row r="2107" spans="1:9">
      <c r="A2107" s="1">
        <f ca="1">RAND()</f>
        <v>0.23226143482407946</v>
      </c>
      <c r="B2107" s="1"/>
      <c r="C2107">
        <v>2</v>
      </c>
      <c r="D2107" t="s">
        <v>3116</v>
      </c>
      <c r="E2107" t="s">
        <v>31599</v>
      </c>
      <c r="F2107">
        <v>4</v>
      </c>
      <c r="G2107" t="s">
        <v>769</v>
      </c>
      <c r="H2107" t="s">
        <v>3117</v>
      </c>
      <c r="I2107" t="s">
        <v>30540</v>
      </c>
    </row>
    <row r="2108" spans="1:9">
      <c r="A2108" s="1">
        <f ca="1">RAND()</f>
        <v>0.72490749167441904</v>
      </c>
      <c r="B2108" s="1"/>
      <c r="C2108">
        <v>5</v>
      </c>
      <c r="D2108" t="s">
        <v>3120</v>
      </c>
      <c r="E2108" t="s">
        <v>31599</v>
      </c>
      <c r="F2108">
        <v>4</v>
      </c>
      <c r="G2108" t="s">
        <v>770</v>
      </c>
      <c r="H2108" t="s">
        <v>3121</v>
      </c>
      <c r="I2108" t="s">
        <v>30540</v>
      </c>
    </row>
    <row r="2109" spans="1:9">
      <c r="A2109" s="1">
        <f ca="1">RAND()</f>
        <v>0.53107816293972043</v>
      </c>
      <c r="B2109" s="1"/>
      <c r="C2109">
        <v>7</v>
      </c>
      <c r="D2109" t="s">
        <v>3122</v>
      </c>
      <c r="E2109" t="s">
        <v>31599</v>
      </c>
      <c r="F2109">
        <v>4</v>
      </c>
      <c r="G2109" t="s">
        <v>1</v>
      </c>
      <c r="H2109" t="s">
        <v>3123</v>
      </c>
      <c r="I2109" t="s">
        <v>30540</v>
      </c>
    </row>
    <row r="2110" spans="1:9">
      <c r="A2110" s="1">
        <f ca="1">RAND()</f>
        <v>0.8531600540195371</v>
      </c>
      <c r="B2110" s="1"/>
      <c r="C2110">
        <v>9</v>
      </c>
      <c r="D2110" t="s">
        <v>3124</v>
      </c>
      <c r="E2110" t="s">
        <v>31599</v>
      </c>
      <c r="F2110">
        <v>4</v>
      </c>
      <c r="G2110" t="s">
        <v>774</v>
      </c>
      <c r="H2110" t="s">
        <v>3125</v>
      </c>
      <c r="I2110" t="s">
        <v>30540</v>
      </c>
    </row>
    <row r="2111" spans="1:9">
      <c r="A2111" s="1">
        <f ca="1">RAND()</f>
        <v>0.57225025838613652</v>
      </c>
      <c r="B2111" s="1"/>
      <c r="C2111">
        <v>4</v>
      </c>
      <c r="D2111" t="s">
        <v>3114</v>
      </c>
      <c r="E2111" t="s">
        <v>31600</v>
      </c>
      <c r="F2111">
        <v>4</v>
      </c>
      <c r="G2111" t="s">
        <v>0</v>
      </c>
      <c r="H2111" t="s">
        <v>3115</v>
      </c>
      <c r="I2111" t="s">
        <v>30540</v>
      </c>
    </row>
    <row r="2112" spans="1:9">
      <c r="A2112" s="1">
        <f ca="1">RAND()</f>
        <v>0.13724713797652377</v>
      </c>
      <c r="B2112" s="1"/>
      <c r="C2112">
        <v>2</v>
      </c>
      <c r="D2112" t="s">
        <v>3112</v>
      </c>
      <c r="E2112" t="s">
        <v>31601</v>
      </c>
      <c r="F2112">
        <v>4</v>
      </c>
      <c r="G2112" t="s">
        <v>14</v>
      </c>
      <c r="H2112" t="s">
        <v>3113</v>
      </c>
      <c r="I2112" t="s">
        <v>30540</v>
      </c>
    </row>
    <row r="2113" spans="1:9">
      <c r="A2113" s="1">
        <f ca="1">RAND()</f>
        <v>0.9320754493258756</v>
      </c>
      <c r="B2113" s="1"/>
      <c r="C2113">
        <v>2</v>
      </c>
      <c r="D2113" t="s">
        <v>3110</v>
      </c>
      <c r="E2113" t="s">
        <v>31602</v>
      </c>
      <c r="F2113">
        <v>4</v>
      </c>
      <c r="G2113" t="s">
        <v>9</v>
      </c>
      <c r="H2113" t="s">
        <v>3111</v>
      </c>
      <c r="I2113" t="s">
        <v>30540</v>
      </c>
    </row>
    <row r="2114" spans="1:9">
      <c r="A2114" s="1">
        <f ca="1">RAND()</f>
        <v>0.90499636209990542</v>
      </c>
      <c r="B2114" s="1"/>
      <c r="C2114">
        <v>10</v>
      </c>
      <c r="D2114" t="s">
        <v>3108</v>
      </c>
      <c r="E2114" t="s">
        <v>31603</v>
      </c>
      <c r="F2114">
        <v>4</v>
      </c>
      <c r="G2114" t="s">
        <v>1</v>
      </c>
      <c r="H2114" t="s">
        <v>3109</v>
      </c>
      <c r="I2114" t="s">
        <v>30540</v>
      </c>
    </row>
    <row r="2115" spans="1:9">
      <c r="A2115" s="1">
        <f ca="1">RAND()</f>
        <v>0.7025823930822046</v>
      </c>
      <c r="B2115" s="1"/>
      <c r="C2115">
        <v>6</v>
      </c>
      <c r="D2115" t="s">
        <v>3105</v>
      </c>
      <c r="E2115" t="s">
        <v>31604</v>
      </c>
      <c r="F2115">
        <v>4</v>
      </c>
      <c r="G2115" t="s">
        <v>1</v>
      </c>
      <c r="H2115" t="s">
        <v>3106</v>
      </c>
      <c r="I2115" t="s">
        <v>30540</v>
      </c>
    </row>
    <row r="2116" spans="1:9">
      <c r="A2116" s="1">
        <f ca="1">RAND()</f>
        <v>0.75844408203959657</v>
      </c>
      <c r="B2116" s="1"/>
      <c r="C2116">
        <v>4</v>
      </c>
      <c r="D2116" t="s">
        <v>3103</v>
      </c>
      <c r="E2116" t="s">
        <v>31604</v>
      </c>
      <c r="F2116">
        <v>4</v>
      </c>
      <c r="G2116" t="s">
        <v>13</v>
      </c>
      <c r="H2116" t="s">
        <v>3104</v>
      </c>
      <c r="I2116" t="s">
        <v>30540</v>
      </c>
    </row>
    <row r="2117" spans="1:9">
      <c r="A2117" s="1">
        <f ca="1">RAND()</f>
        <v>0.46075606486097598</v>
      </c>
      <c r="B2117" s="1"/>
      <c r="C2117">
        <v>1</v>
      </c>
      <c r="D2117" t="s">
        <v>3101</v>
      </c>
      <c r="E2117" t="s">
        <v>31605</v>
      </c>
      <c r="F2117">
        <v>4</v>
      </c>
      <c r="G2117" t="s">
        <v>9</v>
      </c>
      <c r="H2117" t="s">
        <v>3102</v>
      </c>
      <c r="I2117" t="s">
        <v>30540</v>
      </c>
    </row>
    <row r="2118" spans="1:9">
      <c r="A2118" s="1">
        <f ca="1">RAND()</f>
        <v>0.96406965572492709</v>
      </c>
      <c r="B2118" s="1"/>
      <c r="C2118">
        <v>13</v>
      </c>
      <c r="D2118" t="s">
        <v>3099</v>
      </c>
      <c r="E2118" t="s">
        <v>31606</v>
      </c>
      <c r="F2118">
        <v>4</v>
      </c>
      <c r="G2118" t="s">
        <v>2738</v>
      </c>
      <c r="H2118" t="s">
        <v>3100</v>
      </c>
      <c r="I2118" t="s">
        <v>30540</v>
      </c>
    </row>
    <row r="2119" spans="1:9">
      <c r="A2119" s="1">
        <f ca="1">RAND()</f>
        <v>0.12233918692481938</v>
      </c>
      <c r="B2119" s="1"/>
      <c r="C2119">
        <v>6</v>
      </c>
      <c r="D2119" t="s">
        <v>3095</v>
      </c>
      <c r="E2119" t="s">
        <v>31606</v>
      </c>
      <c r="F2119">
        <v>4</v>
      </c>
      <c r="G2119" t="s">
        <v>9</v>
      </c>
      <c r="H2119" t="s">
        <v>3096</v>
      </c>
      <c r="I2119" t="s">
        <v>30540</v>
      </c>
    </row>
    <row r="2120" spans="1:9">
      <c r="A2120" s="1">
        <f ca="1">RAND()</f>
        <v>0.43800029781717997</v>
      </c>
      <c r="B2120" s="1"/>
      <c r="C2120">
        <v>4</v>
      </c>
      <c r="D2120" t="s">
        <v>3093</v>
      </c>
      <c r="E2120" t="s">
        <v>31606</v>
      </c>
      <c r="F2120">
        <v>3</v>
      </c>
      <c r="G2120" t="s">
        <v>770</v>
      </c>
      <c r="H2120" t="s">
        <v>3094</v>
      </c>
      <c r="I2120" t="s">
        <v>30540</v>
      </c>
    </row>
    <row r="2121" spans="1:9">
      <c r="A2121" s="1">
        <f ca="1">RAND()</f>
        <v>0.94141048077835776</v>
      </c>
      <c r="B2121" s="1"/>
      <c r="C2121">
        <v>10</v>
      </c>
      <c r="D2121" t="s">
        <v>3097</v>
      </c>
      <c r="E2121" t="s">
        <v>31606</v>
      </c>
      <c r="F2121">
        <v>2</v>
      </c>
      <c r="G2121" t="s">
        <v>766</v>
      </c>
      <c r="H2121" t="s">
        <v>3098</v>
      </c>
      <c r="I2121" t="s">
        <v>30540</v>
      </c>
    </row>
    <row r="2122" spans="1:9">
      <c r="A2122" s="1">
        <f ca="1">RAND()</f>
        <v>0.68328644856202003</v>
      </c>
      <c r="B2122" s="1"/>
      <c r="C2122">
        <v>1</v>
      </c>
      <c r="D2122" t="s">
        <v>3091</v>
      </c>
      <c r="E2122" t="s">
        <v>31607</v>
      </c>
      <c r="F2122">
        <v>2</v>
      </c>
      <c r="G2122" t="s">
        <v>14</v>
      </c>
      <c r="H2122" t="s">
        <v>3092</v>
      </c>
      <c r="I2122" t="s">
        <v>30540</v>
      </c>
    </row>
    <row r="2123" spans="1:9">
      <c r="A2123" s="1">
        <f ca="1">RAND()</f>
        <v>3.875396354956262E-2</v>
      </c>
      <c r="B2123" s="1"/>
      <c r="C2123">
        <v>3</v>
      </c>
      <c r="D2123" t="s">
        <v>3089</v>
      </c>
      <c r="E2123" t="s">
        <v>31608</v>
      </c>
      <c r="F2123">
        <v>5</v>
      </c>
      <c r="G2123" t="s">
        <v>10</v>
      </c>
      <c r="H2123" t="s">
        <v>3090</v>
      </c>
      <c r="I2123" t="s">
        <v>30540</v>
      </c>
    </row>
    <row r="2124" spans="1:9">
      <c r="A2124" s="1">
        <f ca="1">RAND()</f>
        <v>0.61758311189772408</v>
      </c>
      <c r="B2124" s="1"/>
      <c r="C2124">
        <v>1</v>
      </c>
      <c r="D2124" t="s">
        <v>3085</v>
      </c>
      <c r="E2124" t="s">
        <v>31609</v>
      </c>
      <c r="F2124">
        <v>5</v>
      </c>
      <c r="G2124" t="s">
        <v>9</v>
      </c>
      <c r="H2124" t="s">
        <v>3086</v>
      </c>
      <c r="I2124" t="s">
        <v>30540</v>
      </c>
    </row>
    <row r="2125" spans="1:9">
      <c r="A2125" s="1">
        <f ca="1">RAND()</f>
        <v>0.64234903211200822</v>
      </c>
      <c r="B2125" s="1"/>
      <c r="C2125">
        <v>12</v>
      </c>
      <c r="D2125" t="s">
        <v>3087</v>
      </c>
      <c r="E2125" t="s">
        <v>31609</v>
      </c>
      <c r="F2125">
        <v>1</v>
      </c>
      <c r="G2125" t="s">
        <v>15</v>
      </c>
      <c r="H2125" t="s">
        <v>3088</v>
      </c>
      <c r="I2125" t="s">
        <v>30540</v>
      </c>
    </row>
    <row r="2126" spans="1:9">
      <c r="A2126" s="1">
        <f ca="1">RAND()</f>
        <v>0.13566975727960928</v>
      </c>
      <c r="B2126" s="1"/>
      <c r="C2126">
        <v>8</v>
      </c>
      <c r="D2126" t="s">
        <v>6728</v>
      </c>
      <c r="E2126" t="s">
        <v>31610</v>
      </c>
      <c r="F2126">
        <v>5</v>
      </c>
      <c r="G2126" t="s">
        <v>13</v>
      </c>
      <c r="H2126" t="s">
        <v>6729</v>
      </c>
      <c r="I2126" t="s">
        <v>30540</v>
      </c>
    </row>
    <row r="2127" spans="1:9">
      <c r="A2127" s="1">
        <f ca="1">RAND()</f>
        <v>0.17527774693769105</v>
      </c>
      <c r="B2127" s="1"/>
      <c r="C2127">
        <v>3</v>
      </c>
      <c r="D2127" t="s">
        <v>6726</v>
      </c>
      <c r="E2127" t="s">
        <v>31610</v>
      </c>
      <c r="F2127">
        <v>4</v>
      </c>
      <c r="G2127" t="s">
        <v>2</v>
      </c>
      <c r="H2127" t="s">
        <v>6727</v>
      </c>
      <c r="I2127" t="s">
        <v>30540</v>
      </c>
    </row>
    <row r="2128" spans="1:9">
      <c r="A2128" s="1">
        <f ca="1">RAND()</f>
        <v>0.34483890734467748</v>
      </c>
      <c r="B2128" s="1"/>
      <c r="C2128">
        <v>15</v>
      </c>
      <c r="D2128" t="s">
        <v>6724</v>
      </c>
      <c r="E2128" t="s">
        <v>31611</v>
      </c>
      <c r="F2128">
        <v>4</v>
      </c>
      <c r="G2128" t="s">
        <v>13</v>
      </c>
      <c r="H2128" t="s">
        <v>6725</v>
      </c>
      <c r="I2128" t="s">
        <v>30540</v>
      </c>
    </row>
    <row r="2129" spans="1:9">
      <c r="A2129" s="1">
        <f ca="1">RAND()</f>
        <v>0.95906297718434308</v>
      </c>
      <c r="B2129" s="1"/>
      <c r="C2129">
        <v>6</v>
      </c>
      <c r="D2129" t="s">
        <v>6718</v>
      </c>
      <c r="E2129" t="s">
        <v>31612</v>
      </c>
      <c r="F2129">
        <v>5</v>
      </c>
      <c r="G2129" t="s">
        <v>15</v>
      </c>
      <c r="H2129" t="s">
        <v>6719</v>
      </c>
      <c r="I2129" t="s">
        <v>30540</v>
      </c>
    </row>
    <row r="2130" spans="1:9">
      <c r="A2130" s="1">
        <f ca="1">RAND()</f>
        <v>0.24762139290240848</v>
      </c>
      <c r="B2130" s="1"/>
      <c r="C2130">
        <v>7</v>
      </c>
      <c r="D2130" t="s">
        <v>6720</v>
      </c>
      <c r="E2130" t="s">
        <v>31612</v>
      </c>
      <c r="F2130">
        <v>5</v>
      </c>
      <c r="G2130" t="s">
        <v>1</v>
      </c>
      <c r="H2130" t="s">
        <v>6721</v>
      </c>
      <c r="I2130" t="s">
        <v>30540</v>
      </c>
    </row>
    <row r="2131" spans="1:9">
      <c r="A2131" s="1">
        <f ca="1">RAND()</f>
        <v>0.75960368920732657</v>
      </c>
      <c r="B2131" s="1"/>
      <c r="C2131">
        <v>5</v>
      </c>
      <c r="D2131" t="s">
        <v>6716</v>
      </c>
      <c r="E2131" t="s">
        <v>31612</v>
      </c>
      <c r="F2131">
        <v>4</v>
      </c>
      <c r="G2131" t="s">
        <v>9</v>
      </c>
      <c r="H2131" t="s">
        <v>6717</v>
      </c>
      <c r="I2131" t="s">
        <v>30540</v>
      </c>
    </row>
    <row r="2132" spans="1:9">
      <c r="A2132" s="1">
        <f ca="1">RAND()</f>
        <v>0.15223813113797191</v>
      </c>
      <c r="B2132" s="1"/>
      <c r="C2132">
        <v>15</v>
      </c>
      <c r="D2132" t="s">
        <v>6722</v>
      </c>
      <c r="E2132" t="s">
        <v>31612</v>
      </c>
      <c r="F2132">
        <v>4</v>
      </c>
      <c r="G2132" t="s">
        <v>0</v>
      </c>
      <c r="H2132" t="s">
        <v>6723</v>
      </c>
      <c r="I2132" t="s">
        <v>30540</v>
      </c>
    </row>
    <row r="2133" spans="1:9">
      <c r="A2133" s="1">
        <f ca="1">RAND()</f>
        <v>0.64461639650837721</v>
      </c>
      <c r="B2133" s="1"/>
      <c r="C2133">
        <v>9</v>
      </c>
      <c r="D2133" t="s">
        <v>6714</v>
      </c>
      <c r="E2133" t="s">
        <v>31613</v>
      </c>
      <c r="F2133">
        <v>5</v>
      </c>
      <c r="G2133" t="s">
        <v>13</v>
      </c>
      <c r="H2133" t="s">
        <v>6715</v>
      </c>
      <c r="I2133" t="s">
        <v>30540</v>
      </c>
    </row>
    <row r="2134" spans="1:9">
      <c r="A2134" s="1">
        <f ca="1">RAND()</f>
        <v>0.90376893790725132</v>
      </c>
      <c r="B2134" s="1"/>
      <c r="C2134">
        <v>7</v>
      </c>
      <c r="D2134" t="s">
        <v>6712</v>
      </c>
      <c r="E2134" t="s">
        <v>31613</v>
      </c>
      <c r="F2134">
        <v>4</v>
      </c>
      <c r="G2134" t="s">
        <v>13</v>
      </c>
      <c r="H2134" t="s">
        <v>6713</v>
      </c>
      <c r="I2134" t="s">
        <v>30540</v>
      </c>
    </row>
    <row r="2135" spans="1:9">
      <c r="A2135" s="1">
        <f ca="1">RAND()</f>
        <v>0.40494879044464149</v>
      </c>
      <c r="B2135" s="1"/>
      <c r="C2135">
        <v>4</v>
      </c>
      <c r="D2135" t="s">
        <v>6702</v>
      </c>
      <c r="E2135" t="s">
        <v>31614</v>
      </c>
      <c r="F2135">
        <v>5</v>
      </c>
      <c r="G2135" t="s">
        <v>774</v>
      </c>
      <c r="H2135" t="s">
        <v>6703</v>
      </c>
      <c r="I2135" t="s">
        <v>30540</v>
      </c>
    </row>
    <row r="2136" spans="1:9">
      <c r="A2136" s="1">
        <f ca="1">RAND()</f>
        <v>0.88885858689422514</v>
      </c>
      <c r="B2136" s="1"/>
      <c r="C2136">
        <v>1</v>
      </c>
      <c r="D2136" t="s">
        <v>6700</v>
      </c>
      <c r="E2136" t="s">
        <v>31614</v>
      </c>
      <c r="F2136">
        <v>4</v>
      </c>
      <c r="G2136" t="s">
        <v>13</v>
      </c>
      <c r="H2136" t="s">
        <v>6701</v>
      </c>
      <c r="I2136" t="s">
        <v>30540</v>
      </c>
    </row>
    <row r="2137" spans="1:9">
      <c r="A2137" s="1">
        <f ca="1">RAND()</f>
        <v>0.39843510108547353</v>
      </c>
      <c r="B2137" s="1"/>
      <c r="C2137">
        <v>10</v>
      </c>
      <c r="D2137" t="s">
        <v>6708</v>
      </c>
      <c r="E2137" t="s">
        <v>31614</v>
      </c>
      <c r="F2137">
        <v>4</v>
      </c>
      <c r="G2137" t="s">
        <v>15</v>
      </c>
      <c r="H2137" t="s">
        <v>6709</v>
      </c>
      <c r="I2137" t="s">
        <v>30540</v>
      </c>
    </row>
    <row r="2138" spans="1:9">
      <c r="A2138" s="1">
        <f ca="1">RAND()</f>
        <v>0.66706888659968855</v>
      </c>
      <c r="B2138" s="1"/>
      <c r="C2138">
        <v>5</v>
      </c>
      <c r="D2138" t="s">
        <v>6704</v>
      </c>
      <c r="E2138" t="s">
        <v>31614</v>
      </c>
      <c r="F2138">
        <v>4</v>
      </c>
      <c r="G2138" t="s">
        <v>1426</v>
      </c>
      <c r="H2138" t="s">
        <v>6705</v>
      </c>
      <c r="I2138" t="s">
        <v>30540</v>
      </c>
    </row>
    <row r="2139" spans="1:9">
      <c r="A2139" s="1">
        <f ca="1">RAND()</f>
        <v>0.28078243300122063</v>
      </c>
      <c r="B2139" s="1"/>
      <c r="C2139">
        <v>18</v>
      </c>
      <c r="D2139" t="s">
        <v>6710</v>
      </c>
      <c r="E2139" t="s">
        <v>31614</v>
      </c>
      <c r="F2139">
        <v>4</v>
      </c>
      <c r="G2139" t="s">
        <v>775</v>
      </c>
      <c r="H2139" t="s">
        <v>6711</v>
      </c>
      <c r="I2139" t="s">
        <v>30540</v>
      </c>
    </row>
    <row r="2140" spans="1:9">
      <c r="A2140" s="1">
        <f ca="1">RAND()</f>
        <v>0.9807729796205632</v>
      </c>
      <c r="B2140" s="1"/>
      <c r="C2140">
        <v>7</v>
      </c>
      <c r="D2140" t="s">
        <v>6706</v>
      </c>
      <c r="E2140" t="s">
        <v>31614</v>
      </c>
      <c r="F2140">
        <v>1</v>
      </c>
      <c r="G2140" t="s">
        <v>13</v>
      </c>
      <c r="H2140" t="s">
        <v>6707</v>
      </c>
      <c r="I2140" t="s">
        <v>30540</v>
      </c>
    </row>
    <row r="2141" spans="1:9">
      <c r="A2141" s="1">
        <f ca="1">RAND()</f>
        <v>0.18969606249156723</v>
      </c>
      <c r="B2141" s="1"/>
      <c r="C2141">
        <v>9</v>
      </c>
      <c r="D2141" t="s">
        <v>6698</v>
      </c>
      <c r="E2141" t="s">
        <v>31615</v>
      </c>
      <c r="F2141">
        <v>5</v>
      </c>
      <c r="G2141" t="s">
        <v>2</v>
      </c>
      <c r="H2141" t="s">
        <v>6699</v>
      </c>
      <c r="I2141" t="s">
        <v>30540</v>
      </c>
    </row>
    <row r="2142" spans="1:9">
      <c r="A2142" s="1">
        <f ca="1">RAND()</f>
        <v>0.1921591610767267</v>
      </c>
      <c r="B2142" s="1"/>
      <c r="C2142">
        <v>1</v>
      </c>
      <c r="D2142" t="s">
        <v>6696</v>
      </c>
      <c r="E2142" t="s">
        <v>31615</v>
      </c>
      <c r="F2142">
        <v>5</v>
      </c>
      <c r="G2142" t="s">
        <v>9</v>
      </c>
      <c r="H2142" t="s">
        <v>6697</v>
      </c>
      <c r="I2142" t="s">
        <v>30540</v>
      </c>
    </row>
    <row r="2143" spans="1:9">
      <c r="A2143" s="1">
        <f ca="1">RAND()</f>
        <v>0.84909988220574295</v>
      </c>
      <c r="B2143" s="1"/>
      <c r="C2143">
        <v>1</v>
      </c>
      <c r="D2143" t="s">
        <v>6690</v>
      </c>
      <c r="E2143" t="s">
        <v>31616</v>
      </c>
      <c r="F2143">
        <v>4</v>
      </c>
      <c r="G2143" t="s">
        <v>9</v>
      </c>
      <c r="H2143" t="s">
        <v>6691</v>
      </c>
      <c r="I2143" t="s">
        <v>30540</v>
      </c>
    </row>
    <row r="2144" spans="1:9">
      <c r="A2144" s="1">
        <f ca="1">RAND()</f>
        <v>0.68831453641943097</v>
      </c>
      <c r="B2144" s="1"/>
      <c r="C2144">
        <v>10</v>
      </c>
      <c r="D2144" t="s">
        <v>6694</v>
      </c>
      <c r="E2144" t="s">
        <v>31616</v>
      </c>
      <c r="F2144">
        <v>4</v>
      </c>
      <c r="G2144" t="s">
        <v>13</v>
      </c>
      <c r="H2144" t="s">
        <v>6695</v>
      </c>
      <c r="I2144" t="s">
        <v>30540</v>
      </c>
    </row>
    <row r="2145" spans="1:9">
      <c r="A2145" s="1">
        <f ca="1">RAND()</f>
        <v>0.51777863410805347</v>
      </c>
      <c r="B2145" s="1"/>
      <c r="C2145">
        <v>3</v>
      </c>
      <c r="D2145" t="s">
        <v>6692</v>
      </c>
      <c r="E2145" t="s">
        <v>31616</v>
      </c>
      <c r="F2145">
        <v>3</v>
      </c>
      <c r="G2145" t="s">
        <v>0</v>
      </c>
      <c r="H2145" t="s">
        <v>6693</v>
      </c>
      <c r="I2145" t="s">
        <v>30540</v>
      </c>
    </row>
    <row r="2146" spans="1:9">
      <c r="A2146" s="1">
        <f ca="1">RAND()</f>
        <v>0.26920789442100157</v>
      </c>
      <c r="B2146" s="1"/>
      <c r="C2146">
        <v>15</v>
      </c>
      <c r="D2146" t="s">
        <v>6686</v>
      </c>
      <c r="E2146" t="s">
        <v>31617</v>
      </c>
      <c r="F2146">
        <v>4</v>
      </c>
      <c r="G2146" t="s">
        <v>1</v>
      </c>
      <c r="H2146" t="s">
        <v>6687</v>
      </c>
      <c r="I2146" t="s">
        <v>30540</v>
      </c>
    </row>
    <row r="2147" spans="1:9">
      <c r="A2147" s="1">
        <f ca="1">RAND()</f>
        <v>0.19421671722249123</v>
      </c>
      <c r="B2147" s="1"/>
      <c r="C2147">
        <v>8</v>
      </c>
      <c r="D2147" t="s">
        <v>6682</v>
      </c>
      <c r="E2147" t="s">
        <v>31617</v>
      </c>
      <c r="F2147">
        <v>4</v>
      </c>
      <c r="G2147" t="s">
        <v>15</v>
      </c>
      <c r="H2147" t="s">
        <v>6683</v>
      </c>
      <c r="I2147" t="s">
        <v>30540</v>
      </c>
    </row>
    <row r="2148" spans="1:9">
      <c r="A2148" s="1">
        <f ca="1">RAND()</f>
        <v>0.30864465572924771</v>
      </c>
      <c r="B2148" s="1"/>
      <c r="C2148">
        <v>20</v>
      </c>
      <c r="D2148" t="s">
        <v>6688</v>
      </c>
      <c r="E2148" t="s">
        <v>31617</v>
      </c>
      <c r="F2148">
        <v>4</v>
      </c>
      <c r="G2148" t="s">
        <v>2</v>
      </c>
      <c r="H2148" t="s">
        <v>6689</v>
      </c>
      <c r="I2148" t="s">
        <v>30540</v>
      </c>
    </row>
    <row r="2149" spans="1:9">
      <c r="A2149" s="1">
        <f ca="1">RAND()</f>
        <v>0.54032918493404736</v>
      </c>
      <c r="B2149" s="1"/>
      <c r="C2149">
        <v>11</v>
      </c>
      <c r="D2149" t="s">
        <v>6684</v>
      </c>
      <c r="E2149" t="s">
        <v>31617</v>
      </c>
      <c r="F2149">
        <v>4</v>
      </c>
      <c r="G2149" t="s">
        <v>13</v>
      </c>
      <c r="H2149" t="s">
        <v>6685</v>
      </c>
      <c r="I2149" t="s">
        <v>30540</v>
      </c>
    </row>
    <row r="2150" spans="1:9">
      <c r="A2150" s="1">
        <f ca="1">RAND()</f>
        <v>0.67700402531478254</v>
      </c>
      <c r="B2150" s="1"/>
      <c r="C2150">
        <v>16</v>
      </c>
      <c r="D2150" t="s">
        <v>6680</v>
      </c>
      <c r="E2150" t="s">
        <v>31618</v>
      </c>
      <c r="F2150">
        <v>4</v>
      </c>
      <c r="G2150" t="s">
        <v>14</v>
      </c>
      <c r="H2150" t="s">
        <v>6681</v>
      </c>
      <c r="I2150" t="s">
        <v>30540</v>
      </c>
    </row>
    <row r="2151" spans="1:9">
      <c r="A2151" s="1">
        <f ca="1">RAND()</f>
        <v>0.49600694595742678</v>
      </c>
      <c r="B2151" s="1"/>
      <c r="C2151">
        <v>7</v>
      </c>
      <c r="D2151" t="s">
        <v>6676</v>
      </c>
      <c r="E2151" t="s">
        <v>31618</v>
      </c>
      <c r="F2151">
        <v>4</v>
      </c>
      <c r="G2151" t="s">
        <v>10</v>
      </c>
      <c r="H2151" t="s">
        <v>6677</v>
      </c>
      <c r="I2151" t="s">
        <v>30540</v>
      </c>
    </row>
    <row r="2152" spans="1:9">
      <c r="A2152" s="1">
        <f ca="1">RAND()</f>
        <v>0.54095596221525166</v>
      </c>
      <c r="B2152" s="1"/>
      <c r="C2152">
        <v>14</v>
      </c>
      <c r="D2152" t="s">
        <v>6678</v>
      </c>
      <c r="E2152" t="s">
        <v>31618</v>
      </c>
      <c r="F2152">
        <v>4</v>
      </c>
      <c r="G2152" t="s">
        <v>0</v>
      </c>
      <c r="H2152" t="s">
        <v>6679</v>
      </c>
      <c r="I2152" t="s">
        <v>30540</v>
      </c>
    </row>
    <row r="2153" spans="1:9">
      <c r="A2153" s="1">
        <f ca="1">RAND()</f>
        <v>3.9026574975882578E-2</v>
      </c>
      <c r="B2153" s="1"/>
      <c r="C2153">
        <v>1</v>
      </c>
      <c r="D2153" t="s">
        <v>6674</v>
      </c>
      <c r="E2153" t="s">
        <v>31618</v>
      </c>
      <c r="F2153">
        <v>2</v>
      </c>
      <c r="G2153" t="s">
        <v>15</v>
      </c>
      <c r="H2153" t="s">
        <v>6675</v>
      </c>
      <c r="I2153" t="s">
        <v>30540</v>
      </c>
    </row>
    <row r="2154" spans="1:9">
      <c r="A2154" s="1">
        <f ca="1">RAND()</f>
        <v>0.97578477093504057</v>
      </c>
      <c r="B2154" s="1"/>
      <c r="C2154">
        <v>7</v>
      </c>
      <c r="D2154" t="s">
        <v>6672</v>
      </c>
      <c r="E2154" t="s">
        <v>31619</v>
      </c>
      <c r="F2154">
        <v>4</v>
      </c>
      <c r="G2154" t="s">
        <v>0</v>
      </c>
      <c r="H2154" t="s">
        <v>6673</v>
      </c>
      <c r="I2154" t="s">
        <v>30540</v>
      </c>
    </row>
    <row r="2155" spans="1:9">
      <c r="A2155" s="1">
        <f ca="1">RAND()</f>
        <v>0.8988014983256255</v>
      </c>
      <c r="B2155" s="1"/>
      <c r="C2155">
        <v>9</v>
      </c>
      <c r="D2155" t="s">
        <v>6666</v>
      </c>
      <c r="E2155" t="s">
        <v>31620</v>
      </c>
      <c r="F2155">
        <v>5</v>
      </c>
      <c r="G2155" t="s">
        <v>1</v>
      </c>
      <c r="H2155" t="s">
        <v>6667</v>
      </c>
      <c r="I2155" t="s">
        <v>30540</v>
      </c>
    </row>
    <row r="2156" spans="1:9">
      <c r="A2156" s="1">
        <f ca="1">RAND()</f>
        <v>0.39292956115370592</v>
      </c>
      <c r="B2156" s="1"/>
      <c r="C2156">
        <v>13</v>
      </c>
      <c r="D2156" t="s">
        <v>6668</v>
      </c>
      <c r="E2156" t="s">
        <v>31620</v>
      </c>
      <c r="F2156">
        <v>4</v>
      </c>
      <c r="G2156" t="s">
        <v>775</v>
      </c>
      <c r="H2156" t="s">
        <v>6669</v>
      </c>
      <c r="I2156" t="s">
        <v>30540</v>
      </c>
    </row>
    <row r="2157" spans="1:9">
      <c r="A2157" s="1">
        <f ca="1">RAND()</f>
        <v>0.39483244460922973</v>
      </c>
      <c r="B2157" s="1"/>
      <c r="C2157">
        <v>1</v>
      </c>
      <c r="D2157" t="s">
        <v>6664</v>
      </c>
      <c r="E2157" t="s">
        <v>31620</v>
      </c>
      <c r="F2157">
        <v>4</v>
      </c>
      <c r="G2157" t="s">
        <v>9</v>
      </c>
      <c r="H2157" t="s">
        <v>6665</v>
      </c>
      <c r="I2157" t="s">
        <v>30540</v>
      </c>
    </row>
    <row r="2158" spans="1:9">
      <c r="A2158" s="1">
        <f ca="1">RAND()</f>
        <v>0.34729129590451013</v>
      </c>
      <c r="B2158" s="1"/>
      <c r="C2158">
        <v>18</v>
      </c>
      <c r="D2158" t="s">
        <v>6670</v>
      </c>
      <c r="E2158" t="s">
        <v>31620</v>
      </c>
      <c r="F2158">
        <v>1</v>
      </c>
      <c r="G2158" t="s">
        <v>13</v>
      </c>
      <c r="H2158" t="s">
        <v>6671</v>
      </c>
      <c r="I2158" t="s">
        <v>30540</v>
      </c>
    </row>
    <row r="2159" spans="1:9">
      <c r="A2159" s="1">
        <f ca="1">RAND()</f>
        <v>3.7828618335753128E-2</v>
      </c>
      <c r="B2159" s="1"/>
      <c r="C2159">
        <v>1</v>
      </c>
      <c r="D2159" t="s">
        <v>6660</v>
      </c>
      <c r="E2159" t="s">
        <v>31621</v>
      </c>
      <c r="F2159">
        <v>4</v>
      </c>
      <c r="G2159" t="s">
        <v>1</v>
      </c>
      <c r="H2159" t="s">
        <v>6661</v>
      </c>
      <c r="I2159" t="s">
        <v>30540</v>
      </c>
    </row>
    <row r="2160" spans="1:9">
      <c r="A2160" s="1">
        <f ca="1">RAND()</f>
        <v>0.49878312251240375</v>
      </c>
      <c r="B2160" s="1"/>
      <c r="C2160">
        <v>14</v>
      </c>
      <c r="D2160" t="s">
        <v>6662</v>
      </c>
      <c r="E2160" t="s">
        <v>31621</v>
      </c>
      <c r="F2160">
        <v>4</v>
      </c>
      <c r="G2160" t="s">
        <v>13</v>
      </c>
      <c r="H2160" t="s">
        <v>6663</v>
      </c>
      <c r="I2160" t="s">
        <v>30540</v>
      </c>
    </row>
    <row r="2161" spans="1:9">
      <c r="A2161" s="1">
        <f ca="1">RAND()</f>
        <v>0.35469951968369895</v>
      </c>
      <c r="B2161" s="1"/>
      <c r="C2161">
        <v>18</v>
      </c>
      <c r="D2161" t="s">
        <v>6658</v>
      </c>
      <c r="E2161" t="s">
        <v>31622</v>
      </c>
      <c r="F2161">
        <v>4</v>
      </c>
      <c r="G2161" t="s">
        <v>2</v>
      </c>
      <c r="H2161" t="s">
        <v>6659</v>
      </c>
      <c r="I2161" t="s">
        <v>30540</v>
      </c>
    </row>
    <row r="2162" spans="1:9">
      <c r="A2162" s="1">
        <f ca="1">RAND()</f>
        <v>0.8167850269972895</v>
      </c>
      <c r="B2162" s="1"/>
      <c r="C2162">
        <v>4</v>
      </c>
      <c r="D2162" t="s">
        <v>6656</v>
      </c>
      <c r="E2162" t="s">
        <v>31622</v>
      </c>
      <c r="F2162">
        <v>4</v>
      </c>
      <c r="G2162" t="s">
        <v>15</v>
      </c>
      <c r="H2162" t="s">
        <v>6657</v>
      </c>
      <c r="I2162" t="s">
        <v>30540</v>
      </c>
    </row>
    <row r="2163" spans="1:9">
      <c r="A2163" s="1">
        <f ca="1">RAND()</f>
        <v>0.75478014427153373</v>
      </c>
      <c r="B2163" s="1"/>
      <c r="C2163">
        <v>4</v>
      </c>
      <c r="D2163" t="s">
        <v>6646</v>
      </c>
      <c r="E2163" t="s">
        <v>31623</v>
      </c>
      <c r="F2163">
        <v>4</v>
      </c>
      <c r="G2163" t="s">
        <v>10</v>
      </c>
      <c r="H2163" t="s">
        <v>6647</v>
      </c>
      <c r="I2163" t="s">
        <v>30540</v>
      </c>
    </row>
    <row r="2164" spans="1:9">
      <c r="A2164" s="1">
        <f ca="1">RAND()</f>
        <v>0.69128986509064461</v>
      </c>
      <c r="B2164" s="1"/>
      <c r="C2164">
        <v>15</v>
      </c>
      <c r="D2164" t="s">
        <v>6652</v>
      </c>
      <c r="E2164" t="s">
        <v>31623</v>
      </c>
      <c r="F2164">
        <v>4</v>
      </c>
      <c r="G2164" t="s">
        <v>10</v>
      </c>
      <c r="H2164" t="s">
        <v>6653</v>
      </c>
      <c r="I2164" t="s">
        <v>30540</v>
      </c>
    </row>
    <row r="2165" spans="1:9">
      <c r="A2165" s="1">
        <f ca="1">RAND()</f>
        <v>0.85976497486995773</v>
      </c>
      <c r="B2165" s="1"/>
      <c r="C2165">
        <v>12</v>
      </c>
      <c r="D2165" t="s">
        <v>6648</v>
      </c>
      <c r="E2165" t="s">
        <v>31623</v>
      </c>
      <c r="F2165">
        <v>4</v>
      </c>
      <c r="G2165" t="s">
        <v>13</v>
      </c>
      <c r="H2165" t="s">
        <v>6649</v>
      </c>
      <c r="I2165" t="s">
        <v>30540</v>
      </c>
    </row>
    <row r="2166" spans="1:9">
      <c r="A2166" s="1">
        <f ca="1">RAND()</f>
        <v>0.47104194426668367</v>
      </c>
      <c r="B2166" s="1"/>
      <c r="C2166">
        <v>14</v>
      </c>
      <c r="D2166" t="s">
        <v>6650</v>
      </c>
      <c r="E2166" t="s">
        <v>31623</v>
      </c>
      <c r="F2166">
        <v>4</v>
      </c>
      <c r="G2166" t="s">
        <v>13</v>
      </c>
      <c r="H2166" t="s">
        <v>6651</v>
      </c>
      <c r="I2166" t="s">
        <v>30540</v>
      </c>
    </row>
    <row r="2167" spans="1:9">
      <c r="A2167" s="1">
        <f ca="1">RAND()</f>
        <v>0.45580041179544151</v>
      </c>
      <c r="B2167" s="1"/>
      <c r="C2167">
        <v>19</v>
      </c>
      <c r="D2167" t="s">
        <v>6654</v>
      </c>
      <c r="E2167" t="s">
        <v>31623</v>
      </c>
      <c r="F2167">
        <v>4</v>
      </c>
      <c r="G2167" t="s">
        <v>1</v>
      </c>
      <c r="H2167" t="s">
        <v>6655</v>
      </c>
      <c r="I2167" t="s">
        <v>30540</v>
      </c>
    </row>
    <row r="2168" spans="1:9">
      <c r="A2168" s="1">
        <f ca="1">RAND()</f>
        <v>0.58594432352276637</v>
      </c>
      <c r="B2168" s="1"/>
      <c r="C2168">
        <v>15</v>
      </c>
      <c r="D2168" t="s">
        <v>6644</v>
      </c>
      <c r="E2168" t="s">
        <v>31624</v>
      </c>
      <c r="F2168">
        <v>5</v>
      </c>
      <c r="G2168" t="s">
        <v>0</v>
      </c>
      <c r="H2168" t="s">
        <v>6645</v>
      </c>
      <c r="I2168" t="s">
        <v>30540</v>
      </c>
    </row>
    <row r="2169" spans="1:9">
      <c r="A2169" s="1">
        <f ca="1">RAND()</f>
        <v>0.11730160554097846</v>
      </c>
      <c r="B2169" s="1"/>
      <c r="C2169">
        <v>7</v>
      </c>
      <c r="D2169" t="s">
        <v>6638</v>
      </c>
      <c r="E2169" t="s">
        <v>31624</v>
      </c>
      <c r="F2169">
        <v>4</v>
      </c>
      <c r="G2169" t="s">
        <v>0</v>
      </c>
      <c r="H2169" t="s">
        <v>6639</v>
      </c>
      <c r="I2169" t="s">
        <v>30540</v>
      </c>
    </row>
    <row r="2170" spans="1:9">
      <c r="A2170" s="1">
        <f ca="1">RAND()</f>
        <v>0.35051190844268199</v>
      </c>
      <c r="B2170" s="1"/>
      <c r="C2170">
        <v>11</v>
      </c>
      <c r="D2170" t="s">
        <v>6642</v>
      </c>
      <c r="E2170" t="s">
        <v>31624</v>
      </c>
      <c r="F2170">
        <v>4</v>
      </c>
      <c r="G2170" t="s">
        <v>13</v>
      </c>
      <c r="H2170" t="s">
        <v>6643</v>
      </c>
      <c r="I2170" t="s">
        <v>30540</v>
      </c>
    </row>
    <row r="2171" spans="1:9">
      <c r="A2171" s="1">
        <f ca="1">RAND()</f>
        <v>0.41039380759070154</v>
      </c>
      <c r="B2171" s="1"/>
      <c r="C2171">
        <v>9</v>
      </c>
      <c r="D2171" t="s">
        <v>6640</v>
      </c>
      <c r="E2171" t="s">
        <v>31624</v>
      </c>
      <c r="F2171">
        <v>3</v>
      </c>
      <c r="G2171" t="s">
        <v>9</v>
      </c>
      <c r="H2171" t="s">
        <v>6641</v>
      </c>
      <c r="I2171" t="s">
        <v>30540</v>
      </c>
    </row>
    <row r="2172" spans="1:9">
      <c r="A2172" s="1">
        <f ca="1">RAND()</f>
        <v>0.59365167748247716</v>
      </c>
      <c r="B2172" s="1"/>
      <c r="C2172">
        <v>4</v>
      </c>
      <c r="D2172" t="s">
        <v>6636</v>
      </c>
      <c r="E2172" t="s">
        <v>31624</v>
      </c>
      <c r="F2172">
        <v>3</v>
      </c>
      <c r="G2172" t="s">
        <v>9</v>
      </c>
      <c r="H2172" t="s">
        <v>6637</v>
      </c>
      <c r="I2172" t="s">
        <v>30540</v>
      </c>
    </row>
    <row r="2173" spans="1:9">
      <c r="A2173" s="1">
        <f ca="1">RAND()</f>
        <v>0.38052959369048933</v>
      </c>
      <c r="B2173" s="1"/>
      <c r="C2173">
        <v>2</v>
      </c>
      <c r="D2173" t="s">
        <v>6634</v>
      </c>
      <c r="E2173" t="s">
        <v>31625</v>
      </c>
      <c r="F2173">
        <v>5</v>
      </c>
      <c r="G2173" t="s">
        <v>15</v>
      </c>
      <c r="H2173" t="s">
        <v>6635</v>
      </c>
      <c r="I2173" t="s">
        <v>30540</v>
      </c>
    </row>
    <row r="2174" spans="1:9">
      <c r="A2174" s="1">
        <f ca="1">RAND()</f>
        <v>0.42310147662527253</v>
      </c>
      <c r="B2174" s="1"/>
      <c r="C2174">
        <v>10</v>
      </c>
      <c r="D2174" t="s">
        <v>6630</v>
      </c>
      <c r="E2174" t="s">
        <v>31626</v>
      </c>
      <c r="F2174">
        <v>4</v>
      </c>
      <c r="G2174" t="s">
        <v>1426</v>
      </c>
      <c r="H2174" t="s">
        <v>6631</v>
      </c>
      <c r="I2174" t="s">
        <v>30540</v>
      </c>
    </row>
    <row r="2175" spans="1:9">
      <c r="A2175" s="1">
        <f ca="1">RAND()</f>
        <v>0.66776685517734902</v>
      </c>
      <c r="B2175" s="1"/>
      <c r="C2175">
        <v>5</v>
      </c>
      <c r="D2175" t="s">
        <v>6628</v>
      </c>
      <c r="E2175" t="s">
        <v>31626</v>
      </c>
      <c r="F2175">
        <v>4</v>
      </c>
      <c r="G2175" t="s">
        <v>1</v>
      </c>
      <c r="H2175" t="s">
        <v>6629</v>
      </c>
      <c r="I2175" t="s">
        <v>30540</v>
      </c>
    </row>
    <row r="2176" spans="1:9">
      <c r="A2176" s="1">
        <f ca="1">RAND()</f>
        <v>0.84350139885731634</v>
      </c>
      <c r="B2176" s="1"/>
      <c r="C2176">
        <v>16</v>
      </c>
      <c r="D2176" t="s">
        <v>6632</v>
      </c>
      <c r="E2176" t="s">
        <v>31626</v>
      </c>
      <c r="F2176">
        <v>3</v>
      </c>
      <c r="G2176" t="s">
        <v>0</v>
      </c>
      <c r="H2176" t="s">
        <v>6633</v>
      </c>
      <c r="I2176" t="s">
        <v>30540</v>
      </c>
    </row>
    <row r="2177" spans="1:9">
      <c r="A2177" s="1">
        <f ca="1">RAND()</f>
        <v>0.81736241320458658</v>
      </c>
      <c r="B2177" s="1"/>
      <c r="C2177">
        <v>16</v>
      </c>
      <c r="D2177" t="s">
        <v>6622</v>
      </c>
      <c r="E2177" t="s">
        <v>31627</v>
      </c>
      <c r="F2177">
        <v>5</v>
      </c>
      <c r="G2177" t="s">
        <v>1</v>
      </c>
      <c r="H2177" t="s">
        <v>6623</v>
      </c>
      <c r="I2177" t="s">
        <v>30540</v>
      </c>
    </row>
    <row r="2178" spans="1:9">
      <c r="A2178" s="1">
        <f ca="1">RAND()</f>
        <v>0.91320807376129276</v>
      </c>
      <c r="B2178" s="1"/>
      <c r="C2178">
        <v>11</v>
      </c>
      <c r="D2178" t="s">
        <v>6620</v>
      </c>
      <c r="E2178" t="s">
        <v>31627</v>
      </c>
      <c r="F2178">
        <v>5</v>
      </c>
      <c r="G2178" t="s">
        <v>15</v>
      </c>
      <c r="H2178" t="s">
        <v>6621</v>
      </c>
      <c r="I2178" t="s">
        <v>30540</v>
      </c>
    </row>
    <row r="2179" spans="1:9">
      <c r="A2179" s="1">
        <f ca="1">RAND()</f>
        <v>6.0400226924476108E-2</v>
      </c>
      <c r="B2179" s="1"/>
      <c r="C2179">
        <v>10</v>
      </c>
      <c r="D2179" t="s">
        <v>6618</v>
      </c>
      <c r="E2179" t="s">
        <v>31627</v>
      </c>
      <c r="F2179">
        <v>5</v>
      </c>
      <c r="G2179" t="s">
        <v>14</v>
      </c>
      <c r="H2179" t="s">
        <v>6619</v>
      </c>
      <c r="I2179" t="s">
        <v>30540</v>
      </c>
    </row>
    <row r="2180" spans="1:9">
      <c r="A2180" s="1">
        <f ca="1">RAND()</f>
        <v>0.32295649292693951</v>
      </c>
      <c r="B2180" s="1"/>
      <c r="C2180">
        <v>5</v>
      </c>
      <c r="D2180" t="s">
        <v>6616</v>
      </c>
      <c r="E2180" t="s">
        <v>31627</v>
      </c>
      <c r="F2180">
        <v>4</v>
      </c>
      <c r="G2180" t="s">
        <v>1</v>
      </c>
      <c r="H2180" t="s">
        <v>6617</v>
      </c>
      <c r="I2180" t="s">
        <v>30540</v>
      </c>
    </row>
    <row r="2181" spans="1:9">
      <c r="A2181" s="1">
        <f ca="1">RAND()</f>
        <v>0.7745082545302221</v>
      </c>
      <c r="B2181" s="1"/>
      <c r="C2181">
        <v>18</v>
      </c>
      <c r="D2181" t="s">
        <v>6626</v>
      </c>
      <c r="E2181" t="s">
        <v>31627</v>
      </c>
      <c r="F2181">
        <v>4</v>
      </c>
      <c r="G2181" t="s">
        <v>0</v>
      </c>
      <c r="H2181" t="s">
        <v>6627</v>
      </c>
      <c r="I2181" t="s">
        <v>30540</v>
      </c>
    </row>
    <row r="2182" spans="1:9">
      <c r="A2182" s="1">
        <f ca="1">RAND()</f>
        <v>0.94341814451389316</v>
      </c>
      <c r="B2182" s="1"/>
      <c r="C2182">
        <v>17</v>
      </c>
      <c r="D2182" t="s">
        <v>6624</v>
      </c>
      <c r="E2182" t="s">
        <v>31627</v>
      </c>
      <c r="F2182">
        <v>2</v>
      </c>
      <c r="G2182" t="s">
        <v>0</v>
      </c>
      <c r="H2182" t="s">
        <v>6625</v>
      </c>
      <c r="I2182" t="s">
        <v>30540</v>
      </c>
    </row>
    <row r="2183" spans="1:9">
      <c r="A2183" s="1">
        <f ca="1">RAND()</f>
        <v>0.53596811183662008</v>
      </c>
      <c r="B2183" s="1"/>
      <c r="C2183">
        <v>1</v>
      </c>
      <c r="D2183" t="s">
        <v>6608</v>
      </c>
      <c r="E2183" t="s">
        <v>31628</v>
      </c>
      <c r="F2183">
        <v>4</v>
      </c>
      <c r="G2183" t="s">
        <v>9</v>
      </c>
      <c r="H2183" t="s">
        <v>6609</v>
      </c>
      <c r="I2183" t="s">
        <v>30540</v>
      </c>
    </row>
    <row r="2184" spans="1:9">
      <c r="A2184" s="1">
        <f ca="1">RAND()</f>
        <v>0.59639118162558225</v>
      </c>
      <c r="B2184" s="1"/>
      <c r="C2184">
        <v>14</v>
      </c>
      <c r="D2184" t="s">
        <v>6612</v>
      </c>
      <c r="E2184" t="s">
        <v>31628</v>
      </c>
      <c r="F2184">
        <v>4</v>
      </c>
      <c r="G2184" t="s">
        <v>13</v>
      </c>
      <c r="H2184" t="s">
        <v>6613</v>
      </c>
      <c r="I2184" t="s">
        <v>30540</v>
      </c>
    </row>
    <row r="2185" spans="1:9">
      <c r="A2185" s="1">
        <f ca="1">RAND()</f>
        <v>0.39226132430724503</v>
      </c>
      <c r="B2185" s="1"/>
      <c r="C2185">
        <v>2</v>
      </c>
      <c r="D2185" t="s">
        <v>6610</v>
      </c>
      <c r="E2185" t="s">
        <v>31628</v>
      </c>
      <c r="F2185">
        <v>4</v>
      </c>
      <c r="G2185" t="s">
        <v>0</v>
      </c>
      <c r="H2185" t="s">
        <v>6611</v>
      </c>
      <c r="I2185" t="s">
        <v>30540</v>
      </c>
    </row>
    <row r="2186" spans="1:9">
      <c r="A2186" s="1">
        <f ca="1">RAND()</f>
        <v>0.39721017911139711</v>
      </c>
      <c r="B2186" s="1"/>
      <c r="C2186">
        <v>15</v>
      </c>
      <c r="D2186" t="s">
        <v>6614</v>
      </c>
      <c r="E2186" t="s">
        <v>31628</v>
      </c>
      <c r="F2186">
        <v>4</v>
      </c>
      <c r="G2186" t="s">
        <v>13</v>
      </c>
      <c r="H2186" t="s">
        <v>6615</v>
      </c>
      <c r="I2186" t="s">
        <v>30540</v>
      </c>
    </row>
    <row r="2187" spans="1:9">
      <c r="A2187" s="1">
        <f ca="1">RAND()</f>
        <v>0.13347915522965226</v>
      </c>
      <c r="B2187" s="1"/>
      <c r="C2187">
        <v>12</v>
      </c>
      <c r="D2187" t="s">
        <v>6606</v>
      </c>
      <c r="E2187" t="s">
        <v>31629</v>
      </c>
      <c r="F2187">
        <v>5</v>
      </c>
      <c r="G2187" t="s">
        <v>0</v>
      </c>
      <c r="H2187" t="s">
        <v>6607</v>
      </c>
      <c r="I2187" t="s">
        <v>30540</v>
      </c>
    </row>
    <row r="2188" spans="1:9">
      <c r="A2188" s="1">
        <f ca="1">RAND()</f>
        <v>0.92035312387650092</v>
      </c>
      <c r="B2188" s="1"/>
      <c r="C2188">
        <v>11</v>
      </c>
      <c r="D2188" t="s">
        <v>6604</v>
      </c>
      <c r="E2188" t="s">
        <v>31629</v>
      </c>
      <c r="F2188">
        <v>5</v>
      </c>
      <c r="G2188" t="s">
        <v>13</v>
      </c>
      <c r="H2188" t="s">
        <v>6605</v>
      </c>
      <c r="I2188" t="s">
        <v>30540</v>
      </c>
    </row>
    <row r="2189" spans="1:9">
      <c r="A2189" s="1">
        <f ca="1">RAND()</f>
        <v>0.83250348136941066</v>
      </c>
      <c r="B2189" s="1"/>
      <c r="C2189">
        <v>10</v>
      </c>
      <c r="D2189" t="s">
        <v>6602</v>
      </c>
      <c r="E2189" t="s">
        <v>31629</v>
      </c>
      <c r="F2189">
        <v>4</v>
      </c>
      <c r="G2189" t="s">
        <v>1</v>
      </c>
      <c r="H2189" t="s">
        <v>6603</v>
      </c>
      <c r="I2189" t="s">
        <v>30540</v>
      </c>
    </row>
    <row r="2190" spans="1:9">
      <c r="A2190" s="1">
        <f ca="1">RAND()</f>
        <v>1.0589738247823832E-2</v>
      </c>
      <c r="B2190" s="1"/>
      <c r="C2190">
        <v>8</v>
      </c>
      <c r="D2190" t="s">
        <v>6600</v>
      </c>
      <c r="E2190" t="s">
        <v>31629</v>
      </c>
      <c r="F2190">
        <v>4</v>
      </c>
      <c r="G2190" t="s">
        <v>0</v>
      </c>
      <c r="H2190" t="s">
        <v>6601</v>
      </c>
      <c r="I2190" t="s">
        <v>30540</v>
      </c>
    </row>
    <row r="2191" spans="1:9">
      <c r="A2191" s="1">
        <f ca="1">RAND()</f>
        <v>3.8268669768030672E-2</v>
      </c>
      <c r="B2191" s="1"/>
      <c r="C2191">
        <v>12</v>
      </c>
      <c r="D2191" t="s">
        <v>6596</v>
      </c>
      <c r="E2191" t="s">
        <v>31630</v>
      </c>
      <c r="F2191">
        <v>5</v>
      </c>
      <c r="G2191" t="s">
        <v>0</v>
      </c>
      <c r="H2191" t="s">
        <v>6597</v>
      </c>
      <c r="I2191" t="s">
        <v>30540</v>
      </c>
    </row>
    <row r="2192" spans="1:9">
      <c r="A2192" s="1">
        <f ca="1">RAND()</f>
        <v>0.1823801603934313</v>
      </c>
      <c r="B2192" s="1"/>
      <c r="C2192">
        <v>5</v>
      </c>
      <c r="D2192" t="s">
        <v>6592</v>
      </c>
      <c r="E2192" t="s">
        <v>31630</v>
      </c>
      <c r="F2192">
        <v>4</v>
      </c>
      <c r="G2192" t="s">
        <v>13</v>
      </c>
      <c r="H2192" t="s">
        <v>6593</v>
      </c>
      <c r="I2192" t="s">
        <v>30540</v>
      </c>
    </row>
    <row r="2193" spans="1:9">
      <c r="A2193" s="1">
        <f ca="1">RAND()</f>
        <v>0.82751987765361956</v>
      </c>
      <c r="B2193" s="1"/>
      <c r="C2193">
        <v>18</v>
      </c>
      <c r="D2193" t="s">
        <v>6598</v>
      </c>
      <c r="E2193" t="s">
        <v>31630</v>
      </c>
      <c r="F2193">
        <v>4</v>
      </c>
      <c r="G2193" t="s">
        <v>1</v>
      </c>
      <c r="H2193" t="s">
        <v>6599</v>
      </c>
      <c r="I2193" t="s">
        <v>30540</v>
      </c>
    </row>
    <row r="2194" spans="1:9">
      <c r="A2194" s="1">
        <f ca="1">RAND()</f>
        <v>0.26367842027611599</v>
      </c>
      <c r="B2194" s="1"/>
      <c r="C2194">
        <v>4</v>
      </c>
      <c r="D2194" t="s">
        <v>6590</v>
      </c>
      <c r="E2194" t="s">
        <v>31630</v>
      </c>
      <c r="F2194">
        <v>4</v>
      </c>
      <c r="G2194" t="s">
        <v>2</v>
      </c>
      <c r="H2194" t="s">
        <v>6591</v>
      </c>
      <c r="I2194" t="s">
        <v>30540</v>
      </c>
    </row>
    <row r="2195" spans="1:9">
      <c r="A2195" s="1">
        <f ca="1">RAND()</f>
        <v>0.56108018802613713</v>
      </c>
      <c r="B2195" s="1"/>
      <c r="C2195">
        <v>1</v>
      </c>
      <c r="D2195" t="s">
        <v>6588</v>
      </c>
      <c r="E2195" t="s">
        <v>31630</v>
      </c>
      <c r="F2195">
        <v>4</v>
      </c>
      <c r="G2195" t="s">
        <v>10</v>
      </c>
      <c r="H2195" t="s">
        <v>6589</v>
      </c>
      <c r="I2195" t="s">
        <v>30540</v>
      </c>
    </row>
    <row r="2196" spans="1:9">
      <c r="A2196" s="1">
        <f ca="1">RAND()</f>
        <v>0.99882579094821677</v>
      </c>
      <c r="B2196" s="1"/>
      <c r="C2196">
        <v>11</v>
      </c>
      <c r="D2196" t="s">
        <v>6594</v>
      </c>
      <c r="E2196" t="s">
        <v>31630</v>
      </c>
      <c r="F2196">
        <v>2</v>
      </c>
      <c r="G2196" t="s">
        <v>0</v>
      </c>
      <c r="H2196" t="s">
        <v>6595</v>
      </c>
      <c r="I2196" t="s">
        <v>30540</v>
      </c>
    </row>
    <row r="2197" spans="1:9">
      <c r="A2197" s="1">
        <f ca="1">RAND()</f>
        <v>0.68290601589553401</v>
      </c>
      <c r="B2197" s="1"/>
      <c r="C2197">
        <v>7</v>
      </c>
      <c r="D2197" t="s">
        <v>6580</v>
      </c>
      <c r="E2197" t="s">
        <v>31631</v>
      </c>
      <c r="F2197">
        <v>5</v>
      </c>
      <c r="G2197" t="s">
        <v>13</v>
      </c>
      <c r="H2197" t="s">
        <v>6581</v>
      </c>
      <c r="I2197" t="s">
        <v>30540</v>
      </c>
    </row>
    <row r="2198" spans="1:9">
      <c r="A2198" s="1">
        <f ca="1">RAND()</f>
        <v>0.51207065095832105</v>
      </c>
      <c r="B2198" s="1"/>
      <c r="C2198">
        <v>10</v>
      </c>
      <c r="D2198" t="s">
        <v>6582</v>
      </c>
      <c r="E2198" t="s">
        <v>31631</v>
      </c>
      <c r="F2198">
        <v>5</v>
      </c>
      <c r="G2198" t="s">
        <v>0</v>
      </c>
      <c r="H2198" t="s">
        <v>6583</v>
      </c>
      <c r="I2198" t="s">
        <v>30540</v>
      </c>
    </row>
    <row r="2199" spans="1:9">
      <c r="A2199" s="1">
        <f ca="1">RAND()</f>
        <v>0.60938695910040763</v>
      </c>
      <c r="B2199" s="1"/>
      <c r="C2199">
        <v>5</v>
      </c>
      <c r="D2199" t="s">
        <v>6578</v>
      </c>
      <c r="E2199" t="s">
        <v>31631</v>
      </c>
      <c r="F2199">
        <v>4</v>
      </c>
      <c r="G2199" t="s">
        <v>15</v>
      </c>
      <c r="H2199" t="s">
        <v>6579</v>
      </c>
      <c r="I2199" t="s">
        <v>30540</v>
      </c>
    </row>
    <row r="2200" spans="1:9">
      <c r="A2200" s="1">
        <f ca="1">RAND()</f>
        <v>0.99840022770920989</v>
      </c>
      <c r="B2200" s="1"/>
      <c r="C2200">
        <v>14</v>
      </c>
      <c r="D2200" t="s">
        <v>6586</v>
      </c>
      <c r="E2200" t="s">
        <v>31631</v>
      </c>
      <c r="F2200">
        <v>4</v>
      </c>
      <c r="G2200" t="s">
        <v>13</v>
      </c>
      <c r="H2200" t="s">
        <v>6587</v>
      </c>
      <c r="I2200" t="s">
        <v>30540</v>
      </c>
    </row>
    <row r="2201" spans="1:9">
      <c r="A2201" s="1">
        <f ca="1">RAND()</f>
        <v>0.44851385848221303</v>
      </c>
      <c r="B2201" s="1"/>
      <c r="C2201">
        <v>11</v>
      </c>
      <c r="D2201" t="s">
        <v>6584</v>
      </c>
      <c r="E2201" t="s">
        <v>31631</v>
      </c>
      <c r="F2201">
        <v>3</v>
      </c>
      <c r="G2201" t="s">
        <v>10</v>
      </c>
      <c r="H2201" t="s">
        <v>6585</v>
      </c>
      <c r="I2201" t="s">
        <v>30540</v>
      </c>
    </row>
    <row r="2202" spans="1:9">
      <c r="A2202" s="1">
        <f ca="1">RAND()</f>
        <v>0.64059876059486309</v>
      </c>
      <c r="B2202" s="1"/>
      <c r="C2202">
        <v>20</v>
      </c>
      <c r="D2202" t="s">
        <v>6576</v>
      </c>
      <c r="E2202" t="s">
        <v>31632</v>
      </c>
      <c r="F2202">
        <v>4</v>
      </c>
      <c r="G2202" t="s">
        <v>770</v>
      </c>
      <c r="H2202" t="s">
        <v>6577</v>
      </c>
      <c r="I2202" t="s">
        <v>30540</v>
      </c>
    </row>
    <row r="2203" spans="1:9">
      <c r="A2203" s="1">
        <f ca="1">RAND()</f>
        <v>0.76194432114138477</v>
      </c>
      <c r="B2203" s="1"/>
      <c r="C2203">
        <v>7</v>
      </c>
      <c r="D2203" t="s">
        <v>6572</v>
      </c>
      <c r="E2203" t="s">
        <v>31632</v>
      </c>
      <c r="F2203">
        <v>4</v>
      </c>
      <c r="G2203" t="s">
        <v>2226</v>
      </c>
      <c r="H2203" t="s">
        <v>6573</v>
      </c>
      <c r="I2203" t="s">
        <v>30540</v>
      </c>
    </row>
    <row r="2204" spans="1:9">
      <c r="A2204" s="1">
        <f ca="1">RAND()</f>
        <v>0.21665843397632922</v>
      </c>
      <c r="B2204" s="1"/>
      <c r="C2204">
        <v>17</v>
      </c>
      <c r="D2204" t="s">
        <v>6574</v>
      </c>
      <c r="E2204" t="s">
        <v>31632</v>
      </c>
      <c r="F2204">
        <v>3</v>
      </c>
      <c r="G2204" t="s">
        <v>3107</v>
      </c>
      <c r="H2204" t="s">
        <v>6575</v>
      </c>
      <c r="I2204" t="s">
        <v>30540</v>
      </c>
    </row>
    <row r="2205" spans="1:9">
      <c r="A2205" s="1">
        <f ca="1">RAND()</f>
        <v>0.71014052267215377</v>
      </c>
      <c r="B2205" s="1"/>
      <c r="C2205">
        <v>8</v>
      </c>
      <c r="D2205" t="s">
        <v>6564</v>
      </c>
      <c r="E2205" t="s">
        <v>31633</v>
      </c>
      <c r="F2205">
        <v>5</v>
      </c>
      <c r="G2205" t="s">
        <v>0</v>
      </c>
      <c r="H2205" t="s">
        <v>6565</v>
      </c>
      <c r="I2205" t="s">
        <v>30540</v>
      </c>
    </row>
    <row r="2206" spans="1:9">
      <c r="A2206" s="1">
        <f ca="1">RAND()</f>
        <v>0.83716654173830718</v>
      </c>
      <c r="B2206" s="1"/>
      <c r="C2206">
        <v>9</v>
      </c>
      <c r="D2206" t="s">
        <v>6566</v>
      </c>
      <c r="E2206" t="s">
        <v>31633</v>
      </c>
      <c r="F2206">
        <v>5</v>
      </c>
      <c r="G2206" t="s">
        <v>0</v>
      </c>
      <c r="H2206" t="s">
        <v>6567</v>
      </c>
      <c r="I2206" t="s">
        <v>30540</v>
      </c>
    </row>
    <row r="2207" spans="1:9">
      <c r="A2207" s="1">
        <f ca="1">RAND()</f>
        <v>0.5036517413398951</v>
      </c>
      <c r="B2207" s="1"/>
      <c r="C2207">
        <v>15</v>
      </c>
      <c r="D2207" t="s">
        <v>6570</v>
      </c>
      <c r="E2207" t="s">
        <v>31633</v>
      </c>
      <c r="F2207">
        <v>4</v>
      </c>
      <c r="G2207" t="s">
        <v>0</v>
      </c>
      <c r="H2207" t="s">
        <v>6571</v>
      </c>
      <c r="I2207" t="s">
        <v>30540</v>
      </c>
    </row>
    <row r="2208" spans="1:9">
      <c r="A2208" s="1">
        <f ca="1">RAND()</f>
        <v>0.70588072186698636</v>
      </c>
      <c r="B2208" s="1"/>
      <c r="C2208">
        <v>7</v>
      </c>
      <c r="D2208" t="s">
        <v>6562</v>
      </c>
      <c r="E2208" t="s">
        <v>31633</v>
      </c>
      <c r="F2208">
        <v>4</v>
      </c>
      <c r="G2208" t="s">
        <v>15</v>
      </c>
      <c r="H2208" t="s">
        <v>6563</v>
      </c>
      <c r="I2208" t="s">
        <v>30540</v>
      </c>
    </row>
    <row r="2209" spans="1:9">
      <c r="A2209" s="1">
        <f ca="1">RAND()</f>
        <v>0.21103826934277581</v>
      </c>
      <c r="B2209" s="1"/>
      <c r="C2209">
        <v>6</v>
      </c>
      <c r="D2209" t="s">
        <v>6560</v>
      </c>
      <c r="E2209" t="s">
        <v>31633</v>
      </c>
      <c r="F2209">
        <v>3</v>
      </c>
      <c r="G2209" t="s">
        <v>0</v>
      </c>
      <c r="H2209" t="s">
        <v>6561</v>
      </c>
      <c r="I2209" t="s">
        <v>30540</v>
      </c>
    </row>
    <row r="2210" spans="1:9">
      <c r="A2210" s="1">
        <f ca="1">RAND()</f>
        <v>0.31152348517268569</v>
      </c>
      <c r="B2210" s="1"/>
      <c r="C2210">
        <v>10</v>
      </c>
      <c r="D2210" t="s">
        <v>6568</v>
      </c>
      <c r="E2210" t="s">
        <v>31633</v>
      </c>
      <c r="F2210">
        <v>2</v>
      </c>
      <c r="G2210" t="s">
        <v>0</v>
      </c>
      <c r="H2210" t="s">
        <v>6569</v>
      </c>
      <c r="I2210" t="s">
        <v>30540</v>
      </c>
    </row>
    <row r="2211" spans="1:9">
      <c r="A2211" s="1">
        <f ca="1">RAND()</f>
        <v>0.71589865214520665</v>
      </c>
      <c r="B2211" s="1"/>
      <c r="C2211">
        <v>10</v>
      </c>
      <c r="D2211" t="s">
        <v>6556</v>
      </c>
      <c r="E2211" t="s">
        <v>31634</v>
      </c>
      <c r="F2211">
        <v>4</v>
      </c>
      <c r="G2211" t="s">
        <v>0</v>
      </c>
      <c r="H2211" t="s">
        <v>6557</v>
      </c>
      <c r="I2211" t="s">
        <v>30540</v>
      </c>
    </row>
    <row r="2212" spans="1:9">
      <c r="A2212" s="1">
        <f ca="1">RAND()</f>
        <v>0.68440071930966917</v>
      </c>
      <c r="B2212" s="1"/>
      <c r="C2212">
        <v>12</v>
      </c>
      <c r="D2212" t="s">
        <v>6558</v>
      </c>
      <c r="E2212" t="s">
        <v>31634</v>
      </c>
      <c r="F2212">
        <v>4</v>
      </c>
      <c r="G2212" t="s">
        <v>0</v>
      </c>
      <c r="H2212" t="s">
        <v>6559</v>
      </c>
      <c r="I2212" t="s">
        <v>30540</v>
      </c>
    </row>
    <row r="2213" spans="1:9">
      <c r="A2213" s="1">
        <f ca="1">RAND()</f>
        <v>0.21876033866498212</v>
      </c>
      <c r="B2213" s="1"/>
      <c r="C2213">
        <v>9</v>
      </c>
      <c r="D2213" t="s">
        <v>6554</v>
      </c>
      <c r="E2213" t="s">
        <v>31634</v>
      </c>
      <c r="F2213">
        <v>2</v>
      </c>
      <c r="G2213" t="s">
        <v>0</v>
      </c>
      <c r="H2213" t="s">
        <v>6555</v>
      </c>
      <c r="I2213" t="s">
        <v>30540</v>
      </c>
    </row>
    <row r="2214" spans="1:9">
      <c r="A2214" s="1">
        <f ca="1">RAND()</f>
        <v>0.19789745120929658</v>
      </c>
      <c r="B2214" s="1"/>
      <c r="C2214">
        <v>6</v>
      </c>
      <c r="D2214" t="s">
        <v>6542</v>
      </c>
      <c r="E2214" t="s">
        <v>31635</v>
      </c>
      <c r="F2214">
        <v>4</v>
      </c>
      <c r="G2214" t="s">
        <v>14</v>
      </c>
      <c r="H2214" t="s">
        <v>6543</v>
      </c>
      <c r="I2214" t="s">
        <v>30540</v>
      </c>
    </row>
    <row r="2215" spans="1:9">
      <c r="A2215" s="1">
        <f ca="1">RAND()</f>
        <v>0.20076951391470377</v>
      </c>
      <c r="B2215" s="1"/>
      <c r="C2215">
        <v>14</v>
      </c>
      <c r="D2215" t="s">
        <v>6548</v>
      </c>
      <c r="E2215" t="s">
        <v>31635</v>
      </c>
      <c r="F2215">
        <v>4</v>
      </c>
      <c r="G2215" t="s">
        <v>15</v>
      </c>
      <c r="H2215" t="s">
        <v>6549</v>
      </c>
      <c r="I2215" t="s">
        <v>30540</v>
      </c>
    </row>
    <row r="2216" spans="1:9">
      <c r="A2216" s="1">
        <f ca="1">RAND()</f>
        <v>0.99946538637381477</v>
      </c>
      <c r="B2216" s="1"/>
      <c r="C2216">
        <v>19</v>
      </c>
      <c r="D2216" t="s">
        <v>6552</v>
      </c>
      <c r="E2216" t="s">
        <v>31635</v>
      </c>
      <c r="F2216">
        <v>4</v>
      </c>
      <c r="G2216" t="s">
        <v>9</v>
      </c>
      <c r="H2216" t="s">
        <v>6553</v>
      </c>
      <c r="I2216" t="s">
        <v>30540</v>
      </c>
    </row>
    <row r="2217" spans="1:9">
      <c r="A2217" s="1">
        <f ca="1">RAND()</f>
        <v>0.56556957586278933</v>
      </c>
      <c r="B2217" s="1"/>
      <c r="C2217">
        <v>9</v>
      </c>
      <c r="D2217" t="s">
        <v>6546</v>
      </c>
      <c r="E2217" t="s">
        <v>31635</v>
      </c>
      <c r="F2217">
        <v>4</v>
      </c>
      <c r="G2217" t="s">
        <v>10</v>
      </c>
      <c r="H2217" t="s">
        <v>6547</v>
      </c>
      <c r="I2217" t="s">
        <v>30540</v>
      </c>
    </row>
    <row r="2218" spans="1:9">
      <c r="A2218" s="1">
        <f ca="1">RAND()</f>
        <v>0.346309129380721</v>
      </c>
      <c r="B2218" s="1"/>
      <c r="C2218">
        <v>17</v>
      </c>
      <c r="D2218" t="s">
        <v>6550</v>
      </c>
      <c r="E2218" t="s">
        <v>31635</v>
      </c>
      <c r="F2218">
        <v>4</v>
      </c>
      <c r="G2218" t="s">
        <v>0</v>
      </c>
      <c r="H2218" t="s">
        <v>6551</v>
      </c>
      <c r="I2218" t="s">
        <v>30540</v>
      </c>
    </row>
    <row r="2219" spans="1:9">
      <c r="A2219" s="1">
        <f ca="1">RAND()</f>
        <v>0.24159617785560172</v>
      </c>
      <c r="B2219" s="1"/>
      <c r="C2219">
        <v>4</v>
      </c>
      <c r="D2219" t="s">
        <v>6540</v>
      </c>
      <c r="E2219" t="s">
        <v>31635</v>
      </c>
      <c r="F2219">
        <v>2</v>
      </c>
      <c r="G2219" t="s">
        <v>2</v>
      </c>
      <c r="H2219" t="s">
        <v>6541</v>
      </c>
      <c r="I2219" t="s">
        <v>30540</v>
      </c>
    </row>
    <row r="2220" spans="1:9">
      <c r="A2220" s="1">
        <f ca="1">RAND()</f>
        <v>0.78672889847383576</v>
      </c>
      <c r="B2220" s="1"/>
      <c r="C2220">
        <v>7</v>
      </c>
      <c r="D2220" t="s">
        <v>6544</v>
      </c>
      <c r="E2220" t="s">
        <v>31635</v>
      </c>
      <c r="F2220">
        <v>2</v>
      </c>
      <c r="G2220" t="s">
        <v>1</v>
      </c>
      <c r="H2220" t="s">
        <v>6545</v>
      </c>
      <c r="I2220" t="s">
        <v>30540</v>
      </c>
    </row>
    <row r="2221" spans="1:9">
      <c r="A2221" s="1">
        <f ca="1">RAND()</f>
        <v>0.5074708447716737</v>
      </c>
      <c r="B2221" s="1"/>
      <c r="C2221">
        <v>9</v>
      </c>
      <c r="D2221" t="s">
        <v>6530</v>
      </c>
      <c r="E2221" t="s">
        <v>31636</v>
      </c>
      <c r="F2221">
        <v>5</v>
      </c>
      <c r="G2221" t="s">
        <v>0</v>
      </c>
      <c r="H2221" t="s">
        <v>6531</v>
      </c>
      <c r="I2221" t="s">
        <v>30540</v>
      </c>
    </row>
    <row r="2222" spans="1:9">
      <c r="A2222" s="1">
        <f ca="1">RAND()</f>
        <v>0.11318492934885815</v>
      </c>
      <c r="B2222" s="1"/>
      <c r="C2222">
        <v>6</v>
      </c>
      <c r="D2222" t="s">
        <v>6526</v>
      </c>
      <c r="E2222" t="s">
        <v>31636</v>
      </c>
      <c r="F2222">
        <v>5</v>
      </c>
      <c r="G2222" t="s">
        <v>2</v>
      </c>
      <c r="H2222" t="s">
        <v>6527</v>
      </c>
      <c r="I2222" t="s">
        <v>30540</v>
      </c>
    </row>
    <row r="2223" spans="1:9">
      <c r="A2223" s="1">
        <f ca="1">RAND()</f>
        <v>0.525361374021451</v>
      </c>
      <c r="B2223" s="1"/>
      <c r="C2223">
        <v>13</v>
      </c>
      <c r="D2223" t="s">
        <v>6534</v>
      </c>
      <c r="E2223" t="s">
        <v>31636</v>
      </c>
      <c r="F2223">
        <v>4</v>
      </c>
      <c r="G2223" t="s">
        <v>0</v>
      </c>
      <c r="H2223" t="s">
        <v>6535</v>
      </c>
      <c r="I2223" t="s">
        <v>30540</v>
      </c>
    </row>
    <row r="2224" spans="1:9">
      <c r="A2224" s="1">
        <f ca="1">RAND()</f>
        <v>0.73919626773588676</v>
      </c>
      <c r="B2224" s="1"/>
      <c r="C2224">
        <v>11</v>
      </c>
      <c r="D2224" t="s">
        <v>6532</v>
      </c>
      <c r="E2224" t="s">
        <v>31636</v>
      </c>
      <c r="F2224">
        <v>4</v>
      </c>
      <c r="G2224" t="s">
        <v>10</v>
      </c>
      <c r="H2224" t="s">
        <v>6533</v>
      </c>
      <c r="I2224" t="s">
        <v>30540</v>
      </c>
    </row>
    <row r="2225" spans="1:9">
      <c r="A2225" s="1">
        <f ca="1">RAND()</f>
        <v>5.4257747139209056E-2</v>
      </c>
      <c r="B2225" s="1"/>
      <c r="C2225">
        <v>17</v>
      </c>
      <c r="D2225" t="s">
        <v>6538</v>
      </c>
      <c r="E2225" t="s">
        <v>31636</v>
      </c>
      <c r="F2225">
        <v>4</v>
      </c>
      <c r="G2225" t="s">
        <v>13</v>
      </c>
      <c r="H2225" t="s">
        <v>6539</v>
      </c>
      <c r="I2225" t="s">
        <v>30540</v>
      </c>
    </row>
    <row r="2226" spans="1:9">
      <c r="A2226" s="1">
        <f ca="1">RAND()</f>
        <v>0.53652630233305343</v>
      </c>
      <c r="B2226" s="1"/>
      <c r="C2226">
        <v>7</v>
      </c>
      <c r="D2226" t="s">
        <v>6528</v>
      </c>
      <c r="E2226" t="s">
        <v>31636</v>
      </c>
      <c r="F2226">
        <v>4</v>
      </c>
      <c r="G2226" t="s">
        <v>9</v>
      </c>
      <c r="H2226" t="s">
        <v>6529</v>
      </c>
      <c r="I2226" t="s">
        <v>30540</v>
      </c>
    </row>
    <row r="2227" spans="1:9">
      <c r="A2227" s="1">
        <f ca="1">RAND()</f>
        <v>0.80606782392518306</v>
      </c>
      <c r="B2227" s="1"/>
      <c r="C2227">
        <v>14</v>
      </c>
      <c r="D2227" t="s">
        <v>6536</v>
      </c>
      <c r="E2227" t="s">
        <v>31636</v>
      </c>
      <c r="F2227">
        <v>4</v>
      </c>
      <c r="G2227" t="s">
        <v>0</v>
      </c>
      <c r="H2227" t="s">
        <v>6537</v>
      </c>
      <c r="I2227" t="s">
        <v>30540</v>
      </c>
    </row>
    <row r="2228" spans="1:9">
      <c r="A2228" s="1">
        <f ca="1">RAND()</f>
        <v>0.28819554404083925</v>
      </c>
      <c r="B2228" s="1"/>
      <c r="C2228">
        <v>14</v>
      </c>
      <c r="D2228" t="s">
        <v>6518</v>
      </c>
      <c r="E2228" t="s">
        <v>31637</v>
      </c>
      <c r="F2228">
        <v>4</v>
      </c>
      <c r="G2228" t="s">
        <v>1</v>
      </c>
      <c r="H2228" t="s">
        <v>6519</v>
      </c>
      <c r="I2228" t="s">
        <v>30540</v>
      </c>
    </row>
    <row r="2229" spans="1:9">
      <c r="A2229" s="1">
        <f ca="1">RAND()</f>
        <v>0.93275052925632218</v>
      </c>
      <c r="B2229" s="1"/>
      <c r="C2229">
        <v>19</v>
      </c>
      <c r="D2229" t="s">
        <v>6524</v>
      </c>
      <c r="E2229" t="s">
        <v>31637</v>
      </c>
      <c r="F2229">
        <v>4</v>
      </c>
      <c r="G2229" t="s">
        <v>9</v>
      </c>
      <c r="H2229" t="s">
        <v>6525</v>
      </c>
      <c r="I2229" t="s">
        <v>30540</v>
      </c>
    </row>
    <row r="2230" spans="1:9">
      <c r="A2230" s="1">
        <f ca="1">RAND()</f>
        <v>0.96465449090346878</v>
      </c>
      <c r="B2230" s="1"/>
      <c r="C2230">
        <v>9</v>
      </c>
      <c r="D2230" t="s">
        <v>6516</v>
      </c>
      <c r="E2230" t="s">
        <v>31637</v>
      </c>
      <c r="F2230">
        <v>4</v>
      </c>
      <c r="G2230" t="s">
        <v>10</v>
      </c>
      <c r="H2230" t="s">
        <v>6517</v>
      </c>
      <c r="I2230" t="s">
        <v>30540</v>
      </c>
    </row>
    <row r="2231" spans="1:9">
      <c r="A2231" s="1">
        <f ca="1">RAND()</f>
        <v>8.403893483717817E-2</v>
      </c>
      <c r="B2231" s="1"/>
      <c r="C2231">
        <v>17</v>
      </c>
      <c r="D2231" t="s">
        <v>6520</v>
      </c>
      <c r="E2231" t="s">
        <v>31637</v>
      </c>
      <c r="F2231">
        <v>4</v>
      </c>
      <c r="G2231" t="s">
        <v>0</v>
      </c>
      <c r="H2231" t="s">
        <v>6521</v>
      </c>
      <c r="I2231" t="s">
        <v>30540</v>
      </c>
    </row>
    <row r="2232" spans="1:9">
      <c r="A2232" s="1">
        <f ca="1">RAND()</f>
        <v>0.21329768535982752</v>
      </c>
      <c r="B2232" s="1"/>
      <c r="C2232">
        <v>18</v>
      </c>
      <c r="D2232" t="s">
        <v>6522</v>
      </c>
      <c r="E2232" t="s">
        <v>31637</v>
      </c>
      <c r="F2232">
        <v>4</v>
      </c>
      <c r="G2232" t="s">
        <v>0</v>
      </c>
      <c r="H2232" t="s">
        <v>6523</v>
      </c>
      <c r="I2232" t="s">
        <v>30540</v>
      </c>
    </row>
    <row r="2233" spans="1:9">
      <c r="A2233" s="1">
        <f ca="1">RAND()</f>
        <v>0.14654752003649751</v>
      </c>
      <c r="B2233" s="1"/>
      <c r="C2233">
        <v>19</v>
      </c>
      <c r="D2233" t="s">
        <v>6514</v>
      </c>
      <c r="E2233" t="s">
        <v>31638</v>
      </c>
      <c r="F2233">
        <v>5</v>
      </c>
      <c r="G2233" t="s">
        <v>14</v>
      </c>
      <c r="H2233" t="s">
        <v>6515</v>
      </c>
      <c r="I2233" t="s">
        <v>30540</v>
      </c>
    </row>
    <row r="2234" spans="1:9">
      <c r="A2234" s="1">
        <f ca="1">RAND()</f>
        <v>0.64016179247172578</v>
      </c>
      <c r="B2234" s="1"/>
      <c r="C2234">
        <v>15</v>
      </c>
      <c r="D2234" t="s">
        <v>6512</v>
      </c>
      <c r="E2234" t="s">
        <v>31638</v>
      </c>
      <c r="F2234">
        <v>4</v>
      </c>
      <c r="G2234" t="s">
        <v>3107</v>
      </c>
      <c r="H2234" t="s">
        <v>6513</v>
      </c>
      <c r="I2234" t="s">
        <v>30540</v>
      </c>
    </row>
    <row r="2235" spans="1:9">
      <c r="A2235" s="1">
        <f ca="1">RAND()</f>
        <v>0.14780403003309506</v>
      </c>
      <c r="B2235" s="1"/>
      <c r="C2235">
        <v>7</v>
      </c>
      <c r="D2235" t="s">
        <v>6510</v>
      </c>
      <c r="E2235" t="s">
        <v>31638</v>
      </c>
      <c r="F2235">
        <v>4</v>
      </c>
      <c r="G2235" t="s">
        <v>3107</v>
      </c>
      <c r="H2235" t="s">
        <v>6511</v>
      </c>
      <c r="I2235" t="s">
        <v>30540</v>
      </c>
    </row>
    <row r="2236" spans="1:9">
      <c r="A2236" s="1">
        <f ca="1">RAND()</f>
        <v>0.88307489323398392</v>
      </c>
      <c r="B2236" s="1"/>
      <c r="C2236">
        <v>9</v>
      </c>
      <c r="D2236" t="s">
        <v>6504</v>
      </c>
      <c r="E2236" t="s">
        <v>31639</v>
      </c>
      <c r="F2236">
        <v>4</v>
      </c>
      <c r="G2236" t="s">
        <v>0</v>
      </c>
      <c r="H2236" t="s">
        <v>6505</v>
      </c>
      <c r="I2236" t="s">
        <v>30540</v>
      </c>
    </row>
    <row r="2237" spans="1:9">
      <c r="A2237" s="1">
        <f ca="1">RAND()</f>
        <v>0.64291258060866097</v>
      </c>
      <c r="B2237" s="1"/>
      <c r="C2237">
        <v>13</v>
      </c>
      <c r="D2237" t="s">
        <v>6506</v>
      </c>
      <c r="E2237" t="s">
        <v>31639</v>
      </c>
      <c r="F2237">
        <v>4</v>
      </c>
      <c r="G2237" t="s">
        <v>0</v>
      </c>
      <c r="H2237" t="s">
        <v>6507</v>
      </c>
      <c r="I2237" t="s">
        <v>30540</v>
      </c>
    </row>
    <row r="2238" spans="1:9">
      <c r="A2238" s="1">
        <f ca="1">RAND()</f>
        <v>0.51564412558174122</v>
      </c>
      <c r="B2238" s="1"/>
      <c r="C2238">
        <v>15</v>
      </c>
      <c r="D2238" t="s">
        <v>6508</v>
      </c>
      <c r="E2238" t="s">
        <v>31639</v>
      </c>
      <c r="F2238">
        <v>1</v>
      </c>
      <c r="G2238" t="s">
        <v>1</v>
      </c>
      <c r="H2238" t="s">
        <v>6509</v>
      </c>
      <c r="I2238" t="s">
        <v>30540</v>
      </c>
    </row>
    <row r="2239" spans="1:9">
      <c r="A2239" s="1">
        <f ca="1">RAND()</f>
        <v>0.91417062389132875</v>
      </c>
      <c r="B2239" s="1"/>
      <c r="C2239">
        <v>15</v>
      </c>
      <c r="D2239" t="s">
        <v>6500</v>
      </c>
      <c r="E2239" t="s">
        <v>31640</v>
      </c>
      <c r="F2239">
        <v>5</v>
      </c>
      <c r="G2239" t="s">
        <v>0</v>
      </c>
      <c r="H2239" t="s">
        <v>6501</v>
      </c>
      <c r="I2239" t="s">
        <v>30540</v>
      </c>
    </row>
    <row r="2240" spans="1:9">
      <c r="A2240" s="1">
        <f ca="1">RAND()</f>
        <v>0.44542939862364994</v>
      </c>
      <c r="B2240" s="1"/>
      <c r="C2240">
        <v>13</v>
      </c>
      <c r="D2240" t="s">
        <v>6498</v>
      </c>
      <c r="E2240" t="s">
        <v>31640</v>
      </c>
      <c r="F2240">
        <v>5</v>
      </c>
      <c r="G2240" t="s">
        <v>0</v>
      </c>
      <c r="H2240" t="s">
        <v>6499</v>
      </c>
      <c r="I2240" t="s">
        <v>30540</v>
      </c>
    </row>
    <row r="2241" spans="1:9">
      <c r="A2241" s="1">
        <f ca="1">RAND()</f>
        <v>0.56396559037734317</v>
      </c>
      <c r="B2241" s="1"/>
      <c r="C2241">
        <v>5</v>
      </c>
      <c r="D2241" t="s">
        <v>6494</v>
      </c>
      <c r="E2241" t="s">
        <v>31640</v>
      </c>
      <c r="F2241">
        <v>4</v>
      </c>
      <c r="G2241" t="s">
        <v>2</v>
      </c>
      <c r="H2241" t="s">
        <v>6495</v>
      </c>
      <c r="I2241" t="s">
        <v>30540</v>
      </c>
    </row>
    <row r="2242" spans="1:9">
      <c r="A2242" s="1">
        <f ca="1">RAND()</f>
        <v>8.3343500242292645E-2</v>
      </c>
      <c r="B2242" s="1"/>
      <c r="C2242">
        <v>18</v>
      </c>
      <c r="D2242" t="s">
        <v>6502</v>
      </c>
      <c r="E2242" t="s">
        <v>31640</v>
      </c>
      <c r="F2242">
        <v>4</v>
      </c>
      <c r="G2242" t="s">
        <v>2</v>
      </c>
      <c r="H2242" t="s">
        <v>6503</v>
      </c>
      <c r="I2242" t="s">
        <v>30540</v>
      </c>
    </row>
    <row r="2243" spans="1:9">
      <c r="A2243" s="1">
        <f ca="1">RAND()</f>
        <v>0.56714800409952515</v>
      </c>
      <c r="B2243" s="1"/>
      <c r="C2243">
        <v>11</v>
      </c>
      <c r="D2243" t="s">
        <v>6496</v>
      </c>
      <c r="E2243" t="s">
        <v>31640</v>
      </c>
      <c r="F2243">
        <v>2</v>
      </c>
      <c r="G2243" t="s">
        <v>0</v>
      </c>
      <c r="H2243" t="s">
        <v>6497</v>
      </c>
      <c r="I2243" t="s">
        <v>30540</v>
      </c>
    </row>
    <row r="2244" spans="1:9">
      <c r="A2244" s="1">
        <f ca="1">RAND()</f>
        <v>0.48866512948965812</v>
      </c>
      <c r="B2244" s="1"/>
      <c r="C2244">
        <v>16</v>
      </c>
      <c r="D2244" t="s">
        <v>6488</v>
      </c>
      <c r="E2244" t="s">
        <v>31641</v>
      </c>
      <c r="F2244">
        <v>5</v>
      </c>
      <c r="G2244" t="s">
        <v>0</v>
      </c>
      <c r="H2244" t="s">
        <v>6489</v>
      </c>
      <c r="I2244" t="s">
        <v>30540</v>
      </c>
    </row>
    <row r="2245" spans="1:9">
      <c r="A2245" s="1">
        <f ca="1">RAND()</f>
        <v>0.928773667183736</v>
      </c>
      <c r="B2245" s="1"/>
      <c r="C2245">
        <v>4</v>
      </c>
      <c r="D2245" t="s">
        <v>6480</v>
      </c>
      <c r="E2245" t="s">
        <v>31641</v>
      </c>
      <c r="F2245">
        <v>4</v>
      </c>
      <c r="G2245" t="s">
        <v>9</v>
      </c>
      <c r="H2245" t="s">
        <v>6481</v>
      </c>
      <c r="I2245" t="s">
        <v>30540</v>
      </c>
    </row>
    <row r="2246" spans="1:9">
      <c r="A2246" s="1">
        <f ca="1">RAND()</f>
        <v>0.24128599359081182</v>
      </c>
      <c r="B2246" s="1"/>
      <c r="C2246">
        <v>13</v>
      </c>
      <c r="D2246" t="s">
        <v>6486</v>
      </c>
      <c r="E2246" t="s">
        <v>31641</v>
      </c>
      <c r="F2246">
        <v>4</v>
      </c>
      <c r="G2246" t="s">
        <v>9</v>
      </c>
      <c r="H2246" t="s">
        <v>6487</v>
      </c>
      <c r="I2246" t="s">
        <v>30540</v>
      </c>
    </row>
    <row r="2247" spans="1:9">
      <c r="A2247" s="1">
        <f ca="1">RAND()</f>
        <v>0.65959874918142281</v>
      </c>
      <c r="B2247" s="1"/>
      <c r="C2247">
        <v>18</v>
      </c>
      <c r="D2247" t="s">
        <v>6490</v>
      </c>
      <c r="E2247" t="s">
        <v>31641</v>
      </c>
      <c r="F2247">
        <v>4</v>
      </c>
      <c r="G2247" t="s">
        <v>0</v>
      </c>
      <c r="H2247" t="s">
        <v>6491</v>
      </c>
      <c r="I2247" t="s">
        <v>30540</v>
      </c>
    </row>
    <row r="2248" spans="1:9">
      <c r="A2248" s="1">
        <f ca="1">RAND()</f>
        <v>0.81696707580126104</v>
      </c>
      <c r="B2248" s="1"/>
      <c r="C2248">
        <v>5</v>
      </c>
      <c r="D2248" t="s">
        <v>6482</v>
      </c>
      <c r="E2248" t="s">
        <v>31641</v>
      </c>
      <c r="F2248">
        <v>4</v>
      </c>
      <c r="G2248" t="s">
        <v>14</v>
      </c>
      <c r="H2248" t="s">
        <v>6483</v>
      </c>
      <c r="I2248" t="s">
        <v>30540</v>
      </c>
    </row>
    <row r="2249" spans="1:9">
      <c r="A2249" s="1">
        <f ca="1">RAND()</f>
        <v>0.33969633249583664</v>
      </c>
      <c r="B2249" s="1"/>
      <c r="C2249">
        <v>6</v>
      </c>
      <c r="D2249" t="s">
        <v>6484</v>
      </c>
      <c r="E2249" t="s">
        <v>31641</v>
      </c>
      <c r="F2249">
        <v>4</v>
      </c>
      <c r="G2249" t="s">
        <v>0</v>
      </c>
      <c r="H2249" t="s">
        <v>6485</v>
      </c>
      <c r="I2249" t="s">
        <v>30540</v>
      </c>
    </row>
    <row r="2250" spans="1:9">
      <c r="A2250" s="1">
        <f ca="1">RAND()</f>
        <v>0.79885196024437777</v>
      </c>
      <c r="B2250" s="1"/>
      <c r="C2250">
        <v>20</v>
      </c>
      <c r="D2250" t="s">
        <v>6492</v>
      </c>
      <c r="E2250" t="s">
        <v>31641</v>
      </c>
      <c r="F2250">
        <v>4</v>
      </c>
      <c r="G2250" t="s">
        <v>0</v>
      </c>
      <c r="H2250" t="s">
        <v>6493</v>
      </c>
      <c r="I2250" t="s">
        <v>30540</v>
      </c>
    </row>
    <row r="2251" spans="1:9">
      <c r="A2251" s="1">
        <f ca="1">RAND()</f>
        <v>0.6229697932882029</v>
      </c>
      <c r="B2251" s="1"/>
      <c r="C2251">
        <v>1</v>
      </c>
      <c r="D2251" t="s">
        <v>6478</v>
      </c>
      <c r="E2251" t="s">
        <v>31641</v>
      </c>
      <c r="F2251">
        <v>4</v>
      </c>
      <c r="G2251" t="s">
        <v>9</v>
      </c>
      <c r="H2251" t="s">
        <v>6479</v>
      </c>
      <c r="I2251" t="s">
        <v>30540</v>
      </c>
    </row>
    <row r="2252" spans="1:9">
      <c r="A2252" s="1">
        <f ca="1">RAND()</f>
        <v>0.57770698298286804</v>
      </c>
      <c r="B2252" s="1"/>
      <c r="C2252">
        <v>19</v>
      </c>
      <c r="D2252" t="s">
        <v>6476</v>
      </c>
      <c r="E2252" t="s">
        <v>31642</v>
      </c>
      <c r="F2252">
        <v>4</v>
      </c>
      <c r="G2252" t="s">
        <v>0</v>
      </c>
      <c r="H2252" t="s">
        <v>6477</v>
      </c>
      <c r="I2252" t="s">
        <v>30540</v>
      </c>
    </row>
    <row r="2253" spans="1:9">
      <c r="A2253" s="1">
        <f ca="1">RAND()</f>
        <v>0.53702972403408444</v>
      </c>
      <c r="B2253" s="1"/>
      <c r="C2253">
        <v>16</v>
      </c>
      <c r="D2253" t="s">
        <v>6472</v>
      </c>
      <c r="E2253" t="s">
        <v>31642</v>
      </c>
      <c r="F2253">
        <v>4</v>
      </c>
      <c r="G2253" t="s">
        <v>13</v>
      </c>
      <c r="H2253" t="s">
        <v>6473</v>
      </c>
      <c r="I2253" t="s">
        <v>30540</v>
      </c>
    </row>
    <row r="2254" spans="1:9">
      <c r="A2254" s="1">
        <f ca="1">RAND()</f>
        <v>0.39591591928003778</v>
      </c>
      <c r="B2254" s="1"/>
      <c r="C2254">
        <v>3</v>
      </c>
      <c r="D2254" t="s">
        <v>6468</v>
      </c>
      <c r="E2254" t="s">
        <v>31642</v>
      </c>
      <c r="F2254">
        <v>4</v>
      </c>
      <c r="G2254" t="s">
        <v>9</v>
      </c>
      <c r="H2254" t="s">
        <v>6469</v>
      </c>
      <c r="I2254" t="s">
        <v>30540</v>
      </c>
    </row>
    <row r="2255" spans="1:9">
      <c r="A2255" s="1">
        <f ca="1">RAND()</f>
        <v>0.73814423169486565</v>
      </c>
      <c r="B2255" s="1"/>
      <c r="C2255">
        <v>12</v>
      </c>
      <c r="D2255" t="s">
        <v>6470</v>
      </c>
      <c r="E2255" t="s">
        <v>31642</v>
      </c>
      <c r="F2255">
        <v>4</v>
      </c>
      <c r="G2255" t="s">
        <v>0</v>
      </c>
      <c r="H2255" t="s">
        <v>6471</v>
      </c>
      <c r="I2255" t="s">
        <v>30540</v>
      </c>
    </row>
    <row r="2256" spans="1:9">
      <c r="A2256" s="1">
        <f ca="1">RAND()</f>
        <v>0.53139161345954478</v>
      </c>
      <c r="B2256" s="1"/>
      <c r="C2256">
        <v>18</v>
      </c>
      <c r="D2256" t="s">
        <v>6474</v>
      </c>
      <c r="E2256" t="s">
        <v>31642</v>
      </c>
      <c r="F2256">
        <v>2</v>
      </c>
      <c r="G2256" t="s">
        <v>0</v>
      </c>
      <c r="H2256" t="s">
        <v>6475</v>
      </c>
      <c r="I2256" t="s">
        <v>30540</v>
      </c>
    </row>
    <row r="2257" spans="1:9">
      <c r="A2257" s="1">
        <f ca="1">RAND()</f>
        <v>0.63876033236433971</v>
      </c>
      <c r="B2257" s="1"/>
      <c r="C2257">
        <v>20</v>
      </c>
      <c r="D2257" t="s">
        <v>6466</v>
      </c>
      <c r="E2257" t="s">
        <v>31643</v>
      </c>
      <c r="F2257">
        <v>5</v>
      </c>
      <c r="G2257" t="s">
        <v>1431</v>
      </c>
      <c r="H2257" t="s">
        <v>6467</v>
      </c>
      <c r="I2257" t="s">
        <v>30540</v>
      </c>
    </row>
    <row r="2258" spans="1:9">
      <c r="A2258" s="1">
        <f ca="1">RAND()</f>
        <v>0.20593357564551606</v>
      </c>
      <c r="B2258" s="1"/>
      <c r="C2258">
        <v>1</v>
      </c>
      <c r="D2258" t="s">
        <v>6462</v>
      </c>
      <c r="E2258" t="s">
        <v>31643</v>
      </c>
      <c r="F2258">
        <v>4</v>
      </c>
      <c r="G2258" t="s">
        <v>1426</v>
      </c>
      <c r="H2258" t="s">
        <v>6463</v>
      </c>
      <c r="I2258" t="s">
        <v>30540</v>
      </c>
    </row>
    <row r="2259" spans="1:9">
      <c r="A2259" s="1">
        <f ca="1">RAND()</f>
        <v>0.91439370052935742</v>
      </c>
      <c r="B2259" s="1"/>
      <c r="C2259">
        <v>10</v>
      </c>
      <c r="D2259" t="s">
        <v>6464</v>
      </c>
      <c r="E2259" t="s">
        <v>31643</v>
      </c>
      <c r="F2259">
        <v>4</v>
      </c>
      <c r="G2259" t="s">
        <v>1</v>
      </c>
      <c r="H2259" t="s">
        <v>6465</v>
      </c>
      <c r="I2259" t="s">
        <v>30540</v>
      </c>
    </row>
    <row r="2260" spans="1:9">
      <c r="A2260" s="1">
        <f ca="1">RAND()</f>
        <v>0.96601908116998125</v>
      </c>
      <c r="B2260" s="1"/>
      <c r="C2260">
        <v>18</v>
      </c>
      <c r="D2260" t="s">
        <v>6460</v>
      </c>
      <c r="E2260" t="s">
        <v>31644</v>
      </c>
      <c r="F2260">
        <v>5</v>
      </c>
      <c r="G2260" t="s">
        <v>1</v>
      </c>
      <c r="H2260" t="s">
        <v>6461</v>
      </c>
      <c r="I2260" t="s">
        <v>30540</v>
      </c>
    </row>
    <row r="2261" spans="1:9">
      <c r="A2261" s="1">
        <f ca="1">RAND()</f>
        <v>4.1750041000538252E-2</v>
      </c>
      <c r="B2261" s="1"/>
      <c r="C2261">
        <v>11</v>
      </c>
      <c r="D2261" t="s">
        <v>6456</v>
      </c>
      <c r="E2261" t="s">
        <v>31644</v>
      </c>
      <c r="F2261">
        <v>4</v>
      </c>
      <c r="G2261" t="s">
        <v>14</v>
      </c>
      <c r="H2261" t="s">
        <v>6457</v>
      </c>
      <c r="I2261" t="s">
        <v>30540</v>
      </c>
    </row>
    <row r="2262" spans="1:9">
      <c r="A2262" s="1">
        <f ca="1">RAND()</f>
        <v>0.34967265496458866</v>
      </c>
      <c r="B2262" s="1"/>
      <c r="C2262">
        <v>16</v>
      </c>
      <c r="D2262" t="s">
        <v>6458</v>
      </c>
      <c r="E2262" t="s">
        <v>31644</v>
      </c>
      <c r="F2262">
        <v>4</v>
      </c>
      <c r="G2262" t="s">
        <v>2</v>
      </c>
      <c r="H2262" t="s">
        <v>6459</v>
      </c>
      <c r="I2262" t="s">
        <v>30540</v>
      </c>
    </row>
    <row r="2263" spans="1:9">
      <c r="A2263" s="1">
        <f ca="1">RAND()</f>
        <v>0.70650793172283743</v>
      </c>
      <c r="B2263" s="1"/>
      <c r="C2263">
        <v>2</v>
      </c>
      <c r="D2263" t="s">
        <v>6452</v>
      </c>
      <c r="E2263" t="s">
        <v>31644</v>
      </c>
      <c r="F2263">
        <v>4</v>
      </c>
      <c r="G2263" t="s">
        <v>0</v>
      </c>
      <c r="H2263" t="s">
        <v>6453</v>
      </c>
      <c r="I2263" t="s">
        <v>30540</v>
      </c>
    </row>
    <row r="2264" spans="1:9">
      <c r="A2264" s="1">
        <f ca="1">RAND()</f>
        <v>0.95674506823631689</v>
      </c>
      <c r="B2264" s="1"/>
      <c r="C2264">
        <v>5</v>
      </c>
      <c r="D2264" t="s">
        <v>6454</v>
      </c>
      <c r="E2264" t="s">
        <v>31644</v>
      </c>
      <c r="F2264">
        <v>4</v>
      </c>
      <c r="G2264" t="s">
        <v>0</v>
      </c>
      <c r="H2264" t="s">
        <v>6455</v>
      </c>
      <c r="I2264" t="s">
        <v>30540</v>
      </c>
    </row>
    <row r="2265" spans="1:9">
      <c r="A2265" s="1">
        <f ca="1">RAND()</f>
        <v>0.9612512503313575</v>
      </c>
      <c r="B2265" s="1"/>
      <c r="C2265">
        <v>13</v>
      </c>
      <c r="D2265" t="s">
        <v>6444</v>
      </c>
      <c r="E2265" t="s">
        <v>31645</v>
      </c>
      <c r="F2265">
        <v>5</v>
      </c>
      <c r="G2265" t="s">
        <v>0</v>
      </c>
      <c r="H2265" t="s">
        <v>6445</v>
      </c>
      <c r="I2265" t="s">
        <v>30540</v>
      </c>
    </row>
    <row r="2266" spans="1:9">
      <c r="A2266" s="1">
        <f ca="1">RAND()</f>
        <v>0.62458721123907945</v>
      </c>
      <c r="B2266" s="1"/>
      <c r="C2266">
        <v>16</v>
      </c>
      <c r="D2266" t="s">
        <v>6448</v>
      </c>
      <c r="E2266" t="s">
        <v>31645</v>
      </c>
      <c r="F2266">
        <v>4</v>
      </c>
      <c r="G2266" t="s">
        <v>0</v>
      </c>
      <c r="H2266" t="s">
        <v>6449</v>
      </c>
      <c r="I2266" t="s">
        <v>30540</v>
      </c>
    </row>
    <row r="2267" spans="1:9">
      <c r="A2267" s="1">
        <f ca="1">RAND()</f>
        <v>0.35747987730108111</v>
      </c>
      <c r="B2267" s="1"/>
      <c r="C2267">
        <v>11</v>
      </c>
      <c r="D2267" t="s">
        <v>6442</v>
      </c>
      <c r="E2267" t="s">
        <v>31645</v>
      </c>
      <c r="F2267">
        <v>4</v>
      </c>
      <c r="G2267" t="s">
        <v>0</v>
      </c>
      <c r="H2267" t="s">
        <v>6443</v>
      </c>
      <c r="I2267" t="s">
        <v>30540</v>
      </c>
    </row>
    <row r="2268" spans="1:9">
      <c r="A2268" s="1">
        <f ca="1">RAND()</f>
        <v>0.60071093093902928</v>
      </c>
      <c r="B2268" s="1"/>
      <c r="C2268">
        <v>3</v>
      </c>
      <c r="D2268" t="s">
        <v>6438</v>
      </c>
      <c r="E2268" t="s">
        <v>31645</v>
      </c>
      <c r="F2268">
        <v>4</v>
      </c>
      <c r="G2268" t="s">
        <v>15</v>
      </c>
      <c r="H2268" t="s">
        <v>6439</v>
      </c>
      <c r="I2268" t="s">
        <v>30540</v>
      </c>
    </row>
    <row r="2269" spans="1:9">
      <c r="A2269" s="1">
        <f ca="1">RAND()</f>
        <v>0.14169701915379307</v>
      </c>
      <c r="B2269" s="1"/>
      <c r="C2269">
        <v>10</v>
      </c>
      <c r="D2269" t="s">
        <v>6440</v>
      </c>
      <c r="E2269" t="s">
        <v>31645</v>
      </c>
      <c r="F2269">
        <v>4</v>
      </c>
      <c r="G2269" t="s">
        <v>0</v>
      </c>
      <c r="H2269" t="s">
        <v>6441</v>
      </c>
      <c r="I2269" t="s">
        <v>30540</v>
      </c>
    </row>
    <row r="2270" spans="1:9">
      <c r="A2270" s="1">
        <f ca="1">RAND()</f>
        <v>0.14225063769314517</v>
      </c>
      <c r="B2270" s="1"/>
      <c r="C2270">
        <v>17</v>
      </c>
      <c r="D2270" t="s">
        <v>6450</v>
      </c>
      <c r="E2270" t="s">
        <v>31645</v>
      </c>
      <c r="F2270">
        <v>2</v>
      </c>
      <c r="G2270" t="s">
        <v>0</v>
      </c>
      <c r="H2270" t="s">
        <v>6451</v>
      </c>
      <c r="I2270" t="s">
        <v>30540</v>
      </c>
    </row>
    <row r="2271" spans="1:9">
      <c r="A2271" s="1">
        <f ca="1">RAND()</f>
        <v>3.1455377999347944E-2</v>
      </c>
      <c r="B2271" s="1"/>
      <c r="C2271">
        <v>14</v>
      </c>
      <c r="D2271" t="s">
        <v>6446</v>
      </c>
      <c r="E2271" t="s">
        <v>31645</v>
      </c>
      <c r="F2271">
        <v>2</v>
      </c>
      <c r="G2271" t="s">
        <v>10</v>
      </c>
      <c r="H2271" t="s">
        <v>6447</v>
      </c>
      <c r="I2271" t="s">
        <v>30540</v>
      </c>
    </row>
    <row r="2272" spans="1:9">
      <c r="A2272" s="1">
        <f ca="1">RAND()</f>
        <v>0.5015852129051257</v>
      </c>
      <c r="B2272" s="1"/>
      <c r="C2272">
        <v>13</v>
      </c>
      <c r="D2272" t="s">
        <v>6434</v>
      </c>
      <c r="E2272" t="s">
        <v>31646</v>
      </c>
      <c r="F2272">
        <v>5</v>
      </c>
      <c r="G2272" t="s">
        <v>0</v>
      </c>
      <c r="H2272" t="s">
        <v>6435</v>
      </c>
      <c r="I2272" t="s">
        <v>30540</v>
      </c>
    </row>
    <row r="2273" spans="1:9">
      <c r="A2273" s="1">
        <f ca="1">RAND()</f>
        <v>0.52759104730908846</v>
      </c>
      <c r="B2273" s="1"/>
      <c r="C2273">
        <v>11</v>
      </c>
      <c r="D2273" t="s">
        <v>6432</v>
      </c>
      <c r="E2273" t="s">
        <v>31646</v>
      </c>
      <c r="F2273">
        <v>5</v>
      </c>
      <c r="G2273" t="s">
        <v>9</v>
      </c>
      <c r="H2273" t="s">
        <v>6433</v>
      </c>
      <c r="I2273" t="s">
        <v>30540</v>
      </c>
    </row>
    <row r="2274" spans="1:9">
      <c r="A2274" s="1">
        <f ca="1">RAND()</f>
        <v>0.27909824139740291</v>
      </c>
      <c r="B2274" s="1"/>
      <c r="C2274">
        <v>4</v>
      </c>
      <c r="D2274" t="s">
        <v>6430</v>
      </c>
      <c r="E2274" t="s">
        <v>31646</v>
      </c>
      <c r="F2274">
        <v>5</v>
      </c>
      <c r="G2274" t="s">
        <v>0</v>
      </c>
      <c r="H2274" t="s">
        <v>6431</v>
      </c>
      <c r="I2274" t="s">
        <v>30540</v>
      </c>
    </row>
    <row r="2275" spans="1:9">
      <c r="A2275" s="1">
        <f ca="1">RAND()</f>
        <v>0.11123998621198294</v>
      </c>
      <c r="B2275" s="1"/>
      <c r="C2275">
        <v>2</v>
      </c>
      <c r="D2275" t="s">
        <v>6428</v>
      </c>
      <c r="E2275" t="s">
        <v>31646</v>
      </c>
      <c r="F2275">
        <v>4</v>
      </c>
      <c r="G2275" t="s">
        <v>9</v>
      </c>
      <c r="H2275" t="s">
        <v>6429</v>
      </c>
      <c r="I2275" t="s">
        <v>30540</v>
      </c>
    </row>
    <row r="2276" spans="1:9">
      <c r="A2276" s="1">
        <f ca="1">RAND()</f>
        <v>0.26617943099296448</v>
      </c>
      <c r="B2276" s="1"/>
      <c r="C2276">
        <v>18</v>
      </c>
      <c r="D2276" t="s">
        <v>6436</v>
      </c>
      <c r="E2276" t="s">
        <v>31646</v>
      </c>
      <c r="F2276">
        <v>3</v>
      </c>
      <c r="G2276" t="s">
        <v>10</v>
      </c>
      <c r="H2276" t="s">
        <v>6437</v>
      </c>
      <c r="I2276" t="s">
        <v>30540</v>
      </c>
    </row>
    <row r="2277" spans="1:9">
      <c r="A2277" s="1">
        <f ca="1">RAND()</f>
        <v>0.46094484266695823</v>
      </c>
      <c r="B2277" s="1"/>
      <c r="C2277">
        <v>10</v>
      </c>
      <c r="D2277" t="s">
        <v>6424</v>
      </c>
      <c r="E2277" t="s">
        <v>31647</v>
      </c>
      <c r="F2277">
        <v>5</v>
      </c>
      <c r="G2277" t="s">
        <v>0</v>
      </c>
      <c r="H2277" t="s">
        <v>6425</v>
      </c>
      <c r="I2277" t="s">
        <v>30540</v>
      </c>
    </row>
    <row r="2278" spans="1:9">
      <c r="A2278" s="1">
        <f ca="1">RAND()</f>
        <v>0.84834497937066478</v>
      </c>
      <c r="B2278" s="1"/>
      <c r="C2278">
        <v>12</v>
      </c>
      <c r="D2278" t="s">
        <v>6426</v>
      </c>
      <c r="E2278" t="s">
        <v>31647</v>
      </c>
      <c r="F2278">
        <v>5</v>
      </c>
      <c r="G2278" t="s">
        <v>0</v>
      </c>
      <c r="H2278" t="s">
        <v>6427</v>
      </c>
      <c r="I2278" t="s">
        <v>30540</v>
      </c>
    </row>
    <row r="2279" spans="1:9">
      <c r="A2279" s="1">
        <f ca="1">RAND()</f>
        <v>5.26839296786622E-2</v>
      </c>
      <c r="B2279" s="1"/>
      <c r="C2279">
        <v>5</v>
      </c>
      <c r="D2279" t="s">
        <v>6420</v>
      </c>
      <c r="E2279" t="s">
        <v>31647</v>
      </c>
      <c r="F2279">
        <v>4</v>
      </c>
      <c r="G2279" t="s">
        <v>0</v>
      </c>
      <c r="H2279" t="s">
        <v>6421</v>
      </c>
      <c r="I2279" t="s">
        <v>30540</v>
      </c>
    </row>
    <row r="2280" spans="1:9">
      <c r="A2280" s="1">
        <f ca="1">RAND()</f>
        <v>0.68556716970923637</v>
      </c>
      <c r="B2280" s="1"/>
      <c r="C2280">
        <v>8</v>
      </c>
      <c r="D2280" t="s">
        <v>6422</v>
      </c>
      <c r="E2280" t="s">
        <v>31647</v>
      </c>
      <c r="F2280">
        <v>4</v>
      </c>
      <c r="G2280" t="s">
        <v>9</v>
      </c>
      <c r="H2280" t="s">
        <v>6423</v>
      </c>
      <c r="I2280" t="s">
        <v>30540</v>
      </c>
    </row>
    <row r="2281" spans="1:9">
      <c r="A2281" s="1">
        <f ca="1">RAND()</f>
        <v>7.3538878763801385E-2</v>
      </c>
      <c r="B2281" s="1"/>
      <c r="C2281">
        <v>1</v>
      </c>
      <c r="D2281" t="s">
        <v>6418</v>
      </c>
      <c r="E2281" t="s">
        <v>31647</v>
      </c>
      <c r="F2281">
        <v>3</v>
      </c>
      <c r="G2281" t="s">
        <v>1</v>
      </c>
      <c r="H2281" t="s">
        <v>6419</v>
      </c>
      <c r="I2281" t="s">
        <v>30540</v>
      </c>
    </row>
    <row r="2282" spans="1:9">
      <c r="A2282" s="1">
        <f ca="1">RAND()</f>
        <v>0.58054288822464073</v>
      </c>
      <c r="B2282" s="1"/>
      <c r="C2282">
        <v>12</v>
      </c>
      <c r="D2282" t="s">
        <v>6412</v>
      </c>
      <c r="E2282" t="s">
        <v>31648</v>
      </c>
      <c r="F2282">
        <v>5</v>
      </c>
      <c r="G2282" t="s">
        <v>0</v>
      </c>
      <c r="H2282" t="s">
        <v>6413</v>
      </c>
      <c r="I2282" t="s">
        <v>30540</v>
      </c>
    </row>
    <row r="2283" spans="1:9">
      <c r="A2283" s="1">
        <f ca="1">RAND()</f>
        <v>0.55999391636870499</v>
      </c>
      <c r="B2283" s="1"/>
      <c r="C2283">
        <v>14</v>
      </c>
      <c r="D2283" t="s">
        <v>6416</v>
      </c>
      <c r="E2283" t="s">
        <v>31648</v>
      </c>
      <c r="F2283">
        <v>5</v>
      </c>
      <c r="G2283" t="s">
        <v>1</v>
      </c>
      <c r="H2283" t="s">
        <v>6417</v>
      </c>
      <c r="I2283" t="s">
        <v>30540</v>
      </c>
    </row>
    <row r="2284" spans="1:9">
      <c r="A2284" s="1">
        <f ca="1">RAND()</f>
        <v>0.78985557672060258</v>
      </c>
      <c r="B2284" s="1"/>
      <c r="C2284">
        <v>13</v>
      </c>
      <c r="D2284" t="s">
        <v>6414</v>
      </c>
      <c r="E2284" t="s">
        <v>31648</v>
      </c>
      <c r="F2284">
        <v>5</v>
      </c>
      <c r="G2284" t="s">
        <v>0</v>
      </c>
      <c r="H2284" t="s">
        <v>6415</v>
      </c>
      <c r="I2284" t="s">
        <v>30540</v>
      </c>
    </row>
    <row r="2285" spans="1:9">
      <c r="A2285" s="1">
        <f ca="1">RAND()</f>
        <v>0.80502985850195441</v>
      </c>
      <c r="B2285" s="1"/>
      <c r="C2285">
        <v>3</v>
      </c>
      <c r="D2285" t="s">
        <v>6406</v>
      </c>
      <c r="E2285" t="s">
        <v>31648</v>
      </c>
      <c r="F2285">
        <v>4</v>
      </c>
      <c r="G2285" t="s">
        <v>0</v>
      </c>
      <c r="H2285" t="s">
        <v>6407</v>
      </c>
      <c r="I2285" t="s">
        <v>30540</v>
      </c>
    </row>
    <row r="2286" spans="1:9">
      <c r="A2286" s="1">
        <f ca="1">RAND()</f>
        <v>0.56506925085681514</v>
      </c>
      <c r="B2286" s="1"/>
      <c r="C2286">
        <v>6</v>
      </c>
      <c r="D2286" t="s">
        <v>6408</v>
      </c>
      <c r="E2286" t="s">
        <v>31648</v>
      </c>
      <c r="F2286">
        <v>4</v>
      </c>
      <c r="G2286" t="s">
        <v>0</v>
      </c>
      <c r="H2286" t="s">
        <v>6409</v>
      </c>
      <c r="I2286" t="s">
        <v>30540</v>
      </c>
    </row>
    <row r="2287" spans="1:9">
      <c r="A2287" s="1">
        <f ca="1">RAND()</f>
        <v>0.90349034388930372</v>
      </c>
      <c r="B2287" s="1"/>
      <c r="C2287">
        <v>8</v>
      </c>
      <c r="D2287" t="s">
        <v>6410</v>
      </c>
      <c r="E2287" t="s">
        <v>31648</v>
      </c>
      <c r="F2287">
        <v>4</v>
      </c>
      <c r="G2287" t="s">
        <v>0</v>
      </c>
      <c r="H2287" t="s">
        <v>6411</v>
      </c>
      <c r="I2287" t="s">
        <v>30540</v>
      </c>
    </row>
    <row r="2288" spans="1:9">
      <c r="A2288" s="1">
        <f ca="1">RAND()</f>
        <v>3.7036721787930049E-2</v>
      </c>
      <c r="B2288" s="1"/>
      <c r="C2288">
        <v>20</v>
      </c>
      <c r="D2288" t="s">
        <v>6404</v>
      </c>
      <c r="E2288" t="s">
        <v>31649</v>
      </c>
      <c r="F2288">
        <v>5</v>
      </c>
      <c r="G2288" t="s">
        <v>765</v>
      </c>
      <c r="H2288" t="s">
        <v>6405</v>
      </c>
      <c r="I2288" t="s">
        <v>30540</v>
      </c>
    </row>
    <row r="2289" spans="1:9">
      <c r="A2289" s="1">
        <f ca="1">RAND()</f>
        <v>0.54873596109961009</v>
      </c>
      <c r="B2289" s="1"/>
      <c r="C2289">
        <v>17</v>
      </c>
      <c r="D2289" t="s">
        <v>6402</v>
      </c>
      <c r="E2289" t="s">
        <v>31649</v>
      </c>
      <c r="F2289">
        <v>4</v>
      </c>
      <c r="G2289" t="s">
        <v>13</v>
      </c>
      <c r="H2289" t="s">
        <v>6403</v>
      </c>
      <c r="I2289" t="s">
        <v>30540</v>
      </c>
    </row>
    <row r="2290" spans="1:9">
      <c r="A2290" s="1">
        <f ca="1">RAND()</f>
        <v>0.64939405956997909</v>
      </c>
      <c r="B2290" s="1"/>
      <c r="C2290">
        <v>16</v>
      </c>
      <c r="D2290" t="s">
        <v>6400</v>
      </c>
      <c r="E2290" t="s">
        <v>31649</v>
      </c>
      <c r="F2290">
        <v>4</v>
      </c>
      <c r="G2290" t="s">
        <v>2738</v>
      </c>
      <c r="H2290" t="s">
        <v>6401</v>
      </c>
      <c r="I2290" t="s">
        <v>30540</v>
      </c>
    </row>
    <row r="2291" spans="1:9">
      <c r="A2291" s="1">
        <f ca="1">RAND()</f>
        <v>0.48811234665591408</v>
      </c>
      <c r="B2291" s="1"/>
      <c r="C2291">
        <v>9</v>
      </c>
      <c r="D2291" t="s">
        <v>6390</v>
      </c>
      <c r="E2291" t="s">
        <v>31650</v>
      </c>
      <c r="F2291">
        <v>5</v>
      </c>
      <c r="G2291" t="s">
        <v>0</v>
      </c>
      <c r="H2291" t="s">
        <v>6391</v>
      </c>
      <c r="I2291" t="s">
        <v>30540</v>
      </c>
    </row>
    <row r="2292" spans="1:9">
      <c r="A2292" s="1">
        <f ca="1">RAND()</f>
        <v>0.60766435802323082</v>
      </c>
      <c r="B2292" s="1"/>
      <c r="C2292">
        <v>14</v>
      </c>
      <c r="D2292" t="s">
        <v>6394</v>
      </c>
      <c r="E2292" t="s">
        <v>31650</v>
      </c>
      <c r="F2292">
        <v>4</v>
      </c>
      <c r="G2292" t="s">
        <v>0</v>
      </c>
      <c r="H2292" t="s">
        <v>6395</v>
      </c>
      <c r="I2292" t="s">
        <v>30540</v>
      </c>
    </row>
    <row r="2293" spans="1:9">
      <c r="A2293" s="1">
        <f ca="1">RAND()</f>
        <v>0.35030077575979102</v>
      </c>
      <c r="B2293" s="1"/>
      <c r="C2293">
        <v>10</v>
      </c>
      <c r="D2293" t="s">
        <v>6392</v>
      </c>
      <c r="E2293" t="s">
        <v>31650</v>
      </c>
      <c r="F2293">
        <v>4</v>
      </c>
      <c r="G2293" t="s">
        <v>0</v>
      </c>
      <c r="H2293" t="s">
        <v>6393</v>
      </c>
      <c r="I2293" t="s">
        <v>30540</v>
      </c>
    </row>
    <row r="2294" spans="1:9">
      <c r="A2294" s="1">
        <f ca="1">RAND()</f>
        <v>0.53645310681057068</v>
      </c>
      <c r="B2294" s="1"/>
      <c r="C2294">
        <v>15</v>
      </c>
      <c r="D2294" t="s">
        <v>6396</v>
      </c>
      <c r="E2294" t="s">
        <v>31650</v>
      </c>
      <c r="F2294">
        <v>4</v>
      </c>
      <c r="G2294" t="s">
        <v>0</v>
      </c>
      <c r="H2294" t="s">
        <v>6397</v>
      </c>
      <c r="I2294" t="s">
        <v>30540</v>
      </c>
    </row>
    <row r="2295" spans="1:9">
      <c r="A2295" s="1">
        <f ca="1">RAND()</f>
        <v>0.48548010197157454</v>
      </c>
      <c r="B2295" s="1"/>
      <c r="C2295">
        <v>16</v>
      </c>
      <c r="D2295" t="s">
        <v>6398</v>
      </c>
      <c r="E2295" t="s">
        <v>31650</v>
      </c>
      <c r="F2295">
        <v>3</v>
      </c>
      <c r="G2295" t="s">
        <v>0</v>
      </c>
      <c r="H2295" t="s">
        <v>6399</v>
      </c>
      <c r="I2295" t="s">
        <v>30540</v>
      </c>
    </row>
    <row r="2296" spans="1:9">
      <c r="A2296" s="1">
        <f ca="1">RAND()</f>
        <v>0.23149101193707822</v>
      </c>
      <c r="B2296" s="1"/>
      <c r="C2296">
        <v>3</v>
      </c>
      <c r="D2296" t="s">
        <v>6380</v>
      </c>
      <c r="E2296" t="s">
        <v>31651</v>
      </c>
      <c r="F2296">
        <v>4</v>
      </c>
      <c r="G2296" t="s">
        <v>0</v>
      </c>
      <c r="H2296" t="s">
        <v>6381</v>
      </c>
      <c r="I2296" t="s">
        <v>30540</v>
      </c>
    </row>
    <row r="2297" spans="1:9">
      <c r="A2297" s="1">
        <f ca="1">RAND()</f>
        <v>0.99363276082960705</v>
      </c>
      <c r="B2297" s="1"/>
      <c r="C2297">
        <v>8</v>
      </c>
      <c r="D2297" t="s">
        <v>6382</v>
      </c>
      <c r="E2297" t="s">
        <v>31651</v>
      </c>
      <c r="F2297">
        <v>4</v>
      </c>
      <c r="G2297" t="s">
        <v>0</v>
      </c>
      <c r="H2297" t="s">
        <v>6383</v>
      </c>
      <c r="I2297" t="s">
        <v>30540</v>
      </c>
    </row>
    <row r="2298" spans="1:9">
      <c r="A2298" s="1">
        <f ca="1">RAND()</f>
        <v>0.79747415011051537</v>
      </c>
      <c r="B2298" s="1"/>
      <c r="C2298">
        <v>10</v>
      </c>
      <c r="D2298" t="s">
        <v>6384</v>
      </c>
      <c r="E2298" t="s">
        <v>31651</v>
      </c>
      <c r="F2298">
        <v>4</v>
      </c>
      <c r="G2298" t="s">
        <v>0</v>
      </c>
      <c r="H2298" t="s">
        <v>6385</v>
      </c>
      <c r="I2298" t="s">
        <v>30540</v>
      </c>
    </row>
    <row r="2299" spans="1:9">
      <c r="A2299" s="1">
        <f ca="1">RAND()</f>
        <v>0.64132596028346867</v>
      </c>
      <c r="B2299" s="1"/>
      <c r="C2299">
        <v>13</v>
      </c>
      <c r="D2299" t="s">
        <v>6386</v>
      </c>
      <c r="E2299" t="s">
        <v>31651</v>
      </c>
      <c r="F2299">
        <v>4</v>
      </c>
      <c r="G2299" t="s">
        <v>0</v>
      </c>
      <c r="H2299" t="s">
        <v>6387</v>
      </c>
      <c r="I2299" t="s">
        <v>30540</v>
      </c>
    </row>
    <row r="2300" spans="1:9">
      <c r="A2300" s="1">
        <f ca="1">RAND()</f>
        <v>0.57206707842179594</v>
      </c>
      <c r="B2300" s="1"/>
      <c r="C2300">
        <v>16</v>
      </c>
      <c r="D2300" t="s">
        <v>6388</v>
      </c>
      <c r="E2300" t="s">
        <v>31651</v>
      </c>
      <c r="F2300">
        <v>4</v>
      </c>
      <c r="G2300" t="s">
        <v>0</v>
      </c>
      <c r="H2300" t="s">
        <v>6389</v>
      </c>
      <c r="I2300" t="s">
        <v>30540</v>
      </c>
    </row>
    <row r="2301" spans="1:9">
      <c r="A2301" s="1">
        <f ca="1">RAND()</f>
        <v>0.26538107972058333</v>
      </c>
      <c r="B2301" s="1"/>
      <c r="C2301">
        <v>11</v>
      </c>
      <c r="D2301" t="s">
        <v>6370</v>
      </c>
      <c r="E2301" t="s">
        <v>31652</v>
      </c>
      <c r="F2301">
        <v>5</v>
      </c>
      <c r="G2301" t="s">
        <v>0</v>
      </c>
      <c r="H2301" t="s">
        <v>6371</v>
      </c>
      <c r="I2301" t="s">
        <v>30540</v>
      </c>
    </row>
    <row r="2302" spans="1:9">
      <c r="A2302" s="1">
        <f ca="1">RAND()</f>
        <v>0.93606539373769737</v>
      </c>
      <c r="B2302" s="1"/>
      <c r="C2302">
        <v>6</v>
      </c>
      <c r="D2302" t="s">
        <v>6366</v>
      </c>
      <c r="E2302" t="s">
        <v>31652</v>
      </c>
      <c r="F2302">
        <v>4</v>
      </c>
      <c r="G2302" t="s">
        <v>0</v>
      </c>
      <c r="H2302" t="s">
        <v>6367</v>
      </c>
      <c r="I2302" t="s">
        <v>30540</v>
      </c>
    </row>
    <row r="2303" spans="1:9">
      <c r="A2303" s="1">
        <f ca="1">RAND()</f>
        <v>0.31841007400139476</v>
      </c>
      <c r="B2303" s="1"/>
      <c r="C2303">
        <v>13</v>
      </c>
      <c r="D2303" t="s">
        <v>6374</v>
      </c>
      <c r="E2303" t="s">
        <v>31652</v>
      </c>
      <c r="F2303">
        <v>4</v>
      </c>
      <c r="G2303" t="s">
        <v>0</v>
      </c>
      <c r="H2303" t="s">
        <v>6375</v>
      </c>
      <c r="I2303" t="s">
        <v>30540</v>
      </c>
    </row>
    <row r="2304" spans="1:9">
      <c r="A2304" s="1">
        <f ca="1">RAND()</f>
        <v>0.33024721421897418</v>
      </c>
      <c r="B2304" s="1"/>
      <c r="C2304">
        <v>9</v>
      </c>
      <c r="D2304" t="s">
        <v>6368</v>
      </c>
      <c r="E2304" t="s">
        <v>31652</v>
      </c>
      <c r="F2304">
        <v>4</v>
      </c>
      <c r="G2304" t="s">
        <v>0</v>
      </c>
      <c r="H2304" t="s">
        <v>6369</v>
      </c>
      <c r="I2304" t="s">
        <v>30540</v>
      </c>
    </row>
    <row r="2305" spans="1:9">
      <c r="A2305" s="1">
        <f ca="1">RAND()</f>
        <v>0.92027319719218081</v>
      </c>
      <c r="B2305" s="1"/>
      <c r="C2305">
        <v>12</v>
      </c>
      <c r="D2305" t="s">
        <v>6372</v>
      </c>
      <c r="E2305" t="s">
        <v>31652</v>
      </c>
      <c r="F2305">
        <v>4</v>
      </c>
      <c r="G2305" t="s">
        <v>0</v>
      </c>
      <c r="H2305" t="s">
        <v>6373</v>
      </c>
      <c r="I2305" t="s">
        <v>30540</v>
      </c>
    </row>
    <row r="2306" spans="1:9">
      <c r="A2306" s="1">
        <f ca="1">RAND()</f>
        <v>2.3561418484502328E-3</v>
      </c>
      <c r="B2306" s="1"/>
      <c r="C2306">
        <v>15</v>
      </c>
      <c r="D2306" t="s">
        <v>6376</v>
      </c>
      <c r="E2306" t="s">
        <v>31652</v>
      </c>
      <c r="F2306">
        <v>4</v>
      </c>
      <c r="G2306" t="s">
        <v>1</v>
      </c>
      <c r="H2306" t="s">
        <v>6377</v>
      </c>
      <c r="I2306" t="s">
        <v>30540</v>
      </c>
    </row>
    <row r="2307" spans="1:9">
      <c r="A2307" s="1">
        <f ca="1">RAND()</f>
        <v>0.3634203102898601</v>
      </c>
      <c r="B2307" s="1"/>
      <c r="C2307">
        <v>20</v>
      </c>
      <c r="D2307" t="s">
        <v>6378</v>
      </c>
      <c r="E2307" t="s">
        <v>31652</v>
      </c>
      <c r="F2307">
        <v>4</v>
      </c>
      <c r="G2307" t="s">
        <v>0</v>
      </c>
      <c r="H2307" t="s">
        <v>6379</v>
      </c>
      <c r="I2307" t="s">
        <v>30540</v>
      </c>
    </row>
    <row r="2308" spans="1:9">
      <c r="A2308" s="1">
        <f ca="1">RAND()</f>
        <v>0.3396929121829303</v>
      </c>
      <c r="B2308" s="1"/>
      <c r="C2308">
        <v>2</v>
      </c>
      <c r="D2308" t="s">
        <v>6360</v>
      </c>
      <c r="E2308" t="s">
        <v>31653</v>
      </c>
      <c r="F2308">
        <v>4</v>
      </c>
      <c r="G2308" t="s">
        <v>15</v>
      </c>
      <c r="H2308" t="s">
        <v>6361</v>
      </c>
      <c r="I2308" t="s">
        <v>30540</v>
      </c>
    </row>
    <row r="2309" spans="1:9">
      <c r="A2309" s="1">
        <f ca="1">RAND()</f>
        <v>0.14355569277512203</v>
      </c>
      <c r="B2309" s="1"/>
      <c r="C2309">
        <v>16</v>
      </c>
      <c r="D2309" t="s">
        <v>6362</v>
      </c>
      <c r="E2309" t="s">
        <v>31653</v>
      </c>
      <c r="F2309">
        <v>4</v>
      </c>
      <c r="G2309" t="s">
        <v>0</v>
      </c>
      <c r="H2309" t="s">
        <v>6363</v>
      </c>
      <c r="I2309" t="s">
        <v>30540</v>
      </c>
    </row>
    <row r="2310" spans="1:9">
      <c r="A2310" s="1">
        <f ca="1">RAND()</f>
        <v>0.12247332710633219</v>
      </c>
      <c r="B2310" s="1"/>
      <c r="C2310">
        <v>19</v>
      </c>
      <c r="D2310" t="s">
        <v>6364</v>
      </c>
      <c r="E2310" t="s">
        <v>31653</v>
      </c>
      <c r="F2310">
        <v>4</v>
      </c>
      <c r="G2310" t="s">
        <v>765</v>
      </c>
      <c r="H2310" t="s">
        <v>6365</v>
      </c>
      <c r="I2310" t="s">
        <v>30540</v>
      </c>
    </row>
    <row r="2311" spans="1:9">
      <c r="A2311" s="1">
        <f ca="1">RAND()</f>
        <v>0.19473267738748901</v>
      </c>
      <c r="B2311" s="1"/>
      <c r="C2311">
        <v>15</v>
      </c>
      <c r="D2311" t="s">
        <v>6356</v>
      </c>
      <c r="E2311" t="s">
        <v>31654</v>
      </c>
      <c r="F2311">
        <v>5</v>
      </c>
      <c r="G2311" t="s">
        <v>0</v>
      </c>
      <c r="H2311" t="s">
        <v>6357</v>
      </c>
      <c r="I2311" t="s">
        <v>30540</v>
      </c>
    </row>
    <row r="2312" spans="1:9">
      <c r="A2312" s="1">
        <f ca="1">RAND()</f>
        <v>0.99794620092275976</v>
      </c>
      <c r="B2312" s="1"/>
      <c r="C2312">
        <v>17</v>
      </c>
      <c r="D2312" t="s">
        <v>6358</v>
      </c>
      <c r="E2312" t="s">
        <v>31654</v>
      </c>
      <c r="F2312">
        <v>4</v>
      </c>
      <c r="G2312" t="s">
        <v>0</v>
      </c>
      <c r="H2312" t="s">
        <v>6359</v>
      </c>
      <c r="I2312" t="s">
        <v>30540</v>
      </c>
    </row>
    <row r="2313" spans="1:9">
      <c r="A2313" s="1">
        <f ca="1">RAND()</f>
        <v>0.53646761469482429</v>
      </c>
      <c r="B2313" s="1"/>
      <c r="C2313">
        <v>10</v>
      </c>
      <c r="D2313" t="s">
        <v>6348</v>
      </c>
      <c r="E2313" t="s">
        <v>31655</v>
      </c>
      <c r="F2313">
        <v>4</v>
      </c>
      <c r="G2313" t="s">
        <v>1295</v>
      </c>
      <c r="H2313" t="s">
        <v>6349</v>
      </c>
      <c r="I2313" t="s">
        <v>30540</v>
      </c>
    </row>
    <row r="2314" spans="1:9">
      <c r="A2314" s="1">
        <f ca="1">RAND()</f>
        <v>0.72611425784462136</v>
      </c>
      <c r="B2314" s="1"/>
      <c r="C2314">
        <v>17</v>
      </c>
      <c r="D2314" t="s">
        <v>6352</v>
      </c>
      <c r="E2314" t="s">
        <v>31655</v>
      </c>
      <c r="F2314">
        <v>4</v>
      </c>
      <c r="G2314" t="s">
        <v>765</v>
      </c>
      <c r="H2314" t="s">
        <v>6353</v>
      </c>
      <c r="I2314" t="s">
        <v>30540</v>
      </c>
    </row>
    <row r="2315" spans="1:9">
      <c r="A2315" s="1">
        <f ca="1">RAND()</f>
        <v>0.22469636681440042</v>
      </c>
      <c r="B2315" s="1"/>
      <c r="C2315">
        <v>20</v>
      </c>
      <c r="D2315" t="s">
        <v>6354</v>
      </c>
      <c r="E2315" t="s">
        <v>31655</v>
      </c>
      <c r="F2315">
        <v>3</v>
      </c>
      <c r="G2315" t="s">
        <v>1</v>
      </c>
      <c r="H2315" t="s">
        <v>6355</v>
      </c>
      <c r="I2315" t="s">
        <v>30540</v>
      </c>
    </row>
    <row r="2316" spans="1:9">
      <c r="A2316" s="1">
        <f ca="1">RAND()</f>
        <v>0.39455225048518294</v>
      </c>
      <c r="B2316" s="1"/>
      <c r="C2316">
        <v>11</v>
      </c>
      <c r="D2316" t="s">
        <v>6350</v>
      </c>
      <c r="E2316" t="s">
        <v>31655</v>
      </c>
      <c r="F2316">
        <v>2</v>
      </c>
      <c r="G2316" t="s">
        <v>0</v>
      </c>
      <c r="H2316" t="s">
        <v>6351</v>
      </c>
      <c r="I2316" t="s">
        <v>30540</v>
      </c>
    </row>
    <row r="2317" spans="1:9">
      <c r="A2317" s="1">
        <f ca="1">RAND()</f>
        <v>0.13687701092792037</v>
      </c>
      <c r="B2317" s="1"/>
      <c r="C2317">
        <v>19</v>
      </c>
      <c r="D2317" t="s">
        <v>6346</v>
      </c>
      <c r="E2317" t="s">
        <v>31656</v>
      </c>
      <c r="F2317">
        <v>4</v>
      </c>
      <c r="G2317" t="s">
        <v>0</v>
      </c>
      <c r="H2317" t="s">
        <v>6347</v>
      </c>
      <c r="I2317" t="s">
        <v>30540</v>
      </c>
    </row>
    <row r="2318" spans="1:9">
      <c r="A2318" s="1">
        <f ca="1">RAND()</f>
        <v>0.99020281864330706</v>
      </c>
      <c r="B2318" s="1"/>
      <c r="C2318">
        <v>1</v>
      </c>
      <c r="D2318" t="s">
        <v>6342</v>
      </c>
      <c r="E2318" t="s">
        <v>31656</v>
      </c>
      <c r="F2318">
        <v>4</v>
      </c>
      <c r="G2318" t="s">
        <v>14</v>
      </c>
      <c r="H2318" t="s">
        <v>6343</v>
      </c>
      <c r="I2318" t="s">
        <v>30540</v>
      </c>
    </row>
    <row r="2319" spans="1:9">
      <c r="A2319" s="1">
        <f ca="1">RAND()</f>
        <v>0.72172343451072951</v>
      </c>
      <c r="B2319" s="1"/>
      <c r="C2319">
        <v>16</v>
      </c>
      <c r="D2319" t="s">
        <v>6344</v>
      </c>
      <c r="E2319" t="s">
        <v>31656</v>
      </c>
      <c r="F2319">
        <v>4</v>
      </c>
      <c r="G2319" t="s">
        <v>0</v>
      </c>
      <c r="H2319" t="s">
        <v>6345</v>
      </c>
      <c r="I2319" t="s">
        <v>30540</v>
      </c>
    </row>
    <row r="2320" spans="1:9">
      <c r="A2320" s="1">
        <f ca="1">RAND()</f>
        <v>0.21834491359019159</v>
      </c>
      <c r="B2320" s="1"/>
      <c r="C2320">
        <v>18</v>
      </c>
      <c r="D2320" t="s">
        <v>6340</v>
      </c>
      <c r="E2320" t="s">
        <v>31657</v>
      </c>
      <c r="F2320">
        <v>5</v>
      </c>
      <c r="G2320" t="s">
        <v>0</v>
      </c>
      <c r="H2320" t="s">
        <v>6341</v>
      </c>
      <c r="I2320" t="s">
        <v>30540</v>
      </c>
    </row>
    <row r="2321" spans="1:9">
      <c r="A2321" s="1">
        <f ca="1">RAND()</f>
        <v>0.12008862708015244</v>
      </c>
      <c r="B2321" s="1"/>
      <c r="C2321">
        <v>1</v>
      </c>
      <c r="D2321" t="s">
        <v>6338</v>
      </c>
      <c r="E2321" t="s">
        <v>31657</v>
      </c>
      <c r="F2321">
        <v>4</v>
      </c>
      <c r="G2321" t="s">
        <v>14</v>
      </c>
      <c r="H2321" t="s">
        <v>6339</v>
      </c>
      <c r="I2321" t="s">
        <v>30540</v>
      </c>
    </row>
    <row r="2322" spans="1:9">
      <c r="A2322" s="1">
        <f ca="1">RAND()</f>
        <v>0.52001478853902094</v>
      </c>
      <c r="B2322" s="1"/>
      <c r="C2322">
        <v>15</v>
      </c>
      <c r="D2322" t="s">
        <v>6332</v>
      </c>
      <c r="E2322" t="s">
        <v>31658</v>
      </c>
      <c r="F2322">
        <v>5</v>
      </c>
      <c r="G2322" t="s">
        <v>0</v>
      </c>
      <c r="H2322" t="s">
        <v>6333</v>
      </c>
      <c r="I2322" t="s">
        <v>30540</v>
      </c>
    </row>
    <row r="2323" spans="1:9">
      <c r="A2323" s="1">
        <f ca="1">RAND()</f>
        <v>0.4887874832643857</v>
      </c>
      <c r="B2323" s="1"/>
      <c r="C2323">
        <v>20</v>
      </c>
      <c r="D2323" t="s">
        <v>6336</v>
      </c>
      <c r="E2323" t="s">
        <v>31658</v>
      </c>
      <c r="F2323">
        <v>4</v>
      </c>
      <c r="G2323" t="s">
        <v>13</v>
      </c>
      <c r="H2323" t="s">
        <v>6337</v>
      </c>
      <c r="I2323" t="s">
        <v>30540</v>
      </c>
    </row>
    <row r="2324" spans="1:9">
      <c r="A2324" s="1">
        <f ca="1">RAND()</f>
        <v>0.7866175738069755</v>
      </c>
      <c r="B2324" s="1"/>
      <c r="C2324">
        <v>16</v>
      </c>
      <c r="D2324" t="s">
        <v>6334</v>
      </c>
      <c r="E2324" t="s">
        <v>31658</v>
      </c>
      <c r="F2324">
        <v>4</v>
      </c>
      <c r="G2324" t="s">
        <v>0</v>
      </c>
      <c r="H2324" t="s">
        <v>6335</v>
      </c>
      <c r="I2324" t="s">
        <v>30540</v>
      </c>
    </row>
    <row r="2325" spans="1:9">
      <c r="A2325" s="1">
        <f ca="1">RAND()</f>
        <v>0.30507884987827849</v>
      </c>
      <c r="B2325" s="1"/>
      <c r="C2325">
        <v>9</v>
      </c>
      <c r="D2325" t="s">
        <v>6328</v>
      </c>
      <c r="E2325" t="s">
        <v>31658</v>
      </c>
      <c r="F2325">
        <v>4</v>
      </c>
      <c r="G2325" t="s">
        <v>766</v>
      </c>
      <c r="H2325" t="s">
        <v>6329</v>
      </c>
      <c r="I2325" t="s">
        <v>30540</v>
      </c>
    </row>
    <row r="2326" spans="1:9">
      <c r="A2326" s="1">
        <f ca="1">RAND()</f>
        <v>0.39852640684429474</v>
      </c>
      <c r="B2326" s="1"/>
      <c r="C2326">
        <v>13</v>
      </c>
      <c r="D2326" t="s">
        <v>6330</v>
      </c>
      <c r="E2326" t="s">
        <v>31658</v>
      </c>
      <c r="F2326">
        <v>4</v>
      </c>
      <c r="G2326" t="s">
        <v>765</v>
      </c>
      <c r="H2326" t="s">
        <v>6331</v>
      </c>
      <c r="I2326" t="s">
        <v>30540</v>
      </c>
    </row>
    <row r="2327" spans="1:9">
      <c r="A2327" s="1">
        <f ca="1">RAND()</f>
        <v>0.94624211235766786</v>
      </c>
      <c r="B2327" s="1"/>
      <c r="C2327">
        <v>3</v>
      </c>
      <c r="D2327" t="s">
        <v>6324</v>
      </c>
      <c r="E2327" t="s">
        <v>31658</v>
      </c>
      <c r="F2327">
        <v>2</v>
      </c>
      <c r="G2327" t="s">
        <v>0</v>
      </c>
      <c r="H2327" t="s">
        <v>6325</v>
      </c>
      <c r="I2327" t="s">
        <v>30540</v>
      </c>
    </row>
    <row r="2328" spans="1:9">
      <c r="A2328" s="1">
        <f ca="1">RAND()</f>
        <v>0.26669574771781768</v>
      </c>
      <c r="B2328" s="1"/>
      <c r="C2328">
        <v>7</v>
      </c>
      <c r="D2328" t="s">
        <v>6326</v>
      </c>
      <c r="E2328" t="s">
        <v>31658</v>
      </c>
      <c r="F2328">
        <v>2</v>
      </c>
      <c r="G2328" t="s">
        <v>0</v>
      </c>
      <c r="H2328" t="s">
        <v>6327</v>
      </c>
      <c r="I2328" t="s">
        <v>30540</v>
      </c>
    </row>
    <row r="2329" spans="1:9">
      <c r="A2329" s="1">
        <f ca="1">RAND()</f>
        <v>0.49928490710328821</v>
      </c>
      <c r="B2329" s="1"/>
      <c r="C2329">
        <v>19</v>
      </c>
      <c r="D2329" t="s">
        <v>6322</v>
      </c>
      <c r="E2329" t="s">
        <v>31659</v>
      </c>
      <c r="F2329">
        <v>5</v>
      </c>
      <c r="G2329" t="s">
        <v>13</v>
      </c>
      <c r="H2329" t="s">
        <v>6323</v>
      </c>
      <c r="I2329" t="s">
        <v>30540</v>
      </c>
    </row>
    <row r="2330" spans="1:9">
      <c r="A2330" s="1">
        <f ca="1">RAND()</f>
        <v>0.35768833610336193</v>
      </c>
      <c r="B2330" s="1"/>
      <c r="C2330">
        <v>10</v>
      </c>
      <c r="D2330" t="s">
        <v>6318</v>
      </c>
      <c r="E2330" t="s">
        <v>31659</v>
      </c>
      <c r="F2330">
        <v>5</v>
      </c>
      <c r="G2330" t="s">
        <v>765</v>
      </c>
      <c r="H2330" t="s">
        <v>6319</v>
      </c>
      <c r="I2330" t="s">
        <v>30540</v>
      </c>
    </row>
    <row r="2331" spans="1:9">
      <c r="A2331" s="1">
        <f ca="1">RAND()</f>
        <v>0.51771566691344106</v>
      </c>
      <c r="B2331" s="1"/>
      <c r="C2331">
        <v>5</v>
      </c>
      <c r="D2331" t="s">
        <v>6316</v>
      </c>
      <c r="E2331" t="s">
        <v>31659</v>
      </c>
      <c r="F2331">
        <v>4</v>
      </c>
      <c r="G2331" t="s">
        <v>9</v>
      </c>
      <c r="H2331" t="s">
        <v>6317</v>
      </c>
      <c r="I2331" t="s">
        <v>30540</v>
      </c>
    </row>
    <row r="2332" spans="1:9">
      <c r="A2332" s="1">
        <f ca="1">RAND()</f>
        <v>0.11082562782893512</v>
      </c>
      <c r="B2332" s="1"/>
      <c r="C2332">
        <v>16</v>
      </c>
      <c r="D2332" t="s">
        <v>6320</v>
      </c>
      <c r="E2332" t="s">
        <v>31659</v>
      </c>
      <c r="F2332">
        <v>4</v>
      </c>
      <c r="G2332" t="s">
        <v>0</v>
      </c>
      <c r="H2332" t="s">
        <v>6321</v>
      </c>
      <c r="I2332" t="s">
        <v>30540</v>
      </c>
    </row>
    <row r="2333" spans="1:9">
      <c r="A2333" s="1">
        <f ca="1">RAND()</f>
        <v>5.3656158316114366E-2</v>
      </c>
      <c r="B2333" s="1"/>
      <c r="C2333">
        <v>11</v>
      </c>
      <c r="D2333" t="s">
        <v>6310</v>
      </c>
      <c r="E2333" t="s">
        <v>31660</v>
      </c>
      <c r="F2333">
        <v>4</v>
      </c>
      <c r="G2333" t="s">
        <v>13</v>
      </c>
      <c r="H2333" t="s">
        <v>6311</v>
      </c>
      <c r="I2333" t="s">
        <v>30540</v>
      </c>
    </row>
    <row r="2334" spans="1:9">
      <c r="A2334" s="1">
        <f ca="1">RAND()</f>
        <v>0.19155084710807291</v>
      </c>
      <c r="B2334" s="1"/>
      <c r="C2334">
        <v>19</v>
      </c>
      <c r="D2334" t="s">
        <v>6314</v>
      </c>
      <c r="E2334" t="s">
        <v>31660</v>
      </c>
      <c r="F2334">
        <v>4</v>
      </c>
      <c r="G2334" t="s">
        <v>1</v>
      </c>
      <c r="H2334" t="s">
        <v>6315</v>
      </c>
      <c r="I2334" t="s">
        <v>30540</v>
      </c>
    </row>
    <row r="2335" spans="1:9">
      <c r="A2335" s="1">
        <f ca="1">RAND()</f>
        <v>0.42856778367901649</v>
      </c>
      <c r="B2335" s="1"/>
      <c r="C2335">
        <v>16</v>
      </c>
      <c r="D2335" t="s">
        <v>6312</v>
      </c>
      <c r="E2335" t="s">
        <v>31660</v>
      </c>
      <c r="F2335">
        <v>3</v>
      </c>
      <c r="G2335" t="s">
        <v>1</v>
      </c>
      <c r="H2335" t="s">
        <v>6313</v>
      </c>
      <c r="I2335" t="s">
        <v>30540</v>
      </c>
    </row>
    <row r="2336" spans="1:9">
      <c r="A2336" s="1">
        <f ca="1">RAND()</f>
        <v>1.8742187499107277E-2</v>
      </c>
      <c r="B2336" s="1"/>
      <c r="C2336">
        <v>2</v>
      </c>
      <c r="D2336" t="s">
        <v>6306</v>
      </c>
      <c r="E2336" t="s">
        <v>31660</v>
      </c>
      <c r="F2336">
        <v>3</v>
      </c>
      <c r="G2336" t="s">
        <v>13</v>
      </c>
      <c r="H2336" t="s">
        <v>6307</v>
      </c>
      <c r="I2336" t="s">
        <v>30540</v>
      </c>
    </row>
    <row r="2337" spans="1:9">
      <c r="A2337" s="1">
        <f ca="1">RAND()</f>
        <v>0.66051629121795108</v>
      </c>
      <c r="B2337" s="1"/>
      <c r="C2337">
        <v>3</v>
      </c>
      <c r="D2337" t="s">
        <v>6308</v>
      </c>
      <c r="E2337" t="s">
        <v>31660</v>
      </c>
      <c r="F2337">
        <v>3</v>
      </c>
      <c r="G2337" t="s">
        <v>1431</v>
      </c>
      <c r="H2337" t="s">
        <v>6309</v>
      </c>
      <c r="I2337" t="s">
        <v>30540</v>
      </c>
    </row>
    <row r="2338" spans="1:9">
      <c r="A2338" s="1">
        <f ca="1">RAND()</f>
        <v>0.55738359345497435</v>
      </c>
      <c r="B2338" s="1"/>
      <c r="C2338">
        <v>15</v>
      </c>
      <c r="D2338" t="s">
        <v>6304</v>
      </c>
      <c r="E2338" t="s">
        <v>31661</v>
      </c>
      <c r="F2338">
        <v>5</v>
      </c>
      <c r="G2338" t="s">
        <v>0</v>
      </c>
      <c r="H2338" t="s">
        <v>6305</v>
      </c>
      <c r="I2338" t="s">
        <v>30540</v>
      </c>
    </row>
    <row r="2339" spans="1:9">
      <c r="A2339" s="1">
        <f ca="1">RAND()</f>
        <v>0.32425104111554803</v>
      </c>
      <c r="B2339" s="1"/>
      <c r="C2339">
        <v>12</v>
      </c>
      <c r="D2339" t="s">
        <v>6302</v>
      </c>
      <c r="E2339" t="s">
        <v>31661</v>
      </c>
      <c r="F2339">
        <v>2</v>
      </c>
      <c r="G2339" t="s">
        <v>0</v>
      </c>
      <c r="H2339" t="s">
        <v>6303</v>
      </c>
      <c r="I2339" t="s">
        <v>30540</v>
      </c>
    </row>
    <row r="2340" spans="1:9">
      <c r="A2340" s="1">
        <f ca="1">RAND()</f>
        <v>0.75636927628181649</v>
      </c>
      <c r="B2340" s="1"/>
      <c r="C2340">
        <v>10</v>
      </c>
      <c r="D2340" t="s">
        <v>6300</v>
      </c>
      <c r="E2340" t="s">
        <v>31661</v>
      </c>
      <c r="F2340">
        <v>2</v>
      </c>
      <c r="G2340" t="s">
        <v>14</v>
      </c>
      <c r="H2340" t="s">
        <v>6301</v>
      </c>
      <c r="I2340" t="s">
        <v>30540</v>
      </c>
    </row>
    <row r="2341" spans="1:9">
      <c r="A2341" s="1">
        <f ca="1">RAND()</f>
        <v>0.93972721224934974</v>
      </c>
      <c r="B2341" s="1"/>
      <c r="C2341">
        <v>16</v>
      </c>
      <c r="D2341" t="s">
        <v>6298</v>
      </c>
      <c r="E2341" t="s">
        <v>31662</v>
      </c>
      <c r="F2341">
        <v>4</v>
      </c>
      <c r="G2341" t="s">
        <v>0</v>
      </c>
      <c r="H2341" t="s">
        <v>6299</v>
      </c>
      <c r="I2341" t="s">
        <v>30540</v>
      </c>
    </row>
    <row r="2342" spans="1:9">
      <c r="A2342" s="1">
        <f ca="1">RAND()</f>
        <v>0.87857558956009785</v>
      </c>
      <c r="B2342" s="1"/>
      <c r="C2342">
        <v>15</v>
      </c>
      <c r="D2342" t="s">
        <v>6296</v>
      </c>
      <c r="E2342" t="s">
        <v>31662</v>
      </c>
      <c r="F2342">
        <v>4</v>
      </c>
      <c r="G2342" t="s">
        <v>0</v>
      </c>
      <c r="H2342" t="s">
        <v>6297</v>
      </c>
      <c r="I2342" t="s">
        <v>30540</v>
      </c>
    </row>
    <row r="2343" spans="1:9">
      <c r="A2343" s="1">
        <f ca="1">RAND()</f>
        <v>0.85785768300192378</v>
      </c>
      <c r="B2343" s="1"/>
      <c r="C2343">
        <v>8</v>
      </c>
      <c r="D2343" t="s">
        <v>6290</v>
      </c>
      <c r="E2343" t="s">
        <v>31662</v>
      </c>
      <c r="F2343">
        <v>4</v>
      </c>
      <c r="G2343" t="s">
        <v>0</v>
      </c>
      <c r="H2343" t="s">
        <v>6291</v>
      </c>
      <c r="I2343" t="s">
        <v>30540</v>
      </c>
    </row>
    <row r="2344" spans="1:9">
      <c r="A2344" s="1">
        <f ca="1">RAND()</f>
        <v>0.53423300847184063</v>
      </c>
      <c r="B2344" s="1"/>
      <c r="C2344">
        <v>3</v>
      </c>
      <c r="D2344" t="s">
        <v>6288</v>
      </c>
      <c r="E2344" t="s">
        <v>31662</v>
      </c>
      <c r="F2344">
        <v>3</v>
      </c>
      <c r="G2344" t="s">
        <v>15</v>
      </c>
      <c r="H2344" t="s">
        <v>6289</v>
      </c>
      <c r="I2344" t="s">
        <v>30540</v>
      </c>
    </row>
    <row r="2345" spans="1:9">
      <c r="A2345" s="1">
        <f ca="1">RAND()</f>
        <v>0.15804114545160375</v>
      </c>
      <c r="B2345" s="1"/>
      <c r="C2345">
        <v>11</v>
      </c>
      <c r="D2345" t="s">
        <v>6294</v>
      </c>
      <c r="E2345" t="s">
        <v>31662</v>
      </c>
      <c r="F2345">
        <v>3</v>
      </c>
      <c r="G2345" t="s">
        <v>0</v>
      </c>
      <c r="H2345" t="s">
        <v>6295</v>
      </c>
      <c r="I2345" t="s">
        <v>30540</v>
      </c>
    </row>
    <row r="2346" spans="1:9">
      <c r="A2346" s="1">
        <f ca="1">RAND()</f>
        <v>9.1678895299640573E-2</v>
      </c>
      <c r="B2346" s="1"/>
      <c r="C2346">
        <v>9</v>
      </c>
      <c r="D2346" t="s">
        <v>6292</v>
      </c>
      <c r="E2346" t="s">
        <v>31662</v>
      </c>
      <c r="F2346">
        <v>2</v>
      </c>
      <c r="G2346" t="s">
        <v>0</v>
      </c>
      <c r="H2346" t="s">
        <v>6293</v>
      </c>
      <c r="I2346" t="s">
        <v>30540</v>
      </c>
    </row>
    <row r="2347" spans="1:9">
      <c r="A2347" s="1">
        <f ca="1">RAND()</f>
        <v>0.86214074283774478</v>
      </c>
      <c r="B2347" s="1"/>
      <c r="C2347">
        <v>4</v>
      </c>
      <c r="D2347" t="s">
        <v>6282</v>
      </c>
      <c r="E2347" t="s">
        <v>31663</v>
      </c>
      <c r="F2347">
        <v>4</v>
      </c>
      <c r="G2347" t="s">
        <v>2</v>
      </c>
      <c r="H2347" t="s">
        <v>6283</v>
      </c>
      <c r="I2347" t="s">
        <v>30540</v>
      </c>
    </row>
    <row r="2348" spans="1:9">
      <c r="A2348" s="1">
        <f ca="1">RAND()</f>
        <v>0.34633364915490439</v>
      </c>
      <c r="B2348" s="1"/>
      <c r="C2348">
        <v>14</v>
      </c>
      <c r="D2348" t="s">
        <v>6286</v>
      </c>
      <c r="E2348" t="s">
        <v>31663</v>
      </c>
      <c r="F2348">
        <v>4</v>
      </c>
      <c r="G2348" t="s">
        <v>10</v>
      </c>
      <c r="H2348" t="s">
        <v>6287</v>
      </c>
      <c r="I2348" t="s">
        <v>30540</v>
      </c>
    </row>
    <row r="2349" spans="1:9">
      <c r="A2349" s="1">
        <f ca="1">RAND()</f>
        <v>0.73550850183385197</v>
      </c>
      <c r="B2349" s="1"/>
      <c r="C2349">
        <v>6</v>
      </c>
      <c r="D2349" t="s">
        <v>6284</v>
      </c>
      <c r="E2349" t="s">
        <v>31663</v>
      </c>
      <c r="F2349">
        <v>2</v>
      </c>
      <c r="G2349" t="s">
        <v>1</v>
      </c>
      <c r="H2349" t="s">
        <v>6285</v>
      </c>
      <c r="I2349" t="s">
        <v>30540</v>
      </c>
    </row>
    <row r="2350" spans="1:9">
      <c r="A2350" s="1">
        <f ca="1">RAND()</f>
        <v>0.82495059327916709</v>
      </c>
      <c r="B2350" s="1"/>
      <c r="C2350">
        <v>9</v>
      </c>
      <c r="D2350" t="s">
        <v>6280</v>
      </c>
      <c r="E2350" t="s">
        <v>31664</v>
      </c>
      <c r="F2350">
        <v>4</v>
      </c>
      <c r="G2350" t="s">
        <v>0</v>
      </c>
      <c r="H2350" t="s">
        <v>6281</v>
      </c>
      <c r="I2350" t="s">
        <v>30540</v>
      </c>
    </row>
    <row r="2351" spans="1:9">
      <c r="A2351" s="1">
        <f ca="1">RAND()</f>
        <v>0.26351840718713515</v>
      </c>
      <c r="B2351" s="1"/>
      <c r="C2351">
        <v>5</v>
      </c>
      <c r="D2351" t="s">
        <v>6276</v>
      </c>
      <c r="E2351" t="s">
        <v>31664</v>
      </c>
      <c r="F2351">
        <v>4</v>
      </c>
      <c r="G2351" t="s">
        <v>0</v>
      </c>
      <c r="H2351" t="s">
        <v>6277</v>
      </c>
      <c r="I2351" t="s">
        <v>30540</v>
      </c>
    </row>
    <row r="2352" spans="1:9">
      <c r="A2352" s="1">
        <f ca="1">RAND()</f>
        <v>0.50881406029265019</v>
      </c>
      <c r="B2352" s="1"/>
      <c r="C2352">
        <v>6</v>
      </c>
      <c r="D2352" t="s">
        <v>6278</v>
      </c>
      <c r="E2352" t="s">
        <v>31664</v>
      </c>
      <c r="F2352">
        <v>4</v>
      </c>
      <c r="G2352" t="s">
        <v>0</v>
      </c>
      <c r="H2352" t="s">
        <v>6279</v>
      </c>
      <c r="I2352" t="s">
        <v>30540</v>
      </c>
    </row>
    <row r="2353" spans="1:9">
      <c r="A2353" s="1">
        <f ca="1">RAND()</f>
        <v>0.38162885368657695</v>
      </c>
      <c r="B2353" s="1"/>
      <c r="C2353">
        <v>2</v>
      </c>
      <c r="D2353" t="s">
        <v>6274</v>
      </c>
      <c r="E2353" t="s">
        <v>31664</v>
      </c>
      <c r="F2353">
        <v>4</v>
      </c>
      <c r="G2353" t="s">
        <v>0</v>
      </c>
      <c r="H2353" t="s">
        <v>6275</v>
      </c>
      <c r="I2353" t="s">
        <v>30540</v>
      </c>
    </row>
    <row r="2354" spans="1:9">
      <c r="A2354" s="1">
        <f ca="1">RAND()</f>
        <v>0.40784918056031139</v>
      </c>
      <c r="B2354" s="1"/>
      <c r="C2354">
        <v>18</v>
      </c>
      <c r="D2354" t="s">
        <v>6270</v>
      </c>
      <c r="E2354" t="s">
        <v>31665</v>
      </c>
      <c r="F2354">
        <v>4</v>
      </c>
      <c r="G2354" t="s">
        <v>0</v>
      </c>
      <c r="H2354" t="s">
        <v>6271</v>
      </c>
      <c r="I2354" t="s">
        <v>30540</v>
      </c>
    </row>
    <row r="2355" spans="1:9">
      <c r="A2355" s="1">
        <f ca="1">RAND()</f>
        <v>0.94248736686725798</v>
      </c>
      <c r="B2355" s="1"/>
      <c r="C2355">
        <v>16</v>
      </c>
      <c r="D2355" t="s">
        <v>6268</v>
      </c>
      <c r="E2355" t="s">
        <v>31665</v>
      </c>
      <c r="F2355">
        <v>4</v>
      </c>
      <c r="G2355" t="s">
        <v>10</v>
      </c>
      <c r="H2355" t="s">
        <v>6269</v>
      </c>
      <c r="I2355" t="s">
        <v>30540</v>
      </c>
    </row>
    <row r="2356" spans="1:9">
      <c r="A2356" s="1">
        <f ca="1">RAND()</f>
        <v>4.9298227495761182E-2</v>
      </c>
      <c r="B2356" s="1"/>
      <c r="C2356">
        <v>13</v>
      </c>
      <c r="D2356" t="s">
        <v>6266</v>
      </c>
      <c r="E2356" t="s">
        <v>31665</v>
      </c>
      <c r="F2356">
        <v>3</v>
      </c>
      <c r="G2356" t="s">
        <v>9</v>
      </c>
      <c r="H2356" t="s">
        <v>6267</v>
      </c>
      <c r="I2356" t="s">
        <v>30540</v>
      </c>
    </row>
    <row r="2357" spans="1:9">
      <c r="A2357" s="1">
        <f ca="1">RAND()</f>
        <v>4.5447976751141095E-2</v>
      </c>
      <c r="B2357" s="1"/>
      <c r="C2357">
        <v>11</v>
      </c>
      <c r="D2357" t="s">
        <v>6264</v>
      </c>
      <c r="E2357" t="s">
        <v>31665</v>
      </c>
      <c r="F2357">
        <v>3</v>
      </c>
      <c r="G2357" t="s">
        <v>9</v>
      </c>
      <c r="H2357" t="s">
        <v>6265</v>
      </c>
      <c r="I2357" t="s">
        <v>30540</v>
      </c>
    </row>
    <row r="2358" spans="1:9">
      <c r="A2358" s="1">
        <f ca="1">RAND()</f>
        <v>0.99560856937584641</v>
      </c>
      <c r="B2358" s="1"/>
      <c r="C2358">
        <v>20</v>
      </c>
      <c r="D2358" t="s">
        <v>6272</v>
      </c>
      <c r="E2358" t="s">
        <v>31665</v>
      </c>
      <c r="F2358">
        <v>2</v>
      </c>
      <c r="G2358" t="s">
        <v>1</v>
      </c>
      <c r="H2358" t="s">
        <v>6273</v>
      </c>
      <c r="I2358" t="s">
        <v>30540</v>
      </c>
    </row>
    <row r="2359" spans="1:9">
      <c r="A2359" s="1">
        <f ca="1">RAND()</f>
        <v>0.32523511691624651</v>
      </c>
      <c r="B2359" s="1"/>
      <c r="C2359">
        <v>10</v>
      </c>
      <c r="D2359" t="s">
        <v>6258</v>
      </c>
      <c r="E2359" t="s">
        <v>31666</v>
      </c>
      <c r="F2359">
        <v>5</v>
      </c>
      <c r="G2359" t="s">
        <v>13</v>
      </c>
      <c r="H2359" t="s">
        <v>6259</v>
      </c>
      <c r="I2359" t="s">
        <v>30540</v>
      </c>
    </row>
    <row r="2360" spans="1:9">
      <c r="A2360" s="1">
        <f ca="1">RAND()</f>
        <v>0.52475449653109296</v>
      </c>
      <c r="B2360" s="1"/>
      <c r="C2360">
        <v>9</v>
      </c>
      <c r="D2360" t="s">
        <v>6256</v>
      </c>
      <c r="E2360" t="s">
        <v>31666</v>
      </c>
      <c r="F2360">
        <v>4</v>
      </c>
      <c r="G2360" t="s">
        <v>2738</v>
      </c>
      <c r="H2360" t="s">
        <v>6257</v>
      </c>
      <c r="I2360" t="s">
        <v>30540</v>
      </c>
    </row>
    <row r="2361" spans="1:9">
      <c r="A2361" s="1">
        <f ca="1">RAND()</f>
        <v>0.5103955311570697</v>
      </c>
      <c r="B2361" s="1"/>
      <c r="C2361">
        <v>2</v>
      </c>
      <c r="D2361" t="s">
        <v>6252</v>
      </c>
      <c r="E2361" t="s">
        <v>31666</v>
      </c>
      <c r="F2361">
        <v>4</v>
      </c>
      <c r="G2361" t="s">
        <v>3107</v>
      </c>
      <c r="H2361" t="s">
        <v>6253</v>
      </c>
      <c r="I2361" t="s">
        <v>30540</v>
      </c>
    </row>
    <row r="2362" spans="1:9">
      <c r="A2362" s="1">
        <f ca="1">RAND()</f>
        <v>0.50757218650678304</v>
      </c>
      <c r="B2362" s="1"/>
      <c r="C2362">
        <v>19</v>
      </c>
      <c r="D2362" t="s">
        <v>6262</v>
      </c>
      <c r="E2362" t="s">
        <v>31666</v>
      </c>
      <c r="F2362">
        <v>4</v>
      </c>
      <c r="G2362" t="s">
        <v>1426</v>
      </c>
      <c r="H2362" t="s">
        <v>6263</v>
      </c>
      <c r="I2362" t="s">
        <v>30540</v>
      </c>
    </row>
    <row r="2363" spans="1:9">
      <c r="A2363" s="1">
        <f ca="1">RAND()</f>
        <v>0.27444756682262739</v>
      </c>
      <c r="B2363" s="1"/>
      <c r="C2363">
        <v>18</v>
      </c>
      <c r="D2363" t="s">
        <v>6260</v>
      </c>
      <c r="E2363" t="s">
        <v>31666</v>
      </c>
      <c r="F2363">
        <v>4</v>
      </c>
      <c r="G2363" t="s">
        <v>1426</v>
      </c>
      <c r="H2363" t="s">
        <v>6261</v>
      </c>
      <c r="I2363" t="s">
        <v>30540</v>
      </c>
    </row>
    <row r="2364" spans="1:9">
      <c r="A2364" s="1">
        <f ca="1">RAND()</f>
        <v>0.98792681432142659</v>
      </c>
      <c r="B2364" s="1"/>
      <c r="C2364">
        <v>7</v>
      </c>
      <c r="D2364" t="s">
        <v>6254</v>
      </c>
      <c r="E2364" t="s">
        <v>31666</v>
      </c>
      <c r="F2364">
        <v>2</v>
      </c>
      <c r="G2364" t="s">
        <v>0</v>
      </c>
      <c r="H2364" t="s">
        <v>6255</v>
      </c>
      <c r="I2364" t="s">
        <v>30540</v>
      </c>
    </row>
    <row r="2365" spans="1:9">
      <c r="A2365" s="1">
        <f ca="1">RAND()</f>
        <v>1.8012838987335411E-2</v>
      </c>
      <c r="B2365" s="1"/>
      <c r="C2365">
        <v>19</v>
      </c>
      <c r="D2365" t="s">
        <v>6250</v>
      </c>
      <c r="E2365" t="s">
        <v>31667</v>
      </c>
      <c r="F2365">
        <v>5</v>
      </c>
      <c r="G2365" t="s">
        <v>0</v>
      </c>
      <c r="H2365" t="s">
        <v>6251</v>
      </c>
      <c r="I2365" t="s">
        <v>30540</v>
      </c>
    </row>
    <row r="2366" spans="1:9">
      <c r="A2366" s="1">
        <f ca="1">RAND()</f>
        <v>0.42496404725693582</v>
      </c>
      <c r="B2366" s="1"/>
      <c r="C2366">
        <v>10</v>
      </c>
      <c r="D2366" t="s">
        <v>6244</v>
      </c>
      <c r="E2366" t="s">
        <v>31667</v>
      </c>
      <c r="F2366">
        <v>4</v>
      </c>
      <c r="G2366" t="s">
        <v>0</v>
      </c>
      <c r="H2366" t="s">
        <v>6245</v>
      </c>
      <c r="I2366" t="s">
        <v>30540</v>
      </c>
    </row>
    <row r="2367" spans="1:9">
      <c r="A2367" s="1">
        <f ca="1">RAND()</f>
        <v>0.88930013180285994</v>
      </c>
      <c r="B2367" s="1"/>
      <c r="C2367">
        <v>9</v>
      </c>
      <c r="D2367" t="s">
        <v>6242</v>
      </c>
      <c r="E2367" t="s">
        <v>31667</v>
      </c>
      <c r="F2367">
        <v>4</v>
      </c>
      <c r="G2367" t="s">
        <v>0</v>
      </c>
      <c r="H2367" t="s">
        <v>6243</v>
      </c>
      <c r="I2367" t="s">
        <v>30540</v>
      </c>
    </row>
    <row r="2368" spans="1:9">
      <c r="A2368" s="1">
        <f ca="1">RAND()</f>
        <v>0.75272294353096925</v>
      </c>
      <c r="B2368" s="1"/>
      <c r="C2368">
        <v>11</v>
      </c>
      <c r="D2368" t="s">
        <v>6246</v>
      </c>
      <c r="E2368" t="s">
        <v>31667</v>
      </c>
      <c r="F2368">
        <v>4</v>
      </c>
      <c r="G2368" t="s">
        <v>0</v>
      </c>
      <c r="H2368" t="s">
        <v>6247</v>
      </c>
      <c r="I2368" t="s">
        <v>30540</v>
      </c>
    </row>
    <row r="2369" spans="1:9">
      <c r="A2369" s="1">
        <f ca="1">RAND()</f>
        <v>0.55170862164584855</v>
      </c>
      <c r="B2369" s="1"/>
      <c r="C2369">
        <v>18</v>
      </c>
      <c r="D2369" t="s">
        <v>6248</v>
      </c>
      <c r="E2369" t="s">
        <v>31667</v>
      </c>
      <c r="F2369">
        <v>1</v>
      </c>
      <c r="G2369" t="s">
        <v>0</v>
      </c>
      <c r="H2369" t="s">
        <v>6249</v>
      </c>
      <c r="I2369" t="s">
        <v>30540</v>
      </c>
    </row>
    <row r="2370" spans="1:9">
      <c r="A2370" s="1">
        <f ca="1">RAND()</f>
        <v>0.75177355289358128</v>
      </c>
      <c r="B2370" s="1"/>
      <c r="C2370">
        <v>15</v>
      </c>
      <c r="D2370" t="s">
        <v>6236</v>
      </c>
      <c r="E2370" t="s">
        <v>31668</v>
      </c>
      <c r="F2370">
        <v>5</v>
      </c>
      <c r="G2370" t="s">
        <v>0</v>
      </c>
      <c r="H2370" t="s">
        <v>6237</v>
      </c>
      <c r="I2370" t="s">
        <v>30540</v>
      </c>
    </row>
    <row r="2371" spans="1:9">
      <c r="A2371" s="1">
        <f ca="1">RAND()</f>
        <v>0.56214777545634842</v>
      </c>
      <c r="B2371" s="1"/>
      <c r="C2371">
        <v>14</v>
      </c>
      <c r="D2371" t="s">
        <v>6234</v>
      </c>
      <c r="E2371" t="s">
        <v>31668</v>
      </c>
      <c r="F2371">
        <v>5</v>
      </c>
      <c r="G2371" t="s">
        <v>0</v>
      </c>
      <c r="H2371" t="s">
        <v>6235</v>
      </c>
      <c r="I2371" t="s">
        <v>30540</v>
      </c>
    </row>
    <row r="2372" spans="1:9">
      <c r="A2372" s="1">
        <f ca="1">RAND()</f>
        <v>0.30673901220708244</v>
      </c>
      <c r="B2372" s="1"/>
      <c r="C2372">
        <v>8</v>
      </c>
      <c r="D2372" t="s">
        <v>6230</v>
      </c>
      <c r="E2372" t="s">
        <v>31668</v>
      </c>
      <c r="F2372">
        <v>4</v>
      </c>
      <c r="G2372" t="s">
        <v>14</v>
      </c>
      <c r="H2372" t="s">
        <v>6231</v>
      </c>
      <c r="I2372" t="s">
        <v>30540</v>
      </c>
    </row>
    <row r="2373" spans="1:9">
      <c r="A2373" s="1">
        <f ca="1">RAND()</f>
        <v>0.87342023305129723</v>
      </c>
      <c r="B2373" s="1"/>
      <c r="C2373">
        <v>7</v>
      </c>
      <c r="D2373" t="s">
        <v>6228</v>
      </c>
      <c r="E2373" t="s">
        <v>31668</v>
      </c>
      <c r="F2373">
        <v>4</v>
      </c>
      <c r="G2373" t="s">
        <v>1</v>
      </c>
      <c r="H2373" t="s">
        <v>6229</v>
      </c>
      <c r="I2373" t="s">
        <v>30540</v>
      </c>
    </row>
    <row r="2374" spans="1:9">
      <c r="A2374" s="1">
        <f ca="1">RAND()</f>
        <v>0.39604297373788544</v>
      </c>
      <c r="B2374" s="1"/>
      <c r="C2374">
        <v>19</v>
      </c>
      <c r="D2374" t="s">
        <v>6240</v>
      </c>
      <c r="E2374" t="s">
        <v>31668</v>
      </c>
      <c r="F2374">
        <v>4</v>
      </c>
      <c r="G2374" t="s">
        <v>0</v>
      </c>
      <c r="H2374" t="s">
        <v>6241</v>
      </c>
      <c r="I2374" t="s">
        <v>30540</v>
      </c>
    </row>
    <row r="2375" spans="1:9">
      <c r="A2375" s="1">
        <f ca="1">RAND()</f>
        <v>0.58352770307609469</v>
      </c>
      <c r="B2375" s="1"/>
      <c r="C2375">
        <v>6</v>
      </c>
      <c r="D2375" t="s">
        <v>6226</v>
      </c>
      <c r="E2375" t="s">
        <v>31668</v>
      </c>
      <c r="F2375">
        <v>4</v>
      </c>
      <c r="G2375" t="s">
        <v>9</v>
      </c>
      <c r="H2375" t="s">
        <v>6227</v>
      </c>
      <c r="I2375" t="s">
        <v>30540</v>
      </c>
    </row>
    <row r="2376" spans="1:9">
      <c r="A2376" s="1">
        <f ca="1">RAND()</f>
        <v>0.98454730816321967</v>
      </c>
      <c r="B2376" s="1"/>
      <c r="C2376">
        <v>16</v>
      </c>
      <c r="D2376" t="s">
        <v>6238</v>
      </c>
      <c r="E2376" t="s">
        <v>31668</v>
      </c>
      <c r="F2376">
        <v>3</v>
      </c>
      <c r="G2376" t="s">
        <v>0</v>
      </c>
      <c r="H2376" t="s">
        <v>6239</v>
      </c>
      <c r="I2376" t="s">
        <v>30540</v>
      </c>
    </row>
    <row r="2377" spans="1:9">
      <c r="A2377" s="1">
        <f ca="1">RAND()</f>
        <v>0.5088255488165373</v>
      </c>
      <c r="B2377" s="1"/>
      <c r="C2377">
        <v>13</v>
      </c>
      <c r="D2377" t="s">
        <v>6232</v>
      </c>
      <c r="E2377" t="s">
        <v>31668</v>
      </c>
      <c r="F2377">
        <v>3</v>
      </c>
      <c r="G2377" t="s">
        <v>1</v>
      </c>
      <c r="H2377" t="s">
        <v>6233</v>
      </c>
      <c r="I2377" t="s">
        <v>30540</v>
      </c>
    </row>
    <row r="2378" spans="1:9">
      <c r="A2378" s="1">
        <f ca="1">RAND()</f>
        <v>0.5984485145070747</v>
      </c>
      <c r="B2378" s="1"/>
      <c r="C2378">
        <v>3</v>
      </c>
      <c r="D2378" t="s">
        <v>6224</v>
      </c>
      <c r="E2378" t="s">
        <v>31668</v>
      </c>
      <c r="F2378">
        <v>1</v>
      </c>
      <c r="G2378" t="s">
        <v>2</v>
      </c>
      <c r="H2378" t="s">
        <v>6225</v>
      </c>
      <c r="I2378" t="s">
        <v>30540</v>
      </c>
    </row>
    <row r="2379" spans="1:9">
      <c r="A2379" s="1">
        <f ca="1">RAND()</f>
        <v>0.45958066788167373</v>
      </c>
      <c r="B2379" s="1"/>
      <c r="C2379">
        <v>12</v>
      </c>
      <c r="D2379" t="s">
        <v>6212</v>
      </c>
      <c r="E2379" t="s">
        <v>31669</v>
      </c>
      <c r="F2379">
        <v>5</v>
      </c>
      <c r="G2379" t="s">
        <v>0</v>
      </c>
      <c r="H2379" t="s">
        <v>6213</v>
      </c>
      <c r="I2379" t="s">
        <v>30540</v>
      </c>
    </row>
    <row r="2380" spans="1:9">
      <c r="A2380" s="1">
        <f ca="1">RAND()</f>
        <v>0.43046443035620585</v>
      </c>
      <c r="B2380" s="1"/>
      <c r="C2380">
        <v>13</v>
      </c>
      <c r="D2380" t="s">
        <v>6214</v>
      </c>
      <c r="E2380" t="s">
        <v>31669</v>
      </c>
      <c r="F2380">
        <v>5</v>
      </c>
      <c r="G2380" t="s">
        <v>2</v>
      </c>
      <c r="H2380" t="s">
        <v>6215</v>
      </c>
      <c r="I2380" t="s">
        <v>30540</v>
      </c>
    </row>
    <row r="2381" spans="1:9">
      <c r="A2381" s="1">
        <f ca="1">RAND()</f>
        <v>0.9093309629224301</v>
      </c>
      <c r="B2381" s="1"/>
      <c r="C2381">
        <v>17</v>
      </c>
      <c r="D2381" t="s">
        <v>6220</v>
      </c>
      <c r="E2381" t="s">
        <v>31669</v>
      </c>
      <c r="F2381">
        <v>5</v>
      </c>
      <c r="G2381" t="s">
        <v>0</v>
      </c>
      <c r="H2381" t="s">
        <v>6221</v>
      </c>
      <c r="I2381" t="s">
        <v>30540</v>
      </c>
    </row>
    <row r="2382" spans="1:9">
      <c r="A2382" s="1">
        <f ca="1">RAND()</f>
        <v>0.48516351679963132</v>
      </c>
      <c r="B2382" s="1"/>
      <c r="C2382">
        <v>14</v>
      </c>
      <c r="D2382" t="s">
        <v>6216</v>
      </c>
      <c r="E2382" t="s">
        <v>31669</v>
      </c>
      <c r="F2382">
        <v>4</v>
      </c>
      <c r="G2382" t="s">
        <v>1</v>
      </c>
      <c r="H2382" t="s">
        <v>6217</v>
      </c>
      <c r="I2382" t="s">
        <v>30540</v>
      </c>
    </row>
    <row r="2383" spans="1:9">
      <c r="A2383" s="1">
        <f ca="1">RAND()</f>
        <v>0.2246247539176075</v>
      </c>
      <c r="B2383" s="1"/>
      <c r="C2383">
        <v>11</v>
      </c>
      <c r="D2383" t="s">
        <v>6210</v>
      </c>
      <c r="E2383" t="s">
        <v>31669</v>
      </c>
      <c r="F2383">
        <v>4</v>
      </c>
      <c r="G2383" t="s">
        <v>0</v>
      </c>
      <c r="H2383" t="s">
        <v>6211</v>
      </c>
      <c r="I2383" t="s">
        <v>30540</v>
      </c>
    </row>
    <row r="2384" spans="1:9">
      <c r="A2384" s="1">
        <f ca="1">RAND()</f>
        <v>0.28722978575301972</v>
      </c>
      <c r="B2384" s="1"/>
      <c r="C2384">
        <v>19</v>
      </c>
      <c r="D2384" t="s">
        <v>6222</v>
      </c>
      <c r="E2384" t="s">
        <v>31669</v>
      </c>
      <c r="F2384">
        <v>4</v>
      </c>
      <c r="G2384" t="s">
        <v>2</v>
      </c>
      <c r="H2384" t="s">
        <v>6223</v>
      </c>
      <c r="I2384" t="s">
        <v>30540</v>
      </c>
    </row>
    <row r="2385" spans="1:9">
      <c r="A2385" s="1">
        <f ca="1">RAND()</f>
        <v>0.68050619776761523</v>
      </c>
      <c r="B2385" s="1"/>
      <c r="C2385">
        <v>5</v>
      </c>
      <c r="D2385" t="s">
        <v>6206</v>
      </c>
      <c r="E2385" t="s">
        <v>31669</v>
      </c>
      <c r="F2385">
        <v>4</v>
      </c>
      <c r="G2385" t="s">
        <v>0</v>
      </c>
      <c r="H2385" t="s">
        <v>6207</v>
      </c>
      <c r="I2385" t="s">
        <v>30540</v>
      </c>
    </row>
    <row r="2386" spans="1:9">
      <c r="A2386" s="1">
        <f ca="1">RAND()</f>
        <v>0.20404313131887331</v>
      </c>
      <c r="B2386" s="1"/>
      <c r="C2386">
        <v>15</v>
      </c>
      <c r="D2386" t="s">
        <v>6218</v>
      </c>
      <c r="E2386" t="s">
        <v>31669</v>
      </c>
      <c r="F2386">
        <v>4</v>
      </c>
      <c r="G2386" t="s">
        <v>13</v>
      </c>
      <c r="H2386" t="s">
        <v>6219</v>
      </c>
      <c r="I2386" t="s">
        <v>30540</v>
      </c>
    </row>
    <row r="2387" spans="1:9">
      <c r="A2387" s="1">
        <f ca="1">RAND()</f>
        <v>0.90105502219102362</v>
      </c>
      <c r="B2387" s="1"/>
      <c r="C2387">
        <v>9</v>
      </c>
      <c r="D2387" t="s">
        <v>6208</v>
      </c>
      <c r="E2387" t="s">
        <v>31669</v>
      </c>
      <c r="F2387">
        <v>2</v>
      </c>
      <c r="G2387" t="s">
        <v>1</v>
      </c>
      <c r="H2387" t="s">
        <v>6209</v>
      </c>
      <c r="I2387" t="s">
        <v>30540</v>
      </c>
    </row>
    <row r="2388" spans="1:9">
      <c r="A2388" s="1">
        <f ca="1">RAND()</f>
        <v>0.63863022014152504</v>
      </c>
      <c r="B2388" s="1"/>
      <c r="C2388">
        <v>11</v>
      </c>
      <c r="D2388" t="s">
        <v>6198</v>
      </c>
      <c r="E2388" t="s">
        <v>31670</v>
      </c>
      <c r="F2388">
        <v>5</v>
      </c>
      <c r="G2388" t="s">
        <v>0</v>
      </c>
      <c r="H2388" t="s">
        <v>6199</v>
      </c>
      <c r="I2388" t="s">
        <v>30540</v>
      </c>
    </row>
    <row r="2389" spans="1:9">
      <c r="A2389" s="1">
        <f ca="1">RAND()</f>
        <v>0.29051573768084116</v>
      </c>
      <c r="B2389" s="1"/>
      <c r="C2389">
        <v>10</v>
      </c>
      <c r="D2389" t="s">
        <v>6196</v>
      </c>
      <c r="E2389" t="s">
        <v>31670</v>
      </c>
      <c r="F2389">
        <v>5</v>
      </c>
      <c r="G2389" t="s">
        <v>15</v>
      </c>
      <c r="H2389" t="s">
        <v>6197</v>
      </c>
      <c r="I2389" t="s">
        <v>30540</v>
      </c>
    </row>
    <row r="2390" spans="1:9">
      <c r="A2390" s="1">
        <f ca="1">RAND()</f>
        <v>0.68953883538553395</v>
      </c>
      <c r="B2390" s="1"/>
      <c r="C2390">
        <v>17</v>
      </c>
      <c r="D2390" t="s">
        <v>6204</v>
      </c>
      <c r="E2390" t="s">
        <v>31670</v>
      </c>
      <c r="F2390">
        <v>5</v>
      </c>
      <c r="G2390" t="s">
        <v>1</v>
      </c>
      <c r="H2390" t="s">
        <v>6205</v>
      </c>
      <c r="I2390" t="s">
        <v>30540</v>
      </c>
    </row>
    <row r="2391" spans="1:9">
      <c r="A2391" s="1">
        <f ca="1">RAND()</f>
        <v>0.46123577562683904</v>
      </c>
      <c r="B2391" s="1"/>
      <c r="C2391">
        <v>14</v>
      </c>
      <c r="D2391" t="s">
        <v>6202</v>
      </c>
      <c r="E2391" t="s">
        <v>31670</v>
      </c>
      <c r="F2391">
        <v>4</v>
      </c>
      <c r="G2391" t="s">
        <v>0</v>
      </c>
      <c r="H2391" t="s">
        <v>6203</v>
      </c>
      <c r="I2391" t="s">
        <v>30540</v>
      </c>
    </row>
    <row r="2392" spans="1:9">
      <c r="A2392" s="1">
        <f ca="1">RAND()</f>
        <v>0.39534298321821282</v>
      </c>
      <c r="B2392" s="1"/>
      <c r="C2392">
        <v>5</v>
      </c>
      <c r="D2392" t="s">
        <v>6194</v>
      </c>
      <c r="E2392" t="s">
        <v>31670</v>
      </c>
      <c r="F2392">
        <v>4</v>
      </c>
      <c r="G2392" t="s">
        <v>0</v>
      </c>
      <c r="H2392" t="s">
        <v>6195</v>
      </c>
      <c r="I2392" t="s">
        <v>30540</v>
      </c>
    </row>
    <row r="2393" spans="1:9">
      <c r="A2393" s="1">
        <f ca="1">RAND()</f>
        <v>0.94111173022565464</v>
      </c>
      <c r="B2393" s="1"/>
      <c r="C2393">
        <v>13</v>
      </c>
      <c r="D2393" t="s">
        <v>6200</v>
      </c>
      <c r="E2393" t="s">
        <v>31670</v>
      </c>
      <c r="F2393">
        <v>4</v>
      </c>
      <c r="G2393" t="s">
        <v>0</v>
      </c>
      <c r="H2393" t="s">
        <v>6201</v>
      </c>
      <c r="I2393" t="s">
        <v>30540</v>
      </c>
    </row>
    <row r="2394" spans="1:9">
      <c r="A2394" s="1">
        <f ca="1">RAND()</f>
        <v>0.3979611509174571</v>
      </c>
      <c r="B2394" s="1"/>
      <c r="C2394">
        <v>8</v>
      </c>
      <c r="D2394" t="s">
        <v>6186</v>
      </c>
      <c r="E2394" t="s">
        <v>31671</v>
      </c>
      <c r="F2394">
        <v>5</v>
      </c>
      <c r="G2394" t="s">
        <v>14</v>
      </c>
      <c r="H2394" t="s">
        <v>6187</v>
      </c>
      <c r="I2394" t="s">
        <v>30540</v>
      </c>
    </row>
    <row r="2395" spans="1:9">
      <c r="A2395" s="1">
        <f ca="1">RAND()</f>
        <v>0.26749790474347335</v>
      </c>
      <c r="B2395" s="1"/>
      <c r="C2395">
        <v>13</v>
      </c>
      <c r="D2395" t="s">
        <v>6188</v>
      </c>
      <c r="E2395" t="s">
        <v>31671</v>
      </c>
      <c r="F2395">
        <v>4</v>
      </c>
      <c r="G2395" t="s">
        <v>0</v>
      </c>
      <c r="H2395" t="s">
        <v>6189</v>
      </c>
      <c r="I2395" t="s">
        <v>30540</v>
      </c>
    </row>
    <row r="2396" spans="1:9">
      <c r="A2396" s="1">
        <f ca="1">RAND()</f>
        <v>0.41423843943707617</v>
      </c>
      <c r="B2396" s="1"/>
      <c r="C2396">
        <v>17</v>
      </c>
      <c r="D2396" t="s">
        <v>6190</v>
      </c>
      <c r="E2396" t="s">
        <v>31671</v>
      </c>
      <c r="F2396">
        <v>4</v>
      </c>
      <c r="G2396" t="s">
        <v>0</v>
      </c>
      <c r="H2396" t="s">
        <v>6191</v>
      </c>
      <c r="I2396" t="s">
        <v>30540</v>
      </c>
    </row>
    <row r="2397" spans="1:9">
      <c r="A2397" s="1">
        <f ca="1">RAND()</f>
        <v>0.23800395571730104</v>
      </c>
      <c r="B2397" s="1"/>
      <c r="C2397">
        <v>18</v>
      </c>
      <c r="D2397" t="s">
        <v>6192</v>
      </c>
      <c r="E2397" t="s">
        <v>31671</v>
      </c>
      <c r="F2397">
        <v>4</v>
      </c>
      <c r="G2397" t="s">
        <v>0</v>
      </c>
      <c r="H2397" t="s">
        <v>6193</v>
      </c>
      <c r="I2397" t="s">
        <v>30540</v>
      </c>
    </row>
    <row r="2398" spans="1:9">
      <c r="A2398" s="1">
        <f ca="1">RAND()</f>
        <v>0.5606624671987418</v>
      </c>
      <c r="B2398" s="1"/>
      <c r="C2398">
        <v>6</v>
      </c>
      <c r="D2398" t="s">
        <v>6184</v>
      </c>
      <c r="E2398" t="s">
        <v>31671</v>
      </c>
      <c r="F2398">
        <v>3</v>
      </c>
      <c r="G2398" t="s">
        <v>0</v>
      </c>
      <c r="H2398" t="s">
        <v>6185</v>
      </c>
      <c r="I2398" t="s">
        <v>30540</v>
      </c>
    </row>
    <row r="2399" spans="1:9">
      <c r="A2399" s="1">
        <f ca="1">RAND()</f>
        <v>0.89672634744467505</v>
      </c>
      <c r="B2399" s="1"/>
      <c r="C2399">
        <v>2</v>
      </c>
      <c r="D2399" t="s">
        <v>6182</v>
      </c>
      <c r="E2399" t="s">
        <v>31671</v>
      </c>
      <c r="F2399">
        <v>2</v>
      </c>
      <c r="G2399" t="s">
        <v>15</v>
      </c>
      <c r="H2399" t="s">
        <v>6183</v>
      </c>
      <c r="I2399" t="s">
        <v>30540</v>
      </c>
    </row>
    <row r="2400" spans="1:9">
      <c r="A2400" s="1">
        <f ca="1">RAND()</f>
        <v>0.19310642268427569</v>
      </c>
      <c r="B2400" s="1"/>
      <c r="C2400">
        <v>5</v>
      </c>
      <c r="D2400" t="s">
        <v>6180</v>
      </c>
      <c r="E2400" t="s">
        <v>31672</v>
      </c>
      <c r="F2400">
        <v>4</v>
      </c>
      <c r="G2400" t="s">
        <v>13</v>
      </c>
      <c r="H2400" t="s">
        <v>6181</v>
      </c>
      <c r="I2400" t="s">
        <v>30540</v>
      </c>
    </row>
    <row r="2401" spans="1:9">
      <c r="A2401" s="1">
        <f ca="1">RAND()</f>
        <v>1.5308492402285379E-2</v>
      </c>
      <c r="B2401" s="1"/>
      <c r="C2401">
        <v>17</v>
      </c>
      <c r="D2401" t="s">
        <v>6176</v>
      </c>
      <c r="E2401" t="s">
        <v>31673</v>
      </c>
      <c r="F2401">
        <v>5</v>
      </c>
      <c r="G2401" t="s">
        <v>0</v>
      </c>
      <c r="H2401" t="s">
        <v>6177</v>
      </c>
      <c r="I2401" t="s">
        <v>30540</v>
      </c>
    </row>
    <row r="2402" spans="1:9">
      <c r="A2402" s="1">
        <f ca="1">RAND()</f>
        <v>0.3823217969539664</v>
      </c>
      <c r="B2402" s="1"/>
      <c r="C2402">
        <v>5</v>
      </c>
      <c r="D2402" t="s">
        <v>6168</v>
      </c>
      <c r="E2402" t="s">
        <v>31673</v>
      </c>
      <c r="F2402">
        <v>5</v>
      </c>
      <c r="G2402" t="s">
        <v>13</v>
      </c>
      <c r="H2402" t="s">
        <v>6169</v>
      </c>
      <c r="I2402" t="s">
        <v>30540</v>
      </c>
    </row>
    <row r="2403" spans="1:9">
      <c r="A2403" s="1">
        <f ca="1">RAND()</f>
        <v>5.9585638370191374E-2</v>
      </c>
      <c r="B2403" s="1"/>
      <c r="C2403">
        <v>12</v>
      </c>
      <c r="D2403" t="s">
        <v>6172</v>
      </c>
      <c r="E2403" t="s">
        <v>31673</v>
      </c>
      <c r="F2403">
        <v>4</v>
      </c>
      <c r="G2403" t="s">
        <v>0</v>
      </c>
      <c r="H2403" t="s">
        <v>6173</v>
      </c>
      <c r="I2403" t="s">
        <v>30540</v>
      </c>
    </row>
    <row r="2404" spans="1:9">
      <c r="A2404" s="1">
        <f ca="1">RAND()</f>
        <v>0.15740451355356799</v>
      </c>
      <c r="B2404" s="1"/>
      <c r="C2404">
        <v>13</v>
      </c>
      <c r="D2404" t="s">
        <v>6174</v>
      </c>
      <c r="E2404" t="s">
        <v>31673</v>
      </c>
      <c r="F2404">
        <v>4</v>
      </c>
      <c r="G2404" t="s">
        <v>0</v>
      </c>
      <c r="H2404" t="s">
        <v>6175</v>
      </c>
      <c r="I2404" t="s">
        <v>30540</v>
      </c>
    </row>
    <row r="2405" spans="1:9">
      <c r="A2405" s="1">
        <f ca="1">RAND()</f>
        <v>0.2502382151282686</v>
      </c>
      <c r="B2405" s="1"/>
      <c r="C2405">
        <v>9</v>
      </c>
      <c r="D2405" t="s">
        <v>6170</v>
      </c>
      <c r="E2405" t="s">
        <v>31673</v>
      </c>
      <c r="F2405">
        <v>4</v>
      </c>
      <c r="G2405" t="s">
        <v>0</v>
      </c>
      <c r="H2405" t="s">
        <v>6171</v>
      </c>
      <c r="I2405" t="s">
        <v>30540</v>
      </c>
    </row>
    <row r="2406" spans="1:9">
      <c r="A2406" s="1">
        <f ca="1">RAND()</f>
        <v>0.32658708556808935</v>
      </c>
      <c r="B2406" s="1"/>
      <c r="C2406">
        <v>18</v>
      </c>
      <c r="D2406" t="s">
        <v>6178</v>
      </c>
      <c r="E2406" t="s">
        <v>31673</v>
      </c>
      <c r="F2406">
        <v>4</v>
      </c>
      <c r="G2406" t="s">
        <v>0</v>
      </c>
      <c r="H2406" t="s">
        <v>6179</v>
      </c>
      <c r="I2406" t="s">
        <v>30540</v>
      </c>
    </row>
    <row r="2407" spans="1:9">
      <c r="A2407" s="1">
        <f ca="1">RAND()</f>
        <v>0.33968776339471751</v>
      </c>
      <c r="B2407" s="1"/>
      <c r="C2407">
        <v>4</v>
      </c>
      <c r="D2407" t="s">
        <v>6153</v>
      </c>
      <c r="E2407" t="s">
        <v>31674</v>
      </c>
      <c r="F2407">
        <v>5</v>
      </c>
      <c r="G2407" t="s">
        <v>10</v>
      </c>
      <c r="H2407" t="s">
        <v>6154</v>
      </c>
      <c r="I2407" t="s">
        <v>30540</v>
      </c>
    </row>
    <row r="2408" spans="1:9">
      <c r="A2408" s="1">
        <f ca="1">RAND()</f>
        <v>0.51832863398744533</v>
      </c>
      <c r="B2408" s="1"/>
      <c r="C2408">
        <v>14</v>
      </c>
      <c r="D2408" t="s">
        <v>6159</v>
      </c>
      <c r="E2408" t="s">
        <v>31674</v>
      </c>
      <c r="F2408">
        <v>4</v>
      </c>
      <c r="G2408" t="s">
        <v>2</v>
      </c>
      <c r="H2408" t="s">
        <v>6160</v>
      </c>
      <c r="I2408" t="s">
        <v>30540</v>
      </c>
    </row>
    <row r="2409" spans="1:9">
      <c r="A2409" s="1">
        <f ca="1">RAND()</f>
        <v>0.59634747425240686</v>
      </c>
      <c r="B2409" s="1"/>
      <c r="C2409">
        <v>19</v>
      </c>
      <c r="D2409" t="s">
        <v>6166</v>
      </c>
      <c r="E2409" t="s">
        <v>31674</v>
      </c>
      <c r="F2409">
        <v>4</v>
      </c>
      <c r="G2409" t="s">
        <v>0</v>
      </c>
      <c r="H2409" t="s">
        <v>6167</v>
      </c>
      <c r="I2409" t="s">
        <v>30540</v>
      </c>
    </row>
    <row r="2410" spans="1:9">
      <c r="A2410" s="1">
        <f ca="1">RAND()</f>
        <v>0.3780684633487682</v>
      </c>
      <c r="B2410" s="1"/>
      <c r="C2410">
        <v>3</v>
      </c>
      <c r="D2410" t="s">
        <v>6151</v>
      </c>
      <c r="E2410" t="s">
        <v>31674</v>
      </c>
      <c r="F2410">
        <v>4</v>
      </c>
      <c r="G2410" t="s">
        <v>13</v>
      </c>
      <c r="H2410" t="s">
        <v>6152</v>
      </c>
      <c r="I2410" t="s">
        <v>30540</v>
      </c>
    </row>
    <row r="2411" spans="1:9">
      <c r="A2411" s="1">
        <f ca="1">RAND()</f>
        <v>0.63137067879977649</v>
      </c>
      <c r="B2411" s="1"/>
      <c r="C2411">
        <v>1</v>
      </c>
      <c r="D2411" t="s">
        <v>6149</v>
      </c>
      <c r="E2411" t="s">
        <v>31674</v>
      </c>
      <c r="F2411">
        <v>4</v>
      </c>
      <c r="G2411" t="s">
        <v>0</v>
      </c>
      <c r="H2411" t="s">
        <v>6150</v>
      </c>
      <c r="I2411" t="s">
        <v>30540</v>
      </c>
    </row>
    <row r="2412" spans="1:9">
      <c r="A2412" s="1">
        <f ca="1">RAND()</f>
        <v>0.95169641778733649</v>
      </c>
      <c r="B2412" s="1"/>
      <c r="C2412">
        <v>10</v>
      </c>
      <c r="D2412" t="s">
        <v>6157</v>
      </c>
      <c r="E2412" t="s">
        <v>31674</v>
      </c>
      <c r="F2412">
        <v>4</v>
      </c>
      <c r="G2412" t="s">
        <v>2</v>
      </c>
      <c r="H2412" t="s">
        <v>6158</v>
      </c>
      <c r="I2412" t="s">
        <v>30540</v>
      </c>
    </row>
    <row r="2413" spans="1:9">
      <c r="A2413" s="1">
        <f ca="1">RAND()</f>
        <v>0.83740928943335979</v>
      </c>
      <c r="B2413" s="1"/>
      <c r="C2413">
        <v>17</v>
      </c>
      <c r="D2413" t="s">
        <v>6162</v>
      </c>
      <c r="E2413" t="s">
        <v>31674</v>
      </c>
      <c r="F2413">
        <v>4</v>
      </c>
      <c r="G2413" t="s">
        <v>0</v>
      </c>
      <c r="H2413" t="s">
        <v>6163</v>
      </c>
      <c r="I2413" t="s">
        <v>30540</v>
      </c>
    </row>
    <row r="2414" spans="1:9">
      <c r="A2414" s="1">
        <f ca="1">RAND()</f>
        <v>0.16569880393980962</v>
      </c>
      <c r="B2414" s="1"/>
      <c r="C2414">
        <v>9</v>
      </c>
      <c r="D2414" t="s">
        <v>6155</v>
      </c>
      <c r="E2414" t="s">
        <v>31674</v>
      </c>
      <c r="F2414">
        <v>4</v>
      </c>
      <c r="G2414" t="s">
        <v>2</v>
      </c>
      <c r="H2414" t="s">
        <v>6156</v>
      </c>
      <c r="I2414" t="s">
        <v>30540</v>
      </c>
    </row>
    <row r="2415" spans="1:9">
      <c r="A2415" s="1">
        <f ca="1">RAND()</f>
        <v>0.32462579258269897</v>
      </c>
      <c r="B2415" s="1"/>
      <c r="C2415">
        <v>18</v>
      </c>
      <c r="D2415" t="s">
        <v>6164</v>
      </c>
      <c r="E2415" t="s">
        <v>31674</v>
      </c>
      <c r="F2415">
        <v>2</v>
      </c>
      <c r="G2415" t="s">
        <v>0</v>
      </c>
      <c r="H2415" t="s">
        <v>6165</v>
      </c>
      <c r="I2415" t="s">
        <v>30540</v>
      </c>
    </row>
    <row r="2416" spans="1:9">
      <c r="A2416" s="1">
        <f ca="1">RAND()</f>
        <v>0.8557077836739998</v>
      </c>
      <c r="B2416" s="1"/>
      <c r="C2416">
        <v>14</v>
      </c>
      <c r="D2416" t="s">
        <v>6145</v>
      </c>
      <c r="E2416" t="s">
        <v>31675</v>
      </c>
      <c r="F2416">
        <v>5</v>
      </c>
      <c r="G2416" t="s">
        <v>0</v>
      </c>
      <c r="H2416" t="s">
        <v>6146</v>
      </c>
      <c r="I2416" t="s">
        <v>30540</v>
      </c>
    </row>
    <row r="2417" spans="1:9">
      <c r="A2417" s="1">
        <f ca="1">RAND()</f>
        <v>0.66706538828278172</v>
      </c>
      <c r="B2417" s="1"/>
      <c r="C2417">
        <v>17</v>
      </c>
      <c r="D2417" t="s">
        <v>6147</v>
      </c>
      <c r="E2417" t="s">
        <v>31675</v>
      </c>
      <c r="F2417">
        <v>5</v>
      </c>
      <c r="G2417" t="s">
        <v>0</v>
      </c>
      <c r="H2417" t="s">
        <v>6148</v>
      </c>
      <c r="I2417" t="s">
        <v>30540</v>
      </c>
    </row>
    <row r="2418" spans="1:9">
      <c r="A2418" s="1">
        <f ca="1">RAND()</f>
        <v>0.99626778325565069</v>
      </c>
      <c r="B2418" s="1"/>
      <c r="C2418">
        <v>11</v>
      </c>
      <c r="D2418" t="s">
        <v>6141</v>
      </c>
      <c r="E2418" t="s">
        <v>31675</v>
      </c>
      <c r="F2418">
        <v>4</v>
      </c>
      <c r="G2418" t="s">
        <v>15</v>
      </c>
      <c r="H2418" t="s">
        <v>6142</v>
      </c>
      <c r="I2418" t="s">
        <v>30540</v>
      </c>
    </row>
    <row r="2419" spans="1:9">
      <c r="A2419" s="1">
        <f ca="1">RAND()</f>
        <v>0.48819461435382305</v>
      </c>
      <c r="B2419" s="1"/>
      <c r="C2419">
        <v>8</v>
      </c>
      <c r="D2419" t="s">
        <v>6139</v>
      </c>
      <c r="E2419" t="s">
        <v>31675</v>
      </c>
      <c r="F2419">
        <v>4</v>
      </c>
      <c r="G2419" t="s">
        <v>0</v>
      </c>
      <c r="H2419" t="s">
        <v>6140</v>
      </c>
      <c r="I2419" t="s">
        <v>30540</v>
      </c>
    </row>
    <row r="2420" spans="1:9">
      <c r="A2420" s="1">
        <f ca="1">RAND()</f>
        <v>0.21170884011297719</v>
      </c>
      <c r="B2420" s="1"/>
      <c r="C2420">
        <v>7</v>
      </c>
      <c r="D2420" t="s">
        <v>6137</v>
      </c>
      <c r="E2420" t="s">
        <v>31675</v>
      </c>
      <c r="F2420">
        <v>4</v>
      </c>
      <c r="G2420" t="s">
        <v>0</v>
      </c>
      <c r="H2420" t="s">
        <v>6138</v>
      </c>
      <c r="I2420" t="s">
        <v>30540</v>
      </c>
    </row>
    <row r="2421" spans="1:9">
      <c r="A2421" s="1">
        <f ca="1">RAND()</f>
        <v>0.64421699290974488</v>
      </c>
      <c r="B2421" s="1"/>
      <c r="C2421">
        <v>6</v>
      </c>
      <c r="D2421" t="s">
        <v>6135</v>
      </c>
      <c r="E2421" t="s">
        <v>31675</v>
      </c>
      <c r="F2421">
        <v>4</v>
      </c>
      <c r="G2421" t="s">
        <v>10</v>
      </c>
      <c r="H2421" t="s">
        <v>6136</v>
      </c>
      <c r="I2421" t="s">
        <v>30540</v>
      </c>
    </row>
    <row r="2422" spans="1:9">
      <c r="A2422" s="1">
        <f ca="1">RAND()</f>
        <v>0.72097233236364655</v>
      </c>
      <c r="B2422" s="1"/>
      <c r="C2422">
        <v>12</v>
      </c>
      <c r="D2422" t="s">
        <v>6143</v>
      </c>
      <c r="E2422" t="s">
        <v>31675</v>
      </c>
      <c r="F2422">
        <v>4</v>
      </c>
      <c r="G2422" t="s">
        <v>1</v>
      </c>
      <c r="H2422" t="s">
        <v>6144</v>
      </c>
      <c r="I2422" t="s">
        <v>30540</v>
      </c>
    </row>
    <row r="2423" spans="1:9">
      <c r="A2423" s="1">
        <f ca="1">RAND()</f>
        <v>0.11961493289628888</v>
      </c>
      <c r="B2423" s="1"/>
      <c r="C2423">
        <v>5</v>
      </c>
      <c r="D2423" t="s">
        <v>6127</v>
      </c>
      <c r="E2423" t="s">
        <v>31676</v>
      </c>
      <c r="F2423">
        <v>5</v>
      </c>
      <c r="G2423" t="s">
        <v>9</v>
      </c>
      <c r="H2423" t="s">
        <v>6128</v>
      </c>
      <c r="I2423" t="s">
        <v>30540</v>
      </c>
    </row>
    <row r="2424" spans="1:9">
      <c r="A2424" s="1">
        <f ca="1">RAND()</f>
        <v>0.92644434971793743</v>
      </c>
      <c r="B2424" s="1"/>
      <c r="C2424">
        <v>20</v>
      </c>
      <c r="D2424" t="s">
        <v>6133</v>
      </c>
      <c r="E2424" t="s">
        <v>31676</v>
      </c>
      <c r="F2424">
        <v>5</v>
      </c>
      <c r="G2424" t="s">
        <v>1</v>
      </c>
      <c r="H2424" t="s">
        <v>6134</v>
      </c>
      <c r="I2424" t="s">
        <v>30540</v>
      </c>
    </row>
    <row r="2425" spans="1:9">
      <c r="A2425" s="1">
        <f ca="1">RAND()</f>
        <v>0.25070070318220905</v>
      </c>
      <c r="B2425" s="1"/>
      <c r="C2425">
        <v>18</v>
      </c>
      <c r="D2425" t="s">
        <v>6131</v>
      </c>
      <c r="E2425" t="s">
        <v>31676</v>
      </c>
      <c r="F2425">
        <v>4</v>
      </c>
      <c r="G2425" t="s">
        <v>0</v>
      </c>
      <c r="H2425" t="s">
        <v>6132</v>
      </c>
      <c r="I2425" t="s">
        <v>30540</v>
      </c>
    </row>
    <row r="2426" spans="1:9">
      <c r="A2426" s="1">
        <f ca="1">RAND()</f>
        <v>0.58050148667921697</v>
      </c>
      <c r="B2426" s="1"/>
      <c r="C2426">
        <v>14</v>
      </c>
      <c r="D2426" t="s">
        <v>6129</v>
      </c>
      <c r="E2426" t="s">
        <v>31676</v>
      </c>
      <c r="F2426">
        <v>1</v>
      </c>
      <c r="G2426" t="s">
        <v>15</v>
      </c>
      <c r="H2426" t="s">
        <v>6130</v>
      </c>
      <c r="I2426" t="s">
        <v>30540</v>
      </c>
    </row>
    <row r="2427" spans="1:9">
      <c r="A2427" s="1">
        <f ca="1">RAND()</f>
        <v>0.15475415963749506</v>
      </c>
      <c r="B2427" s="1"/>
      <c r="C2427">
        <v>11</v>
      </c>
      <c r="D2427" t="s">
        <v>6117</v>
      </c>
      <c r="E2427" t="s">
        <v>31677</v>
      </c>
      <c r="F2427">
        <v>5</v>
      </c>
      <c r="G2427" t="s">
        <v>0</v>
      </c>
      <c r="H2427" t="s">
        <v>6118</v>
      </c>
      <c r="I2427" t="s">
        <v>30540</v>
      </c>
    </row>
    <row r="2428" spans="1:9">
      <c r="A2428" s="1">
        <f ca="1">RAND()</f>
        <v>0.59755495497327571</v>
      </c>
      <c r="B2428" s="1"/>
      <c r="C2428">
        <v>15</v>
      </c>
      <c r="D2428" t="s">
        <v>6121</v>
      </c>
      <c r="E2428" t="s">
        <v>31677</v>
      </c>
      <c r="F2428">
        <v>4</v>
      </c>
      <c r="G2428" t="s">
        <v>0</v>
      </c>
      <c r="H2428" t="s">
        <v>6122</v>
      </c>
      <c r="I2428" t="s">
        <v>30540</v>
      </c>
    </row>
    <row r="2429" spans="1:9">
      <c r="A2429" s="1">
        <f ca="1">RAND()</f>
        <v>0.15735457979321543</v>
      </c>
      <c r="B2429" s="1"/>
      <c r="C2429">
        <v>12</v>
      </c>
      <c r="D2429" t="s">
        <v>6119</v>
      </c>
      <c r="E2429" t="s">
        <v>31677</v>
      </c>
      <c r="F2429">
        <v>4</v>
      </c>
      <c r="G2429" t="s">
        <v>0</v>
      </c>
      <c r="H2429" t="s">
        <v>6120</v>
      </c>
      <c r="I2429" t="s">
        <v>30540</v>
      </c>
    </row>
    <row r="2430" spans="1:9">
      <c r="A2430" s="1">
        <f ca="1">RAND()</f>
        <v>6.0051274307273861E-2</v>
      </c>
      <c r="B2430" s="1"/>
      <c r="C2430">
        <v>17</v>
      </c>
      <c r="D2430" t="s">
        <v>6125</v>
      </c>
      <c r="E2430" t="s">
        <v>31677</v>
      </c>
      <c r="F2430">
        <v>3</v>
      </c>
      <c r="G2430" t="s">
        <v>0</v>
      </c>
      <c r="H2430" t="s">
        <v>6126</v>
      </c>
      <c r="I2430" t="s">
        <v>30540</v>
      </c>
    </row>
    <row r="2431" spans="1:9">
      <c r="A2431" s="1">
        <f ca="1">RAND()</f>
        <v>5.8815635301691427E-2</v>
      </c>
      <c r="B2431" s="1"/>
      <c r="C2431">
        <v>4</v>
      </c>
      <c r="D2431" t="s">
        <v>6115</v>
      </c>
      <c r="E2431" t="s">
        <v>31677</v>
      </c>
      <c r="F2431">
        <v>2</v>
      </c>
      <c r="G2431" t="s">
        <v>1</v>
      </c>
      <c r="H2431" t="s">
        <v>6116</v>
      </c>
      <c r="I2431" t="s">
        <v>30540</v>
      </c>
    </row>
    <row r="2432" spans="1:9">
      <c r="A2432" s="1">
        <f ca="1">RAND()</f>
        <v>0.59753789619049991</v>
      </c>
      <c r="B2432" s="1"/>
      <c r="C2432">
        <v>16</v>
      </c>
      <c r="D2432" t="s">
        <v>6123</v>
      </c>
      <c r="E2432" t="s">
        <v>31677</v>
      </c>
      <c r="F2432">
        <v>1</v>
      </c>
      <c r="G2432" t="s">
        <v>1</v>
      </c>
      <c r="H2432" t="s">
        <v>6124</v>
      </c>
      <c r="I2432" t="s">
        <v>30540</v>
      </c>
    </row>
    <row r="2433" spans="1:9">
      <c r="A2433" s="1">
        <f ca="1">RAND()</f>
        <v>0.68478963080891375</v>
      </c>
      <c r="B2433" s="1"/>
      <c r="C2433">
        <v>11</v>
      </c>
      <c r="D2433" t="s">
        <v>6105</v>
      </c>
      <c r="E2433" t="s">
        <v>31678</v>
      </c>
      <c r="F2433">
        <v>5</v>
      </c>
      <c r="G2433" t="s">
        <v>775</v>
      </c>
      <c r="H2433" t="s">
        <v>6106</v>
      </c>
      <c r="I2433" t="s">
        <v>30540</v>
      </c>
    </row>
    <row r="2434" spans="1:9">
      <c r="A2434" s="1">
        <f ca="1">RAND()</f>
        <v>0.46604042133835766</v>
      </c>
      <c r="B2434" s="1"/>
      <c r="C2434">
        <v>20</v>
      </c>
      <c r="D2434" t="s">
        <v>6113</v>
      </c>
      <c r="E2434" t="s">
        <v>31678</v>
      </c>
      <c r="F2434">
        <v>5</v>
      </c>
      <c r="G2434" t="s">
        <v>2226</v>
      </c>
      <c r="H2434" t="s">
        <v>6114</v>
      </c>
      <c r="I2434" t="s">
        <v>30540</v>
      </c>
    </row>
    <row r="2435" spans="1:9">
      <c r="A2435" s="1">
        <f ca="1">RAND()</f>
        <v>0.24566218022594433</v>
      </c>
      <c r="B2435" s="1"/>
      <c r="C2435">
        <v>19</v>
      </c>
      <c r="D2435" t="s">
        <v>6111</v>
      </c>
      <c r="E2435" t="s">
        <v>31678</v>
      </c>
      <c r="F2435">
        <v>4</v>
      </c>
      <c r="G2435" t="s">
        <v>770</v>
      </c>
      <c r="H2435" t="s">
        <v>6112</v>
      </c>
      <c r="I2435" t="s">
        <v>30540</v>
      </c>
    </row>
    <row r="2436" spans="1:9">
      <c r="A2436" s="1">
        <f ca="1">RAND()</f>
        <v>0.55746135953524534</v>
      </c>
      <c r="B2436" s="1"/>
      <c r="C2436">
        <v>13</v>
      </c>
      <c r="D2436" t="s">
        <v>6109</v>
      </c>
      <c r="E2436" t="s">
        <v>31678</v>
      </c>
      <c r="F2436">
        <v>4</v>
      </c>
      <c r="G2436" t="s">
        <v>1</v>
      </c>
      <c r="H2436" t="s">
        <v>6110</v>
      </c>
      <c r="I2436" t="s">
        <v>30540</v>
      </c>
    </row>
    <row r="2437" spans="1:9">
      <c r="A2437" s="1">
        <f ca="1">RAND()</f>
        <v>0.87768236742787142</v>
      </c>
      <c r="B2437" s="1"/>
      <c r="C2437">
        <v>12</v>
      </c>
      <c r="D2437" t="s">
        <v>6107</v>
      </c>
      <c r="E2437" t="s">
        <v>31678</v>
      </c>
      <c r="F2437">
        <v>4</v>
      </c>
      <c r="G2437" t="s">
        <v>2229</v>
      </c>
      <c r="H2437" t="s">
        <v>6108</v>
      </c>
      <c r="I2437" t="s">
        <v>30540</v>
      </c>
    </row>
    <row r="2438" spans="1:9">
      <c r="A2438" s="1">
        <f ca="1">RAND()</f>
        <v>0.81601752207835954</v>
      </c>
      <c r="B2438" s="1"/>
      <c r="C2438">
        <v>4</v>
      </c>
      <c r="D2438" t="s">
        <v>6103</v>
      </c>
      <c r="E2438" t="s">
        <v>31678</v>
      </c>
      <c r="F2438">
        <v>1</v>
      </c>
      <c r="G2438" t="s">
        <v>2738</v>
      </c>
      <c r="H2438" t="s">
        <v>6104</v>
      </c>
      <c r="I2438" t="s">
        <v>30540</v>
      </c>
    </row>
    <row r="2439" spans="1:9">
      <c r="A2439" s="1">
        <f ca="1">RAND()</f>
        <v>0.22902725718687122</v>
      </c>
      <c r="B2439" s="1"/>
      <c r="C2439">
        <v>15</v>
      </c>
      <c r="D2439" t="s">
        <v>6099</v>
      </c>
      <c r="E2439" t="s">
        <v>31679</v>
      </c>
      <c r="F2439">
        <v>5</v>
      </c>
      <c r="G2439" t="s">
        <v>0</v>
      </c>
      <c r="H2439" t="s">
        <v>6100</v>
      </c>
      <c r="I2439" t="s">
        <v>30540</v>
      </c>
    </row>
    <row r="2440" spans="1:9">
      <c r="A2440" s="1">
        <f ca="1">RAND()</f>
        <v>0.7025052930912461</v>
      </c>
      <c r="B2440" s="1"/>
      <c r="C2440">
        <v>3</v>
      </c>
      <c r="D2440" t="s">
        <v>6089</v>
      </c>
      <c r="E2440" t="s">
        <v>31679</v>
      </c>
      <c r="F2440">
        <v>5</v>
      </c>
      <c r="G2440" t="s">
        <v>9</v>
      </c>
      <c r="H2440" t="s">
        <v>6090</v>
      </c>
      <c r="I2440" t="s">
        <v>30540</v>
      </c>
    </row>
    <row r="2441" spans="1:9">
      <c r="A2441" s="1">
        <f ca="1">RAND()</f>
        <v>0.10667360389573732</v>
      </c>
      <c r="B2441" s="1"/>
      <c r="C2441">
        <v>9</v>
      </c>
      <c r="D2441" t="s">
        <v>6093</v>
      </c>
      <c r="E2441" t="s">
        <v>31679</v>
      </c>
      <c r="F2441">
        <v>4</v>
      </c>
      <c r="G2441" t="s">
        <v>0</v>
      </c>
      <c r="H2441" t="s">
        <v>6094</v>
      </c>
      <c r="I2441" t="s">
        <v>30540</v>
      </c>
    </row>
    <row r="2442" spans="1:9">
      <c r="A2442" s="1">
        <f ca="1">RAND()</f>
        <v>0.15338340412826723</v>
      </c>
      <c r="B2442" s="1"/>
      <c r="C2442">
        <v>16</v>
      </c>
      <c r="D2442" t="s">
        <v>6101</v>
      </c>
      <c r="E2442" t="s">
        <v>31679</v>
      </c>
      <c r="F2442">
        <v>4</v>
      </c>
      <c r="G2442" t="s">
        <v>0</v>
      </c>
      <c r="H2442" t="s">
        <v>6102</v>
      </c>
      <c r="I2442" t="s">
        <v>30540</v>
      </c>
    </row>
    <row r="2443" spans="1:9">
      <c r="A2443" s="1">
        <f ca="1">RAND()</f>
        <v>0.94827854371420484</v>
      </c>
      <c r="B2443" s="1"/>
      <c r="C2443">
        <v>13</v>
      </c>
      <c r="D2443" t="s">
        <v>6097</v>
      </c>
      <c r="E2443" t="s">
        <v>31679</v>
      </c>
      <c r="F2443">
        <v>4</v>
      </c>
      <c r="G2443" t="s">
        <v>0</v>
      </c>
      <c r="H2443" t="s">
        <v>6098</v>
      </c>
      <c r="I2443" t="s">
        <v>30540</v>
      </c>
    </row>
    <row r="2444" spans="1:9">
      <c r="A2444" s="1">
        <f ca="1">RAND()</f>
        <v>0.34562137886835143</v>
      </c>
      <c r="B2444" s="1"/>
      <c r="C2444">
        <v>10</v>
      </c>
      <c r="D2444" t="s">
        <v>6095</v>
      </c>
      <c r="E2444" t="s">
        <v>31679</v>
      </c>
      <c r="F2444">
        <v>4</v>
      </c>
      <c r="G2444" t="s">
        <v>0</v>
      </c>
      <c r="H2444" t="s">
        <v>6096</v>
      </c>
      <c r="I2444" t="s">
        <v>30540</v>
      </c>
    </row>
    <row r="2445" spans="1:9">
      <c r="A2445" s="1">
        <f ca="1">RAND()</f>
        <v>0.26292203050902618</v>
      </c>
      <c r="B2445" s="1"/>
      <c r="C2445">
        <v>5</v>
      </c>
      <c r="D2445" t="s">
        <v>6091</v>
      </c>
      <c r="E2445" t="s">
        <v>31679</v>
      </c>
      <c r="F2445">
        <v>4</v>
      </c>
      <c r="G2445" t="s">
        <v>2</v>
      </c>
      <c r="H2445" t="s">
        <v>6092</v>
      </c>
      <c r="I2445" t="s">
        <v>30540</v>
      </c>
    </row>
    <row r="2446" spans="1:9">
      <c r="A2446" s="1">
        <f ca="1">RAND()</f>
        <v>0.9120912119713992</v>
      </c>
      <c r="B2446" s="1"/>
      <c r="C2446">
        <v>14</v>
      </c>
      <c r="D2446" t="s">
        <v>6083</v>
      </c>
      <c r="E2446" t="s">
        <v>31680</v>
      </c>
      <c r="F2446">
        <v>5</v>
      </c>
      <c r="G2446" t="s">
        <v>0</v>
      </c>
      <c r="H2446" t="s">
        <v>6084</v>
      </c>
      <c r="I2446" t="s">
        <v>30540</v>
      </c>
    </row>
    <row r="2447" spans="1:9">
      <c r="A2447" s="1">
        <f ca="1">RAND()</f>
        <v>0.82702155164960989</v>
      </c>
      <c r="B2447" s="1"/>
      <c r="C2447">
        <v>15</v>
      </c>
      <c r="D2447" t="s">
        <v>6085</v>
      </c>
      <c r="E2447" t="s">
        <v>31680</v>
      </c>
      <c r="F2447">
        <v>4</v>
      </c>
      <c r="G2447" t="s">
        <v>2</v>
      </c>
      <c r="H2447" t="s">
        <v>6086</v>
      </c>
      <c r="I2447" t="s">
        <v>30540</v>
      </c>
    </row>
    <row r="2448" spans="1:9">
      <c r="A2448" s="1">
        <f ca="1">RAND()</f>
        <v>0.76082194166803174</v>
      </c>
      <c r="B2448" s="1"/>
      <c r="C2448">
        <v>16</v>
      </c>
      <c r="D2448" t="s">
        <v>6087</v>
      </c>
      <c r="E2448" t="s">
        <v>31680</v>
      </c>
      <c r="F2448">
        <v>2</v>
      </c>
      <c r="G2448" t="s">
        <v>0</v>
      </c>
      <c r="H2448" t="s">
        <v>6088</v>
      </c>
      <c r="I2448" t="s">
        <v>30540</v>
      </c>
    </row>
    <row r="2449" spans="1:9">
      <c r="A2449" s="1">
        <f ca="1">RAND()</f>
        <v>0.31495927975524307</v>
      </c>
      <c r="B2449" s="1"/>
      <c r="C2449">
        <v>11</v>
      </c>
      <c r="D2449" t="s">
        <v>6079</v>
      </c>
      <c r="E2449" t="s">
        <v>31681</v>
      </c>
      <c r="F2449">
        <v>5</v>
      </c>
      <c r="G2449" t="s">
        <v>15</v>
      </c>
      <c r="H2449" t="s">
        <v>6080</v>
      </c>
      <c r="I2449" t="s">
        <v>30540</v>
      </c>
    </row>
    <row r="2450" spans="1:9">
      <c r="A2450" s="1">
        <f ca="1">RAND()</f>
        <v>0.13759015004701947</v>
      </c>
      <c r="B2450" s="1"/>
      <c r="C2450">
        <v>15</v>
      </c>
      <c r="D2450" t="s">
        <v>6081</v>
      </c>
      <c r="E2450" t="s">
        <v>31681</v>
      </c>
      <c r="F2450">
        <v>4</v>
      </c>
      <c r="G2450" t="s">
        <v>10</v>
      </c>
      <c r="H2450" t="s">
        <v>6082</v>
      </c>
      <c r="I2450" t="s">
        <v>30540</v>
      </c>
    </row>
    <row r="2451" spans="1:9">
      <c r="A2451" s="1">
        <f ca="1">RAND()</f>
        <v>0.31841449183755799</v>
      </c>
      <c r="B2451" s="1"/>
      <c r="C2451">
        <v>7</v>
      </c>
      <c r="D2451" t="s">
        <v>6073</v>
      </c>
      <c r="E2451" t="s">
        <v>31681</v>
      </c>
      <c r="F2451">
        <v>4</v>
      </c>
      <c r="G2451" t="s">
        <v>2</v>
      </c>
      <c r="H2451" t="s">
        <v>6074</v>
      </c>
      <c r="I2451" t="s">
        <v>30540</v>
      </c>
    </row>
    <row r="2452" spans="1:9">
      <c r="A2452" s="1">
        <f ca="1">RAND()</f>
        <v>0.98493640482639266</v>
      </c>
      <c r="B2452" s="1"/>
      <c r="C2452">
        <v>10</v>
      </c>
      <c r="D2452" t="s">
        <v>6077</v>
      </c>
      <c r="E2452" t="s">
        <v>31681</v>
      </c>
      <c r="F2452">
        <v>4</v>
      </c>
      <c r="G2452" t="s">
        <v>0</v>
      </c>
      <c r="H2452" t="s">
        <v>6078</v>
      </c>
      <c r="I2452" t="s">
        <v>30540</v>
      </c>
    </row>
    <row r="2453" spans="1:9">
      <c r="A2453" s="1">
        <f ca="1">RAND()</f>
        <v>0.18465779431658891</v>
      </c>
      <c r="B2453" s="1"/>
      <c r="C2453">
        <v>9</v>
      </c>
      <c r="D2453" t="s">
        <v>6075</v>
      </c>
      <c r="E2453" t="s">
        <v>31681</v>
      </c>
      <c r="F2453">
        <v>4</v>
      </c>
      <c r="G2453" t="s">
        <v>1</v>
      </c>
      <c r="H2453" t="s">
        <v>6076</v>
      </c>
      <c r="I2453" t="s">
        <v>30540</v>
      </c>
    </row>
    <row r="2454" spans="1:9">
      <c r="A2454" s="1">
        <f ca="1">RAND()</f>
        <v>0.60783211478159482</v>
      </c>
      <c r="B2454" s="1"/>
      <c r="C2454">
        <v>2</v>
      </c>
      <c r="D2454" t="s">
        <v>6063</v>
      </c>
      <c r="E2454" t="s">
        <v>31682</v>
      </c>
      <c r="F2454">
        <v>5</v>
      </c>
      <c r="G2454" t="s">
        <v>1</v>
      </c>
      <c r="H2454" t="s">
        <v>6064</v>
      </c>
      <c r="I2454" t="s">
        <v>30540</v>
      </c>
    </row>
    <row r="2455" spans="1:9">
      <c r="A2455" s="1">
        <f ca="1">RAND()</f>
        <v>0.16745320151348875</v>
      </c>
      <c r="B2455" s="1"/>
      <c r="C2455">
        <v>16</v>
      </c>
      <c r="D2455" t="s">
        <v>6067</v>
      </c>
      <c r="E2455" t="s">
        <v>31682</v>
      </c>
      <c r="F2455">
        <v>4</v>
      </c>
      <c r="G2455" t="s">
        <v>0</v>
      </c>
      <c r="H2455" t="s">
        <v>6068</v>
      </c>
      <c r="I2455" t="s">
        <v>30540</v>
      </c>
    </row>
    <row r="2456" spans="1:9">
      <c r="A2456" s="1">
        <f ca="1">RAND()</f>
        <v>0.22105276969520926</v>
      </c>
      <c r="B2456" s="1"/>
      <c r="C2456">
        <v>19</v>
      </c>
      <c r="D2456" t="s">
        <v>6071</v>
      </c>
      <c r="E2456" t="s">
        <v>31682</v>
      </c>
      <c r="F2456">
        <v>4</v>
      </c>
      <c r="G2456" t="s">
        <v>10</v>
      </c>
      <c r="H2456" t="s">
        <v>6072</v>
      </c>
      <c r="I2456" t="s">
        <v>30540</v>
      </c>
    </row>
    <row r="2457" spans="1:9">
      <c r="A2457" s="1">
        <f ca="1">RAND()</f>
        <v>0.90162861399936634</v>
      </c>
      <c r="B2457" s="1"/>
      <c r="C2457">
        <v>18</v>
      </c>
      <c r="D2457" t="s">
        <v>6069</v>
      </c>
      <c r="E2457" t="s">
        <v>31682</v>
      </c>
      <c r="F2457">
        <v>4</v>
      </c>
      <c r="G2457" t="s">
        <v>0</v>
      </c>
      <c r="H2457" t="s">
        <v>6070</v>
      </c>
      <c r="I2457" t="s">
        <v>30540</v>
      </c>
    </row>
    <row r="2458" spans="1:9">
      <c r="A2458" s="1">
        <f ca="1">RAND()</f>
        <v>0.84968789822438995</v>
      </c>
      <c r="B2458" s="1"/>
      <c r="C2458">
        <v>7</v>
      </c>
      <c r="D2458" t="s">
        <v>6065</v>
      </c>
      <c r="E2458" t="s">
        <v>31682</v>
      </c>
      <c r="F2458">
        <v>4</v>
      </c>
      <c r="G2458" t="s">
        <v>9</v>
      </c>
      <c r="H2458" t="s">
        <v>6066</v>
      </c>
      <c r="I2458" t="s">
        <v>30540</v>
      </c>
    </row>
    <row r="2459" spans="1:9">
      <c r="A2459" s="1">
        <f ca="1">RAND()</f>
        <v>0.99566012592854847</v>
      </c>
      <c r="B2459" s="1"/>
      <c r="C2459">
        <v>16</v>
      </c>
      <c r="D2459" t="s">
        <v>6059</v>
      </c>
      <c r="E2459" t="s">
        <v>31683</v>
      </c>
      <c r="F2459">
        <v>5</v>
      </c>
      <c r="G2459" t="s">
        <v>0</v>
      </c>
      <c r="H2459" t="s">
        <v>6060</v>
      </c>
      <c r="I2459" t="s">
        <v>30540</v>
      </c>
    </row>
    <row r="2460" spans="1:9">
      <c r="A2460" s="1">
        <f ca="1">RAND()</f>
        <v>0.42205625774493594</v>
      </c>
      <c r="B2460" s="1"/>
      <c r="C2460">
        <v>17</v>
      </c>
      <c r="D2460" t="s">
        <v>6061</v>
      </c>
      <c r="E2460" t="s">
        <v>31683</v>
      </c>
      <c r="F2460">
        <v>4</v>
      </c>
      <c r="G2460" t="s">
        <v>0</v>
      </c>
      <c r="H2460" t="s">
        <v>6062</v>
      </c>
      <c r="I2460" t="s">
        <v>30540</v>
      </c>
    </row>
    <row r="2461" spans="1:9">
      <c r="A2461" s="1">
        <f ca="1">RAND()</f>
        <v>0.19217002856609566</v>
      </c>
      <c r="B2461" s="1"/>
      <c r="C2461">
        <v>6</v>
      </c>
      <c r="D2461" t="s">
        <v>6057</v>
      </c>
      <c r="E2461" t="s">
        <v>31683</v>
      </c>
      <c r="F2461">
        <v>4</v>
      </c>
      <c r="G2461" t="s">
        <v>15</v>
      </c>
      <c r="H2461" t="s">
        <v>6058</v>
      </c>
      <c r="I2461" t="s">
        <v>30540</v>
      </c>
    </row>
    <row r="2462" spans="1:9">
      <c r="A2462" s="1">
        <f ca="1">RAND()</f>
        <v>0.37507085745070257</v>
      </c>
      <c r="B2462" s="1"/>
      <c r="C2462">
        <v>3</v>
      </c>
      <c r="D2462" t="s">
        <v>6043</v>
      </c>
      <c r="E2462" t="s">
        <v>31684</v>
      </c>
      <c r="F2462">
        <v>5</v>
      </c>
      <c r="G2462" t="s">
        <v>2229</v>
      </c>
      <c r="H2462" t="s">
        <v>6044</v>
      </c>
      <c r="I2462" t="s">
        <v>30540</v>
      </c>
    </row>
    <row r="2463" spans="1:9">
      <c r="A2463" s="1">
        <f ca="1">RAND()</f>
        <v>0.52368008476677319</v>
      </c>
      <c r="B2463" s="1"/>
      <c r="C2463">
        <v>8</v>
      </c>
      <c r="D2463" t="s">
        <v>6047</v>
      </c>
      <c r="E2463" t="s">
        <v>31684</v>
      </c>
      <c r="F2463">
        <v>4</v>
      </c>
      <c r="G2463" t="s">
        <v>775</v>
      </c>
      <c r="H2463" t="s">
        <v>6048</v>
      </c>
      <c r="I2463" t="s">
        <v>30540</v>
      </c>
    </row>
    <row r="2464" spans="1:9">
      <c r="A2464" s="1">
        <f ca="1">RAND()</f>
        <v>0.79707449871453429</v>
      </c>
      <c r="B2464" s="1"/>
      <c r="C2464">
        <v>15</v>
      </c>
      <c r="D2464" t="s">
        <v>6055</v>
      </c>
      <c r="E2464" t="s">
        <v>31684</v>
      </c>
      <c r="F2464">
        <v>4</v>
      </c>
      <c r="G2464" t="s">
        <v>14</v>
      </c>
      <c r="H2464" t="s">
        <v>6056</v>
      </c>
      <c r="I2464" t="s">
        <v>30540</v>
      </c>
    </row>
    <row r="2465" spans="1:9">
      <c r="A2465" s="1">
        <f ca="1">RAND()</f>
        <v>0.7425210029634095</v>
      </c>
      <c r="B2465" s="1"/>
      <c r="C2465">
        <v>10</v>
      </c>
      <c r="D2465" t="s">
        <v>6051</v>
      </c>
      <c r="E2465" t="s">
        <v>31684</v>
      </c>
      <c r="F2465">
        <v>4</v>
      </c>
      <c r="G2465" t="s">
        <v>770</v>
      </c>
      <c r="H2465" t="s">
        <v>6052</v>
      </c>
      <c r="I2465" t="s">
        <v>30540</v>
      </c>
    </row>
    <row r="2466" spans="1:9">
      <c r="A2466" s="1">
        <f ca="1">RAND()</f>
        <v>0.208221548797898</v>
      </c>
      <c r="B2466" s="1"/>
      <c r="C2466">
        <v>9</v>
      </c>
      <c r="D2466" t="s">
        <v>6049</v>
      </c>
      <c r="E2466" t="s">
        <v>31684</v>
      </c>
      <c r="F2466">
        <v>4</v>
      </c>
      <c r="G2466" t="s">
        <v>13</v>
      </c>
      <c r="H2466" t="s">
        <v>6050</v>
      </c>
      <c r="I2466" t="s">
        <v>30540</v>
      </c>
    </row>
    <row r="2467" spans="1:9">
      <c r="A2467" s="1">
        <f ca="1">RAND()</f>
        <v>0.55927362306555362</v>
      </c>
      <c r="B2467" s="1"/>
      <c r="C2467">
        <v>4</v>
      </c>
      <c r="D2467" t="s">
        <v>6045</v>
      </c>
      <c r="E2467" t="s">
        <v>31684</v>
      </c>
      <c r="F2467">
        <v>4</v>
      </c>
      <c r="G2467" t="s">
        <v>2738</v>
      </c>
      <c r="H2467" t="s">
        <v>6046</v>
      </c>
      <c r="I2467" t="s">
        <v>30540</v>
      </c>
    </row>
    <row r="2468" spans="1:9">
      <c r="A2468" s="1">
        <f ca="1">RAND()</f>
        <v>0.9169100731187505</v>
      </c>
      <c r="B2468" s="1"/>
      <c r="C2468">
        <v>14</v>
      </c>
      <c r="D2468" t="s">
        <v>6053</v>
      </c>
      <c r="E2468" t="s">
        <v>31684</v>
      </c>
      <c r="F2468">
        <v>3</v>
      </c>
      <c r="G2468" t="s">
        <v>13</v>
      </c>
      <c r="H2468" t="s">
        <v>6054</v>
      </c>
      <c r="I2468" t="s">
        <v>30540</v>
      </c>
    </row>
    <row r="2469" spans="1:9">
      <c r="A2469" s="1">
        <f ca="1">RAND()</f>
        <v>0.68650154807202413</v>
      </c>
      <c r="B2469" s="1"/>
      <c r="C2469">
        <v>17</v>
      </c>
      <c r="D2469" t="s">
        <v>6041</v>
      </c>
      <c r="E2469" t="s">
        <v>31685</v>
      </c>
      <c r="F2469">
        <v>4</v>
      </c>
      <c r="G2469" t="s">
        <v>0</v>
      </c>
      <c r="H2469" t="s">
        <v>6042</v>
      </c>
      <c r="I2469" t="s">
        <v>30540</v>
      </c>
    </row>
    <row r="2470" spans="1:9">
      <c r="A2470" s="1">
        <f ca="1">RAND()</f>
        <v>0.8205315025272365</v>
      </c>
      <c r="B2470" s="1"/>
      <c r="C2470">
        <v>10</v>
      </c>
      <c r="D2470" t="s">
        <v>6037</v>
      </c>
      <c r="E2470" t="s">
        <v>31685</v>
      </c>
      <c r="F2470">
        <v>4</v>
      </c>
      <c r="G2470" t="s">
        <v>0</v>
      </c>
      <c r="H2470" t="s">
        <v>6038</v>
      </c>
      <c r="I2470" t="s">
        <v>30540</v>
      </c>
    </row>
    <row r="2471" spans="1:9">
      <c r="A2471" s="1">
        <f ca="1">RAND()</f>
        <v>7.5859852485756218E-2</v>
      </c>
      <c r="B2471" s="1"/>
      <c r="C2471">
        <v>11</v>
      </c>
      <c r="D2471" t="s">
        <v>6039</v>
      </c>
      <c r="E2471" t="s">
        <v>31685</v>
      </c>
      <c r="F2471">
        <v>4</v>
      </c>
      <c r="G2471" t="s">
        <v>0</v>
      </c>
      <c r="H2471" t="s">
        <v>6040</v>
      </c>
      <c r="I2471" t="s">
        <v>30540</v>
      </c>
    </row>
    <row r="2472" spans="1:9">
      <c r="A2472" s="1">
        <f ca="1">RAND()</f>
        <v>0.35163905948372909</v>
      </c>
      <c r="B2472" s="1"/>
      <c r="C2472">
        <v>1</v>
      </c>
      <c r="D2472" t="s">
        <v>6033</v>
      </c>
      <c r="E2472" t="s">
        <v>31685</v>
      </c>
      <c r="F2472">
        <v>4</v>
      </c>
      <c r="G2472" t="s">
        <v>15</v>
      </c>
      <c r="H2472" t="s">
        <v>6034</v>
      </c>
      <c r="I2472" t="s">
        <v>30540</v>
      </c>
    </row>
    <row r="2473" spans="1:9">
      <c r="A2473" s="1">
        <f ca="1">RAND()</f>
        <v>0.77613376948535551</v>
      </c>
      <c r="B2473" s="1"/>
      <c r="C2473">
        <v>4</v>
      </c>
      <c r="D2473" t="s">
        <v>6035</v>
      </c>
      <c r="E2473" t="s">
        <v>31685</v>
      </c>
      <c r="F2473">
        <v>4</v>
      </c>
      <c r="G2473" t="s">
        <v>0</v>
      </c>
      <c r="H2473" t="s">
        <v>6036</v>
      </c>
      <c r="I2473" t="s">
        <v>30540</v>
      </c>
    </row>
    <row r="2474" spans="1:9">
      <c r="A2474" s="1">
        <f ca="1">RAND()</f>
        <v>0.46429627283714947</v>
      </c>
      <c r="B2474" s="1"/>
      <c r="C2474">
        <v>15</v>
      </c>
      <c r="D2474" t="s">
        <v>6029</v>
      </c>
      <c r="E2474" t="s">
        <v>31686</v>
      </c>
      <c r="F2474">
        <v>4</v>
      </c>
      <c r="G2474" t="s">
        <v>10</v>
      </c>
      <c r="H2474" t="s">
        <v>6030</v>
      </c>
      <c r="I2474" t="s">
        <v>30540</v>
      </c>
    </row>
    <row r="2475" spans="1:9">
      <c r="A2475" s="1">
        <f ca="1">RAND()</f>
        <v>0.71976907824815606</v>
      </c>
      <c r="B2475" s="1"/>
      <c r="C2475">
        <v>13</v>
      </c>
      <c r="D2475" t="s">
        <v>6027</v>
      </c>
      <c r="E2475" t="s">
        <v>31686</v>
      </c>
      <c r="F2475">
        <v>4</v>
      </c>
      <c r="G2475" t="s">
        <v>0</v>
      </c>
      <c r="H2475" t="s">
        <v>6028</v>
      </c>
      <c r="I2475" t="s">
        <v>30540</v>
      </c>
    </row>
    <row r="2476" spans="1:9">
      <c r="A2476" s="1">
        <f ca="1">RAND()</f>
        <v>0.58954503487304244</v>
      </c>
      <c r="B2476" s="1"/>
      <c r="C2476">
        <v>18</v>
      </c>
      <c r="D2476" t="s">
        <v>6031</v>
      </c>
      <c r="E2476" t="s">
        <v>31686</v>
      </c>
      <c r="F2476">
        <v>4</v>
      </c>
      <c r="G2476" t="s">
        <v>0</v>
      </c>
      <c r="H2476" t="s">
        <v>6032</v>
      </c>
      <c r="I2476" t="s">
        <v>30540</v>
      </c>
    </row>
    <row r="2477" spans="1:9">
      <c r="A2477" s="1">
        <f ca="1">RAND()</f>
        <v>0.94682963602008552</v>
      </c>
      <c r="B2477" s="1"/>
      <c r="C2477">
        <v>10</v>
      </c>
      <c r="D2477" t="s">
        <v>6025</v>
      </c>
      <c r="E2477" t="s">
        <v>31686</v>
      </c>
      <c r="F2477">
        <v>2</v>
      </c>
      <c r="G2477" t="s">
        <v>10</v>
      </c>
      <c r="H2477" t="s">
        <v>6026</v>
      </c>
      <c r="I2477" t="s">
        <v>30540</v>
      </c>
    </row>
    <row r="2478" spans="1:9">
      <c r="A2478" s="1">
        <f ca="1">RAND()</f>
        <v>0.74383088093836813</v>
      </c>
      <c r="B2478" s="1"/>
      <c r="C2478">
        <v>11</v>
      </c>
      <c r="D2478" t="s">
        <v>6017</v>
      </c>
      <c r="E2478" t="s">
        <v>31687</v>
      </c>
      <c r="F2478">
        <v>5</v>
      </c>
      <c r="G2478" t="s">
        <v>0</v>
      </c>
      <c r="H2478" t="s">
        <v>6018</v>
      </c>
      <c r="I2478" t="s">
        <v>30540</v>
      </c>
    </row>
    <row r="2479" spans="1:9">
      <c r="A2479" s="1">
        <f ca="1">RAND()</f>
        <v>0.33229111389963273</v>
      </c>
      <c r="B2479" s="1"/>
      <c r="C2479">
        <v>3</v>
      </c>
      <c r="D2479" t="s">
        <v>6015</v>
      </c>
      <c r="E2479" t="s">
        <v>31687</v>
      </c>
      <c r="F2479">
        <v>4</v>
      </c>
      <c r="G2479" t="s">
        <v>10</v>
      </c>
      <c r="H2479" t="s">
        <v>6016</v>
      </c>
      <c r="I2479" t="s">
        <v>30540</v>
      </c>
    </row>
    <row r="2480" spans="1:9">
      <c r="A2480" s="1">
        <f ca="1">RAND()</f>
        <v>0.9144274213855349</v>
      </c>
      <c r="B2480" s="1"/>
      <c r="C2480">
        <v>12</v>
      </c>
      <c r="D2480" t="s">
        <v>6019</v>
      </c>
      <c r="E2480" t="s">
        <v>31687</v>
      </c>
      <c r="F2480">
        <v>4</v>
      </c>
      <c r="G2480" t="s">
        <v>1</v>
      </c>
      <c r="H2480" t="s">
        <v>6020</v>
      </c>
      <c r="I2480" t="s">
        <v>30540</v>
      </c>
    </row>
    <row r="2481" spans="1:9">
      <c r="A2481" s="1">
        <f ca="1">RAND()</f>
        <v>0.4587079551184019</v>
      </c>
      <c r="B2481" s="1"/>
      <c r="C2481">
        <v>16</v>
      </c>
      <c r="D2481" t="s">
        <v>6021</v>
      </c>
      <c r="E2481" t="s">
        <v>31687</v>
      </c>
      <c r="F2481">
        <v>4</v>
      </c>
      <c r="G2481" t="s">
        <v>0</v>
      </c>
      <c r="H2481" t="s">
        <v>6022</v>
      </c>
      <c r="I2481" t="s">
        <v>30540</v>
      </c>
    </row>
    <row r="2482" spans="1:9">
      <c r="A2482" s="1">
        <f ca="1">RAND()</f>
        <v>0.98622334429229719</v>
      </c>
      <c r="B2482" s="1"/>
      <c r="C2482">
        <v>19</v>
      </c>
      <c r="D2482" t="s">
        <v>6023</v>
      </c>
      <c r="E2482" t="s">
        <v>31687</v>
      </c>
      <c r="F2482">
        <v>2</v>
      </c>
      <c r="G2482" t="s">
        <v>9</v>
      </c>
      <c r="H2482" t="s">
        <v>6024</v>
      </c>
      <c r="I2482" t="s">
        <v>30540</v>
      </c>
    </row>
    <row r="2483" spans="1:9">
      <c r="A2483" s="1">
        <f ca="1">RAND()</f>
        <v>0.91221266053916594</v>
      </c>
      <c r="B2483" s="1"/>
      <c r="C2483">
        <v>10</v>
      </c>
      <c r="D2483" t="s">
        <v>6005</v>
      </c>
      <c r="E2483" t="s">
        <v>31688</v>
      </c>
      <c r="F2483">
        <v>4</v>
      </c>
      <c r="G2483" t="s">
        <v>0</v>
      </c>
      <c r="H2483" t="s">
        <v>6006</v>
      </c>
      <c r="I2483" t="s">
        <v>30540</v>
      </c>
    </row>
    <row r="2484" spans="1:9">
      <c r="A2484" s="1">
        <f ca="1">RAND()</f>
        <v>0.62812529198064648</v>
      </c>
      <c r="B2484" s="1"/>
      <c r="C2484">
        <v>18</v>
      </c>
      <c r="D2484" t="s">
        <v>6011</v>
      </c>
      <c r="E2484" t="s">
        <v>31688</v>
      </c>
      <c r="F2484">
        <v>4</v>
      </c>
      <c r="G2484" t="s">
        <v>0</v>
      </c>
      <c r="H2484" t="s">
        <v>6012</v>
      </c>
      <c r="I2484" t="s">
        <v>30540</v>
      </c>
    </row>
    <row r="2485" spans="1:9">
      <c r="A2485" s="1">
        <f ca="1">RAND()</f>
        <v>0.3884901666054108</v>
      </c>
      <c r="B2485" s="1"/>
      <c r="C2485">
        <v>8</v>
      </c>
      <c r="D2485" t="s">
        <v>6003</v>
      </c>
      <c r="E2485" t="s">
        <v>31688</v>
      </c>
      <c r="F2485">
        <v>4</v>
      </c>
      <c r="G2485" t="s">
        <v>15</v>
      </c>
      <c r="H2485" t="s">
        <v>6004</v>
      </c>
      <c r="I2485" t="s">
        <v>30540</v>
      </c>
    </row>
    <row r="2486" spans="1:9">
      <c r="A2486" s="1">
        <f ca="1">RAND()</f>
        <v>0.833481520533221</v>
      </c>
      <c r="B2486" s="1"/>
      <c r="C2486">
        <v>15</v>
      </c>
      <c r="D2486" t="s">
        <v>6009</v>
      </c>
      <c r="E2486" t="s">
        <v>31688</v>
      </c>
      <c r="F2486">
        <v>4</v>
      </c>
      <c r="G2486" t="s">
        <v>15</v>
      </c>
      <c r="H2486" t="s">
        <v>6010</v>
      </c>
      <c r="I2486" t="s">
        <v>30540</v>
      </c>
    </row>
    <row r="2487" spans="1:9">
      <c r="A2487" s="1">
        <f ca="1">RAND()</f>
        <v>2.7522670260352156E-2</v>
      </c>
      <c r="B2487" s="1"/>
      <c r="C2487">
        <v>19</v>
      </c>
      <c r="D2487" t="s">
        <v>6013</v>
      </c>
      <c r="E2487" t="s">
        <v>31688</v>
      </c>
      <c r="F2487">
        <v>4</v>
      </c>
      <c r="G2487" t="s">
        <v>0</v>
      </c>
      <c r="H2487" t="s">
        <v>6014</v>
      </c>
      <c r="I2487" t="s">
        <v>30540</v>
      </c>
    </row>
    <row r="2488" spans="1:9">
      <c r="A2488" s="1">
        <f ca="1">RAND()</f>
        <v>0.5648429288636625</v>
      </c>
      <c r="B2488" s="1"/>
      <c r="C2488">
        <v>12</v>
      </c>
      <c r="D2488" t="s">
        <v>6007</v>
      </c>
      <c r="E2488" t="s">
        <v>31688</v>
      </c>
      <c r="F2488">
        <v>4</v>
      </c>
      <c r="G2488" t="s">
        <v>1</v>
      </c>
      <c r="H2488" t="s">
        <v>6008</v>
      </c>
      <c r="I2488" t="s">
        <v>30540</v>
      </c>
    </row>
    <row r="2489" spans="1:9">
      <c r="A2489" s="1">
        <f ca="1">RAND()</f>
        <v>0.39136192060973163</v>
      </c>
      <c r="B2489" s="1"/>
      <c r="C2489">
        <v>1</v>
      </c>
      <c r="D2489" t="s">
        <v>6001</v>
      </c>
      <c r="E2489" t="s">
        <v>31688</v>
      </c>
      <c r="F2489">
        <v>2</v>
      </c>
      <c r="G2489" t="s">
        <v>10</v>
      </c>
      <c r="H2489" t="s">
        <v>6002</v>
      </c>
      <c r="I2489" t="s">
        <v>30540</v>
      </c>
    </row>
    <row r="2490" spans="1:9">
      <c r="A2490" s="1">
        <f ca="1">RAND()</f>
        <v>0.4829774183227562</v>
      </c>
      <c r="B2490" s="1"/>
      <c r="C2490">
        <v>14</v>
      </c>
      <c r="D2490" t="s">
        <v>5995</v>
      </c>
      <c r="E2490" t="s">
        <v>31689</v>
      </c>
      <c r="F2490">
        <v>5</v>
      </c>
      <c r="G2490" t="s">
        <v>10</v>
      </c>
      <c r="H2490" t="s">
        <v>5996</v>
      </c>
      <c r="I2490" t="s">
        <v>30540</v>
      </c>
    </row>
    <row r="2491" spans="1:9">
      <c r="A2491" s="1">
        <f ca="1">RAND()</f>
        <v>0.16636926994341972</v>
      </c>
      <c r="B2491" s="1"/>
      <c r="C2491">
        <v>17</v>
      </c>
      <c r="D2491" t="s">
        <v>5997</v>
      </c>
      <c r="E2491" t="s">
        <v>31689</v>
      </c>
      <c r="F2491">
        <v>5</v>
      </c>
      <c r="G2491" t="s">
        <v>0</v>
      </c>
      <c r="H2491" t="s">
        <v>5998</v>
      </c>
      <c r="I2491" t="s">
        <v>30540</v>
      </c>
    </row>
    <row r="2492" spans="1:9">
      <c r="A2492" s="1">
        <f ca="1">RAND()</f>
        <v>0.50264440233162289</v>
      </c>
      <c r="B2492" s="1"/>
      <c r="C2492">
        <v>10</v>
      </c>
      <c r="D2492" t="s">
        <v>5991</v>
      </c>
      <c r="E2492" t="s">
        <v>31689</v>
      </c>
      <c r="F2492">
        <v>5</v>
      </c>
      <c r="G2492" t="s">
        <v>0</v>
      </c>
      <c r="H2492" t="s">
        <v>5992</v>
      </c>
      <c r="I2492" t="s">
        <v>30540</v>
      </c>
    </row>
    <row r="2493" spans="1:9">
      <c r="A2493" s="1">
        <f ca="1">RAND()</f>
        <v>0.58708275271268917</v>
      </c>
      <c r="B2493" s="1"/>
      <c r="C2493">
        <v>13</v>
      </c>
      <c r="D2493" t="s">
        <v>5993</v>
      </c>
      <c r="E2493" t="s">
        <v>31689</v>
      </c>
      <c r="F2493">
        <v>4</v>
      </c>
      <c r="G2493" t="s">
        <v>0</v>
      </c>
      <c r="H2493" t="s">
        <v>5994</v>
      </c>
      <c r="I2493" t="s">
        <v>30540</v>
      </c>
    </row>
    <row r="2494" spans="1:9">
      <c r="A2494" s="1">
        <f ca="1">RAND()</f>
        <v>0.38116142259499763</v>
      </c>
      <c r="B2494" s="1"/>
      <c r="C2494">
        <v>1</v>
      </c>
      <c r="D2494" t="s">
        <v>5985</v>
      </c>
      <c r="E2494" t="s">
        <v>31689</v>
      </c>
      <c r="F2494">
        <v>4</v>
      </c>
      <c r="G2494" t="s">
        <v>15</v>
      </c>
      <c r="H2494" t="s">
        <v>5986</v>
      </c>
      <c r="I2494" t="s">
        <v>30540</v>
      </c>
    </row>
    <row r="2495" spans="1:9">
      <c r="A2495" s="1">
        <f ca="1">RAND()</f>
        <v>0.13975782680175586</v>
      </c>
      <c r="B2495" s="1"/>
      <c r="C2495">
        <v>7</v>
      </c>
      <c r="D2495" t="s">
        <v>5989</v>
      </c>
      <c r="E2495" t="s">
        <v>31689</v>
      </c>
      <c r="F2495">
        <v>4</v>
      </c>
      <c r="G2495" t="s">
        <v>2</v>
      </c>
      <c r="H2495" t="s">
        <v>5990</v>
      </c>
      <c r="I2495" t="s">
        <v>30540</v>
      </c>
    </row>
    <row r="2496" spans="1:9">
      <c r="A2496" s="1">
        <f ca="1">RAND()</f>
        <v>0.7174840283937125</v>
      </c>
      <c r="B2496" s="1"/>
      <c r="C2496">
        <v>18</v>
      </c>
      <c r="D2496" t="s">
        <v>5999</v>
      </c>
      <c r="E2496" t="s">
        <v>31689</v>
      </c>
      <c r="F2496">
        <v>4</v>
      </c>
      <c r="G2496" t="s">
        <v>13</v>
      </c>
      <c r="H2496" t="s">
        <v>6000</v>
      </c>
      <c r="I2496" t="s">
        <v>30540</v>
      </c>
    </row>
    <row r="2497" spans="1:9">
      <c r="A2497" s="1">
        <f ca="1">RAND()</f>
        <v>8.6305582890405241E-2</v>
      </c>
      <c r="B2497" s="1"/>
      <c r="C2497">
        <v>5</v>
      </c>
      <c r="D2497" t="s">
        <v>5987</v>
      </c>
      <c r="E2497" t="s">
        <v>31689</v>
      </c>
      <c r="F2497">
        <v>3</v>
      </c>
      <c r="G2497" t="s">
        <v>9</v>
      </c>
      <c r="H2497" t="s">
        <v>5988</v>
      </c>
      <c r="I2497" t="s">
        <v>30540</v>
      </c>
    </row>
    <row r="2498" spans="1:9">
      <c r="A2498" s="1">
        <f ca="1">RAND()</f>
        <v>0.77861117235547472</v>
      </c>
      <c r="B2498" s="1"/>
      <c r="C2498">
        <v>7</v>
      </c>
      <c r="D2498" t="s">
        <v>5981</v>
      </c>
      <c r="E2498" t="s">
        <v>31690</v>
      </c>
      <c r="F2498">
        <v>4</v>
      </c>
      <c r="G2498" t="s">
        <v>770</v>
      </c>
      <c r="H2498" t="s">
        <v>5982</v>
      </c>
      <c r="I2498" t="s">
        <v>30540</v>
      </c>
    </row>
    <row r="2499" spans="1:9">
      <c r="A2499" s="1">
        <f ca="1">RAND()</f>
        <v>0.87249972796497688</v>
      </c>
      <c r="B2499" s="1"/>
      <c r="C2499">
        <v>14</v>
      </c>
      <c r="D2499" t="s">
        <v>5983</v>
      </c>
      <c r="E2499" t="s">
        <v>31690</v>
      </c>
      <c r="F2499">
        <v>4</v>
      </c>
      <c r="G2499" t="s">
        <v>2738</v>
      </c>
      <c r="H2499" t="s">
        <v>5984</v>
      </c>
      <c r="I2499" t="s">
        <v>30540</v>
      </c>
    </row>
    <row r="2500" spans="1:9">
      <c r="A2500" s="1">
        <f ca="1">RAND()</f>
        <v>0.48263303375857669</v>
      </c>
      <c r="B2500" s="1"/>
      <c r="C2500">
        <v>8</v>
      </c>
      <c r="D2500" t="s">
        <v>5971</v>
      </c>
      <c r="E2500" t="s">
        <v>31691</v>
      </c>
      <c r="F2500">
        <v>5</v>
      </c>
      <c r="G2500" t="s">
        <v>9</v>
      </c>
      <c r="H2500" t="s">
        <v>5972</v>
      </c>
      <c r="I2500" t="s">
        <v>30540</v>
      </c>
    </row>
    <row r="2501" spans="1:9">
      <c r="A2501" s="1">
        <f ca="1">RAND()</f>
        <v>0.87101949431214343</v>
      </c>
      <c r="B2501" s="1"/>
      <c r="C2501">
        <v>18</v>
      </c>
      <c r="D2501" t="s">
        <v>5979</v>
      </c>
      <c r="E2501" t="s">
        <v>31691</v>
      </c>
      <c r="F2501">
        <v>4</v>
      </c>
      <c r="G2501" t="s">
        <v>0</v>
      </c>
      <c r="H2501" t="s">
        <v>5980</v>
      </c>
      <c r="I2501" t="s">
        <v>30540</v>
      </c>
    </row>
    <row r="2502" spans="1:9">
      <c r="A2502" s="1">
        <f ca="1">RAND()</f>
        <v>0.67902389377921535</v>
      </c>
      <c r="B2502" s="1"/>
      <c r="C2502">
        <v>4</v>
      </c>
      <c r="D2502" t="s">
        <v>5969</v>
      </c>
      <c r="E2502" t="s">
        <v>31691</v>
      </c>
      <c r="F2502">
        <v>4</v>
      </c>
      <c r="G2502" t="s">
        <v>0</v>
      </c>
      <c r="H2502" t="s">
        <v>5970</v>
      </c>
      <c r="I2502" t="s">
        <v>30540</v>
      </c>
    </row>
    <row r="2503" spans="1:9">
      <c r="A2503" s="1">
        <f ca="1">RAND()</f>
        <v>0.31331476410270342</v>
      </c>
      <c r="B2503" s="1"/>
      <c r="C2503">
        <v>15</v>
      </c>
      <c r="D2503" t="s">
        <v>5975</v>
      </c>
      <c r="E2503" t="s">
        <v>31691</v>
      </c>
      <c r="F2503">
        <v>4</v>
      </c>
      <c r="G2503" t="s">
        <v>2</v>
      </c>
      <c r="H2503" t="s">
        <v>5976</v>
      </c>
      <c r="I2503" t="s">
        <v>30540</v>
      </c>
    </row>
    <row r="2504" spans="1:9">
      <c r="A2504" s="1">
        <f ca="1">RAND()</f>
        <v>0.18632223903506961</v>
      </c>
      <c r="B2504" s="1"/>
      <c r="C2504">
        <v>16</v>
      </c>
      <c r="D2504" t="s">
        <v>5977</v>
      </c>
      <c r="E2504" t="s">
        <v>31691</v>
      </c>
      <c r="F2504">
        <v>4</v>
      </c>
      <c r="G2504" t="s">
        <v>15</v>
      </c>
      <c r="H2504" t="s">
        <v>5978</v>
      </c>
      <c r="I2504" t="s">
        <v>30540</v>
      </c>
    </row>
    <row r="2505" spans="1:9">
      <c r="A2505" s="1">
        <f ca="1">RAND()</f>
        <v>3.2801157892059063E-2</v>
      </c>
      <c r="B2505" s="1"/>
      <c r="C2505">
        <v>14</v>
      </c>
      <c r="D2505" t="s">
        <v>5973</v>
      </c>
      <c r="E2505" t="s">
        <v>31691</v>
      </c>
      <c r="F2505">
        <v>2</v>
      </c>
      <c r="G2505" t="s">
        <v>0</v>
      </c>
      <c r="H2505" t="s">
        <v>5974</v>
      </c>
      <c r="I2505" t="s">
        <v>30540</v>
      </c>
    </row>
    <row r="2506" spans="1:9">
      <c r="A2506" s="1">
        <f ca="1">RAND()</f>
        <v>0.72826927751280279</v>
      </c>
      <c r="B2506" s="1"/>
      <c r="C2506">
        <v>11</v>
      </c>
      <c r="D2506" t="s">
        <v>5963</v>
      </c>
      <c r="E2506" t="s">
        <v>31692</v>
      </c>
      <c r="F2506">
        <v>5</v>
      </c>
      <c r="G2506" t="s">
        <v>1</v>
      </c>
      <c r="H2506" t="s">
        <v>5964</v>
      </c>
      <c r="I2506" t="s">
        <v>30540</v>
      </c>
    </row>
    <row r="2507" spans="1:9">
      <c r="A2507" s="1">
        <f ca="1">RAND()</f>
        <v>0.53943524622262229</v>
      </c>
      <c r="B2507" s="1"/>
      <c r="C2507">
        <v>4</v>
      </c>
      <c r="D2507" t="s">
        <v>5957</v>
      </c>
      <c r="E2507" t="s">
        <v>31692</v>
      </c>
      <c r="F2507">
        <v>4</v>
      </c>
      <c r="G2507" t="s">
        <v>2</v>
      </c>
      <c r="H2507" t="s">
        <v>5958</v>
      </c>
      <c r="I2507" t="s">
        <v>30540</v>
      </c>
    </row>
    <row r="2508" spans="1:9">
      <c r="A2508" s="1">
        <f ca="1">RAND()</f>
        <v>0.96308239559034237</v>
      </c>
      <c r="B2508" s="1"/>
      <c r="C2508">
        <v>17</v>
      </c>
      <c r="D2508" t="s">
        <v>5967</v>
      </c>
      <c r="E2508" t="s">
        <v>31692</v>
      </c>
      <c r="F2508">
        <v>4</v>
      </c>
      <c r="G2508" t="s">
        <v>1</v>
      </c>
      <c r="H2508" t="s">
        <v>5968</v>
      </c>
      <c r="I2508" t="s">
        <v>30540</v>
      </c>
    </row>
    <row r="2509" spans="1:9">
      <c r="A2509" s="1">
        <f ca="1">RAND()</f>
        <v>0.28476930389963007</v>
      </c>
      <c r="B2509" s="1"/>
      <c r="C2509">
        <v>7</v>
      </c>
      <c r="D2509" t="s">
        <v>5959</v>
      </c>
      <c r="E2509" t="s">
        <v>31692</v>
      </c>
      <c r="F2509">
        <v>4</v>
      </c>
      <c r="G2509" t="s">
        <v>0</v>
      </c>
      <c r="H2509" t="s">
        <v>5960</v>
      </c>
      <c r="I2509" t="s">
        <v>30540</v>
      </c>
    </row>
    <row r="2510" spans="1:9">
      <c r="A2510" s="1">
        <f ca="1">RAND()</f>
        <v>0.59799433499346522</v>
      </c>
      <c r="B2510" s="1"/>
      <c r="C2510">
        <v>8</v>
      </c>
      <c r="D2510" t="s">
        <v>5961</v>
      </c>
      <c r="E2510" t="s">
        <v>31692</v>
      </c>
      <c r="F2510">
        <v>4</v>
      </c>
      <c r="G2510" t="s">
        <v>0</v>
      </c>
      <c r="H2510" t="s">
        <v>5962</v>
      </c>
      <c r="I2510" t="s">
        <v>30540</v>
      </c>
    </row>
    <row r="2511" spans="1:9">
      <c r="A2511" s="1">
        <f ca="1">RAND()</f>
        <v>0.34967685671040383</v>
      </c>
      <c r="B2511" s="1"/>
      <c r="C2511">
        <v>16</v>
      </c>
      <c r="D2511" t="s">
        <v>5965</v>
      </c>
      <c r="E2511" t="s">
        <v>31692</v>
      </c>
      <c r="F2511">
        <v>4</v>
      </c>
      <c r="G2511" t="s">
        <v>0</v>
      </c>
      <c r="H2511" t="s">
        <v>5966</v>
      </c>
      <c r="I2511" t="s">
        <v>30540</v>
      </c>
    </row>
    <row r="2512" spans="1:9">
      <c r="A2512" s="1">
        <f ca="1">RAND()</f>
        <v>0.55475700847524212</v>
      </c>
      <c r="B2512" s="1"/>
      <c r="C2512">
        <v>10</v>
      </c>
      <c r="D2512" t="s">
        <v>5947</v>
      </c>
      <c r="E2512" t="s">
        <v>31693</v>
      </c>
      <c r="F2512">
        <v>5</v>
      </c>
      <c r="G2512" t="s">
        <v>0</v>
      </c>
      <c r="H2512" t="s">
        <v>5948</v>
      </c>
      <c r="I2512" t="s">
        <v>30540</v>
      </c>
    </row>
    <row r="2513" spans="1:9">
      <c r="A2513" s="1">
        <f ca="1">RAND()</f>
        <v>0.5236549661480262</v>
      </c>
      <c r="B2513" s="1"/>
      <c r="C2513">
        <v>20</v>
      </c>
      <c r="D2513" t="s">
        <v>5955</v>
      </c>
      <c r="E2513" t="s">
        <v>31693</v>
      </c>
      <c r="F2513">
        <v>5</v>
      </c>
      <c r="G2513" t="s">
        <v>0</v>
      </c>
      <c r="H2513" t="s">
        <v>5956</v>
      </c>
      <c r="I2513" t="s">
        <v>30540</v>
      </c>
    </row>
    <row r="2514" spans="1:9">
      <c r="A2514" s="1">
        <f ca="1">RAND()</f>
        <v>0.88330031256570429</v>
      </c>
      <c r="B2514" s="1"/>
      <c r="C2514">
        <v>18</v>
      </c>
      <c r="D2514" t="s">
        <v>5953</v>
      </c>
      <c r="E2514" t="s">
        <v>31693</v>
      </c>
      <c r="F2514">
        <v>5</v>
      </c>
      <c r="G2514" t="s">
        <v>0</v>
      </c>
      <c r="H2514" t="s">
        <v>5954</v>
      </c>
      <c r="I2514" t="s">
        <v>30540</v>
      </c>
    </row>
    <row r="2515" spans="1:9">
      <c r="A2515" s="1">
        <f ca="1">RAND()</f>
        <v>0.63281227187600009</v>
      </c>
      <c r="B2515" s="1"/>
      <c r="C2515">
        <v>17</v>
      </c>
      <c r="D2515" t="s">
        <v>5951</v>
      </c>
      <c r="E2515" t="s">
        <v>31693</v>
      </c>
      <c r="F2515">
        <v>5</v>
      </c>
      <c r="G2515" t="s">
        <v>0</v>
      </c>
      <c r="H2515" t="s">
        <v>5952</v>
      </c>
      <c r="I2515" t="s">
        <v>30540</v>
      </c>
    </row>
    <row r="2516" spans="1:9">
      <c r="A2516" s="1">
        <f ca="1">RAND()</f>
        <v>0.92642345190263886</v>
      </c>
      <c r="B2516" s="1"/>
      <c r="C2516">
        <v>5</v>
      </c>
      <c r="D2516" t="s">
        <v>5943</v>
      </c>
      <c r="E2516" t="s">
        <v>31693</v>
      </c>
      <c r="F2516">
        <v>5</v>
      </c>
      <c r="G2516" t="s">
        <v>2</v>
      </c>
      <c r="H2516" t="s">
        <v>5944</v>
      </c>
      <c r="I2516" t="s">
        <v>30540</v>
      </c>
    </row>
    <row r="2517" spans="1:9">
      <c r="A2517" s="1">
        <f ca="1">RAND()</f>
        <v>0.65256000055856977</v>
      </c>
      <c r="B2517" s="1"/>
      <c r="C2517">
        <v>7</v>
      </c>
      <c r="D2517" t="s">
        <v>5945</v>
      </c>
      <c r="E2517" t="s">
        <v>31693</v>
      </c>
      <c r="F2517">
        <v>4</v>
      </c>
      <c r="G2517" t="s">
        <v>15</v>
      </c>
      <c r="H2517" t="s">
        <v>5946</v>
      </c>
      <c r="I2517" t="s">
        <v>30540</v>
      </c>
    </row>
    <row r="2518" spans="1:9">
      <c r="A2518" s="1">
        <f ca="1">RAND()</f>
        <v>0.98207105434972897</v>
      </c>
      <c r="B2518" s="1"/>
      <c r="C2518">
        <v>16</v>
      </c>
      <c r="D2518" t="s">
        <v>5949</v>
      </c>
      <c r="E2518" t="s">
        <v>31693</v>
      </c>
      <c r="F2518">
        <v>4</v>
      </c>
      <c r="G2518" t="s">
        <v>0</v>
      </c>
      <c r="H2518" t="s">
        <v>5950</v>
      </c>
      <c r="I2518" t="s">
        <v>30540</v>
      </c>
    </row>
    <row r="2519" spans="1:9">
      <c r="A2519" s="1">
        <f ca="1">RAND()</f>
        <v>0.90162005513121257</v>
      </c>
      <c r="B2519" s="1"/>
      <c r="C2519">
        <v>11</v>
      </c>
      <c r="D2519" t="s">
        <v>5939</v>
      </c>
      <c r="E2519" t="s">
        <v>31694</v>
      </c>
      <c r="F2519">
        <v>5</v>
      </c>
      <c r="G2519" t="s">
        <v>10</v>
      </c>
      <c r="H2519" t="s">
        <v>5940</v>
      </c>
      <c r="I2519" t="s">
        <v>30540</v>
      </c>
    </row>
    <row r="2520" spans="1:9">
      <c r="A2520" s="1">
        <f ca="1">RAND()</f>
        <v>1.0811624767821049E-2</v>
      </c>
      <c r="B2520" s="1"/>
      <c r="C2520">
        <v>4</v>
      </c>
      <c r="D2520" t="s">
        <v>5935</v>
      </c>
      <c r="E2520" t="s">
        <v>31694</v>
      </c>
      <c r="F2520">
        <v>5</v>
      </c>
      <c r="G2520" t="s">
        <v>0</v>
      </c>
      <c r="H2520" t="s">
        <v>5936</v>
      </c>
      <c r="I2520" t="s">
        <v>30540</v>
      </c>
    </row>
    <row r="2521" spans="1:9">
      <c r="A2521" s="1">
        <f ca="1">RAND()</f>
        <v>0.59986350869923966</v>
      </c>
      <c r="B2521" s="1"/>
      <c r="C2521">
        <v>18</v>
      </c>
      <c r="D2521" t="s">
        <v>5941</v>
      </c>
      <c r="E2521" t="s">
        <v>31694</v>
      </c>
      <c r="F2521">
        <v>4</v>
      </c>
      <c r="G2521" t="s">
        <v>0</v>
      </c>
      <c r="H2521" t="s">
        <v>5942</v>
      </c>
      <c r="I2521" t="s">
        <v>30540</v>
      </c>
    </row>
    <row r="2522" spans="1:9">
      <c r="A2522" s="1">
        <f ca="1">RAND()</f>
        <v>4.2599054363404831E-2</v>
      </c>
      <c r="B2522" s="1"/>
      <c r="C2522">
        <v>8</v>
      </c>
      <c r="D2522" t="s">
        <v>5937</v>
      </c>
      <c r="E2522" t="s">
        <v>31694</v>
      </c>
      <c r="F2522">
        <v>4</v>
      </c>
      <c r="G2522" t="s">
        <v>0</v>
      </c>
      <c r="H2522" t="s">
        <v>5938</v>
      </c>
      <c r="I2522" t="s">
        <v>30540</v>
      </c>
    </row>
    <row r="2523" spans="1:9">
      <c r="A2523" s="1">
        <f ca="1">RAND()</f>
        <v>0.39661475928489387</v>
      </c>
      <c r="B2523" s="1"/>
      <c r="C2523">
        <v>2</v>
      </c>
      <c r="D2523" t="s">
        <v>5933</v>
      </c>
      <c r="E2523" t="s">
        <v>31694</v>
      </c>
      <c r="F2523">
        <v>3</v>
      </c>
      <c r="G2523" t="s">
        <v>0</v>
      </c>
      <c r="H2523" t="s">
        <v>5934</v>
      </c>
      <c r="I2523" t="s">
        <v>30540</v>
      </c>
    </row>
    <row r="2524" spans="1:9">
      <c r="A2524" s="1">
        <f ca="1">RAND()</f>
        <v>0.90481965322759439</v>
      </c>
      <c r="B2524" s="1"/>
      <c r="C2524">
        <v>18</v>
      </c>
      <c r="D2524" t="s">
        <v>5929</v>
      </c>
      <c r="E2524" t="s">
        <v>31695</v>
      </c>
      <c r="F2524">
        <v>5</v>
      </c>
      <c r="G2524" t="s">
        <v>0</v>
      </c>
      <c r="H2524" t="s">
        <v>5930</v>
      </c>
      <c r="I2524" t="s">
        <v>30540</v>
      </c>
    </row>
    <row r="2525" spans="1:9">
      <c r="A2525" s="1">
        <f ca="1">RAND()</f>
        <v>0.3707943910922733</v>
      </c>
      <c r="B2525" s="1"/>
      <c r="C2525">
        <v>20</v>
      </c>
      <c r="D2525" t="s">
        <v>5931</v>
      </c>
      <c r="E2525" t="s">
        <v>31695</v>
      </c>
      <c r="F2525">
        <v>5</v>
      </c>
      <c r="G2525" t="s">
        <v>0</v>
      </c>
      <c r="H2525" t="s">
        <v>5932</v>
      </c>
      <c r="I2525" t="s">
        <v>30540</v>
      </c>
    </row>
    <row r="2526" spans="1:9">
      <c r="A2526" s="1">
        <f ca="1">RAND()</f>
        <v>0.46871785944778488</v>
      </c>
      <c r="B2526" s="1"/>
      <c r="C2526">
        <v>17</v>
      </c>
      <c r="D2526" t="s">
        <v>5927</v>
      </c>
      <c r="E2526" t="s">
        <v>31695</v>
      </c>
      <c r="F2526">
        <v>5</v>
      </c>
      <c r="G2526" t="s">
        <v>10</v>
      </c>
      <c r="H2526" t="s">
        <v>5928</v>
      </c>
      <c r="I2526" t="s">
        <v>30540</v>
      </c>
    </row>
    <row r="2527" spans="1:9">
      <c r="A2527" s="1">
        <f ca="1">RAND()</f>
        <v>0.54360614738206914</v>
      </c>
      <c r="B2527" s="1"/>
      <c r="C2527">
        <v>2</v>
      </c>
      <c r="D2527" t="s">
        <v>5921</v>
      </c>
      <c r="E2527" t="s">
        <v>31695</v>
      </c>
      <c r="F2527">
        <v>4</v>
      </c>
      <c r="G2527" t="s">
        <v>0</v>
      </c>
      <c r="H2527" t="s">
        <v>5922</v>
      </c>
      <c r="I2527" t="s">
        <v>30540</v>
      </c>
    </row>
    <row r="2528" spans="1:9">
      <c r="A2528" s="1">
        <f ca="1">RAND()</f>
        <v>6.4689512767480251E-2</v>
      </c>
      <c r="B2528" s="1"/>
      <c r="C2528">
        <v>15</v>
      </c>
      <c r="D2528" t="s">
        <v>5925</v>
      </c>
      <c r="E2528" t="s">
        <v>31695</v>
      </c>
      <c r="F2528">
        <v>4</v>
      </c>
      <c r="G2528" t="s">
        <v>0</v>
      </c>
      <c r="H2528" t="s">
        <v>5926</v>
      </c>
      <c r="I2528" t="s">
        <v>30540</v>
      </c>
    </row>
    <row r="2529" spans="1:9">
      <c r="A2529" s="1">
        <f ca="1">RAND()</f>
        <v>0.11735518634116993</v>
      </c>
      <c r="B2529" s="1"/>
      <c r="C2529">
        <v>6</v>
      </c>
      <c r="D2529" t="s">
        <v>5923</v>
      </c>
      <c r="E2529" t="s">
        <v>31695</v>
      </c>
      <c r="F2529">
        <v>3</v>
      </c>
      <c r="G2529" t="s">
        <v>2</v>
      </c>
      <c r="H2529" t="s">
        <v>5924</v>
      </c>
      <c r="I2529" t="s">
        <v>30540</v>
      </c>
    </row>
    <row r="2530" spans="1:9">
      <c r="A2530" s="1">
        <f ca="1">RAND()</f>
        <v>0.86548790573981949</v>
      </c>
      <c r="B2530" s="1"/>
      <c r="C2530">
        <v>13</v>
      </c>
      <c r="D2530" t="s">
        <v>5917</v>
      </c>
      <c r="E2530" t="s">
        <v>31696</v>
      </c>
      <c r="F2530">
        <v>5</v>
      </c>
      <c r="G2530" t="s">
        <v>762</v>
      </c>
      <c r="H2530" t="s">
        <v>5918</v>
      </c>
      <c r="I2530" t="s">
        <v>30540</v>
      </c>
    </row>
    <row r="2531" spans="1:9">
      <c r="A2531" s="1">
        <f ca="1">RAND()</f>
        <v>0.92153960820008296</v>
      </c>
      <c r="B2531" s="1"/>
      <c r="C2531">
        <v>11</v>
      </c>
      <c r="D2531" t="s">
        <v>5915</v>
      </c>
      <c r="E2531" t="s">
        <v>31696</v>
      </c>
      <c r="F2531">
        <v>5</v>
      </c>
      <c r="G2531" t="s">
        <v>1426</v>
      </c>
      <c r="H2531" t="s">
        <v>5916</v>
      </c>
      <c r="I2531" t="s">
        <v>30540</v>
      </c>
    </row>
    <row r="2532" spans="1:9">
      <c r="A2532" s="1">
        <f ca="1">RAND()</f>
        <v>0.30175075133754281</v>
      </c>
      <c r="B2532" s="1"/>
      <c r="C2532">
        <v>9</v>
      </c>
      <c r="D2532" t="s">
        <v>5911</v>
      </c>
      <c r="E2532" t="s">
        <v>31696</v>
      </c>
      <c r="F2532">
        <v>5</v>
      </c>
      <c r="G2532" t="s">
        <v>13</v>
      </c>
      <c r="H2532" t="s">
        <v>5912</v>
      </c>
      <c r="I2532" t="s">
        <v>30540</v>
      </c>
    </row>
    <row r="2533" spans="1:9">
      <c r="A2533" s="1">
        <f ca="1">RAND()</f>
        <v>0.27962314809204247</v>
      </c>
      <c r="B2533" s="1"/>
      <c r="C2533">
        <v>10</v>
      </c>
      <c r="D2533" t="s">
        <v>5913</v>
      </c>
      <c r="E2533" t="s">
        <v>31696</v>
      </c>
      <c r="F2533">
        <v>5</v>
      </c>
      <c r="G2533" t="s">
        <v>13</v>
      </c>
      <c r="H2533" t="s">
        <v>5914</v>
      </c>
      <c r="I2533" t="s">
        <v>30540</v>
      </c>
    </row>
    <row r="2534" spans="1:9">
      <c r="A2534" s="1">
        <f ca="1">RAND()</f>
        <v>0.42617160335775295</v>
      </c>
      <c r="B2534" s="1"/>
      <c r="C2534">
        <v>8</v>
      </c>
      <c r="D2534" t="s">
        <v>5909</v>
      </c>
      <c r="E2534" t="s">
        <v>31696</v>
      </c>
      <c r="F2534">
        <v>4</v>
      </c>
      <c r="G2534" t="s">
        <v>1431</v>
      </c>
      <c r="H2534" t="s">
        <v>5910</v>
      </c>
      <c r="I2534" t="s">
        <v>30540</v>
      </c>
    </row>
    <row r="2535" spans="1:9">
      <c r="A2535" s="1">
        <f ca="1">RAND()</f>
        <v>0.10933442793435877</v>
      </c>
      <c r="B2535" s="1"/>
      <c r="C2535">
        <v>19</v>
      </c>
      <c r="D2535" t="s">
        <v>5919</v>
      </c>
      <c r="E2535" t="s">
        <v>31696</v>
      </c>
      <c r="F2535">
        <v>3</v>
      </c>
      <c r="G2535" t="s">
        <v>2229</v>
      </c>
      <c r="H2535" t="s">
        <v>5920</v>
      </c>
      <c r="I2535" t="s">
        <v>30540</v>
      </c>
    </row>
    <row r="2536" spans="1:9">
      <c r="A2536" s="1">
        <f ca="1">RAND()</f>
        <v>0.78960273720915886</v>
      </c>
      <c r="B2536" s="1"/>
      <c r="C2536">
        <v>10</v>
      </c>
      <c r="D2536" t="s">
        <v>5901</v>
      </c>
      <c r="E2536" t="s">
        <v>31697</v>
      </c>
      <c r="F2536">
        <v>5</v>
      </c>
      <c r="G2536" t="s">
        <v>0</v>
      </c>
      <c r="H2536" t="s">
        <v>5902</v>
      </c>
      <c r="I2536" t="s">
        <v>30540</v>
      </c>
    </row>
    <row r="2537" spans="1:9">
      <c r="A2537" s="1">
        <f ca="1">RAND()</f>
        <v>0.47692501223055839</v>
      </c>
      <c r="B2537" s="1"/>
      <c r="C2537">
        <v>19</v>
      </c>
      <c r="D2537" t="s">
        <v>5907</v>
      </c>
      <c r="E2537" t="s">
        <v>31697</v>
      </c>
      <c r="F2537">
        <v>4</v>
      </c>
      <c r="G2537" t="s">
        <v>15</v>
      </c>
      <c r="H2537" t="s">
        <v>5908</v>
      </c>
      <c r="I2537" t="s">
        <v>30540</v>
      </c>
    </row>
    <row r="2538" spans="1:9">
      <c r="A2538" s="1">
        <f ca="1">RAND()</f>
        <v>0.60455018546431871</v>
      </c>
      <c r="B2538" s="1"/>
      <c r="C2538">
        <v>5</v>
      </c>
      <c r="D2538" t="s">
        <v>5899</v>
      </c>
      <c r="E2538" t="s">
        <v>31697</v>
      </c>
      <c r="F2538">
        <v>4</v>
      </c>
      <c r="G2538" t="s">
        <v>1</v>
      </c>
      <c r="H2538" t="s">
        <v>5900</v>
      </c>
      <c r="I2538" t="s">
        <v>30540</v>
      </c>
    </row>
    <row r="2539" spans="1:9">
      <c r="A2539" s="1">
        <f ca="1">RAND()</f>
        <v>0.46938824465917917</v>
      </c>
      <c r="B2539" s="1"/>
      <c r="C2539">
        <v>2</v>
      </c>
      <c r="D2539" t="s">
        <v>5895</v>
      </c>
      <c r="E2539" t="s">
        <v>31697</v>
      </c>
      <c r="F2539">
        <v>4</v>
      </c>
      <c r="G2539" t="s">
        <v>2</v>
      </c>
      <c r="H2539" t="s">
        <v>5896</v>
      </c>
      <c r="I2539" t="s">
        <v>30540</v>
      </c>
    </row>
    <row r="2540" spans="1:9">
      <c r="A2540" s="1">
        <f ca="1">RAND()</f>
        <v>3.9927502426179484E-2</v>
      </c>
      <c r="B2540" s="1"/>
      <c r="C2540">
        <v>1</v>
      </c>
      <c r="D2540" t="s">
        <v>5893</v>
      </c>
      <c r="E2540" t="s">
        <v>31697</v>
      </c>
      <c r="F2540">
        <v>4</v>
      </c>
      <c r="G2540" t="s">
        <v>15</v>
      </c>
      <c r="H2540" t="s">
        <v>5894</v>
      </c>
      <c r="I2540" t="s">
        <v>30540</v>
      </c>
    </row>
    <row r="2541" spans="1:9">
      <c r="A2541" s="1">
        <f ca="1">RAND()</f>
        <v>0.3579077146476658</v>
      </c>
      <c r="B2541" s="1"/>
      <c r="C2541">
        <v>15</v>
      </c>
      <c r="D2541" t="s">
        <v>5903</v>
      </c>
      <c r="E2541" t="s">
        <v>31697</v>
      </c>
      <c r="F2541">
        <v>4</v>
      </c>
      <c r="G2541" t="s">
        <v>0</v>
      </c>
      <c r="H2541" t="s">
        <v>5904</v>
      </c>
      <c r="I2541" t="s">
        <v>30540</v>
      </c>
    </row>
    <row r="2542" spans="1:9">
      <c r="A2542" s="1">
        <f ca="1">RAND()</f>
        <v>3.695503101368125E-2</v>
      </c>
      <c r="B2542" s="1"/>
      <c r="C2542">
        <v>4</v>
      </c>
      <c r="D2542" t="s">
        <v>5897</v>
      </c>
      <c r="E2542" t="s">
        <v>31697</v>
      </c>
      <c r="F2542">
        <v>3</v>
      </c>
      <c r="G2542" t="s">
        <v>0</v>
      </c>
      <c r="H2542" t="s">
        <v>5898</v>
      </c>
      <c r="I2542" t="s">
        <v>30540</v>
      </c>
    </row>
    <row r="2543" spans="1:9">
      <c r="A2543" s="1">
        <f ca="1">RAND()</f>
        <v>0.16459470774924423</v>
      </c>
      <c r="B2543" s="1"/>
      <c r="C2543">
        <v>18</v>
      </c>
      <c r="D2543" t="s">
        <v>5905</v>
      </c>
      <c r="E2543" t="s">
        <v>31697</v>
      </c>
      <c r="F2543">
        <v>2</v>
      </c>
      <c r="G2543" t="s">
        <v>9</v>
      </c>
      <c r="H2543" t="s">
        <v>5906</v>
      </c>
      <c r="I2543" t="s">
        <v>30540</v>
      </c>
    </row>
    <row r="2544" spans="1:9">
      <c r="A2544" s="1">
        <f ca="1">RAND()</f>
        <v>0.46303436430523104</v>
      </c>
      <c r="B2544" s="1"/>
      <c r="C2544">
        <v>4</v>
      </c>
      <c r="D2544" t="s">
        <v>5881</v>
      </c>
      <c r="E2544" t="s">
        <v>31698</v>
      </c>
      <c r="F2544">
        <v>4</v>
      </c>
      <c r="G2544" t="s">
        <v>13</v>
      </c>
      <c r="H2544" t="s">
        <v>5882</v>
      </c>
      <c r="I2544" t="s">
        <v>30540</v>
      </c>
    </row>
    <row r="2545" spans="1:9">
      <c r="A2545" s="1">
        <f ca="1">RAND()</f>
        <v>0.53692658479785982</v>
      </c>
      <c r="B2545" s="1"/>
      <c r="C2545">
        <v>18</v>
      </c>
      <c r="D2545" t="s">
        <v>5889</v>
      </c>
      <c r="E2545" t="s">
        <v>31698</v>
      </c>
      <c r="F2545">
        <v>4</v>
      </c>
      <c r="G2545" t="s">
        <v>1</v>
      </c>
      <c r="H2545" t="s">
        <v>5890</v>
      </c>
      <c r="I2545" t="s">
        <v>30540</v>
      </c>
    </row>
    <row r="2546" spans="1:9">
      <c r="A2546" s="1">
        <f ca="1">RAND()</f>
        <v>0.28151305335704602</v>
      </c>
      <c r="B2546" s="1"/>
      <c r="C2546">
        <v>16</v>
      </c>
      <c r="D2546" t="s">
        <v>5887</v>
      </c>
      <c r="E2546" t="s">
        <v>31698</v>
      </c>
      <c r="F2546">
        <v>4</v>
      </c>
      <c r="G2546" t="s">
        <v>0</v>
      </c>
      <c r="H2546" t="s">
        <v>5888</v>
      </c>
      <c r="I2546" t="s">
        <v>30540</v>
      </c>
    </row>
    <row r="2547" spans="1:9">
      <c r="A2547" s="1">
        <f ca="1">RAND()</f>
        <v>0.46653750695549268</v>
      </c>
      <c r="B2547" s="1"/>
      <c r="C2547">
        <v>20</v>
      </c>
      <c r="D2547" t="s">
        <v>5891</v>
      </c>
      <c r="E2547" t="s">
        <v>31698</v>
      </c>
      <c r="F2547">
        <v>4</v>
      </c>
      <c r="G2547" t="s">
        <v>0</v>
      </c>
      <c r="H2547" t="s">
        <v>5892</v>
      </c>
      <c r="I2547" t="s">
        <v>30540</v>
      </c>
    </row>
    <row r="2548" spans="1:9">
      <c r="A2548" s="1">
        <f ca="1">RAND()</f>
        <v>0.12593664471318444</v>
      </c>
      <c r="B2548" s="1"/>
      <c r="C2548">
        <v>2</v>
      </c>
      <c r="D2548" t="s">
        <v>5879</v>
      </c>
      <c r="E2548" t="s">
        <v>31698</v>
      </c>
      <c r="F2548">
        <v>4</v>
      </c>
      <c r="G2548" t="s">
        <v>1</v>
      </c>
      <c r="H2548" t="s">
        <v>5880</v>
      </c>
      <c r="I2548" t="s">
        <v>30540</v>
      </c>
    </row>
    <row r="2549" spans="1:9">
      <c r="A2549" s="1">
        <f ca="1">RAND()</f>
        <v>0.87756913714145812</v>
      </c>
      <c r="B2549" s="1"/>
      <c r="C2549">
        <v>8</v>
      </c>
      <c r="D2549" t="s">
        <v>5883</v>
      </c>
      <c r="E2549" t="s">
        <v>31698</v>
      </c>
      <c r="F2549">
        <v>2</v>
      </c>
      <c r="G2549" t="s">
        <v>13</v>
      </c>
      <c r="H2549" t="s">
        <v>5884</v>
      </c>
      <c r="I2549" t="s">
        <v>30540</v>
      </c>
    </row>
    <row r="2550" spans="1:9">
      <c r="A2550" s="1">
        <f ca="1">RAND()</f>
        <v>0.43297005152122425</v>
      </c>
      <c r="B2550" s="1"/>
      <c r="C2550">
        <v>9</v>
      </c>
      <c r="D2550" t="s">
        <v>5885</v>
      </c>
      <c r="E2550" t="s">
        <v>31698</v>
      </c>
      <c r="F2550">
        <v>1</v>
      </c>
      <c r="G2550" t="s">
        <v>13</v>
      </c>
      <c r="H2550" t="s">
        <v>5886</v>
      </c>
      <c r="I2550" t="s">
        <v>30540</v>
      </c>
    </row>
    <row r="2551" spans="1:9">
      <c r="A2551" s="1">
        <f ca="1">RAND()</f>
        <v>0.6759329449631325</v>
      </c>
      <c r="B2551" s="1"/>
      <c r="C2551">
        <v>6</v>
      </c>
      <c r="D2551" t="s">
        <v>5869</v>
      </c>
      <c r="E2551" t="s">
        <v>31699</v>
      </c>
      <c r="F2551">
        <v>5</v>
      </c>
      <c r="G2551" t="s">
        <v>0</v>
      </c>
      <c r="H2551" t="s">
        <v>5870</v>
      </c>
      <c r="I2551" t="s">
        <v>30540</v>
      </c>
    </row>
    <row r="2552" spans="1:9">
      <c r="A2552" s="1">
        <f ca="1">RAND()</f>
        <v>0.8523113088428359</v>
      </c>
      <c r="B2552" s="1"/>
      <c r="C2552">
        <v>7</v>
      </c>
      <c r="D2552" t="s">
        <v>5871</v>
      </c>
      <c r="E2552" t="s">
        <v>31699</v>
      </c>
      <c r="F2552">
        <v>5</v>
      </c>
      <c r="G2552" t="s">
        <v>0</v>
      </c>
      <c r="H2552" t="s">
        <v>5872</v>
      </c>
      <c r="I2552" t="s">
        <v>30540</v>
      </c>
    </row>
    <row r="2553" spans="1:9">
      <c r="A2553" s="1">
        <f ca="1">RAND()</f>
        <v>0.51454116859704746</v>
      </c>
      <c r="B2553" s="1"/>
      <c r="C2553">
        <v>12</v>
      </c>
      <c r="D2553" t="s">
        <v>5873</v>
      </c>
      <c r="E2553" t="s">
        <v>31699</v>
      </c>
      <c r="F2553">
        <v>4</v>
      </c>
      <c r="G2553" t="s">
        <v>1</v>
      </c>
      <c r="H2553" t="s">
        <v>5874</v>
      </c>
      <c r="I2553" t="s">
        <v>30540</v>
      </c>
    </row>
    <row r="2554" spans="1:9">
      <c r="A2554" s="1">
        <f ca="1">RAND()</f>
        <v>0.66960038645967812</v>
      </c>
      <c r="B2554" s="1"/>
      <c r="C2554">
        <v>18</v>
      </c>
      <c r="D2554" t="s">
        <v>5877</v>
      </c>
      <c r="E2554" t="s">
        <v>31699</v>
      </c>
      <c r="F2554">
        <v>4</v>
      </c>
      <c r="G2554" t="s">
        <v>9</v>
      </c>
      <c r="H2554" t="s">
        <v>5878</v>
      </c>
      <c r="I2554" t="s">
        <v>30540</v>
      </c>
    </row>
    <row r="2555" spans="1:9">
      <c r="A2555" s="1">
        <f ca="1">RAND()</f>
        <v>0.92588169300864065</v>
      </c>
      <c r="B2555" s="1"/>
      <c r="C2555">
        <v>17</v>
      </c>
      <c r="D2555" t="s">
        <v>5875</v>
      </c>
      <c r="E2555" t="s">
        <v>31699</v>
      </c>
      <c r="F2555">
        <v>4</v>
      </c>
      <c r="G2555" t="s">
        <v>10</v>
      </c>
      <c r="H2555" t="s">
        <v>5876</v>
      </c>
      <c r="I2555" t="s">
        <v>30540</v>
      </c>
    </row>
    <row r="2556" spans="1:9">
      <c r="A2556" s="1">
        <f ca="1">RAND()</f>
        <v>0.45323135718006036</v>
      </c>
      <c r="B2556" s="1"/>
      <c r="C2556">
        <v>11</v>
      </c>
      <c r="D2556" t="s">
        <v>5859</v>
      </c>
      <c r="E2556" t="s">
        <v>31700</v>
      </c>
      <c r="F2556">
        <v>4</v>
      </c>
      <c r="G2556" t="s">
        <v>0</v>
      </c>
      <c r="H2556" t="s">
        <v>5860</v>
      </c>
      <c r="I2556" t="s">
        <v>30540</v>
      </c>
    </row>
    <row r="2557" spans="1:9">
      <c r="A2557" s="1">
        <f ca="1">RAND()</f>
        <v>0.88177711498321176</v>
      </c>
      <c r="B2557" s="1"/>
      <c r="C2557">
        <v>2</v>
      </c>
      <c r="D2557" t="s">
        <v>5855</v>
      </c>
      <c r="E2557" t="s">
        <v>31700</v>
      </c>
      <c r="F2557">
        <v>4</v>
      </c>
      <c r="G2557" t="s">
        <v>2</v>
      </c>
      <c r="H2557" t="s">
        <v>5856</v>
      </c>
      <c r="I2557" t="s">
        <v>30540</v>
      </c>
    </row>
    <row r="2558" spans="1:9">
      <c r="A2558" s="1">
        <f ca="1">RAND()</f>
        <v>0.47091503858673378</v>
      </c>
      <c r="B2558" s="1"/>
      <c r="C2558">
        <v>19</v>
      </c>
      <c r="D2558" t="s">
        <v>5865</v>
      </c>
      <c r="E2558" t="s">
        <v>31700</v>
      </c>
      <c r="F2558">
        <v>4</v>
      </c>
      <c r="G2558" t="s">
        <v>0</v>
      </c>
      <c r="H2558" t="s">
        <v>5866</v>
      </c>
      <c r="I2558" t="s">
        <v>30540</v>
      </c>
    </row>
    <row r="2559" spans="1:9">
      <c r="A2559" s="1">
        <f ca="1">RAND()</f>
        <v>0.61219804108210707</v>
      </c>
      <c r="B2559" s="1"/>
      <c r="C2559">
        <v>5</v>
      </c>
      <c r="D2559" t="s">
        <v>5857</v>
      </c>
      <c r="E2559" t="s">
        <v>31700</v>
      </c>
      <c r="F2559">
        <v>4</v>
      </c>
      <c r="G2559" t="s">
        <v>15</v>
      </c>
      <c r="H2559" t="s">
        <v>5858</v>
      </c>
      <c r="I2559" t="s">
        <v>30540</v>
      </c>
    </row>
    <row r="2560" spans="1:9">
      <c r="A2560" s="1">
        <f ca="1">RAND()</f>
        <v>0.51104580933420085</v>
      </c>
      <c r="B2560" s="1"/>
      <c r="C2560">
        <v>16</v>
      </c>
      <c r="D2560" t="s">
        <v>5863</v>
      </c>
      <c r="E2560" t="s">
        <v>31700</v>
      </c>
      <c r="F2560">
        <v>4</v>
      </c>
      <c r="G2560" t="s">
        <v>1</v>
      </c>
      <c r="H2560" t="s">
        <v>5864</v>
      </c>
      <c r="I2560" t="s">
        <v>30540</v>
      </c>
    </row>
    <row r="2561" spans="1:9">
      <c r="A2561" s="1">
        <f ca="1">RAND()</f>
        <v>0.48107280158254795</v>
      </c>
      <c r="B2561" s="1"/>
      <c r="C2561">
        <v>12</v>
      </c>
      <c r="D2561" t="s">
        <v>5861</v>
      </c>
      <c r="E2561" t="s">
        <v>31700</v>
      </c>
      <c r="F2561">
        <v>2</v>
      </c>
      <c r="G2561" t="s">
        <v>15</v>
      </c>
      <c r="H2561" t="s">
        <v>5862</v>
      </c>
      <c r="I2561" t="s">
        <v>30540</v>
      </c>
    </row>
    <row r="2562" spans="1:9">
      <c r="A2562" s="1">
        <f ca="1">RAND()</f>
        <v>0.79877469748988938</v>
      </c>
      <c r="B2562" s="1"/>
      <c r="C2562">
        <v>20</v>
      </c>
      <c r="D2562" t="s">
        <v>5867</v>
      </c>
      <c r="E2562" t="s">
        <v>31700</v>
      </c>
      <c r="F2562">
        <v>2</v>
      </c>
      <c r="G2562" t="s">
        <v>0</v>
      </c>
      <c r="H2562" t="s">
        <v>5868</v>
      </c>
      <c r="I2562" t="s">
        <v>30540</v>
      </c>
    </row>
    <row r="2563" spans="1:9">
      <c r="A2563" s="1">
        <f ca="1">RAND()</f>
        <v>0.49692955072220402</v>
      </c>
      <c r="B2563" s="1"/>
      <c r="C2563">
        <v>16</v>
      </c>
      <c r="D2563" t="s">
        <v>5853</v>
      </c>
      <c r="E2563" t="s">
        <v>31701</v>
      </c>
      <c r="F2563">
        <v>4</v>
      </c>
      <c r="G2563" t="s">
        <v>0</v>
      </c>
      <c r="H2563" t="s">
        <v>5854</v>
      </c>
      <c r="I2563" t="s">
        <v>30540</v>
      </c>
    </row>
    <row r="2564" spans="1:9">
      <c r="A2564" s="1">
        <f ca="1">RAND()</f>
        <v>0.78250366793777271</v>
      </c>
      <c r="B2564" s="1"/>
      <c r="C2564">
        <v>15</v>
      </c>
      <c r="D2564" t="s">
        <v>5851</v>
      </c>
      <c r="E2564" t="s">
        <v>31701</v>
      </c>
      <c r="F2564">
        <v>4</v>
      </c>
      <c r="G2564" t="s">
        <v>0</v>
      </c>
      <c r="H2564" t="s">
        <v>5852</v>
      </c>
      <c r="I2564" t="s">
        <v>30540</v>
      </c>
    </row>
    <row r="2565" spans="1:9">
      <c r="A2565" s="1">
        <f ca="1">RAND()</f>
        <v>0.13138964547559262</v>
      </c>
      <c r="B2565" s="1"/>
      <c r="C2565">
        <v>10</v>
      </c>
      <c r="D2565" t="s">
        <v>5849</v>
      </c>
      <c r="E2565" t="s">
        <v>31701</v>
      </c>
      <c r="F2565">
        <v>3</v>
      </c>
      <c r="G2565" t="s">
        <v>0</v>
      </c>
      <c r="H2565" t="s">
        <v>5850</v>
      </c>
      <c r="I2565" t="s">
        <v>30540</v>
      </c>
    </row>
    <row r="2566" spans="1:9">
      <c r="A2566" s="1">
        <f ca="1">RAND()</f>
        <v>0.53319835888145994</v>
      </c>
      <c r="B2566" s="1"/>
      <c r="C2566">
        <v>6</v>
      </c>
      <c r="D2566" t="s">
        <v>5843</v>
      </c>
      <c r="E2566" t="s">
        <v>31702</v>
      </c>
      <c r="F2566">
        <v>4</v>
      </c>
      <c r="G2566" t="s">
        <v>2738</v>
      </c>
      <c r="H2566" t="s">
        <v>5844</v>
      </c>
      <c r="I2566" t="s">
        <v>30540</v>
      </c>
    </row>
    <row r="2567" spans="1:9">
      <c r="A2567" s="1">
        <f ca="1">RAND()</f>
        <v>0.95117389819632991</v>
      </c>
      <c r="B2567" s="1"/>
      <c r="C2567">
        <v>20</v>
      </c>
      <c r="D2567" t="s">
        <v>5847</v>
      </c>
      <c r="E2567" t="s">
        <v>31702</v>
      </c>
      <c r="F2567">
        <v>4</v>
      </c>
      <c r="G2567" t="s">
        <v>2226</v>
      </c>
      <c r="H2567" t="s">
        <v>5848</v>
      </c>
      <c r="I2567" t="s">
        <v>30540</v>
      </c>
    </row>
    <row r="2568" spans="1:9">
      <c r="A2568" s="1">
        <f ca="1">RAND()</f>
        <v>0.76280133450634646</v>
      </c>
      <c r="B2568" s="1"/>
      <c r="C2568">
        <v>4</v>
      </c>
      <c r="D2568" t="s">
        <v>5841</v>
      </c>
      <c r="E2568" t="s">
        <v>31702</v>
      </c>
      <c r="F2568">
        <v>4</v>
      </c>
      <c r="G2568" t="s">
        <v>1431</v>
      </c>
      <c r="H2568" t="s">
        <v>5842</v>
      </c>
      <c r="I2568" t="s">
        <v>30540</v>
      </c>
    </row>
    <row r="2569" spans="1:9">
      <c r="A2569" s="1">
        <f ca="1">RAND()</f>
        <v>0.44159731429817961</v>
      </c>
      <c r="B2569" s="1"/>
      <c r="C2569">
        <v>19</v>
      </c>
      <c r="D2569" t="s">
        <v>5845</v>
      </c>
      <c r="E2569" t="s">
        <v>31702</v>
      </c>
      <c r="F2569">
        <v>4</v>
      </c>
      <c r="G2569" t="s">
        <v>1295</v>
      </c>
      <c r="H2569" t="s">
        <v>5846</v>
      </c>
      <c r="I2569" t="s">
        <v>30540</v>
      </c>
    </row>
    <row r="2570" spans="1:9">
      <c r="A2570" s="1">
        <f ca="1">RAND()</f>
        <v>0.70007580787041468</v>
      </c>
      <c r="B2570" s="1"/>
      <c r="C2570">
        <v>3</v>
      </c>
      <c r="D2570" t="s">
        <v>5839</v>
      </c>
      <c r="E2570" t="s">
        <v>31702</v>
      </c>
      <c r="F2570">
        <v>2</v>
      </c>
      <c r="G2570" t="s">
        <v>2738</v>
      </c>
      <c r="H2570" t="s">
        <v>5840</v>
      </c>
      <c r="I2570" t="s">
        <v>30540</v>
      </c>
    </row>
    <row r="2571" spans="1:9">
      <c r="A2571" s="1">
        <f ca="1">RAND()</f>
        <v>0.49289541387514813</v>
      </c>
      <c r="B2571" s="1"/>
      <c r="C2571">
        <v>13</v>
      </c>
      <c r="D2571" t="s">
        <v>5833</v>
      </c>
      <c r="E2571" t="s">
        <v>31703</v>
      </c>
      <c r="F2571">
        <v>4</v>
      </c>
      <c r="G2571" t="s">
        <v>0</v>
      </c>
      <c r="H2571" t="s">
        <v>5834</v>
      </c>
      <c r="I2571" t="s">
        <v>30540</v>
      </c>
    </row>
    <row r="2572" spans="1:9">
      <c r="A2572" s="1">
        <f ca="1">RAND()</f>
        <v>0.62942957095177066</v>
      </c>
      <c r="B2572" s="1"/>
      <c r="C2572">
        <v>5</v>
      </c>
      <c r="D2572" t="s">
        <v>5827</v>
      </c>
      <c r="E2572" t="s">
        <v>31703</v>
      </c>
      <c r="F2572">
        <v>4</v>
      </c>
      <c r="G2572" t="s">
        <v>9</v>
      </c>
      <c r="H2572" t="s">
        <v>5828</v>
      </c>
      <c r="I2572" t="s">
        <v>30540</v>
      </c>
    </row>
    <row r="2573" spans="1:9">
      <c r="A2573" s="1">
        <f ca="1">RAND()</f>
        <v>0.80065159753106885</v>
      </c>
      <c r="B2573" s="1"/>
      <c r="C2573">
        <v>10</v>
      </c>
      <c r="D2573" t="s">
        <v>5829</v>
      </c>
      <c r="E2573" t="s">
        <v>31703</v>
      </c>
      <c r="F2573">
        <v>4</v>
      </c>
      <c r="G2573" t="s">
        <v>1</v>
      </c>
      <c r="H2573" t="s">
        <v>5830</v>
      </c>
      <c r="I2573" t="s">
        <v>30540</v>
      </c>
    </row>
    <row r="2574" spans="1:9">
      <c r="A2574" s="1">
        <f ca="1">RAND()</f>
        <v>0.55765898637970168</v>
      </c>
      <c r="B2574" s="1"/>
      <c r="C2574">
        <v>19</v>
      </c>
      <c r="D2574" t="s">
        <v>5835</v>
      </c>
      <c r="E2574" t="s">
        <v>31703</v>
      </c>
      <c r="F2574">
        <v>4</v>
      </c>
      <c r="G2574" t="s">
        <v>0</v>
      </c>
      <c r="H2574" t="s">
        <v>5836</v>
      </c>
      <c r="I2574" t="s">
        <v>30540</v>
      </c>
    </row>
    <row r="2575" spans="1:9">
      <c r="A2575" s="1">
        <f ca="1">RAND()</f>
        <v>0.7217274848100661</v>
      </c>
      <c r="B2575" s="1"/>
      <c r="C2575">
        <v>11</v>
      </c>
      <c r="D2575" t="s">
        <v>5831</v>
      </c>
      <c r="E2575" t="s">
        <v>31703</v>
      </c>
      <c r="F2575">
        <v>4</v>
      </c>
      <c r="G2575" t="s">
        <v>0</v>
      </c>
      <c r="H2575" t="s">
        <v>5832</v>
      </c>
      <c r="I2575" t="s">
        <v>30540</v>
      </c>
    </row>
    <row r="2576" spans="1:9">
      <c r="A2576" s="1">
        <f ca="1">RAND()</f>
        <v>0.81424190914402228</v>
      </c>
      <c r="B2576" s="1"/>
      <c r="C2576">
        <v>20</v>
      </c>
      <c r="D2576" t="s">
        <v>5837</v>
      </c>
      <c r="E2576" t="s">
        <v>31703</v>
      </c>
      <c r="F2576">
        <v>3</v>
      </c>
      <c r="G2576" t="s">
        <v>0</v>
      </c>
      <c r="H2576" t="s">
        <v>5838</v>
      </c>
      <c r="I2576" t="s">
        <v>30540</v>
      </c>
    </row>
    <row r="2577" spans="1:9">
      <c r="A2577" s="1">
        <f ca="1">RAND()</f>
        <v>0.95355591549664143</v>
      </c>
      <c r="B2577" s="1"/>
      <c r="C2577">
        <v>18</v>
      </c>
      <c r="D2577" t="s">
        <v>5825</v>
      </c>
      <c r="E2577" t="s">
        <v>31704</v>
      </c>
      <c r="F2577">
        <v>5</v>
      </c>
      <c r="G2577" t="s">
        <v>0</v>
      </c>
      <c r="H2577" t="s">
        <v>5826</v>
      </c>
      <c r="I2577" t="s">
        <v>30540</v>
      </c>
    </row>
    <row r="2578" spans="1:9">
      <c r="A2578" s="1">
        <f ca="1">RAND()</f>
        <v>0.90667148823789201</v>
      </c>
      <c r="B2578" s="1"/>
      <c r="C2578">
        <v>1</v>
      </c>
      <c r="D2578" t="s">
        <v>5815</v>
      </c>
      <c r="E2578" t="s">
        <v>31704</v>
      </c>
      <c r="F2578">
        <v>4</v>
      </c>
      <c r="G2578" t="s">
        <v>14</v>
      </c>
      <c r="H2578" t="s">
        <v>5816</v>
      </c>
      <c r="I2578" t="s">
        <v>30540</v>
      </c>
    </row>
    <row r="2579" spans="1:9">
      <c r="A2579" s="1">
        <f ca="1">RAND()</f>
        <v>0.37275549654525808</v>
      </c>
      <c r="B2579" s="1"/>
      <c r="C2579">
        <v>12</v>
      </c>
      <c r="D2579" t="s">
        <v>5819</v>
      </c>
      <c r="E2579" t="s">
        <v>31704</v>
      </c>
      <c r="F2579">
        <v>4</v>
      </c>
      <c r="G2579" t="s">
        <v>0</v>
      </c>
      <c r="H2579" t="s">
        <v>5820</v>
      </c>
      <c r="I2579" t="s">
        <v>30540</v>
      </c>
    </row>
    <row r="2580" spans="1:9">
      <c r="A2580" s="1">
        <f ca="1">RAND()</f>
        <v>0.65196843293641149</v>
      </c>
      <c r="B2580" s="1"/>
      <c r="C2580">
        <v>14</v>
      </c>
      <c r="D2580" t="s">
        <v>5821</v>
      </c>
      <c r="E2580" t="s">
        <v>31704</v>
      </c>
      <c r="F2580">
        <v>4</v>
      </c>
      <c r="G2580" t="s">
        <v>0</v>
      </c>
      <c r="H2580" t="s">
        <v>5822</v>
      </c>
      <c r="I2580" t="s">
        <v>30540</v>
      </c>
    </row>
    <row r="2581" spans="1:9">
      <c r="A2581" s="1">
        <f ca="1">RAND()</f>
        <v>0.99896645761510394</v>
      </c>
      <c r="B2581" s="1"/>
      <c r="C2581">
        <v>3</v>
      </c>
      <c r="D2581" t="s">
        <v>5817</v>
      </c>
      <c r="E2581" t="s">
        <v>31704</v>
      </c>
      <c r="F2581">
        <v>4</v>
      </c>
      <c r="G2581" t="s">
        <v>14</v>
      </c>
      <c r="H2581" t="s">
        <v>5818</v>
      </c>
      <c r="I2581" t="s">
        <v>30540</v>
      </c>
    </row>
    <row r="2582" spans="1:9">
      <c r="A2582" s="1">
        <f ca="1">RAND()</f>
        <v>0.99865779732905058</v>
      </c>
      <c r="B2582" s="1"/>
      <c r="C2582">
        <v>15</v>
      </c>
      <c r="D2582" t="s">
        <v>5823</v>
      </c>
      <c r="E2582" t="s">
        <v>31704</v>
      </c>
      <c r="F2582">
        <v>2</v>
      </c>
      <c r="G2582" t="s">
        <v>15</v>
      </c>
      <c r="H2582" t="s">
        <v>5824</v>
      </c>
      <c r="I2582" t="s">
        <v>30540</v>
      </c>
    </row>
    <row r="2583" spans="1:9">
      <c r="A2583" s="1">
        <f ca="1">RAND()</f>
        <v>0.87715566149767066</v>
      </c>
      <c r="B2583" s="1"/>
      <c r="C2583">
        <v>14</v>
      </c>
      <c r="D2583" t="s">
        <v>5813</v>
      </c>
      <c r="E2583" t="s">
        <v>31705</v>
      </c>
      <c r="F2583">
        <v>4</v>
      </c>
      <c r="G2583" t="s">
        <v>15</v>
      </c>
      <c r="H2583" t="s">
        <v>5814</v>
      </c>
      <c r="I2583" t="s">
        <v>30540</v>
      </c>
    </row>
    <row r="2584" spans="1:9">
      <c r="A2584" s="1">
        <f ca="1">RAND()</f>
        <v>0.44407990456619573</v>
      </c>
      <c r="B2584" s="1"/>
      <c r="C2584">
        <v>11</v>
      </c>
      <c r="D2584" t="s">
        <v>5811</v>
      </c>
      <c r="E2584" t="s">
        <v>31705</v>
      </c>
      <c r="F2584">
        <v>4</v>
      </c>
      <c r="G2584" t="s">
        <v>0</v>
      </c>
      <c r="H2584" t="s">
        <v>5812</v>
      </c>
      <c r="I2584" t="s">
        <v>30540</v>
      </c>
    </row>
    <row r="2585" spans="1:9">
      <c r="A2585" s="1">
        <f ca="1">RAND()</f>
        <v>5.6406216200873827E-3</v>
      </c>
      <c r="B2585" s="1"/>
      <c r="C2585">
        <v>7</v>
      </c>
      <c r="D2585" t="s">
        <v>5807</v>
      </c>
      <c r="E2585" t="s">
        <v>31705</v>
      </c>
      <c r="F2585">
        <v>4</v>
      </c>
      <c r="G2585" t="s">
        <v>13</v>
      </c>
      <c r="H2585" t="s">
        <v>5808</v>
      </c>
      <c r="I2585" t="s">
        <v>30540</v>
      </c>
    </row>
    <row r="2586" spans="1:9">
      <c r="A2586" s="1">
        <f ca="1">RAND()</f>
        <v>0.95118723219525603</v>
      </c>
      <c r="B2586" s="1"/>
      <c r="C2586">
        <v>8</v>
      </c>
      <c r="D2586" t="s">
        <v>5809</v>
      </c>
      <c r="E2586" t="s">
        <v>31705</v>
      </c>
      <c r="F2586">
        <v>1</v>
      </c>
      <c r="G2586" t="s">
        <v>0</v>
      </c>
      <c r="H2586" t="s">
        <v>5810</v>
      </c>
      <c r="I2586" t="s">
        <v>30540</v>
      </c>
    </row>
    <row r="2587" spans="1:9">
      <c r="A2587" s="1">
        <f ca="1">RAND()</f>
        <v>0.73128253306796898</v>
      </c>
      <c r="B2587" s="1"/>
      <c r="C2587">
        <v>5</v>
      </c>
      <c r="D2587" t="s">
        <v>5803</v>
      </c>
      <c r="E2587" t="s">
        <v>31706</v>
      </c>
      <c r="F2587">
        <v>4</v>
      </c>
      <c r="G2587" t="s">
        <v>0</v>
      </c>
      <c r="H2587" t="s">
        <v>5804</v>
      </c>
      <c r="I2587" t="s">
        <v>30540</v>
      </c>
    </row>
    <row r="2588" spans="1:9">
      <c r="A2588" s="1">
        <f ca="1">RAND()</f>
        <v>0.6282615303334439</v>
      </c>
      <c r="B2588" s="1"/>
      <c r="C2588">
        <v>4</v>
      </c>
      <c r="D2588" t="s">
        <v>5801</v>
      </c>
      <c r="E2588" t="s">
        <v>31706</v>
      </c>
      <c r="F2588">
        <v>4</v>
      </c>
      <c r="G2588" t="s">
        <v>0</v>
      </c>
      <c r="H2588" t="s">
        <v>5802</v>
      </c>
      <c r="I2588" t="s">
        <v>30540</v>
      </c>
    </row>
    <row r="2589" spans="1:9">
      <c r="A2589" s="1">
        <f ca="1">RAND()</f>
        <v>0.63004353605269414</v>
      </c>
      <c r="B2589" s="1"/>
      <c r="C2589">
        <v>11</v>
      </c>
      <c r="D2589" t="s">
        <v>5805</v>
      </c>
      <c r="E2589" t="s">
        <v>31706</v>
      </c>
      <c r="F2589">
        <v>4</v>
      </c>
      <c r="G2589" t="s">
        <v>9</v>
      </c>
      <c r="H2589" t="s">
        <v>5806</v>
      </c>
      <c r="I2589" t="s">
        <v>30540</v>
      </c>
    </row>
    <row r="2590" spans="1:9">
      <c r="A2590" s="1">
        <f ca="1">RAND()</f>
        <v>7.0371874026839532E-2</v>
      </c>
      <c r="B2590" s="1"/>
      <c r="C2590">
        <v>2</v>
      </c>
      <c r="D2590" t="s">
        <v>5799</v>
      </c>
      <c r="E2590" t="s">
        <v>31706</v>
      </c>
      <c r="F2590">
        <v>4</v>
      </c>
      <c r="G2590" t="s">
        <v>15</v>
      </c>
      <c r="H2590" t="s">
        <v>5800</v>
      </c>
      <c r="I2590" t="s">
        <v>30540</v>
      </c>
    </row>
    <row r="2591" spans="1:9">
      <c r="A2591" s="1">
        <f ca="1">RAND()</f>
        <v>0.88855011411768048</v>
      </c>
      <c r="B2591" s="1"/>
      <c r="C2591">
        <v>12</v>
      </c>
      <c r="D2591" t="s">
        <v>5791</v>
      </c>
      <c r="E2591" t="s">
        <v>31707</v>
      </c>
      <c r="F2591">
        <v>5</v>
      </c>
      <c r="G2591" t="s">
        <v>0</v>
      </c>
      <c r="H2591" t="s">
        <v>5792</v>
      </c>
      <c r="I2591" t="s">
        <v>30540</v>
      </c>
    </row>
    <row r="2592" spans="1:9">
      <c r="A2592" s="1">
        <f ca="1">RAND()</f>
        <v>0.35180808757943161</v>
      </c>
      <c r="B2592" s="1"/>
      <c r="C2592">
        <v>9</v>
      </c>
      <c r="D2592" t="s">
        <v>5787</v>
      </c>
      <c r="E2592" t="s">
        <v>31707</v>
      </c>
      <c r="F2592">
        <v>5</v>
      </c>
      <c r="G2592" t="s">
        <v>10</v>
      </c>
      <c r="H2592" t="s">
        <v>5788</v>
      </c>
      <c r="I2592" t="s">
        <v>30540</v>
      </c>
    </row>
    <row r="2593" spans="1:9">
      <c r="A2593" s="1">
        <f ca="1">RAND()</f>
        <v>0.17687537467241798</v>
      </c>
      <c r="B2593" s="1"/>
      <c r="C2593">
        <v>15</v>
      </c>
      <c r="D2593" t="s">
        <v>5795</v>
      </c>
      <c r="E2593" t="s">
        <v>31707</v>
      </c>
      <c r="F2593">
        <v>4</v>
      </c>
      <c r="G2593" t="s">
        <v>0</v>
      </c>
      <c r="H2593" t="s">
        <v>5796</v>
      </c>
      <c r="I2593" t="s">
        <v>30540</v>
      </c>
    </row>
    <row r="2594" spans="1:9">
      <c r="A2594" s="1">
        <f ca="1">RAND()</f>
        <v>0.4264721959560126</v>
      </c>
      <c r="B2594" s="1"/>
      <c r="C2594">
        <v>11</v>
      </c>
      <c r="D2594" t="s">
        <v>5789</v>
      </c>
      <c r="E2594" t="s">
        <v>31707</v>
      </c>
      <c r="F2594">
        <v>3</v>
      </c>
      <c r="G2594" t="s">
        <v>14</v>
      </c>
      <c r="H2594" t="s">
        <v>5790</v>
      </c>
      <c r="I2594" t="s">
        <v>30540</v>
      </c>
    </row>
    <row r="2595" spans="1:9">
      <c r="A2595" s="1">
        <f ca="1">RAND()</f>
        <v>0.25752962624377962</v>
      </c>
      <c r="B2595" s="1"/>
      <c r="C2595">
        <v>16</v>
      </c>
      <c r="D2595" t="s">
        <v>5797</v>
      </c>
      <c r="E2595" t="s">
        <v>31707</v>
      </c>
      <c r="F2595">
        <v>2</v>
      </c>
      <c r="G2595" t="s">
        <v>0</v>
      </c>
      <c r="H2595" t="s">
        <v>5798</v>
      </c>
      <c r="I2595" t="s">
        <v>30540</v>
      </c>
    </row>
    <row r="2596" spans="1:9">
      <c r="A2596" s="1">
        <f ca="1">RAND()</f>
        <v>7.5386683016600564E-2</v>
      </c>
      <c r="B2596" s="1"/>
      <c r="C2596">
        <v>13</v>
      </c>
      <c r="D2596" t="s">
        <v>5793</v>
      </c>
      <c r="E2596" t="s">
        <v>31707</v>
      </c>
      <c r="F2596">
        <v>2</v>
      </c>
      <c r="G2596" t="s">
        <v>0</v>
      </c>
      <c r="H2596" t="s">
        <v>5794</v>
      </c>
      <c r="I2596" t="s">
        <v>30540</v>
      </c>
    </row>
    <row r="2597" spans="1:9">
      <c r="A2597" s="1">
        <f ca="1">RAND()</f>
        <v>0.16706819045966448</v>
      </c>
      <c r="B2597" s="1"/>
      <c r="C2597">
        <v>15</v>
      </c>
      <c r="D2597" t="s">
        <v>5785</v>
      </c>
      <c r="E2597" t="s">
        <v>31708</v>
      </c>
      <c r="F2597">
        <v>5</v>
      </c>
      <c r="G2597" t="s">
        <v>1431</v>
      </c>
      <c r="H2597" t="s">
        <v>5786</v>
      </c>
      <c r="I2597" t="s">
        <v>30540</v>
      </c>
    </row>
    <row r="2598" spans="1:9">
      <c r="A2598" s="1">
        <f ca="1">RAND()</f>
        <v>0.42024375391501501</v>
      </c>
      <c r="B2598" s="1"/>
      <c r="C2598">
        <v>1</v>
      </c>
      <c r="D2598" t="s">
        <v>5773</v>
      </c>
      <c r="E2598" t="s">
        <v>31708</v>
      </c>
      <c r="F2598">
        <v>5</v>
      </c>
      <c r="G2598" t="s">
        <v>2738</v>
      </c>
      <c r="H2598" t="s">
        <v>5774</v>
      </c>
      <c r="I2598" t="s">
        <v>30540</v>
      </c>
    </row>
    <row r="2599" spans="1:9">
      <c r="A2599" s="1">
        <f ca="1">RAND()</f>
        <v>0.60570447322131771</v>
      </c>
      <c r="B2599" s="1"/>
      <c r="C2599">
        <v>8</v>
      </c>
      <c r="D2599" t="s">
        <v>5781</v>
      </c>
      <c r="E2599" t="s">
        <v>31708</v>
      </c>
      <c r="F2599">
        <v>5</v>
      </c>
      <c r="G2599" t="s">
        <v>13</v>
      </c>
      <c r="H2599" t="s">
        <v>5782</v>
      </c>
      <c r="I2599" t="s">
        <v>30540</v>
      </c>
    </row>
    <row r="2600" spans="1:9">
      <c r="A2600" s="1">
        <f ca="1">RAND()</f>
        <v>0.27114366875133489</v>
      </c>
      <c r="B2600" s="1"/>
      <c r="C2600">
        <v>3</v>
      </c>
      <c r="D2600" t="s">
        <v>5777</v>
      </c>
      <c r="E2600" t="s">
        <v>31708</v>
      </c>
      <c r="F2600">
        <v>4</v>
      </c>
      <c r="G2600" t="s">
        <v>2738</v>
      </c>
      <c r="H2600" t="s">
        <v>5778</v>
      </c>
      <c r="I2600" t="s">
        <v>30540</v>
      </c>
    </row>
    <row r="2601" spans="1:9">
      <c r="A2601" s="1">
        <f ca="1">RAND()</f>
        <v>0.14268197897737855</v>
      </c>
      <c r="B2601" s="1"/>
      <c r="C2601">
        <v>2</v>
      </c>
      <c r="D2601" t="s">
        <v>5775</v>
      </c>
      <c r="E2601" t="s">
        <v>31708</v>
      </c>
      <c r="F2601">
        <v>4</v>
      </c>
      <c r="G2601" t="s">
        <v>2226</v>
      </c>
      <c r="H2601" t="s">
        <v>5776</v>
      </c>
      <c r="I2601" t="s">
        <v>30540</v>
      </c>
    </row>
    <row r="2602" spans="1:9">
      <c r="A2602" s="1">
        <f ca="1">RAND()</f>
        <v>0.22827495140971588</v>
      </c>
      <c r="B2602" s="1"/>
      <c r="C2602">
        <v>6</v>
      </c>
      <c r="D2602" t="s">
        <v>5779</v>
      </c>
      <c r="E2602" t="s">
        <v>31708</v>
      </c>
      <c r="F2602">
        <v>4</v>
      </c>
      <c r="G2602" t="s">
        <v>3107</v>
      </c>
      <c r="H2602" t="s">
        <v>5780</v>
      </c>
      <c r="I2602" t="s">
        <v>30540</v>
      </c>
    </row>
    <row r="2603" spans="1:9">
      <c r="A2603" s="1">
        <f ca="1">RAND()</f>
        <v>0.63458153000967121</v>
      </c>
      <c r="B2603" s="1"/>
      <c r="C2603">
        <v>12</v>
      </c>
      <c r="D2603" t="s">
        <v>5783</v>
      </c>
      <c r="E2603" t="s">
        <v>31708</v>
      </c>
      <c r="F2603">
        <v>4</v>
      </c>
      <c r="G2603" t="s">
        <v>10</v>
      </c>
      <c r="H2603" t="s">
        <v>5784</v>
      </c>
      <c r="I2603" t="s">
        <v>30540</v>
      </c>
    </row>
    <row r="2604" spans="1:9">
      <c r="A2604" s="1">
        <f ca="1">RAND()</f>
        <v>0.14430198071717371</v>
      </c>
      <c r="B2604" s="1"/>
      <c r="C2604">
        <v>18</v>
      </c>
      <c r="D2604" t="s">
        <v>5769</v>
      </c>
      <c r="E2604" t="s">
        <v>31709</v>
      </c>
      <c r="F2604">
        <v>5</v>
      </c>
      <c r="G2604" t="s">
        <v>0</v>
      </c>
      <c r="H2604" t="s">
        <v>5770</v>
      </c>
      <c r="I2604" t="s">
        <v>30540</v>
      </c>
    </row>
    <row r="2605" spans="1:9">
      <c r="A2605" s="1">
        <f ca="1">RAND()</f>
        <v>0.39061526169835548</v>
      </c>
      <c r="B2605" s="1"/>
      <c r="C2605">
        <v>14</v>
      </c>
      <c r="D2605" t="s">
        <v>5767</v>
      </c>
      <c r="E2605" t="s">
        <v>31709</v>
      </c>
      <c r="F2605">
        <v>5</v>
      </c>
      <c r="G2605" t="s">
        <v>0</v>
      </c>
      <c r="H2605" t="s">
        <v>5768</v>
      </c>
      <c r="I2605" t="s">
        <v>30540</v>
      </c>
    </row>
    <row r="2606" spans="1:9">
      <c r="A2606" s="1">
        <f ca="1">RAND()</f>
        <v>0.41001403073413789</v>
      </c>
      <c r="B2606" s="1"/>
      <c r="C2606">
        <v>6</v>
      </c>
      <c r="D2606" t="s">
        <v>5761</v>
      </c>
      <c r="E2606" t="s">
        <v>31709</v>
      </c>
      <c r="F2606">
        <v>4</v>
      </c>
      <c r="G2606" t="s">
        <v>1</v>
      </c>
      <c r="H2606" t="s">
        <v>5762</v>
      </c>
      <c r="I2606" t="s">
        <v>30540</v>
      </c>
    </row>
    <row r="2607" spans="1:9">
      <c r="A2607" s="1">
        <f ca="1">RAND()</f>
        <v>0.22716444987503104</v>
      </c>
      <c r="B2607" s="1"/>
      <c r="C2607">
        <v>8</v>
      </c>
      <c r="D2607" t="s">
        <v>5763</v>
      </c>
      <c r="E2607" t="s">
        <v>31709</v>
      </c>
      <c r="F2607">
        <v>4</v>
      </c>
      <c r="G2607" t="s">
        <v>0</v>
      </c>
      <c r="H2607" t="s">
        <v>5764</v>
      </c>
      <c r="I2607" t="s">
        <v>30540</v>
      </c>
    </row>
    <row r="2608" spans="1:9">
      <c r="A2608" s="1">
        <f ca="1">RAND()</f>
        <v>0.98603667346332835</v>
      </c>
      <c r="B2608" s="1"/>
      <c r="C2608">
        <v>13</v>
      </c>
      <c r="D2608" t="s">
        <v>5765</v>
      </c>
      <c r="E2608" t="s">
        <v>31709</v>
      </c>
      <c r="F2608">
        <v>4</v>
      </c>
      <c r="G2608" t="s">
        <v>2</v>
      </c>
      <c r="H2608" t="s">
        <v>5766</v>
      </c>
      <c r="I2608" t="s">
        <v>30540</v>
      </c>
    </row>
    <row r="2609" spans="1:9">
      <c r="A2609" s="1">
        <f ca="1">RAND()</f>
        <v>0.28578639565287589</v>
      </c>
      <c r="B2609" s="1"/>
      <c r="C2609">
        <v>19</v>
      </c>
      <c r="D2609" t="s">
        <v>5771</v>
      </c>
      <c r="E2609" t="s">
        <v>31709</v>
      </c>
      <c r="F2609">
        <v>3</v>
      </c>
      <c r="G2609" t="s">
        <v>0</v>
      </c>
      <c r="H2609" t="s">
        <v>5772</v>
      </c>
      <c r="I2609" t="s">
        <v>30540</v>
      </c>
    </row>
    <row r="2610" spans="1:9">
      <c r="A2610" s="1">
        <f ca="1">RAND()</f>
        <v>0.82976204419946908</v>
      </c>
      <c r="B2610" s="1"/>
      <c r="C2610">
        <v>11</v>
      </c>
      <c r="D2610" t="s">
        <v>5751</v>
      </c>
      <c r="E2610" t="s">
        <v>31710</v>
      </c>
      <c r="F2610">
        <v>4</v>
      </c>
      <c r="G2610" t="s">
        <v>10</v>
      </c>
      <c r="H2610" t="s">
        <v>5752</v>
      </c>
      <c r="I2610" t="s">
        <v>30540</v>
      </c>
    </row>
    <row r="2611" spans="1:9">
      <c r="A2611" s="1">
        <f ca="1">RAND()</f>
        <v>0.47149810519720126</v>
      </c>
      <c r="B2611" s="1"/>
      <c r="C2611">
        <v>15</v>
      </c>
      <c r="D2611" t="s">
        <v>5753</v>
      </c>
      <c r="E2611" t="s">
        <v>31710</v>
      </c>
      <c r="F2611">
        <v>4</v>
      </c>
      <c r="G2611" t="s">
        <v>0</v>
      </c>
      <c r="H2611" t="s">
        <v>5754</v>
      </c>
      <c r="I2611" t="s">
        <v>30540</v>
      </c>
    </row>
    <row r="2612" spans="1:9">
      <c r="A2612" s="1">
        <f ca="1">RAND()</f>
        <v>0.60239380436037915</v>
      </c>
      <c r="B2612" s="1"/>
      <c r="C2612">
        <v>20</v>
      </c>
      <c r="D2612" t="s">
        <v>5759</v>
      </c>
      <c r="E2612" t="s">
        <v>31710</v>
      </c>
      <c r="F2612">
        <v>4</v>
      </c>
      <c r="G2612" t="s">
        <v>0</v>
      </c>
      <c r="H2612" t="s">
        <v>5760</v>
      </c>
      <c r="I2612" t="s">
        <v>30540</v>
      </c>
    </row>
    <row r="2613" spans="1:9">
      <c r="A2613" s="1">
        <f ca="1">RAND()</f>
        <v>1.8699842584355086E-2</v>
      </c>
      <c r="B2613" s="1"/>
      <c r="C2613">
        <v>16</v>
      </c>
      <c r="D2613" t="s">
        <v>5755</v>
      </c>
      <c r="E2613" t="s">
        <v>31710</v>
      </c>
      <c r="F2613">
        <v>4</v>
      </c>
      <c r="G2613" t="s">
        <v>10</v>
      </c>
      <c r="H2613" t="s">
        <v>5756</v>
      </c>
      <c r="I2613" t="s">
        <v>30540</v>
      </c>
    </row>
    <row r="2614" spans="1:9">
      <c r="A2614" s="1">
        <f ca="1">RAND()</f>
        <v>0.85427755410664385</v>
      </c>
      <c r="B2614" s="1"/>
      <c r="C2614">
        <v>5</v>
      </c>
      <c r="D2614" t="s">
        <v>5745</v>
      </c>
      <c r="E2614" t="s">
        <v>31710</v>
      </c>
      <c r="F2614">
        <v>4</v>
      </c>
      <c r="G2614" t="s">
        <v>2</v>
      </c>
      <c r="H2614" t="s">
        <v>5746</v>
      </c>
      <c r="I2614" t="s">
        <v>30540</v>
      </c>
    </row>
    <row r="2615" spans="1:9">
      <c r="A2615" s="1">
        <f ca="1">RAND()</f>
        <v>3.1767554532361131E-2</v>
      </c>
      <c r="B2615" s="1"/>
      <c r="C2615">
        <v>7</v>
      </c>
      <c r="D2615" t="s">
        <v>5749</v>
      </c>
      <c r="E2615" t="s">
        <v>31710</v>
      </c>
      <c r="F2615">
        <v>4</v>
      </c>
      <c r="G2615" t="s">
        <v>0</v>
      </c>
      <c r="H2615" t="s">
        <v>5750</v>
      </c>
      <c r="I2615" t="s">
        <v>30540</v>
      </c>
    </row>
    <row r="2616" spans="1:9">
      <c r="A2616" s="1">
        <f ca="1">RAND()</f>
        <v>0.5178034199787207</v>
      </c>
      <c r="B2616" s="1"/>
      <c r="C2616">
        <v>6</v>
      </c>
      <c r="D2616" t="s">
        <v>5747</v>
      </c>
      <c r="E2616" t="s">
        <v>31710</v>
      </c>
      <c r="F2616">
        <v>4</v>
      </c>
      <c r="G2616" t="s">
        <v>1</v>
      </c>
      <c r="H2616" t="s">
        <v>5748</v>
      </c>
      <c r="I2616" t="s">
        <v>30540</v>
      </c>
    </row>
    <row r="2617" spans="1:9">
      <c r="A2617" s="1">
        <f ca="1">RAND()</f>
        <v>0.45711122193434528</v>
      </c>
      <c r="B2617" s="1"/>
      <c r="C2617">
        <v>18</v>
      </c>
      <c r="D2617" t="s">
        <v>5757</v>
      </c>
      <c r="E2617" t="s">
        <v>31710</v>
      </c>
      <c r="F2617">
        <v>2</v>
      </c>
      <c r="G2617" t="s">
        <v>1</v>
      </c>
      <c r="H2617" t="s">
        <v>5758</v>
      </c>
      <c r="I2617" t="s">
        <v>30540</v>
      </c>
    </row>
    <row r="2618" spans="1:9">
      <c r="A2618" s="1">
        <f ca="1">RAND()</f>
        <v>0.58674540365341465</v>
      </c>
      <c r="B2618" s="1"/>
      <c r="C2618">
        <v>6</v>
      </c>
      <c r="D2618" t="s">
        <v>5735</v>
      </c>
      <c r="E2618" t="s">
        <v>31711</v>
      </c>
      <c r="F2618">
        <v>4</v>
      </c>
      <c r="G2618" t="s">
        <v>10</v>
      </c>
      <c r="H2618" t="s">
        <v>5736</v>
      </c>
      <c r="I2618" t="s">
        <v>30540</v>
      </c>
    </row>
    <row r="2619" spans="1:9">
      <c r="A2619" s="1">
        <f ca="1">RAND()</f>
        <v>0.98184280152057313</v>
      </c>
      <c r="B2619" s="1"/>
      <c r="C2619">
        <v>16</v>
      </c>
      <c r="D2619" t="s">
        <v>5741</v>
      </c>
      <c r="E2619" t="s">
        <v>31711</v>
      </c>
      <c r="F2619">
        <v>4</v>
      </c>
      <c r="G2619" t="s">
        <v>0</v>
      </c>
      <c r="H2619" t="s">
        <v>5742</v>
      </c>
      <c r="I2619" t="s">
        <v>30540</v>
      </c>
    </row>
    <row r="2620" spans="1:9">
      <c r="A2620" s="1">
        <f ca="1">RAND()</f>
        <v>0.75629791251868228</v>
      </c>
      <c r="B2620" s="1"/>
      <c r="C2620">
        <v>15</v>
      </c>
      <c r="D2620" t="s">
        <v>5739</v>
      </c>
      <c r="E2620" t="s">
        <v>31711</v>
      </c>
      <c r="F2620">
        <v>4</v>
      </c>
      <c r="G2620" t="s">
        <v>0</v>
      </c>
      <c r="H2620" t="s">
        <v>5740</v>
      </c>
      <c r="I2620" t="s">
        <v>30540</v>
      </c>
    </row>
    <row r="2621" spans="1:9">
      <c r="A2621" s="1">
        <f ca="1">RAND()</f>
        <v>0.10739378054644189</v>
      </c>
      <c r="B2621" s="1"/>
      <c r="C2621">
        <v>11</v>
      </c>
      <c r="D2621" t="s">
        <v>5737</v>
      </c>
      <c r="E2621" t="s">
        <v>31711</v>
      </c>
      <c r="F2621">
        <v>4</v>
      </c>
      <c r="G2621" t="s">
        <v>0</v>
      </c>
      <c r="H2621" t="s">
        <v>5738</v>
      </c>
      <c r="I2621" t="s">
        <v>30540</v>
      </c>
    </row>
    <row r="2622" spans="1:9">
      <c r="A2622" s="1">
        <f ca="1">RAND()</f>
        <v>0.53233686924348911</v>
      </c>
      <c r="B2622" s="1"/>
      <c r="C2622">
        <v>17</v>
      </c>
      <c r="D2622" t="s">
        <v>5743</v>
      </c>
      <c r="E2622" t="s">
        <v>31711</v>
      </c>
      <c r="F2622">
        <v>3</v>
      </c>
      <c r="G2622" t="s">
        <v>15</v>
      </c>
      <c r="H2622" t="s">
        <v>5744</v>
      </c>
      <c r="I2622" t="s">
        <v>30540</v>
      </c>
    </row>
    <row r="2623" spans="1:9">
      <c r="A2623" s="1">
        <f ca="1">RAND()</f>
        <v>0.36270920269249829</v>
      </c>
      <c r="B2623" s="1"/>
      <c r="C2623">
        <v>2</v>
      </c>
      <c r="D2623" t="s">
        <v>5727</v>
      </c>
      <c r="E2623" t="s">
        <v>31712</v>
      </c>
      <c r="F2623">
        <v>4</v>
      </c>
      <c r="G2623" t="s">
        <v>9</v>
      </c>
      <c r="H2623" t="s">
        <v>5728</v>
      </c>
      <c r="I2623" t="s">
        <v>30540</v>
      </c>
    </row>
    <row r="2624" spans="1:9">
      <c r="A2624" s="1">
        <f ca="1">RAND()</f>
        <v>0.76659415438792533</v>
      </c>
      <c r="B2624" s="1"/>
      <c r="C2624">
        <v>20</v>
      </c>
      <c r="D2624" t="s">
        <v>5733</v>
      </c>
      <c r="E2624" t="s">
        <v>31712</v>
      </c>
      <c r="F2624">
        <v>3</v>
      </c>
      <c r="G2624" t="s">
        <v>0</v>
      </c>
      <c r="H2624" t="s">
        <v>5734</v>
      </c>
      <c r="I2624" t="s">
        <v>30540</v>
      </c>
    </row>
    <row r="2625" spans="1:9">
      <c r="A2625" s="1">
        <f ca="1">RAND()</f>
        <v>0.41133782417777387</v>
      </c>
      <c r="B2625" s="1"/>
      <c r="C2625">
        <v>12</v>
      </c>
      <c r="D2625" t="s">
        <v>5731</v>
      </c>
      <c r="E2625" t="s">
        <v>31712</v>
      </c>
      <c r="F2625">
        <v>2</v>
      </c>
      <c r="G2625" t="s">
        <v>15</v>
      </c>
      <c r="H2625" t="s">
        <v>5732</v>
      </c>
      <c r="I2625" t="s">
        <v>30540</v>
      </c>
    </row>
    <row r="2626" spans="1:9">
      <c r="A2626" s="1">
        <f ca="1">RAND()</f>
        <v>0.23651105471403244</v>
      </c>
      <c r="B2626" s="1"/>
      <c r="C2626">
        <v>9</v>
      </c>
      <c r="D2626" t="s">
        <v>5729</v>
      </c>
      <c r="E2626" t="s">
        <v>31712</v>
      </c>
      <c r="F2626">
        <v>1</v>
      </c>
      <c r="G2626" t="s">
        <v>0</v>
      </c>
      <c r="H2626" t="s">
        <v>5730</v>
      </c>
      <c r="I2626" t="s">
        <v>30540</v>
      </c>
    </row>
    <row r="2627" spans="1:9">
      <c r="A2627" s="1">
        <f ca="1">RAND()</f>
        <v>0.49066653654390979</v>
      </c>
      <c r="B2627" s="1"/>
      <c r="C2627">
        <v>2</v>
      </c>
      <c r="D2627" t="s">
        <v>5721</v>
      </c>
      <c r="E2627" t="s">
        <v>31713</v>
      </c>
      <c r="F2627">
        <v>4</v>
      </c>
      <c r="G2627" t="s">
        <v>15</v>
      </c>
      <c r="H2627" t="s">
        <v>5722</v>
      </c>
      <c r="I2627" t="s">
        <v>30540</v>
      </c>
    </row>
    <row r="2628" spans="1:9">
      <c r="A2628" s="1">
        <f ca="1">RAND()</f>
        <v>0.34527458545442369</v>
      </c>
      <c r="B2628" s="1"/>
      <c r="C2628">
        <v>11</v>
      </c>
      <c r="D2628" t="s">
        <v>5723</v>
      </c>
      <c r="E2628" t="s">
        <v>31713</v>
      </c>
      <c r="F2628">
        <v>4</v>
      </c>
      <c r="G2628" t="s">
        <v>0</v>
      </c>
      <c r="H2628" t="s">
        <v>5724</v>
      </c>
      <c r="I2628" t="s">
        <v>30540</v>
      </c>
    </row>
    <row r="2629" spans="1:9">
      <c r="A2629" s="1">
        <f ca="1">RAND()</f>
        <v>0.47416007858892195</v>
      </c>
      <c r="B2629" s="1"/>
      <c r="C2629">
        <v>13</v>
      </c>
      <c r="D2629" t="s">
        <v>5725</v>
      </c>
      <c r="E2629" t="s">
        <v>31713</v>
      </c>
      <c r="F2629">
        <v>2</v>
      </c>
      <c r="G2629" t="s">
        <v>0</v>
      </c>
      <c r="H2629" t="s">
        <v>5726</v>
      </c>
      <c r="I2629" t="s">
        <v>30540</v>
      </c>
    </row>
    <row r="2630" spans="1:9">
      <c r="A2630" s="1">
        <f ca="1">RAND()</f>
        <v>7.5974370215241005E-2</v>
      </c>
      <c r="B2630" s="1"/>
      <c r="C2630">
        <v>18</v>
      </c>
      <c r="D2630" t="s">
        <v>5719</v>
      </c>
      <c r="E2630" t="s">
        <v>31714</v>
      </c>
      <c r="F2630">
        <v>5</v>
      </c>
      <c r="G2630" t="s">
        <v>10</v>
      </c>
      <c r="H2630" t="s">
        <v>5720</v>
      </c>
      <c r="I2630" t="s">
        <v>30540</v>
      </c>
    </row>
    <row r="2631" spans="1:9">
      <c r="A2631" s="1">
        <f ca="1">RAND()</f>
        <v>0.15851585333516194</v>
      </c>
      <c r="B2631" s="1"/>
      <c r="C2631">
        <v>6</v>
      </c>
      <c r="D2631" t="s">
        <v>5715</v>
      </c>
      <c r="E2631" t="s">
        <v>31714</v>
      </c>
      <c r="F2631">
        <v>5</v>
      </c>
      <c r="G2631" t="s">
        <v>775</v>
      </c>
      <c r="H2631" t="s">
        <v>5716</v>
      </c>
      <c r="I2631" t="s">
        <v>30540</v>
      </c>
    </row>
    <row r="2632" spans="1:9">
      <c r="A2632" s="1">
        <f ca="1">RAND()</f>
        <v>0.89507600880598415</v>
      </c>
      <c r="B2632" s="1"/>
      <c r="C2632">
        <v>13</v>
      </c>
      <c r="D2632" t="s">
        <v>5717</v>
      </c>
      <c r="E2632" t="s">
        <v>31714</v>
      </c>
      <c r="F2632">
        <v>4</v>
      </c>
      <c r="G2632" t="s">
        <v>770</v>
      </c>
      <c r="H2632" t="s">
        <v>5718</v>
      </c>
      <c r="I2632" t="s">
        <v>30540</v>
      </c>
    </row>
    <row r="2633" spans="1:9">
      <c r="A2633" s="1">
        <f ca="1">RAND()</f>
        <v>0.7915686269042066</v>
      </c>
      <c r="B2633" s="1"/>
      <c r="C2633">
        <v>6</v>
      </c>
      <c r="D2633" t="s">
        <v>5707</v>
      </c>
      <c r="E2633" t="s">
        <v>31715</v>
      </c>
      <c r="F2633">
        <v>4</v>
      </c>
      <c r="G2633" t="s">
        <v>2</v>
      </c>
      <c r="H2633" t="s">
        <v>5708</v>
      </c>
      <c r="I2633" t="s">
        <v>30540</v>
      </c>
    </row>
    <row r="2634" spans="1:9">
      <c r="A2634" s="1">
        <f ca="1">RAND()</f>
        <v>0.96443405747375166</v>
      </c>
      <c r="B2634" s="1"/>
      <c r="C2634">
        <v>2</v>
      </c>
      <c r="D2634" t="s">
        <v>5703</v>
      </c>
      <c r="E2634" t="s">
        <v>31715</v>
      </c>
      <c r="F2634">
        <v>4</v>
      </c>
      <c r="G2634" t="s">
        <v>2</v>
      </c>
      <c r="H2634" t="s">
        <v>5704</v>
      </c>
      <c r="I2634" t="s">
        <v>30540</v>
      </c>
    </row>
    <row r="2635" spans="1:9">
      <c r="A2635" s="1">
        <f ca="1">RAND()</f>
        <v>0.67563255417821177</v>
      </c>
      <c r="B2635" s="1"/>
      <c r="C2635">
        <v>14</v>
      </c>
      <c r="D2635" t="s">
        <v>5713</v>
      </c>
      <c r="E2635" t="s">
        <v>31715</v>
      </c>
      <c r="F2635">
        <v>4</v>
      </c>
      <c r="G2635" t="s">
        <v>10</v>
      </c>
      <c r="H2635" t="s">
        <v>5714</v>
      </c>
      <c r="I2635" t="s">
        <v>30540</v>
      </c>
    </row>
    <row r="2636" spans="1:9">
      <c r="A2636" s="1">
        <f ca="1">RAND()</f>
        <v>0.6934519645091709</v>
      </c>
      <c r="B2636" s="1"/>
      <c r="C2636">
        <v>9</v>
      </c>
      <c r="D2636" t="s">
        <v>5709</v>
      </c>
      <c r="E2636" t="s">
        <v>31715</v>
      </c>
      <c r="F2636">
        <v>2</v>
      </c>
      <c r="G2636" t="s">
        <v>2</v>
      </c>
      <c r="H2636" t="s">
        <v>5710</v>
      </c>
      <c r="I2636" t="s">
        <v>30540</v>
      </c>
    </row>
    <row r="2637" spans="1:9">
      <c r="A2637" s="1">
        <f ca="1">RAND()</f>
        <v>0.61944918166975071</v>
      </c>
      <c r="B2637" s="1"/>
      <c r="C2637">
        <v>11</v>
      </c>
      <c r="D2637" t="s">
        <v>5711</v>
      </c>
      <c r="E2637" t="s">
        <v>31715</v>
      </c>
      <c r="F2637">
        <v>2</v>
      </c>
      <c r="G2637" t="s">
        <v>10</v>
      </c>
      <c r="H2637" t="s">
        <v>5712</v>
      </c>
      <c r="I2637" t="s">
        <v>30540</v>
      </c>
    </row>
    <row r="2638" spans="1:9">
      <c r="A2638" s="1">
        <f ca="1">RAND()</f>
        <v>0.54123886207611771</v>
      </c>
      <c r="B2638" s="1"/>
      <c r="C2638">
        <v>3</v>
      </c>
      <c r="D2638" t="s">
        <v>5705</v>
      </c>
      <c r="E2638" t="s">
        <v>31715</v>
      </c>
      <c r="F2638">
        <v>2</v>
      </c>
      <c r="G2638" t="s">
        <v>10</v>
      </c>
      <c r="H2638" t="s">
        <v>5706</v>
      </c>
      <c r="I2638" t="s">
        <v>30540</v>
      </c>
    </row>
    <row r="2639" spans="1:9">
      <c r="A2639" s="1">
        <f ca="1">RAND()</f>
        <v>0.89235941961416132</v>
      </c>
      <c r="B2639" s="1"/>
      <c r="C2639">
        <v>14</v>
      </c>
      <c r="D2639" t="s">
        <v>5697</v>
      </c>
      <c r="E2639" t="s">
        <v>31716</v>
      </c>
      <c r="F2639">
        <v>5</v>
      </c>
      <c r="G2639" t="s">
        <v>0</v>
      </c>
      <c r="H2639" t="s">
        <v>5698</v>
      </c>
      <c r="I2639" t="s">
        <v>30540</v>
      </c>
    </row>
    <row r="2640" spans="1:9">
      <c r="A2640" s="1">
        <f ca="1">RAND()</f>
        <v>0.98267975104580862</v>
      </c>
      <c r="B2640" s="1"/>
      <c r="C2640">
        <v>15</v>
      </c>
      <c r="D2640" t="s">
        <v>5699</v>
      </c>
      <c r="E2640" t="s">
        <v>31716</v>
      </c>
      <c r="F2640">
        <v>4</v>
      </c>
      <c r="G2640" t="s">
        <v>0</v>
      </c>
      <c r="H2640" t="s">
        <v>5700</v>
      </c>
      <c r="I2640" t="s">
        <v>30540</v>
      </c>
    </row>
    <row r="2641" spans="1:9">
      <c r="A2641" s="1">
        <f ca="1">RAND()</f>
        <v>0.87152884981226841</v>
      </c>
      <c r="B2641" s="1"/>
      <c r="C2641">
        <v>20</v>
      </c>
      <c r="D2641" t="s">
        <v>5701</v>
      </c>
      <c r="E2641" t="s">
        <v>31716</v>
      </c>
      <c r="F2641">
        <v>4</v>
      </c>
      <c r="G2641" t="s">
        <v>0</v>
      </c>
      <c r="H2641" t="s">
        <v>5702</v>
      </c>
      <c r="I2641" t="s">
        <v>30540</v>
      </c>
    </row>
    <row r="2642" spans="1:9">
      <c r="A2642" s="1">
        <f ca="1">RAND()</f>
        <v>0.84438605413354073</v>
      </c>
      <c r="B2642" s="1"/>
      <c r="C2642">
        <v>2</v>
      </c>
      <c r="D2642" t="s">
        <v>5693</v>
      </c>
      <c r="E2642" t="s">
        <v>31716</v>
      </c>
      <c r="F2642">
        <v>4</v>
      </c>
      <c r="G2642" t="s">
        <v>9</v>
      </c>
      <c r="H2642" t="s">
        <v>5694</v>
      </c>
      <c r="I2642" t="s">
        <v>30540</v>
      </c>
    </row>
    <row r="2643" spans="1:9">
      <c r="A2643" s="1">
        <f ca="1">RAND()</f>
        <v>0.13334212291711312</v>
      </c>
      <c r="B2643" s="1"/>
      <c r="C2643">
        <v>4</v>
      </c>
      <c r="D2643" t="s">
        <v>5695</v>
      </c>
      <c r="E2643" t="s">
        <v>31716</v>
      </c>
      <c r="F2643">
        <v>4</v>
      </c>
      <c r="G2643" t="s">
        <v>0</v>
      </c>
      <c r="H2643" t="s">
        <v>5696</v>
      </c>
      <c r="I2643" t="s">
        <v>30540</v>
      </c>
    </row>
    <row r="2644" spans="1:9">
      <c r="A2644" s="1">
        <f ca="1">RAND()</f>
        <v>0.48902145161866195</v>
      </c>
      <c r="B2644" s="1"/>
      <c r="C2644">
        <v>4</v>
      </c>
      <c r="D2644" t="s">
        <v>5677</v>
      </c>
      <c r="E2644" t="s">
        <v>31717</v>
      </c>
      <c r="F2644">
        <v>5</v>
      </c>
      <c r="G2644" t="s">
        <v>9</v>
      </c>
      <c r="H2644" t="s">
        <v>5678</v>
      </c>
      <c r="I2644" t="s">
        <v>30540</v>
      </c>
    </row>
    <row r="2645" spans="1:9">
      <c r="A2645" s="1">
        <f ca="1">RAND()</f>
        <v>0.14270694400120265</v>
      </c>
      <c r="B2645" s="1"/>
      <c r="C2645">
        <v>10</v>
      </c>
      <c r="D2645" t="s">
        <v>5683</v>
      </c>
      <c r="E2645" t="s">
        <v>31717</v>
      </c>
      <c r="F2645">
        <v>5</v>
      </c>
      <c r="G2645" t="s">
        <v>15</v>
      </c>
      <c r="H2645" t="s">
        <v>5684</v>
      </c>
      <c r="I2645" t="s">
        <v>30540</v>
      </c>
    </row>
    <row r="2646" spans="1:9">
      <c r="A2646" s="1">
        <f ca="1">RAND()</f>
        <v>0.8424680840882881</v>
      </c>
      <c r="B2646" s="1"/>
      <c r="C2646">
        <v>11</v>
      </c>
      <c r="D2646" t="s">
        <v>5685</v>
      </c>
      <c r="E2646" t="s">
        <v>31717</v>
      </c>
      <c r="F2646">
        <v>5</v>
      </c>
      <c r="G2646" t="s">
        <v>1</v>
      </c>
      <c r="H2646" t="s">
        <v>5686</v>
      </c>
      <c r="I2646" t="s">
        <v>30540</v>
      </c>
    </row>
    <row r="2647" spans="1:9">
      <c r="A2647" s="1">
        <f ca="1">RAND()</f>
        <v>0.38144242443851828</v>
      </c>
      <c r="B2647" s="1"/>
      <c r="C2647">
        <v>15</v>
      </c>
      <c r="D2647" t="s">
        <v>5689</v>
      </c>
      <c r="E2647" t="s">
        <v>31717</v>
      </c>
      <c r="F2647">
        <v>4</v>
      </c>
      <c r="G2647" t="s">
        <v>0</v>
      </c>
      <c r="H2647" t="s">
        <v>5690</v>
      </c>
      <c r="I2647" t="s">
        <v>30540</v>
      </c>
    </row>
    <row r="2648" spans="1:9">
      <c r="A2648" s="1">
        <f ca="1">RAND()</f>
        <v>0.42666976219110853</v>
      </c>
      <c r="B2648" s="1"/>
      <c r="C2648">
        <v>13</v>
      </c>
      <c r="D2648" t="s">
        <v>5687</v>
      </c>
      <c r="E2648" t="s">
        <v>31717</v>
      </c>
      <c r="F2648">
        <v>4</v>
      </c>
      <c r="G2648" t="s">
        <v>0</v>
      </c>
      <c r="H2648" t="s">
        <v>5688</v>
      </c>
      <c r="I2648" t="s">
        <v>30540</v>
      </c>
    </row>
    <row r="2649" spans="1:9">
      <c r="A2649" s="1">
        <f ca="1">RAND()</f>
        <v>0.91701400163073321</v>
      </c>
      <c r="B2649" s="1"/>
      <c r="C2649">
        <v>16</v>
      </c>
      <c r="D2649" t="s">
        <v>5691</v>
      </c>
      <c r="E2649" t="s">
        <v>31717</v>
      </c>
      <c r="F2649">
        <v>4</v>
      </c>
      <c r="G2649" t="s">
        <v>0</v>
      </c>
      <c r="H2649" t="s">
        <v>5692</v>
      </c>
      <c r="I2649" t="s">
        <v>30540</v>
      </c>
    </row>
    <row r="2650" spans="1:9">
      <c r="A2650" s="1">
        <f ca="1">RAND()</f>
        <v>0.58278007897574302</v>
      </c>
      <c r="B2650" s="1"/>
      <c r="C2650">
        <v>8</v>
      </c>
      <c r="D2650" t="s">
        <v>5681</v>
      </c>
      <c r="E2650" t="s">
        <v>31717</v>
      </c>
      <c r="F2650">
        <v>3</v>
      </c>
      <c r="G2650" t="s">
        <v>0</v>
      </c>
      <c r="H2650" t="s">
        <v>5682</v>
      </c>
      <c r="I2650" t="s">
        <v>30540</v>
      </c>
    </row>
    <row r="2651" spans="1:9">
      <c r="A2651" s="1">
        <f ca="1">RAND()</f>
        <v>0.52027925692807031</v>
      </c>
      <c r="B2651" s="1"/>
      <c r="C2651">
        <v>7</v>
      </c>
      <c r="D2651" t="s">
        <v>5679</v>
      </c>
      <c r="E2651" t="s">
        <v>31717</v>
      </c>
      <c r="F2651">
        <v>3</v>
      </c>
      <c r="G2651" t="s">
        <v>15</v>
      </c>
      <c r="H2651" t="s">
        <v>5680</v>
      </c>
      <c r="I2651" t="s">
        <v>30540</v>
      </c>
    </row>
    <row r="2652" spans="1:9">
      <c r="A2652" s="1">
        <f ca="1">RAND()</f>
        <v>0.96869406287415749</v>
      </c>
      <c r="B2652" s="1"/>
      <c r="C2652">
        <v>14</v>
      </c>
      <c r="D2652" t="s">
        <v>5669</v>
      </c>
      <c r="E2652" t="s">
        <v>31718</v>
      </c>
      <c r="F2652">
        <v>5</v>
      </c>
      <c r="G2652" t="s">
        <v>10</v>
      </c>
      <c r="H2652" t="s">
        <v>5670</v>
      </c>
      <c r="I2652" t="s">
        <v>30540</v>
      </c>
    </row>
    <row r="2653" spans="1:9">
      <c r="A2653" s="1">
        <f ca="1">RAND()</f>
        <v>0.63525822024818335</v>
      </c>
      <c r="B2653" s="1"/>
      <c r="C2653">
        <v>13</v>
      </c>
      <c r="D2653" t="s">
        <v>5667</v>
      </c>
      <c r="E2653" t="s">
        <v>31718</v>
      </c>
      <c r="F2653">
        <v>5</v>
      </c>
      <c r="G2653" t="s">
        <v>0</v>
      </c>
      <c r="H2653" t="s">
        <v>5668</v>
      </c>
      <c r="I2653" t="s">
        <v>30540</v>
      </c>
    </row>
    <row r="2654" spans="1:9">
      <c r="A2654" s="1">
        <f ca="1">RAND()</f>
        <v>0.52692887965614998</v>
      </c>
      <c r="B2654" s="1"/>
      <c r="C2654">
        <v>12</v>
      </c>
      <c r="D2654" t="s">
        <v>5665</v>
      </c>
      <c r="E2654" t="s">
        <v>31718</v>
      </c>
      <c r="F2654">
        <v>5</v>
      </c>
      <c r="G2654" t="s">
        <v>0</v>
      </c>
      <c r="H2654" t="s">
        <v>5666</v>
      </c>
      <c r="I2654" t="s">
        <v>30540</v>
      </c>
    </row>
    <row r="2655" spans="1:9">
      <c r="A2655" s="1">
        <f ca="1">RAND()</f>
        <v>0.77930579584230431</v>
      </c>
      <c r="B2655" s="1"/>
      <c r="C2655">
        <v>19</v>
      </c>
      <c r="D2655" t="s">
        <v>5673</v>
      </c>
      <c r="E2655" t="s">
        <v>31718</v>
      </c>
      <c r="F2655">
        <v>4</v>
      </c>
      <c r="G2655" t="s">
        <v>0</v>
      </c>
      <c r="H2655" t="s">
        <v>5674</v>
      </c>
      <c r="I2655" t="s">
        <v>30540</v>
      </c>
    </row>
    <row r="2656" spans="1:9">
      <c r="A2656" s="1">
        <f ca="1">RAND()</f>
        <v>0.30275390379116418</v>
      </c>
      <c r="B2656" s="1"/>
      <c r="C2656">
        <v>20</v>
      </c>
      <c r="D2656" t="s">
        <v>5675</v>
      </c>
      <c r="E2656" t="s">
        <v>31718</v>
      </c>
      <c r="F2656">
        <v>4</v>
      </c>
      <c r="G2656" t="s">
        <v>0</v>
      </c>
      <c r="H2656" t="s">
        <v>5676</v>
      </c>
      <c r="I2656" t="s">
        <v>30540</v>
      </c>
    </row>
    <row r="2657" spans="1:9">
      <c r="A2657" s="1">
        <f ca="1">RAND()</f>
        <v>0.30714555023476531</v>
      </c>
      <c r="B2657" s="1"/>
      <c r="C2657">
        <v>18</v>
      </c>
      <c r="D2657" t="s">
        <v>5671</v>
      </c>
      <c r="E2657" t="s">
        <v>31718</v>
      </c>
      <c r="F2657">
        <v>4</v>
      </c>
      <c r="G2657" t="s">
        <v>0</v>
      </c>
      <c r="H2657" t="s">
        <v>5672</v>
      </c>
      <c r="I2657" t="s">
        <v>30540</v>
      </c>
    </row>
    <row r="2658" spans="1:9">
      <c r="A2658" s="1">
        <f ca="1">RAND()</f>
        <v>0.3042174420298871</v>
      </c>
      <c r="B2658" s="1"/>
      <c r="C2658">
        <v>6</v>
      </c>
      <c r="D2658" t="s">
        <v>5661</v>
      </c>
      <c r="E2658" t="s">
        <v>31718</v>
      </c>
      <c r="F2658">
        <v>4</v>
      </c>
      <c r="G2658" t="s">
        <v>10</v>
      </c>
      <c r="H2658" t="s">
        <v>5662</v>
      </c>
      <c r="I2658" t="s">
        <v>30540</v>
      </c>
    </row>
    <row r="2659" spans="1:9">
      <c r="A2659" s="1">
        <f ca="1">RAND()</f>
        <v>0.92346117426992502</v>
      </c>
      <c r="B2659" s="1"/>
      <c r="C2659">
        <v>10</v>
      </c>
      <c r="D2659" t="s">
        <v>5663</v>
      </c>
      <c r="E2659" t="s">
        <v>31718</v>
      </c>
      <c r="F2659">
        <v>4</v>
      </c>
      <c r="G2659" t="s">
        <v>0</v>
      </c>
      <c r="H2659" t="s">
        <v>5664</v>
      </c>
      <c r="I2659" t="s">
        <v>30540</v>
      </c>
    </row>
    <row r="2660" spans="1:9">
      <c r="A2660" s="1">
        <f ca="1">RAND()</f>
        <v>0.80292440020739608</v>
      </c>
      <c r="B2660" s="1"/>
      <c r="C2660">
        <v>11</v>
      </c>
      <c r="D2660" t="s">
        <v>5657</v>
      </c>
      <c r="E2660" t="s">
        <v>31719</v>
      </c>
      <c r="F2660">
        <v>4</v>
      </c>
      <c r="G2660" t="s">
        <v>0</v>
      </c>
      <c r="H2660" t="s">
        <v>5658</v>
      </c>
      <c r="I2660" t="s">
        <v>30540</v>
      </c>
    </row>
    <row r="2661" spans="1:9">
      <c r="A2661" s="1">
        <f ca="1">RAND()</f>
        <v>5.5652779407668551E-2</v>
      </c>
      <c r="B2661" s="1"/>
      <c r="C2661">
        <v>6</v>
      </c>
      <c r="D2661" t="s">
        <v>5655</v>
      </c>
      <c r="E2661" t="s">
        <v>31719</v>
      </c>
      <c r="F2661">
        <v>4</v>
      </c>
      <c r="G2661" t="s">
        <v>0</v>
      </c>
      <c r="H2661" t="s">
        <v>5656</v>
      </c>
      <c r="I2661" t="s">
        <v>30540</v>
      </c>
    </row>
    <row r="2662" spans="1:9">
      <c r="A2662" s="1">
        <f ca="1">RAND()</f>
        <v>0.4253282805335773</v>
      </c>
      <c r="B2662" s="1"/>
      <c r="C2662">
        <v>14</v>
      </c>
      <c r="D2662" t="s">
        <v>5659</v>
      </c>
      <c r="E2662" t="s">
        <v>31719</v>
      </c>
      <c r="F2662">
        <v>1</v>
      </c>
      <c r="G2662" t="s">
        <v>0</v>
      </c>
      <c r="H2662" t="s">
        <v>5660</v>
      </c>
      <c r="I2662" t="s">
        <v>30540</v>
      </c>
    </row>
    <row r="2663" spans="1:9">
      <c r="A2663" s="1">
        <f ca="1">RAND()</f>
        <v>0.12183898008090177</v>
      </c>
      <c r="B2663" s="1"/>
      <c r="C2663">
        <v>16</v>
      </c>
      <c r="D2663" t="s">
        <v>5653</v>
      </c>
      <c r="E2663" t="s">
        <v>31720</v>
      </c>
      <c r="F2663">
        <v>5</v>
      </c>
      <c r="G2663" t="s">
        <v>3107</v>
      </c>
      <c r="H2663" t="s">
        <v>5654</v>
      </c>
      <c r="I2663" t="s">
        <v>30540</v>
      </c>
    </row>
    <row r="2664" spans="1:9">
      <c r="A2664" s="1">
        <f ca="1">RAND()</f>
        <v>0.60711622337111415</v>
      </c>
      <c r="B2664" s="1"/>
      <c r="C2664">
        <v>5</v>
      </c>
      <c r="D2664" t="s">
        <v>5647</v>
      </c>
      <c r="E2664" t="s">
        <v>31720</v>
      </c>
      <c r="F2664">
        <v>5</v>
      </c>
      <c r="G2664" t="s">
        <v>2229</v>
      </c>
      <c r="H2664" t="s">
        <v>5648</v>
      </c>
      <c r="I2664" t="s">
        <v>30540</v>
      </c>
    </row>
    <row r="2665" spans="1:9">
      <c r="A2665" s="1">
        <f ca="1">RAND()</f>
        <v>2.7975763300805867E-2</v>
      </c>
      <c r="B2665" s="1"/>
      <c r="C2665">
        <v>7</v>
      </c>
      <c r="D2665" t="s">
        <v>5649</v>
      </c>
      <c r="E2665" t="s">
        <v>31720</v>
      </c>
      <c r="F2665">
        <v>4</v>
      </c>
      <c r="G2665" t="s">
        <v>762</v>
      </c>
      <c r="H2665" t="s">
        <v>5650</v>
      </c>
      <c r="I2665" t="s">
        <v>30540</v>
      </c>
    </row>
    <row r="2666" spans="1:9">
      <c r="A2666" s="1">
        <f ca="1">RAND()</f>
        <v>0.16860424470194346</v>
      </c>
      <c r="B2666" s="1"/>
      <c r="C2666">
        <v>1</v>
      </c>
      <c r="D2666" t="s">
        <v>5643</v>
      </c>
      <c r="E2666" t="s">
        <v>31720</v>
      </c>
      <c r="F2666">
        <v>4</v>
      </c>
      <c r="G2666" t="s">
        <v>2738</v>
      </c>
      <c r="H2666" t="s">
        <v>5644</v>
      </c>
      <c r="I2666" t="s">
        <v>30540</v>
      </c>
    </row>
    <row r="2667" spans="1:9">
      <c r="A2667" s="1">
        <f ca="1">RAND()</f>
        <v>0.62513545965906858</v>
      </c>
      <c r="B2667" s="1"/>
      <c r="C2667">
        <v>2</v>
      </c>
      <c r="D2667" t="s">
        <v>5645</v>
      </c>
      <c r="E2667" t="s">
        <v>31720</v>
      </c>
      <c r="F2667">
        <v>4</v>
      </c>
      <c r="G2667" t="s">
        <v>13</v>
      </c>
      <c r="H2667" t="s">
        <v>5646</v>
      </c>
      <c r="I2667" t="s">
        <v>30540</v>
      </c>
    </row>
    <row r="2668" spans="1:9">
      <c r="A2668" s="1">
        <f ca="1">RAND()</f>
        <v>0.59784044294934358</v>
      </c>
      <c r="B2668" s="1"/>
      <c r="C2668">
        <v>12</v>
      </c>
      <c r="D2668" t="s">
        <v>5651</v>
      </c>
      <c r="E2668" t="s">
        <v>31720</v>
      </c>
      <c r="F2668">
        <v>3</v>
      </c>
      <c r="G2668" t="s">
        <v>1431</v>
      </c>
      <c r="H2668" t="s">
        <v>5652</v>
      </c>
      <c r="I2668" t="s">
        <v>30540</v>
      </c>
    </row>
    <row r="2669" spans="1:9">
      <c r="A2669" s="1">
        <f ca="1">RAND()</f>
        <v>0.51399901275699356</v>
      </c>
      <c r="B2669" s="1"/>
      <c r="C2669">
        <v>13</v>
      </c>
      <c r="D2669" t="s">
        <v>5639</v>
      </c>
      <c r="E2669" t="s">
        <v>31721</v>
      </c>
      <c r="F2669">
        <v>4</v>
      </c>
      <c r="G2669" t="s">
        <v>1</v>
      </c>
      <c r="H2669" t="s">
        <v>5640</v>
      </c>
      <c r="I2669" t="s">
        <v>30540</v>
      </c>
    </row>
    <row r="2670" spans="1:9">
      <c r="A2670" s="1">
        <f ca="1">RAND()</f>
        <v>0.94594235720510866</v>
      </c>
      <c r="B2670" s="1"/>
      <c r="C2670">
        <v>9</v>
      </c>
      <c r="D2670" t="s">
        <v>5633</v>
      </c>
      <c r="E2670" t="s">
        <v>31721</v>
      </c>
      <c r="F2670">
        <v>4</v>
      </c>
      <c r="G2670" t="s">
        <v>15</v>
      </c>
      <c r="H2670" t="s">
        <v>5634</v>
      </c>
      <c r="I2670" t="s">
        <v>30540</v>
      </c>
    </row>
    <row r="2671" spans="1:9">
      <c r="A2671" s="1">
        <f ca="1">RAND()</f>
        <v>0.80005049465047184</v>
      </c>
      <c r="B2671" s="1"/>
      <c r="C2671">
        <v>11</v>
      </c>
      <c r="D2671" t="s">
        <v>5635</v>
      </c>
      <c r="E2671" t="s">
        <v>31721</v>
      </c>
      <c r="F2671">
        <v>4</v>
      </c>
      <c r="G2671" t="s">
        <v>0</v>
      </c>
      <c r="H2671" t="s">
        <v>5636</v>
      </c>
      <c r="I2671" t="s">
        <v>30540</v>
      </c>
    </row>
    <row r="2672" spans="1:9">
      <c r="A2672" s="1">
        <f ca="1">RAND()</f>
        <v>0.70066965166304951</v>
      </c>
      <c r="B2672" s="1"/>
      <c r="C2672">
        <v>12</v>
      </c>
      <c r="D2672" t="s">
        <v>5637</v>
      </c>
      <c r="E2672" t="s">
        <v>31721</v>
      </c>
      <c r="F2672">
        <v>4</v>
      </c>
      <c r="G2672" t="s">
        <v>0</v>
      </c>
      <c r="H2672" t="s">
        <v>5638</v>
      </c>
      <c r="I2672" t="s">
        <v>30540</v>
      </c>
    </row>
    <row r="2673" spans="1:9">
      <c r="A2673" s="1">
        <f ca="1">RAND()</f>
        <v>3.5019736130842194E-2</v>
      </c>
      <c r="B2673" s="1"/>
      <c r="C2673">
        <v>19</v>
      </c>
      <c r="D2673" t="s">
        <v>5641</v>
      </c>
      <c r="E2673" t="s">
        <v>31721</v>
      </c>
      <c r="F2673">
        <v>4</v>
      </c>
      <c r="G2673" t="s">
        <v>2</v>
      </c>
      <c r="H2673" t="s">
        <v>5642</v>
      </c>
      <c r="I2673" t="s">
        <v>30540</v>
      </c>
    </row>
    <row r="2674" spans="1:9">
      <c r="A2674" s="1">
        <f ca="1">RAND()</f>
        <v>0.40052293507752279</v>
      </c>
      <c r="B2674" s="1"/>
      <c r="C2674">
        <v>8</v>
      </c>
      <c r="D2674" t="s">
        <v>5631</v>
      </c>
      <c r="E2674" t="s">
        <v>31721</v>
      </c>
      <c r="F2674">
        <v>4</v>
      </c>
      <c r="G2674" t="s">
        <v>13</v>
      </c>
      <c r="H2674" t="s">
        <v>5632</v>
      </c>
      <c r="I2674" t="s">
        <v>30540</v>
      </c>
    </row>
    <row r="2675" spans="1:9">
      <c r="A2675" s="1">
        <f ca="1">RAND()</f>
        <v>0.4066617049376422</v>
      </c>
      <c r="B2675" s="1"/>
      <c r="C2675">
        <v>1</v>
      </c>
      <c r="D2675" t="s">
        <v>5629</v>
      </c>
      <c r="E2675" t="s">
        <v>31721</v>
      </c>
      <c r="F2675">
        <v>2</v>
      </c>
      <c r="G2675" t="s">
        <v>15</v>
      </c>
      <c r="H2675" t="s">
        <v>5630</v>
      </c>
      <c r="I2675" t="s">
        <v>30540</v>
      </c>
    </row>
    <row r="2676" spans="1:9">
      <c r="A2676" s="1">
        <f ca="1">RAND()</f>
        <v>0.62358318226309539</v>
      </c>
      <c r="B2676" s="1"/>
      <c r="C2676">
        <v>11</v>
      </c>
      <c r="D2676" t="s">
        <v>5623</v>
      </c>
      <c r="E2676" t="s">
        <v>31722</v>
      </c>
      <c r="F2676">
        <v>5</v>
      </c>
      <c r="G2676" t="s">
        <v>0</v>
      </c>
      <c r="H2676" t="s">
        <v>5624</v>
      </c>
      <c r="I2676" t="s">
        <v>30540</v>
      </c>
    </row>
    <row r="2677" spans="1:9">
      <c r="A2677" s="1">
        <f ca="1">RAND()</f>
        <v>0.24109324545708377</v>
      </c>
      <c r="B2677" s="1"/>
      <c r="C2677">
        <v>10</v>
      </c>
      <c r="D2677" t="s">
        <v>5621</v>
      </c>
      <c r="E2677" t="s">
        <v>31722</v>
      </c>
      <c r="F2677">
        <v>4</v>
      </c>
      <c r="G2677" t="s">
        <v>0</v>
      </c>
      <c r="H2677" t="s">
        <v>5622</v>
      </c>
      <c r="I2677" t="s">
        <v>30540</v>
      </c>
    </row>
    <row r="2678" spans="1:9">
      <c r="A2678" s="1">
        <f ca="1">RAND()</f>
        <v>0.66460050442143204</v>
      </c>
      <c r="B2678" s="1"/>
      <c r="C2678">
        <v>12</v>
      </c>
      <c r="D2678" t="s">
        <v>5625</v>
      </c>
      <c r="E2678" t="s">
        <v>31722</v>
      </c>
      <c r="F2678">
        <v>4</v>
      </c>
      <c r="G2678" t="s">
        <v>0</v>
      </c>
      <c r="H2678" t="s">
        <v>5626</v>
      </c>
      <c r="I2678" t="s">
        <v>30540</v>
      </c>
    </row>
    <row r="2679" spans="1:9">
      <c r="A2679" s="1">
        <f ca="1">RAND()</f>
        <v>0.49460452348118666</v>
      </c>
      <c r="B2679" s="1"/>
      <c r="C2679">
        <v>16</v>
      </c>
      <c r="D2679" t="s">
        <v>5627</v>
      </c>
      <c r="E2679" t="s">
        <v>31722</v>
      </c>
      <c r="F2679">
        <v>3</v>
      </c>
      <c r="G2679" t="s">
        <v>0</v>
      </c>
      <c r="H2679" t="s">
        <v>5628</v>
      </c>
      <c r="I2679" t="s">
        <v>30540</v>
      </c>
    </row>
    <row r="2680" spans="1:9">
      <c r="A2680" s="1">
        <f ca="1">RAND()</f>
        <v>0.46022151867637184</v>
      </c>
      <c r="B2680" s="1"/>
      <c r="C2680">
        <v>13</v>
      </c>
      <c r="D2680" t="s">
        <v>5617</v>
      </c>
      <c r="E2680" t="s">
        <v>31723</v>
      </c>
      <c r="F2680">
        <v>5</v>
      </c>
      <c r="G2680" t="s">
        <v>0</v>
      </c>
      <c r="H2680" t="s">
        <v>5618</v>
      </c>
      <c r="I2680" t="s">
        <v>30540</v>
      </c>
    </row>
    <row r="2681" spans="1:9">
      <c r="A2681" s="1">
        <f ca="1">RAND()</f>
        <v>0.70226518072632205</v>
      </c>
      <c r="B2681" s="1"/>
      <c r="C2681">
        <v>12</v>
      </c>
      <c r="D2681" t="s">
        <v>5615</v>
      </c>
      <c r="E2681" t="s">
        <v>31723</v>
      </c>
      <c r="F2681">
        <v>5</v>
      </c>
      <c r="G2681" t="s">
        <v>0</v>
      </c>
      <c r="H2681" t="s">
        <v>5616</v>
      </c>
      <c r="I2681" t="s">
        <v>30540</v>
      </c>
    </row>
    <row r="2682" spans="1:9">
      <c r="A2682" s="1">
        <f ca="1">RAND()</f>
        <v>0.22527164529127996</v>
      </c>
      <c r="B2682" s="1"/>
      <c r="C2682">
        <v>16</v>
      </c>
      <c r="D2682" t="s">
        <v>5619</v>
      </c>
      <c r="E2682" t="s">
        <v>31723</v>
      </c>
      <c r="F2682">
        <v>4</v>
      </c>
      <c r="G2682" t="s">
        <v>9</v>
      </c>
      <c r="H2682" t="s">
        <v>5620</v>
      </c>
      <c r="I2682" t="s">
        <v>30540</v>
      </c>
    </row>
    <row r="2683" spans="1:9">
      <c r="A2683" s="1">
        <f ca="1">RAND()</f>
        <v>0.21039972128927109</v>
      </c>
      <c r="B2683" s="1"/>
      <c r="C2683">
        <v>11</v>
      </c>
      <c r="D2683" t="s">
        <v>5613</v>
      </c>
      <c r="E2683" t="s">
        <v>31723</v>
      </c>
      <c r="F2683">
        <v>4</v>
      </c>
      <c r="G2683" t="s">
        <v>0</v>
      </c>
      <c r="H2683" t="s">
        <v>5614</v>
      </c>
      <c r="I2683" t="s">
        <v>30540</v>
      </c>
    </row>
    <row r="2684" spans="1:9">
      <c r="A2684" s="1">
        <f ca="1">RAND()</f>
        <v>0.61832106283765598</v>
      </c>
      <c r="B2684" s="1"/>
      <c r="C2684">
        <v>4</v>
      </c>
      <c r="D2684" t="s">
        <v>5611</v>
      </c>
      <c r="E2684" t="s">
        <v>31723</v>
      </c>
      <c r="F2684">
        <v>2</v>
      </c>
      <c r="G2684" t="s">
        <v>13</v>
      </c>
      <c r="H2684" t="s">
        <v>5612</v>
      </c>
      <c r="I2684" t="s">
        <v>30540</v>
      </c>
    </row>
    <row r="2685" spans="1:9">
      <c r="A2685" s="1">
        <f ca="1">RAND()</f>
        <v>0.83728426086132313</v>
      </c>
      <c r="B2685" s="1"/>
      <c r="C2685">
        <v>14</v>
      </c>
      <c r="D2685" t="s">
        <v>5605</v>
      </c>
      <c r="E2685" t="s">
        <v>31724</v>
      </c>
      <c r="F2685">
        <v>4</v>
      </c>
      <c r="G2685" t="s">
        <v>0</v>
      </c>
      <c r="H2685" t="s">
        <v>5606</v>
      </c>
      <c r="I2685" t="s">
        <v>30540</v>
      </c>
    </row>
    <row r="2686" spans="1:9">
      <c r="A2686" s="1">
        <f ca="1">RAND()</f>
        <v>0.89433610036026845</v>
      </c>
      <c r="B2686" s="1"/>
      <c r="C2686">
        <v>4</v>
      </c>
      <c r="D2686" t="s">
        <v>5601</v>
      </c>
      <c r="E2686" t="s">
        <v>31724</v>
      </c>
      <c r="F2686">
        <v>4</v>
      </c>
      <c r="G2686" t="s">
        <v>2</v>
      </c>
      <c r="H2686" t="s">
        <v>5602</v>
      </c>
      <c r="I2686" t="s">
        <v>30540</v>
      </c>
    </row>
    <row r="2687" spans="1:9">
      <c r="A2687" s="1">
        <f ca="1">RAND()</f>
        <v>0.9919638770028345</v>
      </c>
      <c r="B2687" s="1"/>
      <c r="C2687">
        <v>5</v>
      </c>
      <c r="D2687" t="s">
        <v>5603</v>
      </c>
      <c r="E2687" t="s">
        <v>31724</v>
      </c>
      <c r="F2687">
        <v>2</v>
      </c>
      <c r="G2687" t="s">
        <v>15</v>
      </c>
      <c r="H2687" t="s">
        <v>5604</v>
      </c>
      <c r="I2687" t="s">
        <v>30540</v>
      </c>
    </row>
    <row r="2688" spans="1:9">
      <c r="A2688" s="1">
        <f ca="1">RAND()</f>
        <v>0.2087234403847994</v>
      </c>
      <c r="B2688" s="1"/>
      <c r="C2688">
        <v>18</v>
      </c>
      <c r="D2688" t="s">
        <v>5609</v>
      </c>
      <c r="E2688" t="s">
        <v>31724</v>
      </c>
      <c r="F2688">
        <v>2</v>
      </c>
      <c r="G2688" t="s">
        <v>0</v>
      </c>
      <c r="H2688" t="s">
        <v>5610</v>
      </c>
      <c r="I2688" t="s">
        <v>30540</v>
      </c>
    </row>
    <row r="2689" spans="1:9">
      <c r="A2689" s="1">
        <f ca="1">RAND()</f>
        <v>0.47253138990383414</v>
      </c>
      <c r="B2689" s="1"/>
      <c r="C2689">
        <v>16</v>
      </c>
      <c r="D2689" t="s">
        <v>5607</v>
      </c>
      <c r="E2689" t="s">
        <v>31724</v>
      </c>
      <c r="F2689">
        <v>2</v>
      </c>
      <c r="G2689" t="s">
        <v>0</v>
      </c>
      <c r="H2689" t="s">
        <v>5608</v>
      </c>
      <c r="I2689" t="s">
        <v>30540</v>
      </c>
    </row>
    <row r="2690" spans="1:9">
      <c r="A2690" s="1">
        <f ca="1">RAND()</f>
        <v>0.79690070389794243</v>
      </c>
      <c r="B2690" s="1"/>
      <c r="C2690">
        <v>20</v>
      </c>
      <c r="D2690" t="s">
        <v>5599</v>
      </c>
      <c r="E2690" t="s">
        <v>31725</v>
      </c>
      <c r="F2690">
        <v>5</v>
      </c>
      <c r="G2690" t="s">
        <v>0</v>
      </c>
      <c r="H2690" t="s">
        <v>5600</v>
      </c>
      <c r="I2690" t="s">
        <v>30540</v>
      </c>
    </row>
    <row r="2691" spans="1:9">
      <c r="A2691" s="1">
        <f ca="1">RAND()</f>
        <v>0.41489441279799577</v>
      </c>
      <c r="B2691" s="1"/>
      <c r="C2691">
        <v>15</v>
      </c>
      <c r="D2691" t="s">
        <v>5597</v>
      </c>
      <c r="E2691" t="s">
        <v>31725</v>
      </c>
      <c r="F2691">
        <v>5</v>
      </c>
      <c r="G2691" t="s">
        <v>0</v>
      </c>
      <c r="H2691" t="s">
        <v>5598</v>
      </c>
      <c r="I2691" t="s">
        <v>30540</v>
      </c>
    </row>
    <row r="2692" spans="1:9">
      <c r="A2692" s="1">
        <f ca="1">RAND()</f>
        <v>0.13907754553798168</v>
      </c>
      <c r="B2692" s="1"/>
      <c r="C2692">
        <v>7</v>
      </c>
      <c r="D2692" t="s">
        <v>5591</v>
      </c>
      <c r="E2692" t="s">
        <v>31725</v>
      </c>
      <c r="F2692">
        <v>4</v>
      </c>
      <c r="G2692" t="s">
        <v>10</v>
      </c>
      <c r="H2692" t="s">
        <v>5592</v>
      </c>
      <c r="I2692" t="s">
        <v>30540</v>
      </c>
    </row>
    <row r="2693" spans="1:9">
      <c r="A2693" s="1">
        <f ca="1">RAND()</f>
        <v>0.92882742895574977</v>
      </c>
      <c r="B2693" s="1"/>
      <c r="C2693">
        <v>14</v>
      </c>
      <c r="D2693" t="s">
        <v>5595</v>
      </c>
      <c r="E2693" t="s">
        <v>31725</v>
      </c>
      <c r="F2693">
        <v>4</v>
      </c>
      <c r="G2693" t="s">
        <v>0</v>
      </c>
      <c r="H2693" t="s">
        <v>5596</v>
      </c>
      <c r="I2693" t="s">
        <v>30540</v>
      </c>
    </row>
    <row r="2694" spans="1:9">
      <c r="A2694" s="1">
        <f ca="1">RAND()</f>
        <v>0.6672030846086896</v>
      </c>
      <c r="B2694" s="1"/>
      <c r="C2694">
        <v>9</v>
      </c>
      <c r="D2694" t="s">
        <v>5593</v>
      </c>
      <c r="E2694" t="s">
        <v>31725</v>
      </c>
      <c r="F2694">
        <v>4</v>
      </c>
      <c r="G2694" t="s">
        <v>13</v>
      </c>
      <c r="H2694" t="s">
        <v>5594</v>
      </c>
      <c r="I2694" t="s">
        <v>30540</v>
      </c>
    </row>
    <row r="2695" spans="1:9">
      <c r="A2695" s="1">
        <f ca="1">RAND()</f>
        <v>0.99973469860015329</v>
      </c>
      <c r="B2695" s="1"/>
      <c r="C2695">
        <v>3</v>
      </c>
      <c r="D2695" t="s">
        <v>5589</v>
      </c>
      <c r="E2695" t="s">
        <v>31725</v>
      </c>
      <c r="F2695">
        <v>2</v>
      </c>
      <c r="G2695" t="s">
        <v>15</v>
      </c>
      <c r="H2695" t="s">
        <v>5590</v>
      </c>
      <c r="I2695" t="s">
        <v>30540</v>
      </c>
    </row>
    <row r="2696" spans="1:9">
      <c r="A2696" s="1">
        <f ca="1">RAND()</f>
        <v>0.48180691008921073</v>
      </c>
      <c r="B2696" s="1"/>
      <c r="C2696">
        <v>10</v>
      </c>
      <c r="D2696" t="s">
        <v>5585</v>
      </c>
      <c r="E2696" t="s">
        <v>31726</v>
      </c>
      <c r="F2696">
        <v>5</v>
      </c>
      <c r="G2696" t="s">
        <v>14</v>
      </c>
      <c r="H2696" t="s">
        <v>5586</v>
      </c>
      <c r="I2696" t="s">
        <v>30540</v>
      </c>
    </row>
    <row r="2697" spans="1:9">
      <c r="A2697" s="1">
        <f ca="1">RAND()</f>
        <v>0.44891804116663592</v>
      </c>
      <c r="B2697" s="1"/>
      <c r="C2697">
        <v>8</v>
      </c>
      <c r="D2697" t="s">
        <v>5583</v>
      </c>
      <c r="E2697" t="s">
        <v>31726</v>
      </c>
      <c r="F2697">
        <v>5</v>
      </c>
      <c r="G2697" t="s">
        <v>3107</v>
      </c>
      <c r="H2697" t="s">
        <v>5584</v>
      </c>
      <c r="I2697" t="s">
        <v>30540</v>
      </c>
    </row>
    <row r="2698" spans="1:9">
      <c r="A2698" s="1">
        <f ca="1">RAND()</f>
        <v>0.15114729456315468</v>
      </c>
      <c r="B2698" s="1"/>
      <c r="C2698">
        <v>2</v>
      </c>
      <c r="D2698" t="s">
        <v>5581</v>
      </c>
      <c r="E2698" t="s">
        <v>31726</v>
      </c>
      <c r="F2698">
        <v>4</v>
      </c>
      <c r="G2698" t="s">
        <v>2738</v>
      </c>
      <c r="H2698" t="s">
        <v>5582</v>
      </c>
      <c r="I2698" t="s">
        <v>30540</v>
      </c>
    </row>
    <row r="2699" spans="1:9">
      <c r="A2699" s="1">
        <f ca="1">RAND()</f>
        <v>8.5182856272603136E-2</v>
      </c>
      <c r="B2699" s="1"/>
      <c r="C2699">
        <v>12</v>
      </c>
      <c r="D2699" t="s">
        <v>5587</v>
      </c>
      <c r="E2699" t="s">
        <v>31726</v>
      </c>
      <c r="F2699">
        <v>4</v>
      </c>
      <c r="G2699" t="s">
        <v>762</v>
      </c>
      <c r="H2699" t="s">
        <v>5588</v>
      </c>
      <c r="I2699" t="s">
        <v>30540</v>
      </c>
    </row>
    <row r="2700" spans="1:9">
      <c r="A2700" s="1">
        <f ca="1">RAND()</f>
        <v>0.76332165304119148</v>
      </c>
      <c r="B2700" s="1"/>
      <c r="C2700">
        <v>11</v>
      </c>
      <c r="D2700" t="s">
        <v>5577</v>
      </c>
      <c r="E2700" t="s">
        <v>31727</v>
      </c>
      <c r="F2700">
        <v>4</v>
      </c>
      <c r="G2700" t="s">
        <v>0</v>
      </c>
      <c r="H2700" t="s">
        <v>5578</v>
      </c>
      <c r="I2700" t="s">
        <v>30540</v>
      </c>
    </row>
    <row r="2701" spans="1:9">
      <c r="A2701" s="1">
        <f ca="1">RAND()</f>
        <v>0.82771214967770057</v>
      </c>
      <c r="B2701" s="1"/>
      <c r="C2701">
        <v>15</v>
      </c>
      <c r="D2701" t="s">
        <v>5579</v>
      </c>
      <c r="E2701" t="s">
        <v>31727</v>
      </c>
      <c r="F2701">
        <v>4</v>
      </c>
      <c r="G2701" t="s">
        <v>0</v>
      </c>
      <c r="H2701" t="s">
        <v>5580</v>
      </c>
      <c r="I2701" t="s">
        <v>30540</v>
      </c>
    </row>
    <row r="2702" spans="1:9">
      <c r="A2702" s="1">
        <f ca="1">RAND()</f>
        <v>0.84748160963181485</v>
      </c>
      <c r="B2702" s="1"/>
      <c r="C2702">
        <v>10</v>
      </c>
      <c r="D2702" t="s">
        <v>5575</v>
      </c>
      <c r="E2702" t="s">
        <v>31727</v>
      </c>
      <c r="F2702">
        <v>4</v>
      </c>
      <c r="G2702" t="s">
        <v>0</v>
      </c>
      <c r="H2702" t="s">
        <v>5576</v>
      </c>
      <c r="I2702" t="s">
        <v>30540</v>
      </c>
    </row>
    <row r="2703" spans="1:9">
      <c r="A2703" s="1">
        <f ca="1">RAND()</f>
        <v>0.48953967667237364</v>
      </c>
      <c r="B2703" s="1"/>
      <c r="C2703">
        <v>2</v>
      </c>
      <c r="D2703" t="s">
        <v>5573</v>
      </c>
      <c r="E2703" t="s">
        <v>31727</v>
      </c>
      <c r="F2703">
        <v>0</v>
      </c>
      <c r="G2703" t="s">
        <v>2</v>
      </c>
      <c r="H2703" t="s">
        <v>5574</v>
      </c>
      <c r="I2703" t="s">
        <v>30540</v>
      </c>
    </row>
    <row r="2704" spans="1:9">
      <c r="A2704" s="1">
        <f ca="1">RAND()</f>
        <v>0.74884476449460335</v>
      </c>
      <c r="B2704" s="1"/>
      <c r="C2704">
        <v>2</v>
      </c>
      <c r="D2704" t="s">
        <v>5565</v>
      </c>
      <c r="E2704" t="s">
        <v>31728</v>
      </c>
      <c r="F2704">
        <v>5</v>
      </c>
      <c r="G2704" t="s">
        <v>15</v>
      </c>
      <c r="H2704" t="s">
        <v>5566</v>
      </c>
      <c r="I2704" t="s">
        <v>30540</v>
      </c>
    </row>
    <row r="2705" spans="1:9">
      <c r="A2705" s="1">
        <f ca="1">RAND()</f>
        <v>0.36340455931786719</v>
      </c>
      <c r="B2705" s="1"/>
      <c r="C2705">
        <v>7</v>
      </c>
      <c r="D2705" t="s">
        <v>5567</v>
      </c>
      <c r="E2705" t="s">
        <v>31728</v>
      </c>
      <c r="F2705">
        <v>5</v>
      </c>
      <c r="G2705" t="s">
        <v>10</v>
      </c>
      <c r="H2705" t="s">
        <v>5568</v>
      </c>
      <c r="I2705" t="s">
        <v>30540</v>
      </c>
    </row>
    <row r="2706" spans="1:9">
      <c r="A2706" s="1">
        <f ca="1">RAND()</f>
        <v>0.50419615576651844</v>
      </c>
      <c r="B2706" s="1"/>
      <c r="C2706">
        <v>19</v>
      </c>
      <c r="D2706" t="s">
        <v>5571</v>
      </c>
      <c r="E2706" t="s">
        <v>31728</v>
      </c>
      <c r="F2706">
        <v>4</v>
      </c>
      <c r="G2706" t="s">
        <v>0</v>
      </c>
      <c r="H2706" t="s">
        <v>5572</v>
      </c>
      <c r="I2706" t="s">
        <v>30540</v>
      </c>
    </row>
    <row r="2707" spans="1:9">
      <c r="A2707" s="1">
        <f ca="1">RAND()</f>
        <v>0.9299576966198253</v>
      </c>
      <c r="B2707" s="1"/>
      <c r="C2707">
        <v>10</v>
      </c>
      <c r="D2707" t="s">
        <v>5569</v>
      </c>
      <c r="E2707" t="s">
        <v>31728</v>
      </c>
      <c r="F2707">
        <v>4</v>
      </c>
      <c r="G2707" t="s">
        <v>0</v>
      </c>
      <c r="H2707" t="s">
        <v>5570</v>
      </c>
      <c r="I2707" t="s">
        <v>30540</v>
      </c>
    </row>
    <row r="2708" spans="1:9">
      <c r="A2708" s="1">
        <f ca="1">RAND()</f>
        <v>0.59357862143874396</v>
      </c>
      <c r="B2708" s="1"/>
      <c r="C2708">
        <v>2</v>
      </c>
      <c r="D2708" t="s">
        <v>5559</v>
      </c>
      <c r="E2708" t="s">
        <v>31729</v>
      </c>
      <c r="F2708">
        <v>4</v>
      </c>
      <c r="G2708" t="s">
        <v>0</v>
      </c>
      <c r="H2708" t="s">
        <v>5560</v>
      </c>
      <c r="I2708" t="s">
        <v>30540</v>
      </c>
    </row>
    <row r="2709" spans="1:9">
      <c r="A2709" s="1">
        <f ca="1">RAND()</f>
        <v>0.26979882577681891</v>
      </c>
      <c r="B2709" s="1"/>
      <c r="C2709">
        <v>17</v>
      </c>
      <c r="D2709" t="s">
        <v>5563</v>
      </c>
      <c r="E2709" t="s">
        <v>31729</v>
      </c>
      <c r="F2709">
        <v>4</v>
      </c>
      <c r="G2709" t="s">
        <v>0</v>
      </c>
      <c r="H2709" t="s">
        <v>5564</v>
      </c>
      <c r="I2709" t="s">
        <v>30540</v>
      </c>
    </row>
    <row r="2710" spans="1:9">
      <c r="A2710" s="1">
        <f ca="1">RAND()</f>
        <v>6.3161023188481602E-2</v>
      </c>
      <c r="B2710" s="1"/>
      <c r="C2710">
        <v>12</v>
      </c>
      <c r="D2710" t="s">
        <v>5561</v>
      </c>
      <c r="E2710" t="s">
        <v>31729</v>
      </c>
      <c r="F2710">
        <v>4</v>
      </c>
      <c r="G2710" t="s">
        <v>0</v>
      </c>
      <c r="H2710" t="s">
        <v>5562</v>
      </c>
      <c r="I2710" t="s">
        <v>30540</v>
      </c>
    </row>
    <row r="2711" spans="1:9">
      <c r="A2711" s="1">
        <f ca="1">RAND()</f>
        <v>1.2647830056415899E-3</v>
      </c>
      <c r="B2711" s="1"/>
      <c r="C2711">
        <v>20</v>
      </c>
      <c r="D2711" t="s">
        <v>5557</v>
      </c>
      <c r="E2711" t="s">
        <v>31730</v>
      </c>
      <c r="F2711">
        <v>5</v>
      </c>
      <c r="G2711" t="s">
        <v>13</v>
      </c>
      <c r="H2711" t="s">
        <v>5558</v>
      </c>
      <c r="I2711" t="s">
        <v>30540</v>
      </c>
    </row>
    <row r="2712" spans="1:9">
      <c r="A2712" s="1">
        <f ca="1">RAND()</f>
        <v>0.62266616938316099</v>
      </c>
      <c r="B2712" s="1"/>
      <c r="C2712">
        <v>1</v>
      </c>
      <c r="D2712" t="s">
        <v>5545</v>
      </c>
      <c r="E2712" t="s">
        <v>31730</v>
      </c>
      <c r="F2712">
        <v>5</v>
      </c>
      <c r="G2712" t="s">
        <v>1</v>
      </c>
      <c r="H2712" t="s">
        <v>5546</v>
      </c>
      <c r="I2712" t="s">
        <v>30540</v>
      </c>
    </row>
    <row r="2713" spans="1:9">
      <c r="A2713" s="1">
        <f ca="1">RAND()</f>
        <v>0.2238288340778134</v>
      </c>
      <c r="B2713" s="1"/>
      <c r="C2713">
        <v>11</v>
      </c>
      <c r="D2713" t="s">
        <v>5547</v>
      </c>
      <c r="E2713" t="s">
        <v>31730</v>
      </c>
      <c r="F2713">
        <v>4</v>
      </c>
      <c r="G2713" t="s">
        <v>0</v>
      </c>
      <c r="H2713" t="s">
        <v>5548</v>
      </c>
      <c r="I2713" t="s">
        <v>30540</v>
      </c>
    </row>
    <row r="2714" spans="1:9">
      <c r="A2714" s="1">
        <f ca="1">RAND()</f>
        <v>0.24242242151040239</v>
      </c>
      <c r="B2714" s="1"/>
      <c r="C2714">
        <v>12</v>
      </c>
      <c r="D2714" t="s">
        <v>5549</v>
      </c>
      <c r="E2714" t="s">
        <v>31730</v>
      </c>
      <c r="F2714">
        <v>4</v>
      </c>
      <c r="G2714" t="s">
        <v>1</v>
      </c>
      <c r="H2714" t="s">
        <v>5550</v>
      </c>
      <c r="I2714" t="s">
        <v>30540</v>
      </c>
    </row>
    <row r="2715" spans="1:9">
      <c r="A2715" s="1">
        <f ca="1">RAND()</f>
        <v>9.8062321102482586E-2</v>
      </c>
      <c r="B2715" s="1"/>
      <c r="C2715">
        <v>15</v>
      </c>
      <c r="D2715" t="s">
        <v>5553</v>
      </c>
      <c r="E2715" t="s">
        <v>31730</v>
      </c>
      <c r="F2715">
        <v>2</v>
      </c>
      <c r="G2715" t="s">
        <v>0</v>
      </c>
      <c r="H2715" t="s">
        <v>5554</v>
      </c>
      <c r="I2715" t="s">
        <v>30540</v>
      </c>
    </row>
    <row r="2716" spans="1:9">
      <c r="A2716" s="1">
        <f ca="1">RAND()</f>
        <v>0.4021777763517429</v>
      </c>
      <c r="B2716" s="1"/>
      <c r="C2716">
        <v>16</v>
      </c>
      <c r="D2716" t="s">
        <v>5555</v>
      </c>
      <c r="E2716" t="s">
        <v>31730</v>
      </c>
      <c r="F2716">
        <v>2</v>
      </c>
      <c r="G2716" t="s">
        <v>0</v>
      </c>
      <c r="H2716" t="s">
        <v>5556</v>
      </c>
      <c r="I2716" t="s">
        <v>30540</v>
      </c>
    </row>
    <row r="2717" spans="1:9">
      <c r="A2717" s="1">
        <f ca="1">RAND()</f>
        <v>0.22903338320964128</v>
      </c>
      <c r="B2717" s="1"/>
      <c r="C2717">
        <v>14</v>
      </c>
      <c r="D2717" t="s">
        <v>5551</v>
      </c>
      <c r="E2717" t="s">
        <v>31730</v>
      </c>
      <c r="F2717">
        <v>2</v>
      </c>
      <c r="G2717" t="s">
        <v>0</v>
      </c>
      <c r="H2717" t="s">
        <v>5552</v>
      </c>
      <c r="I2717" t="s">
        <v>30540</v>
      </c>
    </row>
    <row r="2718" spans="1:9">
      <c r="A2718" s="1">
        <f ca="1">RAND()</f>
        <v>0.46493024311995046</v>
      </c>
      <c r="B2718" s="1"/>
      <c r="C2718">
        <v>9</v>
      </c>
      <c r="D2718" t="s">
        <v>5537</v>
      </c>
      <c r="E2718" t="s">
        <v>31731</v>
      </c>
      <c r="F2718">
        <v>5</v>
      </c>
      <c r="G2718" t="s">
        <v>0</v>
      </c>
      <c r="H2718" t="s">
        <v>5538</v>
      </c>
      <c r="I2718" t="s">
        <v>30540</v>
      </c>
    </row>
    <row r="2719" spans="1:9">
      <c r="A2719" s="1">
        <f ca="1">RAND()</f>
        <v>0.84549408420068495</v>
      </c>
      <c r="B2719" s="1"/>
      <c r="C2719">
        <v>18</v>
      </c>
      <c r="D2719" t="s">
        <v>5543</v>
      </c>
      <c r="E2719" t="s">
        <v>31731</v>
      </c>
      <c r="F2719">
        <v>5</v>
      </c>
      <c r="G2719" t="s">
        <v>10</v>
      </c>
      <c r="H2719" t="s">
        <v>5544</v>
      </c>
      <c r="I2719" t="s">
        <v>30540</v>
      </c>
    </row>
    <row r="2720" spans="1:9">
      <c r="A2720" s="1">
        <f ca="1">RAND()</f>
        <v>0.19161624014145129</v>
      </c>
      <c r="B2720" s="1"/>
      <c r="C2720">
        <v>8</v>
      </c>
      <c r="D2720" t="s">
        <v>5535</v>
      </c>
      <c r="E2720" t="s">
        <v>31731</v>
      </c>
      <c r="F2720">
        <v>4</v>
      </c>
      <c r="G2720" t="s">
        <v>0</v>
      </c>
      <c r="H2720" t="s">
        <v>5536</v>
      </c>
      <c r="I2720" t="s">
        <v>30540</v>
      </c>
    </row>
    <row r="2721" spans="1:9">
      <c r="A2721" s="1">
        <f ca="1">RAND()</f>
        <v>0.25269498286117187</v>
      </c>
      <c r="B2721" s="1"/>
      <c r="C2721">
        <v>17</v>
      </c>
      <c r="D2721" t="s">
        <v>5541</v>
      </c>
      <c r="E2721" t="s">
        <v>31731</v>
      </c>
      <c r="F2721">
        <v>4</v>
      </c>
      <c r="G2721" t="s">
        <v>0</v>
      </c>
      <c r="H2721" t="s">
        <v>5542</v>
      </c>
      <c r="I2721" t="s">
        <v>30540</v>
      </c>
    </row>
    <row r="2722" spans="1:9">
      <c r="A2722" s="1">
        <f ca="1">RAND()</f>
        <v>0.51160112753601772</v>
      </c>
      <c r="B2722" s="1"/>
      <c r="C2722">
        <v>16</v>
      </c>
      <c r="D2722" t="s">
        <v>5539</v>
      </c>
      <c r="E2722" t="s">
        <v>31731</v>
      </c>
      <c r="F2722">
        <v>4</v>
      </c>
      <c r="G2722" t="s">
        <v>0</v>
      </c>
      <c r="H2722" t="s">
        <v>5540</v>
      </c>
      <c r="I2722" t="s">
        <v>30540</v>
      </c>
    </row>
    <row r="2723" spans="1:9">
      <c r="A2723" s="1">
        <f ca="1">RAND()</f>
        <v>0.2039808036062466</v>
      </c>
      <c r="B2723" s="1"/>
      <c r="C2723">
        <v>3</v>
      </c>
      <c r="D2723" t="s">
        <v>5533</v>
      </c>
      <c r="E2723" t="s">
        <v>31731</v>
      </c>
      <c r="F2723">
        <v>4</v>
      </c>
      <c r="G2723" t="s">
        <v>15</v>
      </c>
      <c r="H2723" t="s">
        <v>5534</v>
      </c>
      <c r="I2723" t="s">
        <v>30540</v>
      </c>
    </row>
    <row r="2724" spans="1:9">
      <c r="A2724" s="1">
        <f ca="1">RAND()</f>
        <v>0.64843140674390665</v>
      </c>
      <c r="B2724" s="1"/>
      <c r="C2724">
        <v>9</v>
      </c>
      <c r="D2724" t="s">
        <v>5527</v>
      </c>
      <c r="E2724" t="s">
        <v>31732</v>
      </c>
      <c r="F2724">
        <v>5</v>
      </c>
      <c r="G2724" t="s">
        <v>775</v>
      </c>
      <c r="H2724" t="s">
        <v>5528</v>
      </c>
      <c r="I2724" t="s">
        <v>30540</v>
      </c>
    </row>
    <row r="2725" spans="1:9">
      <c r="A2725" s="1">
        <f ca="1">RAND()</f>
        <v>0.44266475069219924</v>
      </c>
      <c r="B2725" s="1"/>
      <c r="C2725">
        <v>10</v>
      </c>
      <c r="D2725" t="s">
        <v>5529</v>
      </c>
      <c r="E2725" t="s">
        <v>31732</v>
      </c>
      <c r="F2725">
        <v>3</v>
      </c>
      <c r="G2725" t="s">
        <v>2738</v>
      </c>
      <c r="H2725" t="s">
        <v>5530</v>
      </c>
      <c r="I2725" t="s">
        <v>30540</v>
      </c>
    </row>
    <row r="2726" spans="1:9">
      <c r="A2726" s="1">
        <f ca="1">RAND()</f>
        <v>0.43859643425744976</v>
      </c>
      <c r="B2726" s="1"/>
      <c r="C2726">
        <v>3</v>
      </c>
      <c r="D2726" t="s">
        <v>5525</v>
      </c>
      <c r="E2726" t="s">
        <v>31732</v>
      </c>
      <c r="F2726">
        <v>3</v>
      </c>
      <c r="G2726" t="s">
        <v>2738</v>
      </c>
      <c r="H2726" t="s">
        <v>5526</v>
      </c>
      <c r="I2726" t="s">
        <v>30540</v>
      </c>
    </row>
    <row r="2727" spans="1:9">
      <c r="A2727" s="1">
        <f ca="1">RAND()</f>
        <v>0.56673857097517488</v>
      </c>
      <c r="B2727" s="1"/>
      <c r="C2727">
        <v>18</v>
      </c>
      <c r="D2727" t="s">
        <v>5531</v>
      </c>
      <c r="E2727" t="s">
        <v>31732</v>
      </c>
      <c r="F2727">
        <v>2</v>
      </c>
      <c r="G2727" t="s">
        <v>13</v>
      </c>
      <c r="H2727" t="s">
        <v>5532</v>
      </c>
      <c r="I2727" t="s">
        <v>30540</v>
      </c>
    </row>
    <row r="2728" spans="1:9">
      <c r="A2728" s="1">
        <f ca="1">RAND()</f>
        <v>0.90577442638222949</v>
      </c>
      <c r="B2728" s="1"/>
      <c r="C2728">
        <v>11</v>
      </c>
      <c r="D2728" t="s">
        <v>5519</v>
      </c>
      <c r="E2728" t="s">
        <v>31733</v>
      </c>
      <c r="F2728">
        <v>5</v>
      </c>
      <c r="G2728" t="s">
        <v>0</v>
      </c>
      <c r="H2728" t="s">
        <v>5520</v>
      </c>
      <c r="I2728" t="s">
        <v>30540</v>
      </c>
    </row>
    <row r="2729" spans="1:9">
      <c r="A2729" s="1">
        <f ca="1">RAND()</f>
        <v>2.4948287002524716E-2</v>
      </c>
      <c r="B2729" s="1"/>
      <c r="C2729">
        <v>17</v>
      </c>
      <c r="D2729" t="s">
        <v>5523</v>
      </c>
      <c r="E2729" t="s">
        <v>31733</v>
      </c>
      <c r="F2729">
        <v>4</v>
      </c>
      <c r="G2729" t="s">
        <v>0</v>
      </c>
      <c r="H2729" t="s">
        <v>5524</v>
      </c>
      <c r="I2729" t="s">
        <v>30540</v>
      </c>
    </row>
    <row r="2730" spans="1:9">
      <c r="A2730" s="1">
        <f ca="1">RAND()</f>
        <v>0.97859685977213884</v>
      </c>
      <c r="B2730" s="1"/>
      <c r="C2730">
        <v>13</v>
      </c>
      <c r="D2730" t="s">
        <v>5521</v>
      </c>
      <c r="E2730" t="s">
        <v>31733</v>
      </c>
      <c r="F2730">
        <v>4</v>
      </c>
      <c r="G2730" t="s">
        <v>0</v>
      </c>
      <c r="H2730" t="s">
        <v>5522</v>
      </c>
      <c r="I2730" t="s">
        <v>30540</v>
      </c>
    </row>
    <row r="2731" spans="1:9">
      <c r="A2731" s="1">
        <f ca="1">RAND()</f>
        <v>0.49041824904733489</v>
      </c>
      <c r="B2731" s="1"/>
      <c r="C2731">
        <v>7</v>
      </c>
      <c r="D2731" t="s">
        <v>5517</v>
      </c>
      <c r="E2731" t="s">
        <v>31733</v>
      </c>
      <c r="F2731">
        <v>4</v>
      </c>
      <c r="G2731" t="s">
        <v>1</v>
      </c>
      <c r="H2731" t="s">
        <v>5518</v>
      </c>
      <c r="I2731" t="s">
        <v>30540</v>
      </c>
    </row>
    <row r="2732" spans="1:9">
      <c r="A2732" s="1">
        <f ca="1">RAND()</f>
        <v>0.67869819688750099</v>
      </c>
      <c r="B2732" s="1"/>
      <c r="C2732">
        <v>20</v>
      </c>
      <c r="D2732" t="s">
        <v>5515</v>
      </c>
      <c r="E2732" t="s">
        <v>31734</v>
      </c>
      <c r="F2732">
        <v>5</v>
      </c>
      <c r="G2732" t="s">
        <v>0</v>
      </c>
      <c r="H2732" t="s">
        <v>5516</v>
      </c>
      <c r="I2732" t="s">
        <v>30540</v>
      </c>
    </row>
    <row r="2733" spans="1:9">
      <c r="A2733" s="1">
        <f ca="1">RAND()</f>
        <v>0.51604436333798687</v>
      </c>
      <c r="B2733" s="1"/>
      <c r="C2733">
        <v>19</v>
      </c>
      <c r="D2733" t="s">
        <v>5513</v>
      </c>
      <c r="E2733" t="s">
        <v>31734</v>
      </c>
      <c r="F2733">
        <v>4</v>
      </c>
      <c r="G2733" t="s">
        <v>0</v>
      </c>
      <c r="H2733" t="s">
        <v>5514</v>
      </c>
      <c r="I2733" t="s">
        <v>30540</v>
      </c>
    </row>
    <row r="2734" spans="1:9">
      <c r="A2734" s="1">
        <f ca="1">RAND()</f>
        <v>0.35719887782730431</v>
      </c>
      <c r="B2734" s="1"/>
      <c r="C2734">
        <v>15</v>
      </c>
      <c r="D2734" t="s">
        <v>5509</v>
      </c>
      <c r="E2734" t="s">
        <v>31734</v>
      </c>
      <c r="F2734">
        <v>4</v>
      </c>
      <c r="G2734" t="s">
        <v>0</v>
      </c>
      <c r="H2734" t="s">
        <v>5510</v>
      </c>
      <c r="I2734" t="s">
        <v>30540</v>
      </c>
    </row>
    <row r="2735" spans="1:9">
      <c r="A2735" s="1">
        <f ca="1">RAND()</f>
        <v>0.54914645136325635</v>
      </c>
      <c r="B2735" s="1"/>
      <c r="C2735">
        <v>17</v>
      </c>
      <c r="D2735" t="s">
        <v>5511</v>
      </c>
      <c r="E2735" t="s">
        <v>31734</v>
      </c>
      <c r="F2735">
        <v>4</v>
      </c>
      <c r="G2735" t="s">
        <v>1</v>
      </c>
      <c r="H2735" t="s">
        <v>5512</v>
      </c>
      <c r="I2735" t="s">
        <v>30540</v>
      </c>
    </row>
    <row r="2736" spans="1:9">
      <c r="A2736" s="1">
        <f ca="1">RAND()</f>
        <v>0.89556607947016498</v>
      </c>
      <c r="B2736" s="1"/>
      <c r="C2736">
        <v>1</v>
      </c>
      <c r="D2736" t="s">
        <v>5505</v>
      </c>
      <c r="E2736" t="s">
        <v>31734</v>
      </c>
      <c r="F2736">
        <v>4</v>
      </c>
      <c r="G2736" t="s">
        <v>9</v>
      </c>
      <c r="H2736" t="s">
        <v>5506</v>
      </c>
      <c r="I2736" t="s">
        <v>30540</v>
      </c>
    </row>
    <row r="2737" spans="1:9">
      <c r="A2737" s="1">
        <f ca="1">RAND()</f>
        <v>0.18563565396578119</v>
      </c>
      <c r="B2737" s="1"/>
      <c r="C2737">
        <v>9</v>
      </c>
      <c r="D2737" t="s">
        <v>5507</v>
      </c>
      <c r="E2737" t="s">
        <v>31734</v>
      </c>
      <c r="F2737">
        <v>2</v>
      </c>
      <c r="G2737" t="s">
        <v>13</v>
      </c>
      <c r="H2737" t="s">
        <v>5508</v>
      </c>
      <c r="I2737" t="s">
        <v>30540</v>
      </c>
    </row>
    <row r="2738" spans="1:9">
      <c r="A2738" s="1">
        <f ca="1">RAND()</f>
        <v>0.16520364625561068</v>
      </c>
      <c r="B2738" s="1"/>
      <c r="C2738">
        <v>3</v>
      </c>
      <c r="D2738" t="s">
        <v>5493</v>
      </c>
      <c r="E2738" t="s">
        <v>31735</v>
      </c>
      <c r="F2738">
        <v>5</v>
      </c>
      <c r="G2738" t="s">
        <v>9</v>
      </c>
      <c r="H2738" t="s">
        <v>5494</v>
      </c>
      <c r="I2738" t="s">
        <v>30540</v>
      </c>
    </row>
    <row r="2739" spans="1:9">
      <c r="A2739" s="1">
        <f ca="1">RAND()</f>
        <v>0.27962557474943073</v>
      </c>
      <c r="B2739" s="1"/>
      <c r="C2739">
        <v>16</v>
      </c>
      <c r="D2739" t="s">
        <v>5501</v>
      </c>
      <c r="E2739" t="s">
        <v>31735</v>
      </c>
      <c r="F2739">
        <v>5</v>
      </c>
      <c r="G2739" t="s">
        <v>0</v>
      </c>
      <c r="H2739" t="s">
        <v>5502</v>
      </c>
      <c r="I2739" t="s">
        <v>30540</v>
      </c>
    </row>
    <row r="2740" spans="1:9">
      <c r="A2740" s="1">
        <f ca="1">RAND()</f>
        <v>0.58621246394607207</v>
      </c>
      <c r="B2740" s="1"/>
      <c r="C2740">
        <v>17</v>
      </c>
      <c r="D2740" t="s">
        <v>5503</v>
      </c>
      <c r="E2740" t="s">
        <v>31735</v>
      </c>
      <c r="F2740">
        <v>4</v>
      </c>
      <c r="G2740" t="s">
        <v>0</v>
      </c>
      <c r="H2740" t="s">
        <v>5504</v>
      </c>
      <c r="I2740" t="s">
        <v>30540</v>
      </c>
    </row>
    <row r="2741" spans="1:9">
      <c r="A2741" s="1">
        <f ca="1">RAND()</f>
        <v>0.4874768267553099</v>
      </c>
      <c r="B2741" s="1"/>
      <c r="C2741">
        <v>9</v>
      </c>
      <c r="D2741" t="s">
        <v>5497</v>
      </c>
      <c r="E2741" t="s">
        <v>31735</v>
      </c>
      <c r="F2741">
        <v>4</v>
      </c>
      <c r="G2741" t="s">
        <v>1</v>
      </c>
      <c r="H2741" t="s">
        <v>5498</v>
      </c>
      <c r="I2741" t="s">
        <v>30540</v>
      </c>
    </row>
    <row r="2742" spans="1:9">
      <c r="A2742" s="1">
        <f ca="1">RAND()</f>
        <v>0.36237997199723837</v>
      </c>
      <c r="B2742" s="1"/>
      <c r="C2742">
        <v>8</v>
      </c>
      <c r="D2742" t="s">
        <v>5495</v>
      </c>
      <c r="E2742" t="s">
        <v>31735</v>
      </c>
      <c r="F2742">
        <v>4</v>
      </c>
      <c r="G2742" t="s">
        <v>0</v>
      </c>
      <c r="H2742" t="s">
        <v>5496</v>
      </c>
      <c r="I2742" t="s">
        <v>30540</v>
      </c>
    </row>
    <row r="2743" spans="1:9">
      <c r="A2743" s="1">
        <f ca="1">RAND()</f>
        <v>0.88074728446220951</v>
      </c>
      <c r="B2743" s="1"/>
      <c r="C2743">
        <v>10</v>
      </c>
      <c r="D2743" t="s">
        <v>5499</v>
      </c>
      <c r="E2743" t="s">
        <v>31735</v>
      </c>
      <c r="F2743">
        <v>4</v>
      </c>
      <c r="G2743" t="s">
        <v>0</v>
      </c>
      <c r="H2743" t="s">
        <v>5500</v>
      </c>
      <c r="I2743" t="s">
        <v>30540</v>
      </c>
    </row>
    <row r="2744" spans="1:9">
      <c r="A2744" s="1">
        <f ca="1">RAND()</f>
        <v>0.69446372355132913</v>
      </c>
      <c r="B2744" s="1"/>
      <c r="C2744">
        <v>17</v>
      </c>
      <c r="D2744" t="s">
        <v>5489</v>
      </c>
      <c r="E2744" t="s">
        <v>31736</v>
      </c>
      <c r="F2744">
        <v>5</v>
      </c>
      <c r="G2744" t="s">
        <v>0</v>
      </c>
      <c r="H2744" t="s">
        <v>5490</v>
      </c>
      <c r="I2744" t="s">
        <v>30540</v>
      </c>
    </row>
    <row r="2745" spans="1:9">
      <c r="A2745" s="1">
        <f ca="1">RAND()</f>
        <v>0.4302267280166242</v>
      </c>
      <c r="B2745" s="1"/>
      <c r="C2745">
        <v>15</v>
      </c>
      <c r="D2745" t="s">
        <v>5487</v>
      </c>
      <c r="E2745" t="s">
        <v>31736</v>
      </c>
      <c r="F2745">
        <v>5</v>
      </c>
      <c r="G2745" t="s">
        <v>10</v>
      </c>
      <c r="H2745" t="s">
        <v>5488</v>
      </c>
      <c r="I2745" t="s">
        <v>30540</v>
      </c>
    </row>
    <row r="2746" spans="1:9">
      <c r="A2746" s="1">
        <f ca="1">RAND()</f>
        <v>3.5372025077924474E-2</v>
      </c>
      <c r="B2746" s="1"/>
      <c r="C2746">
        <v>20</v>
      </c>
      <c r="D2746" t="s">
        <v>5491</v>
      </c>
      <c r="E2746" t="s">
        <v>31736</v>
      </c>
      <c r="F2746">
        <v>4</v>
      </c>
      <c r="G2746" t="s">
        <v>0</v>
      </c>
      <c r="H2746" t="s">
        <v>5492</v>
      </c>
      <c r="I2746" t="s">
        <v>30540</v>
      </c>
    </row>
    <row r="2747" spans="1:9">
      <c r="A2747" s="1">
        <f ca="1">RAND()</f>
        <v>0.25459664207963628</v>
      </c>
      <c r="B2747" s="1"/>
      <c r="C2747">
        <v>10</v>
      </c>
      <c r="D2747" t="s">
        <v>5481</v>
      </c>
      <c r="E2747" t="s">
        <v>31736</v>
      </c>
      <c r="F2747">
        <v>4</v>
      </c>
      <c r="G2747" t="s">
        <v>15</v>
      </c>
      <c r="H2747" t="s">
        <v>5482</v>
      </c>
      <c r="I2747" t="s">
        <v>30540</v>
      </c>
    </row>
    <row r="2748" spans="1:9">
      <c r="A2748" s="1">
        <f ca="1">RAND()</f>
        <v>0.22512870163348919</v>
      </c>
      <c r="B2748" s="1"/>
      <c r="C2748">
        <v>12</v>
      </c>
      <c r="D2748" t="s">
        <v>5483</v>
      </c>
      <c r="E2748" t="s">
        <v>31736</v>
      </c>
      <c r="F2748">
        <v>4</v>
      </c>
      <c r="G2748" t="s">
        <v>2</v>
      </c>
      <c r="H2748" t="s">
        <v>5484</v>
      </c>
      <c r="I2748" t="s">
        <v>30540</v>
      </c>
    </row>
    <row r="2749" spans="1:9">
      <c r="A2749" s="1">
        <f ca="1">RAND()</f>
        <v>0.93173659311825963</v>
      </c>
      <c r="B2749" s="1"/>
      <c r="C2749">
        <v>1</v>
      </c>
      <c r="D2749" t="s">
        <v>5477</v>
      </c>
      <c r="E2749" t="s">
        <v>31736</v>
      </c>
      <c r="F2749">
        <v>4</v>
      </c>
      <c r="G2749" t="s">
        <v>10</v>
      </c>
      <c r="H2749" t="s">
        <v>5478</v>
      </c>
      <c r="I2749" t="s">
        <v>30540</v>
      </c>
    </row>
    <row r="2750" spans="1:9">
      <c r="A2750" s="1">
        <f ca="1">RAND()</f>
        <v>2.0837414411095101E-2</v>
      </c>
      <c r="B2750" s="1"/>
      <c r="C2750">
        <v>13</v>
      </c>
      <c r="D2750" t="s">
        <v>5485</v>
      </c>
      <c r="E2750" t="s">
        <v>31736</v>
      </c>
      <c r="F2750">
        <v>3</v>
      </c>
      <c r="G2750" t="s">
        <v>0</v>
      </c>
      <c r="H2750" t="s">
        <v>5486</v>
      </c>
      <c r="I2750" t="s">
        <v>30540</v>
      </c>
    </row>
    <row r="2751" spans="1:9">
      <c r="A2751" s="1">
        <f ca="1">RAND()</f>
        <v>0.31071562637216066</v>
      </c>
      <c r="B2751" s="1"/>
      <c r="C2751">
        <v>6</v>
      </c>
      <c r="D2751" t="s">
        <v>5479</v>
      </c>
      <c r="E2751" t="s">
        <v>31736</v>
      </c>
      <c r="F2751">
        <v>3</v>
      </c>
      <c r="G2751" t="s">
        <v>2</v>
      </c>
      <c r="H2751" t="s">
        <v>5480</v>
      </c>
      <c r="I2751" t="s">
        <v>30540</v>
      </c>
    </row>
    <row r="2752" spans="1:9">
      <c r="A2752" s="1">
        <f ca="1">RAND()</f>
        <v>0.73132283753050498</v>
      </c>
      <c r="B2752" s="1"/>
      <c r="C2752">
        <v>10</v>
      </c>
      <c r="D2752" t="s">
        <v>5469</v>
      </c>
      <c r="E2752" t="s">
        <v>31737</v>
      </c>
      <c r="F2752">
        <v>5</v>
      </c>
      <c r="G2752" t="s">
        <v>0</v>
      </c>
      <c r="H2752" t="s">
        <v>5470</v>
      </c>
      <c r="I2752" t="s">
        <v>30540</v>
      </c>
    </row>
    <row r="2753" spans="1:9">
      <c r="A2753" s="1">
        <f ca="1">RAND()</f>
        <v>8.6114323286274885E-2</v>
      </c>
      <c r="B2753" s="1"/>
      <c r="C2753">
        <v>18</v>
      </c>
      <c r="D2753" t="s">
        <v>5473</v>
      </c>
      <c r="E2753" t="s">
        <v>31737</v>
      </c>
      <c r="F2753">
        <v>5</v>
      </c>
      <c r="G2753" t="s">
        <v>13</v>
      </c>
      <c r="H2753" t="s">
        <v>5474</v>
      </c>
      <c r="I2753" t="s">
        <v>30540</v>
      </c>
    </row>
    <row r="2754" spans="1:9">
      <c r="A2754" s="1">
        <f ca="1">RAND()</f>
        <v>0.62645014887533901</v>
      </c>
      <c r="B2754" s="1"/>
      <c r="C2754">
        <v>20</v>
      </c>
      <c r="D2754" t="s">
        <v>5475</v>
      </c>
      <c r="E2754" t="s">
        <v>31737</v>
      </c>
      <c r="F2754">
        <v>4</v>
      </c>
      <c r="G2754" t="s">
        <v>0</v>
      </c>
      <c r="H2754" t="s">
        <v>5476</v>
      </c>
      <c r="I2754" t="s">
        <v>30540</v>
      </c>
    </row>
    <row r="2755" spans="1:9">
      <c r="A2755" s="1">
        <f ca="1">RAND()</f>
        <v>0.15822898090212278</v>
      </c>
      <c r="B2755" s="1"/>
      <c r="C2755">
        <v>9</v>
      </c>
      <c r="D2755" t="s">
        <v>5467</v>
      </c>
      <c r="E2755" t="s">
        <v>31737</v>
      </c>
      <c r="F2755">
        <v>4</v>
      </c>
      <c r="G2755" t="s">
        <v>0</v>
      </c>
      <c r="H2755" t="s">
        <v>5468</v>
      </c>
      <c r="I2755" t="s">
        <v>30540</v>
      </c>
    </row>
    <row r="2756" spans="1:9">
      <c r="A2756" s="1">
        <f ca="1">RAND()</f>
        <v>6.8529570150996699E-2</v>
      </c>
      <c r="B2756" s="1"/>
      <c r="C2756">
        <v>16</v>
      </c>
      <c r="D2756" t="s">
        <v>5471</v>
      </c>
      <c r="E2756" t="s">
        <v>31737</v>
      </c>
      <c r="F2756">
        <v>2</v>
      </c>
      <c r="G2756" t="s">
        <v>0</v>
      </c>
      <c r="H2756" t="s">
        <v>5472</v>
      </c>
      <c r="I2756" t="s">
        <v>30540</v>
      </c>
    </row>
    <row r="2757" spans="1:9">
      <c r="A2757" s="1">
        <f ca="1">RAND()</f>
        <v>0.51748983477746724</v>
      </c>
      <c r="B2757" s="1"/>
      <c r="C2757">
        <v>2</v>
      </c>
      <c r="D2757" t="s">
        <v>5461</v>
      </c>
      <c r="E2757" t="s">
        <v>31738</v>
      </c>
      <c r="F2757">
        <v>5</v>
      </c>
      <c r="G2757" t="s">
        <v>3107</v>
      </c>
      <c r="H2757" t="s">
        <v>5462</v>
      </c>
      <c r="I2757" t="s">
        <v>30540</v>
      </c>
    </row>
    <row r="2758" spans="1:9">
      <c r="A2758" s="1">
        <f ca="1">RAND()</f>
        <v>0.68875828169271014</v>
      </c>
      <c r="B2758" s="1"/>
      <c r="C2758">
        <v>1</v>
      </c>
      <c r="D2758" t="s">
        <v>5459</v>
      </c>
      <c r="E2758" t="s">
        <v>31738</v>
      </c>
      <c r="F2758">
        <v>5</v>
      </c>
      <c r="G2758" t="s">
        <v>2738</v>
      </c>
      <c r="H2758" t="s">
        <v>5460</v>
      </c>
      <c r="I2758" t="s">
        <v>30540</v>
      </c>
    </row>
    <row r="2759" spans="1:9">
      <c r="A2759" s="1">
        <f ca="1">RAND()</f>
        <v>3.66860960474511E-2</v>
      </c>
      <c r="B2759" s="1"/>
      <c r="C2759">
        <v>11</v>
      </c>
      <c r="D2759" t="s">
        <v>5465</v>
      </c>
      <c r="E2759" t="s">
        <v>31738</v>
      </c>
      <c r="F2759">
        <v>4</v>
      </c>
      <c r="G2759" t="s">
        <v>775</v>
      </c>
      <c r="H2759" t="s">
        <v>5466</v>
      </c>
      <c r="I2759" t="s">
        <v>30540</v>
      </c>
    </row>
    <row r="2760" spans="1:9">
      <c r="A2760" s="1">
        <f ca="1">RAND()</f>
        <v>0.22736524371482558</v>
      </c>
      <c r="B2760" s="1"/>
      <c r="C2760">
        <v>10</v>
      </c>
      <c r="D2760" t="s">
        <v>5463</v>
      </c>
      <c r="E2760" t="s">
        <v>31738</v>
      </c>
      <c r="F2760">
        <v>4</v>
      </c>
      <c r="G2760" t="s">
        <v>2738</v>
      </c>
      <c r="H2760" t="s">
        <v>5464</v>
      </c>
      <c r="I2760" t="s">
        <v>30540</v>
      </c>
    </row>
    <row r="2761" spans="1:9">
      <c r="A2761" s="1">
        <f ca="1">RAND()</f>
        <v>0.99014439183463698</v>
      </c>
      <c r="B2761" s="1"/>
      <c r="C2761">
        <v>9</v>
      </c>
      <c r="D2761" t="s">
        <v>5451</v>
      </c>
      <c r="E2761" t="s">
        <v>31739</v>
      </c>
      <c r="F2761">
        <v>5</v>
      </c>
      <c r="G2761" t="s">
        <v>0</v>
      </c>
      <c r="H2761" t="s">
        <v>5452</v>
      </c>
      <c r="I2761" t="s">
        <v>30540</v>
      </c>
    </row>
    <row r="2762" spans="1:9">
      <c r="A2762" s="1">
        <f ca="1">RAND()</f>
        <v>0.43983132166354133</v>
      </c>
      <c r="B2762" s="1"/>
      <c r="C2762">
        <v>7</v>
      </c>
      <c r="D2762" t="s">
        <v>5449</v>
      </c>
      <c r="E2762" t="s">
        <v>31739</v>
      </c>
      <c r="F2762">
        <v>5</v>
      </c>
      <c r="G2762" t="s">
        <v>15</v>
      </c>
      <c r="H2762" t="s">
        <v>5450</v>
      </c>
      <c r="I2762" t="s">
        <v>30540</v>
      </c>
    </row>
    <row r="2763" spans="1:9">
      <c r="A2763" s="1">
        <f ca="1">RAND()</f>
        <v>0.9152877009762912</v>
      </c>
      <c r="B2763" s="1"/>
      <c r="C2763">
        <v>15</v>
      </c>
      <c r="D2763" t="s">
        <v>5455</v>
      </c>
      <c r="E2763" t="s">
        <v>31739</v>
      </c>
      <c r="F2763">
        <v>4</v>
      </c>
      <c r="G2763" t="s">
        <v>10</v>
      </c>
      <c r="H2763" t="s">
        <v>5456</v>
      </c>
      <c r="I2763" t="s">
        <v>30540</v>
      </c>
    </row>
    <row r="2764" spans="1:9">
      <c r="A2764" s="1">
        <f ca="1">RAND()</f>
        <v>0.68082986688299663</v>
      </c>
      <c r="B2764" s="1"/>
      <c r="C2764">
        <v>14</v>
      </c>
      <c r="D2764" t="s">
        <v>5453</v>
      </c>
      <c r="E2764" t="s">
        <v>31739</v>
      </c>
      <c r="F2764">
        <v>4</v>
      </c>
      <c r="G2764" t="s">
        <v>0</v>
      </c>
      <c r="H2764" t="s">
        <v>5454</v>
      </c>
      <c r="I2764" t="s">
        <v>30540</v>
      </c>
    </row>
    <row r="2765" spans="1:9">
      <c r="A2765" s="1">
        <f ca="1">RAND()</f>
        <v>0.45329133898828577</v>
      </c>
      <c r="B2765" s="1"/>
      <c r="C2765">
        <v>17</v>
      </c>
      <c r="D2765" t="s">
        <v>5457</v>
      </c>
      <c r="E2765" t="s">
        <v>31739</v>
      </c>
      <c r="F2765">
        <v>3</v>
      </c>
      <c r="G2765" t="s">
        <v>0</v>
      </c>
      <c r="H2765" t="s">
        <v>5458</v>
      </c>
      <c r="I2765" t="s">
        <v>30540</v>
      </c>
    </row>
    <row r="2766" spans="1:9">
      <c r="A2766" s="1">
        <f ca="1">RAND()</f>
        <v>0.98093986192837368</v>
      </c>
      <c r="B2766" s="1"/>
      <c r="C2766">
        <v>6</v>
      </c>
      <c r="D2766" t="s">
        <v>5447</v>
      </c>
      <c r="E2766" t="s">
        <v>31739</v>
      </c>
      <c r="F2766">
        <v>1</v>
      </c>
      <c r="G2766" t="s">
        <v>15</v>
      </c>
      <c r="H2766" t="s">
        <v>5448</v>
      </c>
      <c r="I2766" t="s">
        <v>30540</v>
      </c>
    </row>
    <row r="2767" spans="1:9">
      <c r="A2767" s="1">
        <f ca="1">RAND()</f>
        <v>0.12896715081442878</v>
      </c>
      <c r="B2767" s="1"/>
      <c r="C2767">
        <v>1</v>
      </c>
      <c r="D2767" t="s">
        <v>5437</v>
      </c>
      <c r="E2767" t="s">
        <v>31740</v>
      </c>
      <c r="F2767">
        <v>5</v>
      </c>
      <c r="G2767" t="s">
        <v>2</v>
      </c>
      <c r="H2767" t="s">
        <v>5438</v>
      </c>
      <c r="I2767" t="s">
        <v>30540</v>
      </c>
    </row>
    <row r="2768" spans="1:9">
      <c r="A2768" s="1">
        <f ca="1">RAND()</f>
        <v>0.95824663331731919</v>
      </c>
      <c r="B2768" s="1"/>
      <c r="C2768">
        <v>15</v>
      </c>
      <c r="D2768" t="s">
        <v>5441</v>
      </c>
      <c r="E2768" t="s">
        <v>31740</v>
      </c>
      <c r="F2768">
        <v>4</v>
      </c>
      <c r="G2768" t="s">
        <v>0</v>
      </c>
      <c r="H2768" t="s">
        <v>5442</v>
      </c>
      <c r="I2768" t="s">
        <v>30540</v>
      </c>
    </row>
    <row r="2769" spans="1:9">
      <c r="A2769" s="1">
        <f ca="1">RAND()</f>
        <v>0.72555613583460987</v>
      </c>
      <c r="B2769" s="1"/>
      <c r="C2769">
        <v>17</v>
      </c>
      <c r="D2769" t="s">
        <v>5445</v>
      </c>
      <c r="E2769" t="s">
        <v>31740</v>
      </c>
      <c r="F2769">
        <v>4</v>
      </c>
      <c r="G2769" t="s">
        <v>0</v>
      </c>
      <c r="H2769" t="s">
        <v>5446</v>
      </c>
      <c r="I2769" t="s">
        <v>30540</v>
      </c>
    </row>
    <row r="2770" spans="1:9">
      <c r="A2770" s="1">
        <f ca="1">RAND()</f>
        <v>0.88022074944384254</v>
      </c>
      <c r="B2770" s="1"/>
      <c r="C2770">
        <v>14</v>
      </c>
      <c r="D2770" t="s">
        <v>5439</v>
      </c>
      <c r="E2770" t="s">
        <v>31740</v>
      </c>
      <c r="F2770">
        <v>4</v>
      </c>
      <c r="G2770" t="s">
        <v>0</v>
      </c>
      <c r="H2770" t="s">
        <v>5440</v>
      </c>
      <c r="I2770" t="s">
        <v>30540</v>
      </c>
    </row>
    <row r="2771" spans="1:9">
      <c r="A2771" s="1">
        <f ca="1">RAND()</f>
        <v>0.6767565153906111</v>
      </c>
      <c r="B2771" s="1"/>
      <c r="C2771">
        <v>16</v>
      </c>
      <c r="D2771" t="s">
        <v>5443</v>
      </c>
      <c r="E2771" t="s">
        <v>31740</v>
      </c>
      <c r="F2771">
        <v>3</v>
      </c>
      <c r="G2771" t="s">
        <v>1</v>
      </c>
      <c r="H2771" t="s">
        <v>5444</v>
      </c>
      <c r="I2771" t="s">
        <v>30540</v>
      </c>
    </row>
    <row r="2772" spans="1:9">
      <c r="A2772" s="1">
        <f ca="1">RAND()</f>
        <v>0.65210977466767606</v>
      </c>
      <c r="B2772" s="1"/>
      <c r="C2772">
        <v>3</v>
      </c>
      <c r="D2772" t="s">
        <v>5423</v>
      </c>
      <c r="E2772" t="s">
        <v>31741</v>
      </c>
      <c r="F2772">
        <v>5</v>
      </c>
      <c r="G2772" t="s">
        <v>9</v>
      </c>
      <c r="H2772" t="s">
        <v>5424</v>
      </c>
      <c r="I2772" t="s">
        <v>30540</v>
      </c>
    </row>
    <row r="2773" spans="1:9">
      <c r="A2773" s="1">
        <f ca="1">RAND()</f>
        <v>0.18999772145772298</v>
      </c>
      <c r="B2773" s="1"/>
      <c r="C2773">
        <v>8</v>
      </c>
      <c r="D2773" t="s">
        <v>5425</v>
      </c>
      <c r="E2773" t="s">
        <v>31741</v>
      </c>
      <c r="F2773">
        <v>5</v>
      </c>
      <c r="G2773" t="s">
        <v>13</v>
      </c>
      <c r="H2773" t="s">
        <v>5426</v>
      </c>
      <c r="I2773" t="s">
        <v>30540</v>
      </c>
    </row>
    <row r="2774" spans="1:9">
      <c r="A2774" s="1">
        <f ca="1">RAND()</f>
        <v>0.98859239048721992</v>
      </c>
      <c r="B2774" s="1"/>
      <c r="C2774">
        <v>9</v>
      </c>
      <c r="D2774" t="s">
        <v>5427</v>
      </c>
      <c r="E2774" t="s">
        <v>31741</v>
      </c>
      <c r="F2774">
        <v>5</v>
      </c>
      <c r="G2774" t="s">
        <v>0</v>
      </c>
      <c r="H2774" t="s">
        <v>5428</v>
      </c>
      <c r="I2774" t="s">
        <v>30540</v>
      </c>
    </row>
    <row r="2775" spans="1:9">
      <c r="A2775" s="1">
        <f ca="1">RAND()</f>
        <v>0.29599004402858542</v>
      </c>
      <c r="B2775" s="1"/>
      <c r="C2775">
        <v>13</v>
      </c>
      <c r="D2775" t="s">
        <v>5429</v>
      </c>
      <c r="E2775" t="s">
        <v>31741</v>
      </c>
      <c r="F2775">
        <v>5</v>
      </c>
      <c r="G2775" t="s">
        <v>0</v>
      </c>
      <c r="H2775" t="s">
        <v>5430</v>
      </c>
      <c r="I2775" t="s">
        <v>30540</v>
      </c>
    </row>
    <row r="2776" spans="1:9">
      <c r="A2776" s="1">
        <f ca="1">RAND()</f>
        <v>0.15584193343003727</v>
      </c>
      <c r="B2776" s="1"/>
      <c r="C2776">
        <v>18</v>
      </c>
      <c r="D2776" t="s">
        <v>5435</v>
      </c>
      <c r="E2776" t="s">
        <v>31741</v>
      </c>
      <c r="F2776">
        <v>4</v>
      </c>
      <c r="G2776" t="s">
        <v>15</v>
      </c>
      <c r="H2776" t="s">
        <v>5436</v>
      </c>
      <c r="I2776" t="s">
        <v>30540</v>
      </c>
    </row>
    <row r="2777" spans="1:9">
      <c r="A2777" s="1">
        <f ca="1">RAND()</f>
        <v>0.59175343012948656</v>
      </c>
      <c r="B2777" s="1"/>
      <c r="C2777">
        <v>16</v>
      </c>
      <c r="D2777" t="s">
        <v>5431</v>
      </c>
      <c r="E2777" t="s">
        <v>31741</v>
      </c>
      <c r="F2777">
        <v>2</v>
      </c>
      <c r="G2777" t="s">
        <v>0</v>
      </c>
      <c r="H2777" t="s">
        <v>5432</v>
      </c>
      <c r="I2777" t="s">
        <v>30540</v>
      </c>
    </row>
    <row r="2778" spans="1:9">
      <c r="A2778" s="1">
        <f ca="1">RAND()</f>
        <v>0.15067681836371394</v>
      </c>
      <c r="B2778" s="1"/>
      <c r="C2778">
        <v>17</v>
      </c>
      <c r="D2778" t="s">
        <v>5433</v>
      </c>
      <c r="E2778" t="s">
        <v>31741</v>
      </c>
      <c r="F2778">
        <v>2</v>
      </c>
      <c r="G2778" t="s">
        <v>15</v>
      </c>
      <c r="H2778" t="s">
        <v>5434</v>
      </c>
      <c r="I2778" t="s">
        <v>30540</v>
      </c>
    </row>
    <row r="2779" spans="1:9">
      <c r="A2779" s="1">
        <f ca="1">RAND()</f>
        <v>0.88686992137644449</v>
      </c>
      <c r="B2779" s="1"/>
      <c r="C2779">
        <v>14</v>
      </c>
      <c r="D2779" t="s">
        <v>5417</v>
      </c>
      <c r="E2779" t="s">
        <v>31742</v>
      </c>
      <c r="F2779">
        <v>4</v>
      </c>
      <c r="G2779" t="s">
        <v>0</v>
      </c>
      <c r="H2779" t="s">
        <v>5418</v>
      </c>
      <c r="I2779" t="s">
        <v>30540</v>
      </c>
    </row>
    <row r="2780" spans="1:9">
      <c r="A2780" s="1">
        <f ca="1">RAND()</f>
        <v>0.40482081602853148</v>
      </c>
      <c r="B2780" s="1"/>
      <c r="C2780">
        <v>15</v>
      </c>
      <c r="D2780" t="s">
        <v>5419</v>
      </c>
      <c r="E2780" t="s">
        <v>31742</v>
      </c>
      <c r="F2780">
        <v>4</v>
      </c>
      <c r="G2780" t="s">
        <v>0</v>
      </c>
      <c r="H2780" t="s">
        <v>5420</v>
      </c>
      <c r="I2780" t="s">
        <v>30540</v>
      </c>
    </row>
    <row r="2781" spans="1:9">
      <c r="A2781" s="1">
        <f ca="1">RAND()</f>
        <v>0.27763887249082908</v>
      </c>
      <c r="B2781" s="1"/>
      <c r="C2781">
        <v>16</v>
      </c>
      <c r="D2781" t="s">
        <v>5421</v>
      </c>
      <c r="E2781" t="s">
        <v>31742</v>
      </c>
      <c r="F2781">
        <v>3</v>
      </c>
      <c r="G2781" t="s">
        <v>13</v>
      </c>
      <c r="H2781" t="s">
        <v>5422</v>
      </c>
      <c r="I2781" t="s">
        <v>30540</v>
      </c>
    </row>
    <row r="2782" spans="1:9">
      <c r="A2782" s="1">
        <f ca="1">RAND()</f>
        <v>0.38806246090699725</v>
      </c>
      <c r="B2782" s="1"/>
      <c r="C2782">
        <v>10</v>
      </c>
      <c r="D2782" t="s">
        <v>5413</v>
      </c>
      <c r="E2782" t="s">
        <v>31742</v>
      </c>
      <c r="F2782">
        <v>3</v>
      </c>
      <c r="G2782" t="s">
        <v>15</v>
      </c>
      <c r="H2782" t="s">
        <v>5414</v>
      </c>
      <c r="I2782" t="s">
        <v>30540</v>
      </c>
    </row>
    <row r="2783" spans="1:9">
      <c r="A2783" s="1">
        <f ca="1">RAND()</f>
        <v>0.95119473077173444</v>
      </c>
      <c r="B2783" s="1"/>
      <c r="C2783">
        <v>13</v>
      </c>
      <c r="D2783" t="s">
        <v>5415</v>
      </c>
      <c r="E2783" t="s">
        <v>31742</v>
      </c>
      <c r="F2783">
        <v>1</v>
      </c>
      <c r="G2783" t="s">
        <v>0</v>
      </c>
      <c r="H2783" t="s">
        <v>5416</v>
      </c>
      <c r="I2783" t="s">
        <v>30540</v>
      </c>
    </row>
    <row r="2784" spans="1:9">
      <c r="A2784" s="1">
        <f ca="1">RAND()</f>
        <v>0.6765076351123448</v>
      </c>
      <c r="B2784" s="1"/>
      <c r="C2784">
        <v>19</v>
      </c>
      <c r="D2784" t="s">
        <v>5411</v>
      </c>
      <c r="E2784" t="s">
        <v>31743</v>
      </c>
      <c r="F2784">
        <v>4</v>
      </c>
      <c r="G2784" t="s">
        <v>0</v>
      </c>
      <c r="H2784" t="s">
        <v>5412</v>
      </c>
      <c r="I2784" t="s">
        <v>30540</v>
      </c>
    </row>
    <row r="2785" spans="1:9">
      <c r="A2785" s="1">
        <f ca="1">RAND()</f>
        <v>0.75915573430409744</v>
      </c>
      <c r="B2785" s="1"/>
      <c r="C2785">
        <v>12</v>
      </c>
      <c r="D2785" t="s">
        <v>5403</v>
      </c>
      <c r="E2785" t="s">
        <v>31743</v>
      </c>
      <c r="F2785">
        <v>4</v>
      </c>
      <c r="G2785" t="s">
        <v>13</v>
      </c>
      <c r="H2785" t="s">
        <v>5404</v>
      </c>
      <c r="I2785" t="s">
        <v>30540</v>
      </c>
    </row>
    <row r="2786" spans="1:9">
      <c r="A2786" s="1">
        <f ca="1">RAND()</f>
        <v>0.95276404586277297</v>
      </c>
      <c r="B2786" s="1"/>
      <c r="C2786">
        <v>14</v>
      </c>
      <c r="D2786" t="s">
        <v>5407</v>
      </c>
      <c r="E2786" t="s">
        <v>31743</v>
      </c>
      <c r="F2786">
        <v>4</v>
      </c>
      <c r="G2786" t="s">
        <v>10</v>
      </c>
      <c r="H2786" t="s">
        <v>5408</v>
      </c>
      <c r="I2786" t="s">
        <v>30540</v>
      </c>
    </row>
    <row r="2787" spans="1:9">
      <c r="A2787" s="1">
        <f ca="1">RAND()</f>
        <v>0.92412059978935113</v>
      </c>
      <c r="B2787" s="1"/>
      <c r="C2787">
        <v>15</v>
      </c>
      <c r="D2787" t="s">
        <v>5409</v>
      </c>
      <c r="E2787" t="s">
        <v>31743</v>
      </c>
      <c r="F2787">
        <v>4</v>
      </c>
      <c r="G2787" t="s">
        <v>0</v>
      </c>
      <c r="H2787" t="s">
        <v>5410</v>
      </c>
      <c r="I2787" t="s">
        <v>30540</v>
      </c>
    </row>
    <row r="2788" spans="1:9">
      <c r="A2788" s="1">
        <f ca="1">RAND()</f>
        <v>0.34671934146310079</v>
      </c>
      <c r="B2788" s="1"/>
      <c r="C2788">
        <v>13</v>
      </c>
      <c r="D2788" t="s">
        <v>5405</v>
      </c>
      <c r="E2788" t="s">
        <v>31743</v>
      </c>
      <c r="F2788">
        <v>4</v>
      </c>
      <c r="G2788" t="s">
        <v>0</v>
      </c>
      <c r="H2788" t="s">
        <v>5406</v>
      </c>
      <c r="I2788" t="s">
        <v>30540</v>
      </c>
    </row>
    <row r="2789" spans="1:9">
      <c r="A2789" s="1">
        <f ca="1">RAND()</f>
        <v>0.87988012287177619</v>
      </c>
      <c r="B2789" s="1"/>
      <c r="C2789">
        <v>3</v>
      </c>
      <c r="D2789" t="s">
        <v>5401</v>
      </c>
      <c r="E2789" t="s">
        <v>31743</v>
      </c>
      <c r="F2789">
        <v>2</v>
      </c>
      <c r="G2789" t="s">
        <v>9</v>
      </c>
      <c r="H2789" t="s">
        <v>5402</v>
      </c>
      <c r="I2789" t="s">
        <v>30540</v>
      </c>
    </row>
    <row r="2790" spans="1:9">
      <c r="A2790" s="1">
        <f ca="1">RAND()</f>
        <v>0.75008040139968379</v>
      </c>
      <c r="B2790" s="1"/>
      <c r="C2790">
        <v>13</v>
      </c>
      <c r="D2790" t="s">
        <v>5397</v>
      </c>
      <c r="E2790" t="s">
        <v>31744</v>
      </c>
      <c r="F2790">
        <v>4</v>
      </c>
      <c r="G2790" t="s">
        <v>1426</v>
      </c>
      <c r="H2790" t="s">
        <v>5398</v>
      </c>
      <c r="I2790" t="s">
        <v>30540</v>
      </c>
    </row>
    <row r="2791" spans="1:9">
      <c r="A2791" s="1">
        <f ca="1">RAND()</f>
        <v>0.13037214980697609</v>
      </c>
      <c r="B2791" s="1"/>
      <c r="C2791">
        <v>20</v>
      </c>
      <c r="D2791" t="s">
        <v>5399</v>
      </c>
      <c r="E2791" t="s">
        <v>31744</v>
      </c>
      <c r="F2791">
        <v>4</v>
      </c>
      <c r="G2791" t="s">
        <v>766</v>
      </c>
      <c r="H2791" t="s">
        <v>5400</v>
      </c>
      <c r="I2791" t="s">
        <v>30540</v>
      </c>
    </row>
    <row r="2792" spans="1:9">
      <c r="A2792" s="1">
        <f ca="1">RAND()</f>
        <v>0.13985066917271549</v>
      </c>
      <c r="B2792" s="1"/>
      <c r="C2792">
        <v>5</v>
      </c>
      <c r="D2792" t="s">
        <v>5393</v>
      </c>
      <c r="E2792" t="s">
        <v>31744</v>
      </c>
      <c r="F2792">
        <v>4</v>
      </c>
      <c r="G2792" t="s">
        <v>775</v>
      </c>
      <c r="H2792" t="s">
        <v>5394</v>
      </c>
      <c r="I2792" t="s">
        <v>30540</v>
      </c>
    </row>
    <row r="2793" spans="1:9">
      <c r="A2793" s="1">
        <f ca="1">RAND()</f>
        <v>0.97389430737093452</v>
      </c>
      <c r="B2793" s="1"/>
      <c r="C2793">
        <v>6</v>
      </c>
      <c r="D2793" t="s">
        <v>5395</v>
      </c>
      <c r="E2793" t="s">
        <v>31744</v>
      </c>
      <c r="F2793">
        <v>3</v>
      </c>
      <c r="G2793" t="s">
        <v>1426</v>
      </c>
      <c r="H2793" t="s">
        <v>5396</v>
      </c>
      <c r="I2793" t="s">
        <v>30540</v>
      </c>
    </row>
    <row r="2794" spans="1:9">
      <c r="A2794" s="1">
        <f ca="1">RAND()</f>
        <v>0.64381568189285376</v>
      </c>
      <c r="B2794" s="1"/>
      <c r="C2794">
        <v>2</v>
      </c>
      <c r="D2794" t="s">
        <v>5391</v>
      </c>
      <c r="E2794" t="s">
        <v>31744</v>
      </c>
      <c r="F2794">
        <v>2</v>
      </c>
      <c r="G2794" t="s">
        <v>765</v>
      </c>
      <c r="H2794" t="s">
        <v>5392</v>
      </c>
      <c r="I2794" t="s">
        <v>30540</v>
      </c>
    </row>
    <row r="2795" spans="1:9">
      <c r="A2795" s="1">
        <f ca="1">RAND()</f>
        <v>0.85513368439001092</v>
      </c>
      <c r="B2795" s="1"/>
      <c r="C2795">
        <v>18</v>
      </c>
      <c r="D2795" t="s">
        <v>5387</v>
      </c>
      <c r="E2795" t="s">
        <v>31745</v>
      </c>
      <c r="F2795">
        <v>4</v>
      </c>
      <c r="G2795" t="s">
        <v>0</v>
      </c>
      <c r="H2795" t="s">
        <v>5388</v>
      </c>
      <c r="I2795" t="s">
        <v>30540</v>
      </c>
    </row>
    <row r="2796" spans="1:9">
      <c r="A2796" s="1">
        <f ca="1">RAND()</f>
        <v>0.3866131846866333</v>
      </c>
      <c r="B2796" s="1"/>
      <c r="C2796">
        <v>15</v>
      </c>
      <c r="D2796" t="s">
        <v>5383</v>
      </c>
      <c r="E2796" t="s">
        <v>31745</v>
      </c>
      <c r="F2796">
        <v>4</v>
      </c>
      <c r="G2796" t="s">
        <v>10</v>
      </c>
      <c r="H2796" t="s">
        <v>5384</v>
      </c>
      <c r="I2796" t="s">
        <v>30540</v>
      </c>
    </row>
    <row r="2797" spans="1:9">
      <c r="A2797" s="1">
        <f ca="1">RAND()</f>
        <v>0.28345706375959334</v>
      </c>
      <c r="B2797" s="1"/>
      <c r="C2797">
        <v>10</v>
      </c>
      <c r="D2797" t="s">
        <v>5377</v>
      </c>
      <c r="E2797" t="s">
        <v>31745</v>
      </c>
      <c r="F2797">
        <v>4</v>
      </c>
      <c r="G2797" t="s">
        <v>0</v>
      </c>
      <c r="H2797" t="s">
        <v>5378</v>
      </c>
      <c r="I2797" t="s">
        <v>30540</v>
      </c>
    </row>
    <row r="2798" spans="1:9">
      <c r="A2798" s="1">
        <f ca="1">RAND()</f>
        <v>0.20972611702989696</v>
      </c>
      <c r="B2798" s="1"/>
      <c r="C2798">
        <v>11</v>
      </c>
      <c r="D2798" t="s">
        <v>5379</v>
      </c>
      <c r="E2798" t="s">
        <v>31745</v>
      </c>
      <c r="F2798">
        <v>4</v>
      </c>
      <c r="G2798" t="s">
        <v>0</v>
      </c>
      <c r="H2798" t="s">
        <v>5380</v>
      </c>
      <c r="I2798" t="s">
        <v>30540</v>
      </c>
    </row>
    <row r="2799" spans="1:9">
      <c r="A2799" s="1">
        <f ca="1">RAND()</f>
        <v>0.47160410657030438</v>
      </c>
      <c r="B2799" s="1"/>
      <c r="C2799">
        <v>7</v>
      </c>
      <c r="D2799" t="s">
        <v>5375</v>
      </c>
      <c r="E2799" t="s">
        <v>31745</v>
      </c>
      <c r="F2799">
        <v>3</v>
      </c>
      <c r="G2799" t="s">
        <v>2</v>
      </c>
      <c r="H2799" t="s">
        <v>5376</v>
      </c>
      <c r="I2799" t="s">
        <v>30540</v>
      </c>
    </row>
    <row r="2800" spans="1:9">
      <c r="A2800" s="1">
        <f ca="1">RAND()</f>
        <v>0.87443585509587085</v>
      </c>
      <c r="B2800" s="1"/>
      <c r="C2800">
        <v>16</v>
      </c>
      <c r="D2800" t="s">
        <v>5385</v>
      </c>
      <c r="E2800" t="s">
        <v>31745</v>
      </c>
      <c r="F2800">
        <v>3</v>
      </c>
      <c r="G2800" t="s">
        <v>2</v>
      </c>
      <c r="H2800" t="s">
        <v>5386</v>
      </c>
      <c r="I2800" t="s">
        <v>30540</v>
      </c>
    </row>
    <row r="2801" spans="1:9">
      <c r="A2801" s="1">
        <f ca="1">RAND()</f>
        <v>6.9198635166565881E-2</v>
      </c>
      <c r="B2801" s="1"/>
      <c r="C2801">
        <v>19</v>
      </c>
      <c r="D2801" t="s">
        <v>5389</v>
      </c>
      <c r="E2801" t="s">
        <v>31745</v>
      </c>
      <c r="F2801">
        <v>3</v>
      </c>
      <c r="G2801" t="s">
        <v>0</v>
      </c>
      <c r="H2801" t="s">
        <v>5390</v>
      </c>
      <c r="I2801" t="s">
        <v>30540</v>
      </c>
    </row>
    <row r="2802" spans="1:9">
      <c r="A2802" s="1">
        <f ca="1">RAND()</f>
        <v>0.3082686008516583</v>
      </c>
      <c r="B2802" s="1"/>
      <c r="C2802">
        <v>14</v>
      </c>
      <c r="D2802" t="s">
        <v>5381</v>
      </c>
      <c r="E2802" t="s">
        <v>31745</v>
      </c>
      <c r="F2802">
        <v>3</v>
      </c>
      <c r="G2802" t="s">
        <v>0</v>
      </c>
      <c r="H2802" t="s">
        <v>5382</v>
      </c>
      <c r="I2802" t="s">
        <v>30540</v>
      </c>
    </row>
    <row r="2803" spans="1:9">
      <c r="A2803" s="1">
        <f ca="1">RAND()</f>
        <v>0.71761270635832952</v>
      </c>
      <c r="B2803" s="1"/>
      <c r="C2803">
        <v>17</v>
      </c>
      <c r="D2803" t="s">
        <v>5371</v>
      </c>
      <c r="E2803" t="s">
        <v>31746</v>
      </c>
      <c r="F2803">
        <v>4</v>
      </c>
      <c r="G2803" t="s">
        <v>2</v>
      </c>
      <c r="H2803" t="s">
        <v>5372</v>
      </c>
      <c r="I2803" t="s">
        <v>30540</v>
      </c>
    </row>
    <row r="2804" spans="1:9">
      <c r="A2804" s="1">
        <f ca="1">RAND()</f>
        <v>0.83685893215144458</v>
      </c>
      <c r="B2804" s="1"/>
      <c r="C2804">
        <v>20</v>
      </c>
      <c r="D2804" t="s">
        <v>5373</v>
      </c>
      <c r="E2804" t="s">
        <v>31746</v>
      </c>
      <c r="F2804">
        <v>4</v>
      </c>
      <c r="G2804" t="s">
        <v>0</v>
      </c>
      <c r="H2804" t="s">
        <v>5374</v>
      </c>
      <c r="I2804" t="s">
        <v>30540</v>
      </c>
    </row>
    <row r="2805" spans="1:9">
      <c r="A2805" s="1">
        <f ca="1">RAND()</f>
        <v>0.65527078271661032</v>
      </c>
      <c r="B2805" s="1"/>
      <c r="C2805">
        <v>15</v>
      </c>
      <c r="D2805" t="s">
        <v>5367</v>
      </c>
      <c r="E2805" t="s">
        <v>31746</v>
      </c>
      <c r="F2805">
        <v>4</v>
      </c>
      <c r="G2805" t="s">
        <v>0</v>
      </c>
      <c r="H2805" t="s">
        <v>5368</v>
      </c>
      <c r="I2805" t="s">
        <v>30540</v>
      </c>
    </row>
    <row r="2806" spans="1:9">
      <c r="A2806" s="1">
        <f ca="1">RAND()</f>
        <v>0.93672538523260795</v>
      </c>
      <c r="B2806" s="1"/>
      <c r="C2806">
        <v>13</v>
      </c>
      <c r="D2806" t="s">
        <v>5363</v>
      </c>
      <c r="E2806" t="s">
        <v>31746</v>
      </c>
      <c r="F2806">
        <v>4</v>
      </c>
      <c r="G2806" t="s">
        <v>0</v>
      </c>
      <c r="H2806" t="s">
        <v>5364</v>
      </c>
      <c r="I2806" t="s">
        <v>30540</v>
      </c>
    </row>
    <row r="2807" spans="1:9">
      <c r="A2807" s="1">
        <f ca="1">RAND()</f>
        <v>0.23031557483371912</v>
      </c>
      <c r="B2807" s="1"/>
      <c r="C2807">
        <v>16</v>
      </c>
      <c r="D2807" t="s">
        <v>5369</v>
      </c>
      <c r="E2807" t="s">
        <v>31746</v>
      </c>
      <c r="F2807">
        <v>3</v>
      </c>
      <c r="G2807" t="s">
        <v>10</v>
      </c>
      <c r="H2807" t="s">
        <v>5370</v>
      </c>
      <c r="I2807" t="s">
        <v>30540</v>
      </c>
    </row>
    <row r="2808" spans="1:9">
      <c r="A2808" s="1">
        <f ca="1">RAND()</f>
        <v>0.55090046748768517</v>
      </c>
      <c r="B2808" s="1"/>
      <c r="C2808">
        <v>14</v>
      </c>
      <c r="D2808" t="s">
        <v>5365</v>
      </c>
      <c r="E2808" t="s">
        <v>31746</v>
      </c>
      <c r="F2808">
        <v>3</v>
      </c>
      <c r="G2808" t="s">
        <v>0</v>
      </c>
      <c r="H2808" t="s">
        <v>5366</v>
      </c>
      <c r="I2808" t="s">
        <v>30540</v>
      </c>
    </row>
    <row r="2809" spans="1:9">
      <c r="A2809" s="1">
        <f ca="1">RAND()</f>
        <v>0.92856541108046986</v>
      </c>
      <c r="B2809" s="1"/>
      <c r="C2809">
        <v>11</v>
      </c>
      <c r="D2809" t="s">
        <v>5361</v>
      </c>
      <c r="E2809" t="s">
        <v>31746</v>
      </c>
      <c r="F2809">
        <v>2</v>
      </c>
      <c r="G2809" t="s">
        <v>0</v>
      </c>
      <c r="H2809" t="s">
        <v>5362</v>
      </c>
      <c r="I2809" t="s">
        <v>30540</v>
      </c>
    </row>
    <row r="2810" spans="1:9">
      <c r="A2810" s="1">
        <f ca="1">RAND()</f>
        <v>0.81739056797639309</v>
      </c>
      <c r="B2810" s="1"/>
      <c r="C2810">
        <v>4</v>
      </c>
      <c r="D2810" t="s">
        <v>5349</v>
      </c>
      <c r="E2810" t="s">
        <v>31747</v>
      </c>
      <c r="F2810">
        <v>5</v>
      </c>
      <c r="G2810" t="s">
        <v>9</v>
      </c>
      <c r="H2810" t="s">
        <v>5350</v>
      </c>
      <c r="I2810" t="s">
        <v>30540</v>
      </c>
    </row>
    <row r="2811" spans="1:9">
      <c r="A2811" s="1">
        <f ca="1">RAND()</f>
        <v>0.24312295994256583</v>
      </c>
      <c r="B2811" s="1"/>
      <c r="C2811">
        <v>5</v>
      </c>
      <c r="D2811" t="s">
        <v>5351</v>
      </c>
      <c r="E2811" t="s">
        <v>31747</v>
      </c>
      <c r="F2811">
        <v>5</v>
      </c>
      <c r="G2811" t="s">
        <v>2</v>
      </c>
      <c r="H2811" t="s">
        <v>5352</v>
      </c>
      <c r="I2811" t="s">
        <v>30540</v>
      </c>
    </row>
    <row r="2812" spans="1:9">
      <c r="A2812" s="1">
        <f ca="1">RAND()</f>
        <v>0.82728869420389017</v>
      </c>
      <c r="B2812" s="1"/>
      <c r="C2812">
        <v>8</v>
      </c>
      <c r="D2812" t="s">
        <v>5355</v>
      </c>
      <c r="E2812" t="s">
        <v>31747</v>
      </c>
      <c r="F2812">
        <v>4</v>
      </c>
      <c r="G2812" t="s">
        <v>0</v>
      </c>
      <c r="H2812" t="s">
        <v>5356</v>
      </c>
      <c r="I2812" t="s">
        <v>30540</v>
      </c>
    </row>
    <row r="2813" spans="1:9">
      <c r="A2813" s="1">
        <f ca="1">RAND()</f>
        <v>0.70653224993479369</v>
      </c>
      <c r="B2813" s="1"/>
      <c r="C2813">
        <v>13</v>
      </c>
      <c r="D2813" t="s">
        <v>5357</v>
      </c>
      <c r="E2813" t="s">
        <v>31747</v>
      </c>
      <c r="F2813">
        <v>4</v>
      </c>
      <c r="G2813" t="s">
        <v>0</v>
      </c>
      <c r="H2813" t="s">
        <v>5358</v>
      </c>
      <c r="I2813" t="s">
        <v>30540</v>
      </c>
    </row>
    <row r="2814" spans="1:9">
      <c r="A2814" s="1">
        <f ca="1">RAND()</f>
        <v>0.46290712743567808</v>
      </c>
      <c r="B2814" s="1"/>
      <c r="C2814">
        <v>15</v>
      </c>
      <c r="D2814" t="s">
        <v>5359</v>
      </c>
      <c r="E2814" t="s">
        <v>31747</v>
      </c>
      <c r="F2814">
        <v>4</v>
      </c>
      <c r="G2814" t="s">
        <v>10</v>
      </c>
      <c r="H2814" t="s">
        <v>5360</v>
      </c>
      <c r="I2814" t="s">
        <v>30540</v>
      </c>
    </row>
    <row r="2815" spans="1:9">
      <c r="A2815" s="1">
        <f ca="1">RAND()</f>
        <v>0.2724197883969125</v>
      </c>
      <c r="B2815" s="1"/>
      <c r="C2815">
        <v>2</v>
      </c>
      <c r="D2815" t="s">
        <v>5347</v>
      </c>
      <c r="E2815" t="s">
        <v>31747</v>
      </c>
      <c r="F2815">
        <v>4</v>
      </c>
      <c r="G2815" t="s">
        <v>10</v>
      </c>
      <c r="H2815" t="s">
        <v>5348</v>
      </c>
      <c r="I2815" t="s">
        <v>30540</v>
      </c>
    </row>
    <row r="2816" spans="1:9">
      <c r="A2816" s="1">
        <f ca="1">RAND()</f>
        <v>0.20836179854082726</v>
      </c>
      <c r="B2816" s="1"/>
      <c r="C2816">
        <v>6</v>
      </c>
      <c r="D2816" t="s">
        <v>5353</v>
      </c>
      <c r="E2816" t="s">
        <v>31747</v>
      </c>
      <c r="F2816">
        <v>4</v>
      </c>
      <c r="G2816" t="s">
        <v>0</v>
      </c>
      <c r="H2816" t="s">
        <v>5354</v>
      </c>
      <c r="I2816" t="s">
        <v>30540</v>
      </c>
    </row>
    <row r="2817" spans="1:9">
      <c r="A2817" s="1">
        <f ca="1">RAND()</f>
        <v>0.10594919428155969</v>
      </c>
      <c r="B2817" s="1"/>
      <c r="C2817">
        <v>1</v>
      </c>
      <c r="D2817" t="s">
        <v>5345</v>
      </c>
      <c r="E2817" t="s">
        <v>31747</v>
      </c>
      <c r="F2817">
        <v>1</v>
      </c>
      <c r="G2817" t="s">
        <v>0</v>
      </c>
      <c r="H2817" t="s">
        <v>5346</v>
      </c>
      <c r="I2817" t="s">
        <v>30540</v>
      </c>
    </row>
    <row r="2818" spans="1:9">
      <c r="A2818" s="1">
        <f ca="1">RAND()</f>
        <v>0.44619633864643937</v>
      </c>
      <c r="B2818" s="1"/>
      <c r="C2818">
        <v>8</v>
      </c>
      <c r="D2818" t="s">
        <v>5339</v>
      </c>
      <c r="E2818" t="s">
        <v>31748</v>
      </c>
      <c r="F2818">
        <v>5</v>
      </c>
      <c r="G2818" t="s">
        <v>14</v>
      </c>
      <c r="H2818" t="s">
        <v>5340</v>
      </c>
      <c r="I2818" t="s">
        <v>30540</v>
      </c>
    </row>
    <row r="2819" spans="1:9">
      <c r="A2819" s="1">
        <f ca="1">RAND()</f>
        <v>5.0321220835122027E-2</v>
      </c>
      <c r="B2819" s="1"/>
      <c r="C2819">
        <v>5</v>
      </c>
      <c r="D2819" t="s">
        <v>5337</v>
      </c>
      <c r="E2819" t="s">
        <v>31748</v>
      </c>
      <c r="F2819">
        <v>5</v>
      </c>
      <c r="G2819" t="s">
        <v>2</v>
      </c>
      <c r="H2819" t="s">
        <v>5338</v>
      </c>
      <c r="I2819" t="s">
        <v>30540</v>
      </c>
    </row>
    <row r="2820" spans="1:9">
      <c r="A2820" s="1">
        <f ca="1">RAND()</f>
        <v>0.84846149244348423</v>
      </c>
      <c r="B2820" s="1"/>
      <c r="C2820">
        <v>13</v>
      </c>
      <c r="D2820" t="s">
        <v>5343</v>
      </c>
      <c r="E2820" t="s">
        <v>31748</v>
      </c>
      <c r="F2820">
        <v>4</v>
      </c>
      <c r="G2820" t="s">
        <v>0</v>
      </c>
      <c r="H2820" t="s">
        <v>5344</v>
      </c>
      <c r="I2820" t="s">
        <v>30540</v>
      </c>
    </row>
    <row r="2821" spans="1:9">
      <c r="A2821" s="1">
        <f ca="1">RAND()</f>
        <v>0.23806480966916299</v>
      </c>
      <c r="B2821" s="1"/>
      <c r="C2821">
        <v>12</v>
      </c>
      <c r="D2821" t="s">
        <v>5341</v>
      </c>
      <c r="E2821" t="s">
        <v>31748</v>
      </c>
      <c r="F2821">
        <v>4</v>
      </c>
      <c r="G2821" t="s">
        <v>13</v>
      </c>
      <c r="H2821" t="s">
        <v>5342</v>
      </c>
      <c r="I2821" t="s">
        <v>30540</v>
      </c>
    </row>
    <row r="2822" spans="1:9">
      <c r="A2822" s="1">
        <f ca="1">RAND()</f>
        <v>8.9659353625541338E-2</v>
      </c>
      <c r="B2822" s="1"/>
      <c r="C2822">
        <v>19</v>
      </c>
      <c r="D2822" t="s">
        <v>5333</v>
      </c>
      <c r="E2822" t="s">
        <v>31749</v>
      </c>
      <c r="F2822">
        <v>5</v>
      </c>
      <c r="G2822" t="s">
        <v>10</v>
      </c>
      <c r="H2822" t="s">
        <v>5334</v>
      </c>
      <c r="I2822" t="s">
        <v>30540</v>
      </c>
    </row>
    <row r="2823" spans="1:9">
      <c r="A2823" s="1">
        <f ca="1">RAND()</f>
        <v>0.75706620574331651</v>
      </c>
      <c r="B2823" s="1"/>
      <c r="C2823">
        <v>20</v>
      </c>
      <c r="D2823" t="s">
        <v>5335</v>
      </c>
      <c r="E2823" t="s">
        <v>31749</v>
      </c>
      <c r="F2823">
        <v>4</v>
      </c>
      <c r="G2823" t="s">
        <v>9</v>
      </c>
      <c r="H2823" t="s">
        <v>5336</v>
      </c>
      <c r="I2823" t="s">
        <v>30540</v>
      </c>
    </row>
    <row r="2824" spans="1:9">
      <c r="A2824" s="1">
        <f ca="1">RAND()</f>
        <v>7.9328521290736198E-2</v>
      </c>
      <c r="B2824" s="1"/>
      <c r="C2824">
        <v>15</v>
      </c>
      <c r="D2824" t="s">
        <v>5329</v>
      </c>
      <c r="E2824" t="s">
        <v>31749</v>
      </c>
      <c r="F2824">
        <v>4</v>
      </c>
      <c r="G2824" t="s">
        <v>10</v>
      </c>
      <c r="H2824" t="s">
        <v>5330</v>
      </c>
      <c r="I2824" t="s">
        <v>30540</v>
      </c>
    </row>
    <row r="2825" spans="1:9">
      <c r="A2825" s="1">
        <f ca="1">RAND()</f>
        <v>0.29770289749722167</v>
      </c>
      <c r="B2825" s="1"/>
      <c r="C2825">
        <v>16</v>
      </c>
      <c r="D2825" t="s">
        <v>5331</v>
      </c>
      <c r="E2825" t="s">
        <v>31749</v>
      </c>
      <c r="F2825">
        <v>4</v>
      </c>
      <c r="G2825" t="s">
        <v>13</v>
      </c>
      <c r="H2825" t="s">
        <v>5332</v>
      </c>
      <c r="I2825" t="s">
        <v>30540</v>
      </c>
    </row>
    <row r="2826" spans="1:9">
      <c r="A2826" s="1">
        <f ca="1">RAND()</f>
        <v>0.85925797929857095</v>
      </c>
      <c r="B2826" s="1"/>
      <c r="C2826">
        <v>1</v>
      </c>
      <c r="D2826" t="s">
        <v>5325</v>
      </c>
      <c r="E2826" t="s">
        <v>31749</v>
      </c>
      <c r="F2826">
        <v>4</v>
      </c>
      <c r="G2826" t="s">
        <v>774</v>
      </c>
      <c r="H2826" t="s">
        <v>5326</v>
      </c>
      <c r="I2826" t="s">
        <v>30540</v>
      </c>
    </row>
    <row r="2827" spans="1:9">
      <c r="A2827" s="1">
        <f ca="1">RAND()</f>
        <v>0.69346849360661156</v>
      </c>
      <c r="B2827" s="1"/>
      <c r="C2827">
        <v>7</v>
      </c>
      <c r="D2827" t="s">
        <v>5327</v>
      </c>
      <c r="E2827" t="s">
        <v>31749</v>
      </c>
      <c r="F2827">
        <v>4</v>
      </c>
      <c r="G2827" t="s">
        <v>770</v>
      </c>
      <c r="H2827" t="s">
        <v>5328</v>
      </c>
      <c r="I2827" t="s">
        <v>30540</v>
      </c>
    </row>
    <row r="2828" spans="1:9">
      <c r="A2828" s="1">
        <f ca="1">RAND()</f>
        <v>0.19920561798945757</v>
      </c>
      <c r="B2828" s="1"/>
      <c r="C2828">
        <v>7</v>
      </c>
      <c r="D2828" t="s">
        <v>5313</v>
      </c>
      <c r="E2828" t="s">
        <v>31750</v>
      </c>
      <c r="F2828">
        <v>5</v>
      </c>
      <c r="G2828" t="s">
        <v>10</v>
      </c>
      <c r="H2828" t="s">
        <v>5314</v>
      </c>
      <c r="I2828" t="s">
        <v>30540</v>
      </c>
    </row>
    <row r="2829" spans="1:9">
      <c r="A2829" s="1">
        <f ca="1">RAND()</f>
        <v>0.4561503011653284</v>
      </c>
      <c r="B2829" s="1"/>
      <c r="C2829">
        <v>13</v>
      </c>
      <c r="D2829" t="s">
        <v>5315</v>
      </c>
      <c r="E2829" t="s">
        <v>31750</v>
      </c>
      <c r="F2829">
        <v>5</v>
      </c>
      <c r="G2829" t="s">
        <v>10</v>
      </c>
      <c r="H2829" t="s">
        <v>5316</v>
      </c>
      <c r="I2829" t="s">
        <v>30540</v>
      </c>
    </row>
    <row r="2830" spans="1:9">
      <c r="A2830" s="1">
        <f ca="1">RAND()</f>
        <v>0.50780229817467137</v>
      </c>
      <c r="B2830" s="1"/>
      <c r="C2830">
        <v>20</v>
      </c>
      <c r="D2830" t="s">
        <v>5323</v>
      </c>
      <c r="E2830" t="s">
        <v>31750</v>
      </c>
      <c r="F2830">
        <v>4</v>
      </c>
      <c r="G2830" t="s">
        <v>2</v>
      </c>
      <c r="H2830" t="s">
        <v>5324</v>
      </c>
      <c r="I2830" t="s">
        <v>30540</v>
      </c>
    </row>
    <row r="2831" spans="1:9">
      <c r="A2831" s="1">
        <f ca="1">RAND()</f>
        <v>0.19279209174577505</v>
      </c>
      <c r="B2831" s="1"/>
      <c r="C2831">
        <v>17</v>
      </c>
      <c r="D2831" t="s">
        <v>5319</v>
      </c>
      <c r="E2831" t="s">
        <v>31750</v>
      </c>
      <c r="F2831">
        <v>4</v>
      </c>
      <c r="G2831" t="s">
        <v>13</v>
      </c>
      <c r="H2831" t="s">
        <v>5320</v>
      </c>
      <c r="I2831" t="s">
        <v>30540</v>
      </c>
    </row>
    <row r="2832" spans="1:9">
      <c r="A2832" s="1">
        <f ca="1">RAND()</f>
        <v>0.2004959806324268</v>
      </c>
      <c r="B2832" s="1"/>
      <c r="C2832">
        <v>16</v>
      </c>
      <c r="D2832" t="s">
        <v>5317</v>
      </c>
      <c r="E2832" t="s">
        <v>31750</v>
      </c>
      <c r="F2832">
        <v>4</v>
      </c>
      <c r="G2832" t="s">
        <v>15</v>
      </c>
      <c r="H2832" t="s">
        <v>5318</v>
      </c>
      <c r="I2832" t="s">
        <v>30540</v>
      </c>
    </row>
    <row r="2833" spans="1:9">
      <c r="A2833" s="1">
        <f ca="1">RAND()</f>
        <v>0.58620430934299406</v>
      </c>
      <c r="B2833" s="1"/>
      <c r="C2833">
        <v>19</v>
      </c>
      <c r="D2833" t="s">
        <v>5321</v>
      </c>
      <c r="E2833" t="s">
        <v>31750</v>
      </c>
      <c r="F2833">
        <v>2</v>
      </c>
      <c r="G2833" t="s">
        <v>10</v>
      </c>
      <c r="H2833" t="s">
        <v>5322</v>
      </c>
      <c r="I2833" t="s">
        <v>30540</v>
      </c>
    </row>
    <row r="2834" spans="1:9">
      <c r="A2834" s="1">
        <f ca="1">RAND()</f>
        <v>0.93292112466996913</v>
      </c>
      <c r="B2834" s="1"/>
      <c r="C2834">
        <v>5</v>
      </c>
      <c r="D2834" t="s">
        <v>5305</v>
      </c>
      <c r="E2834" t="s">
        <v>31751</v>
      </c>
      <c r="F2834">
        <v>5</v>
      </c>
      <c r="G2834" t="s">
        <v>769</v>
      </c>
      <c r="H2834" t="s">
        <v>5306</v>
      </c>
      <c r="I2834" t="s">
        <v>30540</v>
      </c>
    </row>
    <row r="2835" spans="1:9">
      <c r="A2835" s="1">
        <f ca="1">RAND()</f>
        <v>1.8149476390228791E-2</v>
      </c>
      <c r="B2835" s="1"/>
      <c r="C2835">
        <v>7</v>
      </c>
      <c r="D2835" t="s">
        <v>5309</v>
      </c>
      <c r="E2835" t="s">
        <v>31751</v>
      </c>
      <c r="F2835">
        <v>5</v>
      </c>
      <c r="G2835" t="s">
        <v>10</v>
      </c>
      <c r="H2835" t="s">
        <v>5310</v>
      </c>
      <c r="I2835" t="s">
        <v>30540</v>
      </c>
    </row>
    <row r="2836" spans="1:9">
      <c r="A2836" s="1">
        <f ca="1">RAND()</f>
        <v>0.45324088243690042</v>
      </c>
      <c r="B2836" s="1"/>
      <c r="C2836">
        <v>6</v>
      </c>
      <c r="D2836" t="s">
        <v>5307</v>
      </c>
      <c r="E2836" t="s">
        <v>31751</v>
      </c>
      <c r="F2836">
        <v>4</v>
      </c>
      <c r="G2836" t="s">
        <v>10</v>
      </c>
      <c r="H2836" t="s">
        <v>5308</v>
      </c>
      <c r="I2836" t="s">
        <v>30540</v>
      </c>
    </row>
    <row r="2837" spans="1:9">
      <c r="A2837" s="1">
        <f ca="1">RAND()</f>
        <v>0.26604055047328623</v>
      </c>
      <c r="B2837" s="1"/>
      <c r="C2837">
        <v>20</v>
      </c>
      <c r="D2837" t="s">
        <v>5311</v>
      </c>
      <c r="E2837" t="s">
        <v>31751</v>
      </c>
      <c r="F2837">
        <v>4</v>
      </c>
      <c r="G2837" t="s">
        <v>13</v>
      </c>
      <c r="H2837" t="s">
        <v>5312</v>
      </c>
      <c r="I2837" t="s">
        <v>30540</v>
      </c>
    </row>
    <row r="2838" spans="1:9">
      <c r="A2838" s="1">
        <f ca="1">RAND()</f>
        <v>0.96994746549837041</v>
      </c>
      <c r="B2838" s="1"/>
      <c r="C2838">
        <v>2</v>
      </c>
      <c r="D2838" t="s">
        <v>5303</v>
      </c>
      <c r="E2838" t="s">
        <v>31751</v>
      </c>
      <c r="F2838">
        <v>4</v>
      </c>
      <c r="G2838" t="s">
        <v>1295</v>
      </c>
      <c r="H2838" t="s">
        <v>5304</v>
      </c>
      <c r="I2838" t="s">
        <v>30540</v>
      </c>
    </row>
    <row r="2839" spans="1:9">
      <c r="A2839" s="1">
        <f ca="1">RAND()</f>
        <v>0.7819259812489282</v>
      </c>
      <c r="B2839" s="1"/>
      <c r="C2839">
        <v>1</v>
      </c>
      <c r="D2839" t="s">
        <v>5301</v>
      </c>
      <c r="E2839" t="s">
        <v>31751</v>
      </c>
      <c r="F2839">
        <v>3</v>
      </c>
      <c r="G2839" t="s">
        <v>1295</v>
      </c>
      <c r="H2839" t="s">
        <v>5302</v>
      </c>
      <c r="I2839" t="s">
        <v>30540</v>
      </c>
    </row>
    <row r="2840" spans="1:9">
      <c r="A2840" s="1">
        <f ca="1">RAND()</f>
        <v>6.6008942845745988E-2</v>
      </c>
      <c r="B2840" s="1"/>
      <c r="C2840">
        <v>18</v>
      </c>
      <c r="D2840" t="s">
        <v>5299</v>
      </c>
      <c r="E2840" t="s">
        <v>31752</v>
      </c>
      <c r="F2840">
        <v>5</v>
      </c>
      <c r="G2840" t="s">
        <v>2</v>
      </c>
      <c r="H2840" t="s">
        <v>5300</v>
      </c>
      <c r="I2840" t="s">
        <v>30540</v>
      </c>
    </row>
    <row r="2841" spans="1:9">
      <c r="A2841" s="1">
        <f ca="1">RAND()</f>
        <v>0.99414332549664119</v>
      </c>
      <c r="B2841" s="1"/>
      <c r="C2841">
        <v>16</v>
      </c>
      <c r="D2841" t="s">
        <v>5297</v>
      </c>
      <c r="E2841" t="s">
        <v>31752</v>
      </c>
      <c r="F2841">
        <v>5</v>
      </c>
      <c r="G2841" t="s">
        <v>10</v>
      </c>
      <c r="H2841" t="s">
        <v>5298</v>
      </c>
      <c r="I2841" t="s">
        <v>30540</v>
      </c>
    </row>
    <row r="2842" spans="1:9">
      <c r="A2842" s="1">
        <f ca="1">RAND()</f>
        <v>0.84052352146105458</v>
      </c>
      <c r="B2842" s="1"/>
      <c r="C2842">
        <v>1</v>
      </c>
      <c r="D2842" t="s">
        <v>5295</v>
      </c>
      <c r="E2842" t="s">
        <v>31752</v>
      </c>
      <c r="F2842">
        <v>2</v>
      </c>
      <c r="G2842" t="s">
        <v>14</v>
      </c>
      <c r="H2842" t="s">
        <v>5296</v>
      </c>
      <c r="I2842" t="s">
        <v>30540</v>
      </c>
    </row>
    <row r="2843" spans="1:9">
      <c r="A2843" s="1">
        <f ca="1">RAND()</f>
        <v>0.93511263177757142</v>
      </c>
      <c r="B2843" s="1"/>
      <c r="C2843">
        <v>5</v>
      </c>
      <c r="D2843" t="s">
        <v>5283</v>
      </c>
      <c r="E2843" t="s">
        <v>31753</v>
      </c>
      <c r="F2843">
        <v>5</v>
      </c>
      <c r="G2843" t="s">
        <v>765</v>
      </c>
      <c r="H2843" t="s">
        <v>5284</v>
      </c>
      <c r="I2843" t="s">
        <v>30540</v>
      </c>
    </row>
    <row r="2844" spans="1:9">
      <c r="A2844" s="1">
        <f ca="1">RAND()</f>
        <v>4.4005552864906816E-2</v>
      </c>
      <c r="B2844" s="1"/>
      <c r="C2844">
        <v>11</v>
      </c>
      <c r="D2844" t="s">
        <v>5285</v>
      </c>
      <c r="E2844" t="s">
        <v>31753</v>
      </c>
      <c r="F2844">
        <v>4</v>
      </c>
      <c r="G2844" t="s">
        <v>10</v>
      </c>
      <c r="H2844" t="s">
        <v>5286</v>
      </c>
      <c r="I2844" t="s">
        <v>30540</v>
      </c>
    </row>
    <row r="2845" spans="1:9">
      <c r="A2845" s="1">
        <f ca="1">RAND()</f>
        <v>0.63321559120893123</v>
      </c>
      <c r="B2845" s="1"/>
      <c r="C2845">
        <v>4</v>
      </c>
      <c r="D2845" t="s">
        <v>5281</v>
      </c>
      <c r="E2845" t="s">
        <v>31753</v>
      </c>
      <c r="F2845">
        <v>4</v>
      </c>
      <c r="G2845" t="s">
        <v>766</v>
      </c>
      <c r="H2845" t="s">
        <v>5282</v>
      </c>
      <c r="I2845" t="s">
        <v>30540</v>
      </c>
    </row>
    <row r="2846" spans="1:9">
      <c r="A2846" s="1">
        <f ca="1">RAND()</f>
        <v>2.8853546778322747E-2</v>
      </c>
      <c r="B2846" s="1"/>
      <c r="C2846">
        <v>13</v>
      </c>
      <c r="D2846" t="s">
        <v>5287</v>
      </c>
      <c r="E2846" t="s">
        <v>31753</v>
      </c>
      <c r="F2846">
        <v>4</v>
      </c>
      <c r="G2846" t="s">
        <v>9</v>
      </c>
      <c r="H2846" t="s">
        <v>5288</v>
      </c>
      <c r="I2846" t="s">
        <v>30540</v>
      </c>
    </row>
    <row r="2847" spans="1:9">
      <c r="A2847" s="1">
        <f ca="1">RAND()</f>
        <v>0.16748632916536221</v>
      </c>
      <c r="B2847" s="1"/>
      <c r="C2847">
        <v>17</v>
      </c>
      <c r="D2847" t="s">
        <v>5293</v>
      </c>
      <c r="E2847" t="s">
        <v>31753</v>
      </c>
      <c r="F2847">
        <v>4</v>
      </c>
      <c r="G2847" t="s">
        <v>15</v>
      </c>
      <c r="H2847" t="s">
        <v>5294</v>
      </c>
      <c r="I2847" t="s">
        <v>30540</v>
      </c>
    </row>
    <row r="2848" spans="1:9">
      <c r="A2848" s="1">
        <f ca="1">RAND()</f>
        <v>0.92400911441377176</v>
      </c>
      <c r="B2848" s="1"/>
      <c r="C2848">
        <v>15</v>
      </c>
      <c r="D2848" t="s">
        <v>5291</v>
      </c>
      <c r="E2848" t="s">
        <v>31753</v>
      </c>
      <c r="F2848">
        <v>4</v>
      </c>
      <c r="G2848" t="s">
        <v>2</v>
      </c>
      <c r="H2848" t="s">
        <v>5292</v>
      </c>
      <c r="I2848" t="s">
        <v>30540</v>
      </c>
    </row>
    <row r="2849" spans="1:9">
      <c r="A2849" s="1">
        <f ca="1">RAND()</f>
        <v>0.37788058304572647</v>
      </c>
      <c r="B2849" s="1"/>
      <c r="C2849">
        <v>14</v>
      </c>
      <c r="D2849" t="s">
        <v>5289</v>
      </c>
      <c r="E2849" t="s">
        <v>31753</v>
      </c>
      <c r="F2849">
        <v>4</v>
      </c>
      <c r="G2849" t="s">
        <v>2</v>
      </c>
      <c r="H2849" t="s">
        <v>5290</v>
      </c>
      <c r="I2849" t="s">
        <v>30540</v>
      </c>
    </row>
    <row r="2850" spans="1:9">
      <c r="A2850" s="1">
        <f ca="1">RAND()</f>
        <v>0.77293640291957988</v>
      </c>
      <c r="B2850" s="1"/>
      <c r="C2850">
        <v>3</v>
      </c>
      <c r="D2850" t="s">
        <v>5279</v>
      </c>
      <c r="E2850" t="s">
        <v>31753</v>
      </c>
      <c r="F2850">
        <v>4</v>
      </c>
      <c r="G2850" t="s">
        <v>771</v>
      </c>
      <c r="H2850" t="s">
        <v>5280</v>
      </c>
      <c r="I2850" t="s">
        <v>30540</v>
      </c>
    </row>
    <row r="2851" spans="1:9">
      <c r="A2851" s="1">
        <f ca="1">RAND()</f>
        <v>0.32061279924196984</v>
      </c>
      <c r="B2851" s="1"/>
      <c r="C2851">
        <v>14</v>
      </c>
      <c r="D2851" t="s">
        <v>5275</v>
      </c>
      <c r="E2851" t="s">
        <v>31754</v>
      </c>
      <c r="F2851">
        <v>4</v>
      </c>
      <c r="G2851" t="s">
        <v>765</v>
      </c>
      <c r="H2851" t="s">
        <v>5276</v>
      </c>
      <c r="I2851" t="s">
        <v>30540</v>
      </c>
    </row>
    <row r="2852" spans="1:9">
      <c r="A2852" s="1">
        <f ca="1">RAND()</f>
        <v>0.32416469970086881</v>
      </c>
      <c r="B2852" s="1"/>
      <c r="C2852">
        <v>12</v>
      </c>
      <c r="D2852" t="s">
        <v>5273</v>
      </c>
      <c r="E2852" t="s">
        <v>31754</v>
      </c>
      <c r="F2852">
        <v>4</v>
      </c>
      <c r="G2852" t="s">
        <v>2</v>
      </c>
      <c r="H2852" t="s">
        <v>5274</v>
      </c>
      <c r="I2852" t="s">
        <v>30540</v>
      </c>
    </row>
    <row r="2853" spans="1:9">
      <c r="A2853" s="1">
        <f ca="1">RAND()</f>
        <v>0.48173545971767984</v>
      </c>
      <c r="B2853" s="1"/>
      <c r="C2853">
        <v>18</v>
      </c>
      <c r="D2853" t="s">
        <v>5277</v>
      </c>
      <c r="E2853" t="s">
        <v>31754</v>
      </c>
      <c r="F2853">
        <v>2</v>
      </c>
      <c r="G2853" t="s">
        <v>10</v>
      </c>
      <c r="H2853" t="s">
        <v>5278</v>
      </c>
      <c r="I2853" t="s">
        <v>30540</v>
      </c>
    </row>
    <row r="2854" spans="1:9">
      <c r="A2854" s="1">
        <f ca="1">RAND()</f>
        <v>0.49347676652216654</v>
      </c>
      <c r="B2854" s="1"/>
      <c r="C2854">
        <v>7</v>
      </c>
      <c r="D2854" t="s">
        <v>5263</v>
      </c>
      <c r="E2854" t="s">
        <v>31755</v>
      </c>
      <c r="F2854">
        <v>4</v>
      </c>
      <c r="G2854" t="s">
        <v>14</v>
      </c>
      <c r="H2854" t="s">
        <v>5264</v>
      </c>
      <c r="I2854" t="s">
        <v>30540</v>
      </c>
    </row>
    <row r="2855" spans="1:9">
      <c r="A2855" s="1">
        <f ca="1">RAND()</f>
        <v>0.19491165953928169</v>
      </c>
      <c r="B2855" s="1"/>
      <c r="C2855">
        <v>11</v>
      </c>
      <c r="D2855" t="s">
        <v>5267</v>
      </c>
      <c r="E2855" t="s">
        <v>31755</v>
      </c>
      <c r="F2855">
        <v>4</v>
      </c>
      <c r="G2855" t="s">
        <v>10</v>
      </c>
      <c r="H2855" t="s">
        <v>5268</v>
      </c>
      <c r="I2855" t="s">
        <v>30540</v>
      </c>
    </row>
    <row r="2856" spans="1:9">
      <c r="A2856" s="1">
        <f ca="1">RAND()</f>
        <v>0.20054890119850644</v>
      </c>
      <c r="B2856" s="1"/>
      <c r="C2856">
        <v>10</v>
      </c>
      <c r="D2856" t="s">
        <v>5265</v>
      </c>
      <c r="E2856" t="s">
        <v>31755</v>
      </c>
      <c r="F2856">
        <v>4</v>
      </c>
      <c r="G2856" t="s">
        <v>13</v>
      </c>
      <c r="H2856" t="s">
        <v>5266</v>
      </c>
      <c r="I2856" t="s">
        <v>30540</v>
      </c>
    </row>
    <row r="2857" spans="1:9">
      <c r="A2857" s="1">
        <f ca="1">RAND()</f>
        <v>9.0942225064322812E-2</v>
      </c>
      <c r="B2857" s="1"/>
      <c r="C2857">
        <v>1</v>
      </c>
      <c r="D2857" t="s">
        <v>5261</v>
      </c>
      <c r="E2857" t="s">
        <v>31755</v>
      </c>
      <c r="F2857">
        <v>4</v>
      </c>
      <c r="G2857" t="s">
        <v>14</v>
      </c>
      <c r="H2857" t="s">
        <v>5262</v>
      </c>
      <c r="I2857" t="s">
        <v>30540</v>
      </c>
    </row>
    <row r="2858" spans="1:9">
      <c r="A2858" s="1">
        <f ca="1">RAND()</f>
        <v>0.63433289684493932</v>
      </c>
      <c r="B2858" s="1"/>
      <c r="C2858">
        <v>16</v>
      </c>
      <c r="D2858" t="s">
        <v>5269</v>
      </c>
      <c r="E2858" t="s">
        <v>31755</v>
      </c>
      <c r="F2858">
        <v>3</v>
      </c>
      <c r="G2858" t="s">
        <v>15</v>
      </c>
      <c r="H2858" t="s">
        <v>5270</v>
      </c>
      <c r="I2858" t="s">
        <v>30540</v>
      </c>
    </row>
    <row r="2859" spans="1:9">
      <c r="A2859" s="1">
        <f ca="1">RAND()</f>
        <v>0.77221084994557077</v>
      </c>
      <c r="B2859" s="1"/>
      <c r="C2859">
        <v>19</v>
      </c>
      <c r="D2859" t="s">
        <v>5271</v>
      </c>
      <c r="E2859" t="s">
        <v>31755</v>
      </c>
      <c r="F2859">
        <v>2</v>
      </c>
      <c r="G2859" t="s">
        <v>15</v>
      </c>
      <c r="H2859" t="s">
        <v>5272</v>
      </c>
      <c r="I2859" t="s">
        <v>30540</v>
      </c>
    </row>
    <row r="2860" spans="1:9">
      <c r="A2860" s="1">
        <f ca="1">RAND()</f>
        <v>9.5732333618702814E-2</v>
      </c>
      <c r="B2860" s="1"/>
      <c r="C2860">
        <v>14</v>
      </c>
      <c r="D2860" t="s">
        <v>5259</v>
      </c>
      <c r="E2860" t="s">
        <v>31756</v>
      </c>
      <c r="F2860">
        <v>4</v>
      </c>
      <c r="G2860" t="s">
        <v>10</v>
      </c>
      <c r="H2860" t="s">
        <v>5260</v>
      </c>
      <c r="I2860" t="s">
        <v>30540</v>
      </c>
    </row>
    <row r="2861" spans="1:9">
      <c r="A2861" s="1">
        <f ca="1">RAND()</f>
        <v>0.48517522255341006</v>
      </c>
      <c r="B2861" s="1"/>
      <c r="C2861">
        <v>4</v>
      </c>
      <c r="D2861" t="s">
        <v>5247</v>
      </c>
      <c r="E2861" t="s">
        <v>31757</v>
      </c>
      <c r="F2861">
        <v>4</v>
      </c>
      <c r="G2861" t="s">
        <v>10</v>
      </c>
      <c r="H2861" t="s">
        <v>5248</v>
      </c>
      <c r="I2861" t="s">
        <v>30540</v>
      </c>
    </row>
    <row r="2862" spans="1:9">
      <c r="A2862" s="1">
        <f ca="1">RAND()</f>
        <v>0.45487873578349924</v>
      </c>
      <c r="B2862" s="1"/>
      <c r="C2862">
        <v>8</v>
      </c>
      <c r="D2862" t="s">
        <v>5251</v>
      </c>
      <c r="E2862" t="s">
        <v>31757</v>
      </c>
      <c r="F2862">
        <v>2</v>
      </c>
      <c r="G2862" t="s">
        <v>2</v>
      </c>
      <c r="H2862" t="s">
        <v>5252</v>
      </c>
      <c r="I2862" t="s">
        <v>30540</v>
      </c>
    </row>
    <row r="2863" spans="1:9">
      <c r="A2863" s="1">
        <f ca="1">RAND()</f>
        <v>0.80042609748503801</v>
      </c>
      <c r="B2863" s="1"/>
      <c r="C2863">
        <v>12</v>
      </c>
      <c r="D2863" t="s">
        <v>5253</v>
      </c>
      <c r="E2863" t="s">
        <v>31757</v>
      </c>
      <c r="F2863">
        <v>2</v>
      </c>
      <c r="G2863" t="s">
        <v>2</v>
      </c>
      <c r="H2863" t="s">
        <v>5254</v>
      </c>
      <c r="I2863" t="s">
        <v>30540</v>
      </c>
    </row>
    <row r="2864" spans="1:9">
      <c r="A2864" s="1">
        <f ca="1">RAND()</f>
        <v>0.48898383457598471</v>
      </c>
      <c r="B2864" s="1"/>
      <c r="C2864">
        <v>7</v>
      </c>
      <c r="D2864" t="s">
        <v>5249</v>
      </c>
      <c r="E2864" t="s">
        <v>31757</v>
      </c>
      <c r="F2864">
        <v>2</v>
      </c>
      <c r="G2864" t="s">
        <v>2</v>
      </c>
      <c r="H2864" t="s">
        <v>5250</v>
      </c>
      <c r="I2864" t="s">
        <v>30540</v>
      </c>
    </row>
    <row r="2865" spans="1:9">
      <c r="A2865" s="1">
        <f ca="1">RAND()</f>
        <v>0.74115436074743335</v>
      </c>
      <c r="B2865" s="1"/>
      <c r="C2865">
        <v>18</v>
      </c>
      <c r="D2865" t="s">
        <v>5257</v>
      </c>
      <c r="E2865" t="s">
        <v>31757</v>
      </c>
      <c r="F2865">
        <v>2</v>
      </c>
      <c r="G2865" t="s">
        <v>10</v>
      </c>
      <c r="H2865" t="s">
        <v>5258</v>
      </c>
      <c r="I2865" t="s">
        <v>30540</v>
      </c>
    </row>
    <row r="2866" spans="1:9">
      <c r="A2866" s="1">
        <f ca="1">RAND()</f>
        <v>1.9573700303139319E-2</v>
      </c>
      <c r="B2866" s="1"/>
      <c r="C2866">
        <v>17</v>
      </c>
      <c r="D2866" t="s">
        <v>5255</v>
      </c>
      <c r="E2866" t="s">
        <v>31757</v>
      </c>
      <c r="F2866">
        <v>2</v>
      </c>
      <c r="G2866" t="s">
        <v>15</v>
      </c>
      <c r="H2866" t="s">
        <v>5256</v>
      </c>
      <c r="I2866" t="s">
        <v>30540</v>
      </c>
    </row>
    <row r="2867" spans="1:9">
      <c r="A2867" s="1">
        <f ca="1">RAND()</f>
        <v>0.2781579693093108</v>
      </c>
      <c r="B2867" s="1"/>
      <c r="C2867">
        <v>20</v>
      </c>
      <c r="D2867" t="s">
        <v>5245</v>
      </c>
      <c r="E2867" t="s">
        <v>31758</v>
      </c>
      <c r="F2867">
        <v>5</v>
      </c>
      <c r="G2867" t="s">
        <v>0</v>
      </c>
      <c r="H2867" t="s">
        <v>5246</v>
      </c>
      <c r="I2867" t="s">
        <v>30540</v>
      </c>
    </row>
    <row r="2868" spans="1:9">
      <c r="A2868" s="1">
        <f ca="1">RAND()</f>
        <v>0.85891363200463466</v>
      </c>
      <c r="B2868" s="1"/>
      <c r="C2868">
        <v>10</v>
      </c>
      <c r="D2868" t="s">
        <v>5239</v>
      </c>
      <c r="E2868" t="s">
        <v>31758</v>
      </c>
      <c r="F2868">
        <v>4</v>
      </c>
      <c r="G2868" t="s">
        <v>10</v>
      </c>
      <c r="H2868" t="s">
        <v>5240</v>
      </c>
      <c r="I2868" t="s">
        <v>30540</v>
      </c>
    </row>
    <row r="2869" spans="1:9">
      <c r="A2869" s="1">
        <f ca="1">RAND()</f>
        <v>0.84202565624075054</v>
      </c>
      <c r="B2869" s="1"/>
      <c r="C2869">
        <v>15</v>
      </c>
      <c r="D2869" t="s">
        <v>5243</v>
      </c>
      <c r="E2869" t="s">
        <v>31758</v>
      </c>
      <c r="F2869">
        <v>2</v>
      </c>
      <c r="G2869" t="s">
        <v>766</v>
      </c>
      <c r="H2869" t="s">
        <v>5244</v>
      </c>
      <c r="I2869" t="s">
        <v>30540</v>
      </c>
    </row>
    <row r="2870" spans="1:9">
      <c r="A2870" s="1">
        <f ca="1">RAND()</f>
        <v>0.1297996460569929</v>
      </c>
      <c r="B2870" s="1"/>
      <c r="C2870">
        <v>12</v>
      </c>
      <c r="D2870" t="s">
        <v>5241</v>
      </c>
      <c r="E2870" t="s">
        <v>31758</v>
      </c>
      <c r="F2870">
        <v>2</v>
      </c>
      <c r="G2870" t="s">
        <v>10</v>
      </c>
      <c r="H2870" t="s">
        <v>5242</v>
      </c>
      <c r="I2870" t="s">
        <v>30540</v>
      </c>
    </row>
    <row r="2871" spans="1:9">
      <c r="A2871" s="1">
        <f ca="1">RAND()</f>
        <v>0.88671353044344536</v>
      </c>
      <c r="B2871" s="1"/>
      <c r="C2871">
        <v>7</v>
      </c>
      <c r="D2871" t="s">
        <v>5233</v>
      </c>
      <c r="E2871" t="s">
        <v>31759</v>
      </c>
      <c r="F2871">
        <v>4</v>
      </c>
      <c r="G2871" t="s">
        <v>765</v>
      </c>
      <c r="H2871" t="s">
        <v>5234</v>
      </c>
      <c r="I2871" t="s">
        <v>30540</v>
      </c>
    </row>
    <row r="2872" spans="1:9">
      <c r="A2872" s="1">
        <f ca="1">RAND()</f>
        <v>0.39568061113517683</v>
      </c>
      <c r="B2872" s="1"/>
      <c r="C2872">
        <v>3</v>
      </c>
      <c r="D2872" t="s">
        <v>5229</v>
      </c>
      <c r="E2872" t="s">
        <v>31759</v>
      </c>
      <c r="F2872">
        <v>4</v>
      </c>
      <c r="G2872" t="s">
        <v>770</v>
      </c>
      <c r="H2872" t="s">
        <v>5230</v>
      </c>
      <c r="I2872" t="s">
        <v>30540</v>
      </c>
    </row>
    <row r="2873" spans="1:9">
      <c r="A2873" s="1">
        <f ca="1">RAND()</f>
        <v>0.52574358904661234</v>
      </c>
      <c r="B2873" s="1"/>
      <c r="C2873">
        <v>16</v>
      </c>
      <c r="D2873" t="s">
        <v>5237</v>
      </c>
      <c r="E2873" t="s">
        <v>31759</v>
      </c>
      <c r="F2873">
        <v>4</v>
      </c>
      <c r="G2873" t="s">
        <v>1</v>
      </c>
      <c r="H2873" t="s">
        <v>5238</v>
      </c>
      <c r="I2873" t="s">
        <v>30540</v>
      </c>
    </row>
    <row r="2874" spans="1:9">
      <c r="A2874" s="1">
        <f ca="1">RAND()</f>
        <v>0.90055853595190627</v>
      </c>
      <c r="B2874" s="1"/>
      <c r="C2874">
        <v>4</v>
      </c>
      <c r="D2874" t="s">
        <v>5231</v>
      </c>
      <c r="E2874" t="s">
        <v>31759</v>
      </c>
      <c r="F2874">
        <v>4</v>
      </c>
      <c r="G2874" t="s">
        <v>771</v>
      </c>
      <c r="H2874" t="s">
        <v>5232</v>
      </c>
      <c r="I2874" t="s">
        <v>30540</v>
      </c>
    </row>
    <row r="2875" spans="1:9">
      <c r="A2875" s="1">
        <f ca="1">RAND()</f>
        <v>0.87031912727231109</v>
      </c>
      <c r="B2875" s="1"/>
      <c r="C2875">
        <v>13</v>
      </c>
      <c r="D2875" t="s">
        <v>5235</v>
      </c>
      <c r="E2875" t="s">
        <v>31759</v>
      </c>
      <c r="F2875">
        <v>4</v>
      </c>
      <c r="G2875" t="s">
        <v>13</v>
      </c>
      <c r="H2875" t="s">
        <v>5236</v>
      </c>
      <c r="I2875" t="s">
        <v>30540</v>
      </c>
    </row>
    <row r="2876" spans="1:9">
      <c r="A2876" s="1">
        <f ca="1">RAND()</f>
        <v>0.79615400851152984</v>
      </c>
      <c r="B2876" s="1"/>
      <c r="C2876">
        <v>20</v>
      </c>
      <c r="D2876" t="s">
        <v>5227</v>
      </c>
      <c r="E2876" t="s">
        <v>31760</v>
      </c>
      <c r="F2876">
        <v>4</v>
      </c>
      <c r="G2876" t="s">
        <v>2</v>
      </c>
      <c r="H2876" t="s">
        <v>5228</v>
      </c>
      <c r="I2876" t="s">
        <v>30540</v>
      </c>
    </row>
    <row r="2877" spans="1:9">
      <c r="A2877" s="1">
        <f ca="1">RAND()</f>
        <v>0.78455354826711121</v>
      </c>
      <c r="B2877" s="1"/>
      <c r="C2877">
        <v>6</v>
      </c>
      <c r="D2877" t="s">
        <v>5217</v>
      </c>
      <c r="E2877" t="s">
        <v>31760</v>
      </c>
      <c r="F2877">
        <v>4</v>
      </c>
      <c r="G2877" t="s">
        <v>10</v>
      </c>
      <c r="H2877" t="s">
        <v>5218</v>
      </c>
      <c r="I2877" t="s">
        <v>30540</v>
      </c>
    </row>
    <row r="2878" spans="1:9">
      <c r="A2878" s="1">
        <f ca="1">RAND()</f>
        <v>0.63041694188076769</v>
      </c>
      <c r="B2878" s="1"/>
      <c r="C2878">
        <v>4</v>
      </c>
      <c r="D2878" t="s">
        <v>5215</v>
      </c>
      <c r="E2878" t="s">
        <v>31760</v>
      </c>
      <c r="F2878">
        <v>4</v>
      </c>
      <c r="G2878" t="s">
        <v>10</v>
      </c>
      <c r="H2878" t="s">
        <v>5216</v>
      </c>
      <c r="I2878" t="s">
        <v>30540</v>
      </c>
    </row>
    <row r="2879" spans="1:9">
      <c r="A2879" s="1">
        <f ca="1">RAND()</f>
        <v>9.6441436199062536E-2</v>
      </c>
      <c r="B2879" s="1"/>
      <c r="C2879">
        <v>9</v>
      </c>
      <c r="D2879" t="s">
        <v>5221</v>
      </c>
      <c r="E2879" t="s">
        <v>31760</v>
      </c>
      <c r="F2879">
        <v>4</v>
      </c>
      <c r="G2879" t="s">
        <v>10</v>
      </c>
      <c r="H2879" t="s">
        <v>5222</v>
      </c>
      <c r="I2879" t="s">
        <v>30540</v>
      </c>
    </row>
    <row r="2880" spans="1:9">
      <c r="A2880" s="1">
        <f ca="1">RAND()</f>
        <v>0.43216901322513834</v>
      </c>
      <c r="B2880" s="1"/>
      <c r="C2880">
        <v>8</v>
      </c>
      <c r="D2880" t="s">
        <v>5219</v>
      </c>
      <c r="E2880" t="s">
        <v>31760</v>
      </c>
      <c r="F2880">
        <v>3</v>
      </c>
      <c r="G2880" t="s">
        <v>2</v>
      </c>
      <c r="H2880" t="s">
        <v>5220</v>
      </c>
      <c r="I2880" t="s">
        <v>30540</v>
      </c>
    </row>
    <row r="2881" spans="1:9">
      <c r="A2881" s="1">
        <f ca="1">RAND()</f>
        <v>0.69693825199903503</v>
      </c>
      <c r="B2881" s="1"/>
      <c r="C2881">
        <v>11</v>
      </c>
      <c r="D2881" t="s">
        <v>5223</v>
      </c>
      <c r="E2881" t="s">
        <v>31760</v>
      </c>
      <c r="F2881">
        <v>2</v>
      </c>
      <c r="G2881" t="s">
        <v>10</v>
      </c>
      <c r="H2881" t="s">
        <v>5224</v>
      </c>
      <c r="I2881" t="s">
        <v>30540</v>
      </c>
    </row>
    <row r="2882" spans="1:9">
      <c r="A2882" s="1">
        <f ca="1">RAND()</f>
        <v>0.85740607965464399</v>
      </c>
      <c r="B2882" s="1"/>
      <c r="C2882">
        <v>16</v>
      </c>
      <c r="D2882" t="s">
        <v>5225</v>
      </c>
      <c r="E2882" t="s">
        <v>31760</v>
      </c>
      <c r="F2882">
        <v>1</v>
      </c>
      <c r="G2882" t="s">
        <v>10</v>
      </c>
      <c r="H2882" t="s">
        <v>5226</v>
      </c>
      <c r="I2882" t="s">
        <v>30540</v>
      </c>
    </row>
    <row r="2883" spans="1:9">
      <c r="A2883" s="1">
        <f ca="1">RAND()</f>
        <v>0.83953837163345624</v>
      </c>
      <c r="B2883" s="1"/>
      <c r="C2883">
        <v>13</v>
      </c>
      <c r="D2883" t="s">
        <v>5209</v>
      </c>
      <c r="E2883" t="s">
        <v>31761</v>
      </c>
      <c r="F2883">
        <v>4</v>
      </c>
      <c r="G2883" t="s">
        <v>765</v>
      </c>
      <c r="H2883" t="s">
        <v>5210</v>
      </c>
      <c r="I2883" t="s">
        <v>30540</v>
      </c>
    </row>
    <row r="2884" spans="1:9">
      <c r="A2884" s="1">
        <f ca="1">RAND()</f>
        <v>0.65890142734430091</v>
      </c>
      <c r="B2884" s="1"/>
      <c r="C2884">
        <v>20</v>
      </c>
      <c r="D2884" t="s">
        <v>5213</v>
      </c>
      <c r="E2884" t="s">
        <v>31761</v>
      </c>
      <c r="F2884">
        <v>4</v>
      </c>
      <c r="G2884" t="s">
        <v>15</v>
      </c>
      <c r="H2884" t="s">
        <v>5214</v>
      </c>
      <c r="I2884" t="s">
        <v>30540</v>
      </c>
    </row>
    <row r="2885" spans="1:9">
      <c r="A2885" s="1">
        <f ca="1">RAND()</f>
        <v>9.6083754626877127E-2</v>
      </c>
      <c r="B2885" s="1"/>
      <c r="C2885">
        <v>16</v>
      </c>
      <c r="D2885" t="s">
        <v>5211</v>
      </c>
      <c r="E2885" t="s">
        <v>31761</v>
      </c>
      <c r="F2885">
        <v>4</v>
      </c>
      <c r="G2885" t="s">
        <v>10</v>
      </c>
      <c r="H2885" t="s">
        <v>5212</v>
      </c>
      <c r="I2885" t="s">
        <v>30540</v>
      </c>
    </row>
    <row r="2886" spans="1:9">
      <c r="A2886" s="1">
        <f ca="1">RAND()</f>
        <v>0.49106763350372473</v>
      </c>
      <c r="B2886" s="1"/>
      <c r="C2886">
        <v>5</v>
      </c>
      <c r="D2886" t="s">
        <v>5207</v>
      </c>
      <c r="E2886" t="s">
        <v>31761</v>
      </c>
      <c r="F2886">
        <v>2</v>
      </c>
      <c r="G2886" t="s">
        <v>13</v>
      </c>
      <c r="H2886" t="s">
        <v>5208</v>
      </c>
      <c r="I2886" t="s">
        <v>30540</v>
      </c>
    </row>
    <row r="2887" spans="1:9">
      <c r="A2887" s="1">
        <f ca="1">RAND()</f>
        <v>0.72894495771067092</v>
      </c>
      <c r="B2887" s="1"/>
      <c r="C2887">
        <v>2</v>
      </c>
      <c r="D2887" t="s">
        <v>5205</v>
      </c>
      <c r="E2887" t="s">
        <v>31761</v>
      </c>
      <c r="F2887">
        <v>1</v>
      </c>
      <c r="G2887" t="s">
        <v>1295</v>
      </c>
      <c r="H2887" t="s">
        <v>5206</v>
      </c>
      <c r="I2887" t="s">
        <v>30540</v>
      </c>
    </row>
    <row r="2888" spans="1:9">
      <c r="A2888" s="1">
        <f ca="1">RAND()</f>
        <v>8.5068547157386099E-2</v>
      </c>
      <c r="B2888" s="1"/>
      <c r="C2888">
        <v>5</v>
      </c>
      <c r="D2888" t="s">
        <v>5189</v>
      </c>
      <c r="E2888" t="s">
        <v>31762</v>
      </c>
      <c r="F2888">
        <v>4</v>
      </c>
      <c r="G2888" t="s">
        <v>14</v>
      </c>
      <c r="H2888" t="s">
        <v>5190</v>
      </c>
      <c r="I2888" t="s">
        <v>30540</v>
      </c>
    </row>
    <row r="2889" spans="1:9">
      <c r="A2889" s="1">
        <f ca="1">RAND()</f>
        <v>0.11214347671173852</v>
      </c>
      <c r="B2889" s="1"/>
      <c r="C2889">
        <v>17</v>
      </c>
      <c r="D2889" t="s">
        <v>5201</v>
      </c>
      <c r="E2889" t="s">
        <v>31762</v>
      </c>
      <c r="F2889">
        <v>4</v>
      </c>
      <c r="G2889" t="s">
        <v>0</v>
      </c>
      <c r="H2889" t="s">
        <v>5202</v>
      </c>
      <c r="I2889" t="s">
        <v>30540</v>
      </c>
    </row>
    <row r="2890" spans="1:9">
      <c r="A2890" s="1">
        <f ca="1">RAND()</f>
        <v>0.83867906065637532</v>
      </c>
      <c r="B2890" s="1"/>
      <c r="C2890">
        <v>3</v>
      </c>
      <c r="D2890" t="s">
        <v>5185</v>
      </c>
      <c r="E2890" t="s">
        <v>31762</v>
      </c>
      <c r="F2890">
        <v>4</v>
      </c>
      <c r="G2890" t="s">
        <v>10</v>
      </c>
      <c r="H2890" t="s">
        <v>5186</v>
      </c>
      <c r="I2890" t="s">
        <v>30540</v>
      </c>
    </row>
    <row r="2891" spans="1:9">
      <c r="A2891" s="1">
        <f ca="1">RAND()</f>
        <v>8.8309098790730012E-2</v>
      </c>
      <c r="B2891" s="1"/>
      <c r="C2891">
        <v>13</v>
      </c>
      <c r="D2891" t="s">
        <v>5197</v>
      </c>
      <c r="E2891" t="s">
        <v>31762</v>
      </c>
      <c r="F2891">
        <v>4</v>
      </c>
      <c r="G2891" t="s">
        <v>10</v>
      </c>
      <c r="H2891" t="s">
        <v>5198</v>
      </c>
      <c r="I2891" t="s">
        <v>30540</v>
      </c>
    </row>
    <row r="2892" spans="1:9">
      <c r="A2892" s="1">
        <f ca="1">RAND()</f>
        <v>0.77636757081756091</v>
      </c>
      <c r="B2892" s="1"/>
      <c r="C2892">
        <v>18</v>
      </c>
      <c r="D2892" t="s">
        <v>5203</v>
      </c>
      <c r="E2892" t="s">
        <v>31762</v>
      </c>
      <c r="F2892">
        <v>4</v>
      </c>
      <c r="G2892" t="s">
        <v>0</v>
      </c>
      <c r="H2892" t="s">
        <v>5204</v>
      </c>
      <c r="I2892" t="s">
        <v>30540</v>
      </c>
    </row>
    <row r="2893" spans="1:9">
      <c r="A2893" s="1">
        <f ca="1">RAND()</f>
        <v>0.27709393057661791</v>
      </c>
      <c r="B2893" s="1"/>
      <c r="C2893">
        <v>14</v>
      </c>
      <c r="D2893" t="s">
        <v>5199</v>
      </c>
      <c r="E2893" t="s">
        <v>31762</v>
      </c>
      <c r="F2893">
        <v>4</v>
      </c>
      <c r="G2893" t="s">
        <v>10</v>
      </c>
      <c r="H2893" t="s">
        <v>5200</v>
      </c>
      <c r="I2893" t="s">
        <v>30540</v>
      </c>
    </row>
    <row r="2894" spans="1:9">
      <c r="A2894" s="1">
        <f ca="1">RAND()</f>
        <v>9.1716399145861383E-2</v>
      </c>
      <c r="B2894" s="1"/>
      <c r="C2894">
        <v>6</v>
      </c>
      <c r="D2894" t="s">
        <v>5191</v>
      </c>
      <c r="E2894" t="s">
        <v>31762</v>
      </c>
      <c r="F2894">
        <v>4</v>
      </c>
      <c r="G2894" t="s">
        <v>2</v>
      </c>
      <c r="H2894" t="s">
        <v>5192</v>
      </c>
      <c r="I2894" t="s">
        <v>30540</v>
      </c>
    </row>
    <row r="2895" spans="1:9">
      <c r="A2895" s="1">
        <f ca="1">RAND()</f>
        <v>0.4483666937604901</v>
      </c>
      <c r="B2895" s="1"/>
      <c r="C2895">
        <v>12</v>
      </c>
      <c r="D2895" t="s">
        <v>5195</v>
      </c>
      <c r="E2895" t="s">
        <v>31762</v>
      </c>
      <c r="F2895">
        <v>3</v>
      </c>
      <c r="G2895" t="s">
        <v>10</v>
      </c>
      <c r="H2895" t="s">
        <v>5196</v>
      </c>
      <c r="I2895" t="s">
        <v>30540</v>
      </c>
    </row>
    <row r="2896" spans="1:9">
      <c r="A2896" s="1">
        <f ca="1">RAND()</f>
        <v>5.1399711416588612E-2</v>
      </c>
      <c r="B2896" s="1"/>
      <c r="C2896">
        <v>8</v>
      </c>
      <c r="D2896" t="s">
        <v>5193</v>
      </c>
      <c r="E2896" t="s">
        <v>31762</v>
      </c>
      <c r="F2896">
        <v>3</v>
      </c>
      <c r="G2896" t="s">
        <v>15</v>
      </c>
      <c r="H2896" t="s">
        <v>5194</v>
      </c>
      <c r="I2896" t="s">
        <v>30540</v>
      </c>
    </row>
    <row r="2897" spans="1:9">
      <c r="A2897" s="1">
        <f ca="1">RAND()</f>
        <v>0.68529420158573984</v>
      </c>
      <c r="B2897" s="1"/>
      <c r="C2897">
        <v>4</v>
      </c>
      <c r="D2897" t="s">
        <v>5187</v>
      </c>
      <c r="E2897" t="s">
        <v>31762</v>
      </c>
      <c r="F2897">
        <v>3</v>
      </c>
      <c r="G2897" t="s">
        <v>2</v>
      </c>
      <c r="H2897" t="s">
        <v>5188</v>
      </c>
      <c r="I2897" t="s">
        <v>30540</v>
      </c>
    </row>
    <row r="2898" spans="1:9">
      <c r="A2898" s="1">
        <f ca="1">RAND()</f>
        <v>0.41892079431006324</v>
      </c>
      <c r="B2898" s="1"/>
      <c r="C2898">
        <v>18</v>
      </c>
      <c r="D2898" t="s">
        <v>5183</v>
      </c>
      <c r="E2898" t="s">
        <v>31763</v>
      </c>
      <c r="F2898">
        <v>4</v>
      </c>
      <c r="G2898" t="s">
        <v>10</v>
      </c>
      <c r="H2898" t="s">
        <v>5184</v>
      </c>
      <c r="I2898" t="s">
        <v>30540</v>
      </c>
    </row>
    <row r="2899" spans="1:9">
      <c r="A2899" s="1">
        <f ca="1">RAND()</f>
        <v>0.37671428278844565</v>
      </c>
      <c r="B2899" s="1"/>
      <c r="C2899">
        <v>9</v>
      </c>
      <c r="D2899" t="s">
        <v>5179</v>
      </c>
      <c r="E2899" t="s">
        <v>31763</v>
      </c>
      <c r="F2899">
        <v>3</v>
      </c>
      <c r="G2899" t="s">
        <v>9</v>
      </c>
      <c r="H2899" t="s">
        <v>5180</v>
      </c>
      <c r="I2899" t="s">
        <v>30540</v>
      </c>
    </row>
    <row r="2900" spans="1:9">
      <c r="A2900" s="1">
        <f ca="1">RAND()</f>
        <v>0.69839967154234883</v>
      </c>
      <c r="B2900" s="1"/>
      <c r="C2900">
        <v>17</v>
      </c>
      <c r="D2900" t="s">
        <v>5181</v>
      </c>
      <c r="E2900" t="s">
        <v>31763</v>
      </c>
      <c r="F2900">
        <v>3</v>
      </c>
      <c r="G2900" t="s">
        <v>10</v>
      </c>
      <c r="H2900" t="s">
        <v>5182</v>
      </c>
      <c r="I2900" t="s">
        <v>30540</v>
      </c>
    </row>
    <row r="2901" spans="1:9">
      <c r="A2901" s="1">
        <f ca="1">RAND()</f>
        <v>0.59991861346890574</v>
      </c>
      <c r="B2901" s="1"/>
      <c r="C2901">
        <v>4</v>
      </c>
      <c r="D2901" t="s">
        <v>5171</v>
      </c>
      <c r="E2901" t="s">
        <v>31764</v>
      </c>
      <c r="F2901">
        <v>5</v>
      </c>
      <c r="G2901" t="s">
        <v>13</v>
      </c>
      <c r="H2901" t="s">
        <v>5172</v>
      </c>
      <c r="I2901" t="s">
        <v>30540</v>
      </c>
    </row>
    <row r="2902" spans="1:9">
      <c r="A2902" s="1">
        <f ca="1">RAND()</f>
        <v>0.58166076778387221</v>
      </c>
      <c r="B2902" s="1"/>
      <c r="C2902">
        <v>10</v>
      </c>
      <c r="D2902" t="s">
        <v>5173</v>
      </c>
      <c r="E2902" t="s">
        <v>31764</v>
      </c>
      <c r="F2902">
        <v>4</v>
      </c>
      <c r="G2902" t="s">
        <v>15</v>
      </c>
      <c r="H2902" t="s">
        <v>5174</v>
      </c>
      <c r="I2902" t="s">
        <v>30540</v>
      </c>
    </row>
    <row r="2903" spans="1:9">
      <c r="A2903" s="1">
        <f ca="1">RAND()</f>
        <v>0.49443734037805886</v>
      </c>
      <c r="B2903" s="1"/>
      <c r="C2903">
        <v>13</v>
      </c>
      <c r="D2903" t="s">
        <v>5175</v>
      </c>
      <c r="E2903" t="s">
        <v>31764</v>
      </c>
      <c r="F2903">
        <v>4</v>
      </c>
      <c r="G2903" t="s">
        <v>13</v>
      </c>
      <c r="H2903" t="s">
        <v>5176</v>
      </c>
      <c r="I2903" t="s">
        <v>30540</v>
      </c>
    </row>
    <row r="2904" spans="1:9">
      <c r="A2904" s="1">
        <f ca="1">RAND()</f>
        <v>0.89566233928411121</v>
      </c>
      <c r="B2904" s="1"/>
      <c r="C2904">
        <v>17</v>
      </c>
      <c r="D2904" t="s">
        <v>5177</v>
      </c>
      <c r="E2904" t="s">
        <v>31764</v>
      </c>
      <c r="F2904">
        <v>3</v>
      </c>
      <c r="G2904" t="s">
        <v>13</v>
      </c>
      <c r="H2904" t="s">
        <v>5178</v>
      </c>
      <c r="I2904" t="s">
        <v>30540</v>
      </c>
    </row>
    <row r="2905" spans="1:9">
      <c r="A2905" s="1">
        <f ca="1">RAND()</f>
        <v>0.3855597745796665</v>
      </c>
      <c r="B2905" s="1"/>
      <c r="C2905">
        <v>13</v>
      </c>
      <c r="D2905" t="s">
        <v>5169</v>
      </c>
      <c r="E2905" t="s">
        <v>31765</v>
      </c>
      <c r="F2905">
        <v>4</v>
      </c>
      <c r="G2905" t="s">
        <v>9</v>
      </c>
      <c r="H2905" t="s">
        <v>5170</v>
      </c>
      <c r="I2905" t="s">
        <v>30540</v>
      </c>
    </row>
    <row r="2906" spans="1:9">
      <c r="A2906" s="1">
        <f ca="1">RAND()</f>
        <v>2.0733296961350289E-2</v>
      </c>
      <c r="B2906" s="1"/>
      <c r="C2906">
        <v>10</v>
      </c>
      <c r="D2906" t="s">
        <v>5167</v>
      </c>
      <c r="E2906" t="s">
        <v>31765</v>
      </c>
      <c r="F2906">
        <v>2</v>
      </c>
      <c r="G2906" t="s">
        <v>10</v>
      </c>
      <c r="H2906" t="s">
        <v>5168</v>
      </c>
      <c r="I2906" t="s">
        <v>30540</v>
      </c>
    </row>
    <row r="2907" spans="1:9">
      <c r="A2907" s="1">
        <f ca="1">RAND()</f>
        <v>0.46214926629226005</v>
      </c>
      <c r="B2907" s="1"/>
      <c r="C2907">
        <v>4</v>
      </c>
      <c r="D2907" t="s">
        <v>5161</v>
      </c>
      <c r="E2907" t="s">
        <v>31766</v>
      </c>
      <c r="F2907">
        <v>4</v>
      </c>
      <c r="G2907" t="s">
        <v>10</v>
      </c>
      <c r="H2907" t="s">
        <v>5162</v>
      </c>
      <c r="I2907" t="s">
        <v>30540</v>
      </c>
    </row>
    <row r="2908" spans="1:9">
      <c r="A2908" s="1">
        <f ca="1">RAND()</f>
        <v>0.22506983578163775</v>
      </c>
      <c r="B2908" s="1"/>
      <c r="C2908">
        <v>16</v>
      </c>
      <c r="D2908" t="s">
        <v>5165</v>
      </c>
      <c r="E2908" t="s">
        <v>31766</v>
      </c>
      <c r="F2908">
        <v>4</v>
      </c>
      <c r="G2908" t="s">
        <v>10</v>
      </c>
      <c r="H2908" t="s">
        <v>5166</v>
      </c>
      <c r="I2908" t="s">
        <v>30540</v>
      </c>
    </row>
    <row r="2909" spans="1:9">
      <c r="A2909" s="1">
        <f ca="1">RAND()</f>
        <v>0.32128114559808507</v>
      </c>
      <c r="B2909" s="1"/>
      <c r="C2909">
        <v>3</v>
      </c>
      <c r="D2909" t="s">
        <v>5159</v>
      </c>
      <c r="E2909" t="s">
        <v>31766</v>
      </c>
      <c r="F2909">
        <v>4</v>
      </c>
      <c r="G2909" t="s">
        <v>769</v>
      </c>
      <c r="H2909" t="s">
        <v>5160</v>
      </c>
      <c r="I2909" t="s">
        <v>30540</v>
      </c>
    </row>
    <row r="2910" spans="1:9">
      <c r="A2910" s="1">
        <f ca="1">RAND()</f>
        <v>0.40079273876234256</v>
      </c>
      <c r="B2910" s="1"/>
      <c r="C2910">
        <v>11</v>
      </c>
      <c r="D2910" t="s">
        <v>5163</v>
      </c>
      <c r="E2910" t="s">
        <v>31766</v>
      </c>
      <c r="F2910">
        <v>4</v>
      </c>
      <c r="G2910" t="s">
        <v>765</v>
      </c>
      <c r="H2910" t="s">
        <v>5164</v>
      </c>
      <c r="I2910" t="s">
        <v>30540</v>
      </c>
    </row>
    <row r="2911" spans="1:9">
      <c r="A2911" s="1">
        <f ca="1">RAND()</f>
        <v>0.48162992257767323</v>
      </c>
      <c r="B2911" s="1"/>
      <c r="C2911">
        <v>12</v>
      </c>
      <c r="D2911" t="s">
        <v>5151</v>
      </c>
      <c r="E2911" t="s">
        <v>31767</v>
      </c>
      <c r="F2911">
        <v>5</v>
      </c>
      <c r="G2911" t="s">
        <v>10</v>
      </c>
      <c r="H2911" t="s">
        <v>5152</v>
      </c>
      <c r="I2911" t="s">
        <v>30540</v>
      </c>
    </row>
    <row r="2912" spans="1:9">
      <c r="A2912" s="1">
        <f ca="1">RAND()</f>
        <v>0.70620050335489726</v>
      </c>
      <c r="B2912" s="1"/>
      <c r="C2912">
        <v>15</v>
      </c>
      <c r="D2912" t="s">
        <v>5153</v>
      </c>
      <c r="E2912" t="s">
        <v>31767</v>
      </c>
      <c r="F2912">
        <v>4</v>
      </c>
      <c r="G2912" t="s">
        <v>10</v>
      </c>
      <c r="H2912" t="s">
        <v>5154</v>
      </c>
      <c r="I2912" t="s">
        <v>30540</v>
      </c>
    </row>
    <row r="2913" spans="1:9">
      <c r="A2913" s="1">
        <f ca="1">RAND()</f>
        <v>0.52840342982663679</v>
      </c>
      <c r="B2913" s="1"/>
      <c r="C2913">
        <v>9</v>
      </c>
      <c r="D2913" t="s">
        <v>5149</v>
      </c>
      <c r="E2913" t="s">
        <v>31767</v>
      </c>
      <c r="F2913">
        <v>4</v>
      </c>
      <c r="G2913" t="s">
        <v>10</v>
      </c>
      <c r="H2913" t="s">
        <v>5150</v>
      </c>
      <c r="I2913" t="s">
        <v>30540</v>
      </c>
    </row>
    <row r="2914" spans="1:9">
      <c r="A2914" s="1">
        <f ca="1">RAND()</f>
        <v>0.76576976102593597</v>
      </c>
      <c r="B2914" s="1"/>
      <c r="C2914">
        <v>20</v>
      </c>
      <c r="D2914" t="s">
        <v>5157</v>
      </c>
      <c r="E2914" t="s">
        <v>31767</v>
      </c>
      <c r="F2914">
        <v>3</v>
      </c>
      <c r="G2914" t="s">
        <v>10</v>
      </c>
      <c r="H2914" t="s">
        <v>5158</v>
      </c>
      <c r="I2914" t="s">
        <v>30540</v>
      </c>
    </row>
    <row r="2915" spans="1:9">
      <c r="A2915" s="1">
        <f ca="1">RAND()</f>
        <v>0.10099615676426965</v>
      </c>
      <c r="B2915" s="1"/>
      <c r="C2915">
        <v>17</v>
      </c>
      <c r="D2915" t="s">
        <v>5155</v>
      </c>
      <c r="E2915" t="s">
        <v>31767</v>
      </c>
      <c r="F2915">
        <v>2</v>
      </c>
      <c r="G2915" t="s">
        <v>2</v>
      </c>
      <c r="H2915" t="s">
        <v>5156</v>
      </c>
      <c r="I2915" t="s">
        <v>30540</v>
      </c>
    </row>
    <row r="2916" spans="1:9">
      <c r="A2916" s="1">
        <f ca="1">RAND()</f>
        <v>0.90402880304157551</v>
      </c>
      <c r="B2916" s="1"/>
      <c r="C2916">
        <v>18</v>
      </c>
      <c r="D2916" t="s">
        <v>5147</v>
      </c>
      <c r="E2916" t="s">
        <v>31768</v>
      </c>
      <c r="F2916">
        <v>5</v>
      </c>
      <c r="G2916" t="s">
        <v>10</v>
      </c>
      <c r="H2916" t="s">
        <v>5148</v>
      </c>
      <c r="I2916" t="s">
        <v>30540</v>
      </c>
    </row>
    <row r="2917" spans="1:9">
      <c r="A2917" s="1">
        <f ca="1">RAND()</f>
        <v>0.45638460916616364</v>
      </c>
      <c r="B2917" s="1"/>
      <c r="C2917">
        <v>9</v>
      </c>
      <c r="D2917" t="s">
        <v>5141</v>
      </c>
      <c r="E2917" t="s">
        <v>31768</v>
      </c>
      <c r="F2917">
        <v>4</v>
      </c>
      <c r="G2917" t="s">
        <v>14</v>
      </c>
      <c r="H2917" t="s">
        <v>5142</v>
      </c>
      <c r="I2917" t="s">
        <v>30540</v>
      </c>
    </row>
    <row r="2918" spans="1:9">
      <c r="A2918" s="1">
        <f ca="1">RAND()</f>
        <v>4.6763652539105305E-2</v>
      </c>
      <c r="B2918" s="1"/>
      <c r="C2918">
        <v>17</v>
      </c>
      <c r="D2918" t="s">
        <v>5145</v>
      </c>
      <c r="E2918" t="s">
        <v>31768</v>
      </c>
      <c r="F2918">
        <v>4</v>
      </c>
      <c r="G2918" t="s">
        <v>10</v>
      </c>
      <c r="H2918" t="s">
        <v>5146</v>
      </c>
      <c r="I2918" t="s">
        <v>30540</v>
      </c>
    </row>
    <row r="2919" spans="1:9">
      <c r="A2919" s="1">
        <f ca="1">RAND()</f>
        <v>0.21707155244019916</v>
      </c>
      <c r="B2919" s="1"/>
      <c r="C2919">
        <v>1</v>
      </c>
      <c r="D2919" t="s">
        <v>5139</v>
      </c>
      <c r="E2919" t="s">
        <v>31768</v>
      </c>
      <c r="F2919">
        <v>3</v>
      </c>
      <c r="G2919" t="s">
        <v>1295</v>
      </c>
      <c r="H2919" t="s">
        <v>5140</v>
      </c>
      <c r="I2919" t="s">
        <v>30540</v>
      </c>
    </row>
    <row r="2920" spans="1:9">
      <c r="A2920" s="1">
        <f ca="1">RAND()</f>
        <v>0.3911616790573349</v>
      </c>
      <c r="B2920" s="1"/>
      <c r="C2920">
        <v>16</v>
      </c>
      <c r="D2920" t="s">
        <v>5143</v>
      </c>
      <c r="E2920" t="s">
        <v>31768</v>
      </c>
      <c r="F2920">
        <v>1</v>
      </c>
      <c r="G2920" t="s">
        <v>9</v>
      </c>
      <c r="H2920" t="s">
        <v>5144</v>
      </c>
      <c r="I2920" t="s">
        <v>30540</v>
      </c>
    </row>
    <row r="2921" spans="1:9">
      <c r="A2921" s="1">
        <f ca="1">RAND()</f>
        <v>0.64573290286073148</v>
      </c>
      <c r="B2921" s="1"/>
      <c r="C2921">
        <v>16</v>
      </c>
      <c r="D2921" t="s">
        <v>5135</v>
      </c>
      <c r="E2921" t="s">
        <v>31769</v>
      </c>
      <c r="F2921">
        <v>4</v>
      </c>
      <c r="G2921" t="s">
        <v>10</v>
      </c>
      <c r="H2921" t="s">
        <v>5136</v>
      </c>
      <c r="I2921" t="s">
        <v>30540</v>
      </c>
    </row>
    <row r="2922" spans="1:9">
      <c r="A2922" s="1">
        <f ca="1">RAND()</f>
        <v>7.9463753410607962E-2</v>
      </c>
      <c r="B2922" s="1"/>
      <c r="C2922">
        <v>12</v>
      </c>
      <c r="D2922" t="s">
        <v>5129</v>
      </c>
      <c r="E2922" t="s">
        <v>31769</v>
      </c>
      <c r="F2922">
        <v>4</v>
      </c>
      <c r="G2922" t="s">
        <v>10</v>
      </c>
      <c r="H2922" t="s">
        <v>5130</v>
      </c>
      <c r="I2922" t="s">
        <v>30540</v>
      </c>
    </row>
    <row r="2923" spans="1:9">
      <c r="A2923" s="1">
        <f ca="1">RAND()</f>
        <v>0.42979548245959154</v>
      </c>
      <c r="B2923" s="1"/>
      <c r="C2923">
        <v>4</v>
      </c>
      <c r="D2923" t="s">
        <v>5127</v>
      </c>
      <c r="E2923" t="s">
        <v>31769</v>
      </c>
      <c r="F2923">
        <v>4</v>
      </c>
      <c r="G2923" t="s">
        <v>9</v>
      </c>
      <c r="H2923" t="s">
        <v>5128</v>
      </c>
      <c r="I2923" t="s">
        <v>30540</v>
      </c>
    </row>
    <row r="2924" spans="1:9">
      <c r="A2924" s="1">
        <f ca="1">RAND()</f>
        <v>0.43129870597257014</v>
      </c>
      <c r="B2924" s="1"/>
      <c r="C2924">
        <v>14</v>
      </c>
      <c r="D2924" t="s">
        <v>5133</v>
      </c>
      <c r="E2924" t="s">
        <v>31769</v>
      </c>
      <c r="F2924">
        <v>4</v>
      </c>
      <c r="G2924" t="s">
        <v>9</v>
      </c>
      <c r="H2924" t="s">
        <v>5134</v>
      </c>
      <c r="I2924" t="s">
        <v>30540</v>
      </c>
    </row>
    <row r="2925" spans="1:9">
      <c r="A2925" s="1">
        <f ca="1">RAND()</f>
        <v>0.7936389261680713</v>
      </c>
      <c r="B2925" s="1"/>
      <c r="C2925">
        <v>3</v>
      </c>
      <c r="D2925" t="s">
        <v>5125</v>
      </c>
      <c r="E2925" t="s">
        <v>31769</v>
      </c>
      <c r="F2925">
        <v>3</v>
      </c>
      <c r="G2925" t="s">
        <v>1295</v>
      </c>
      <c r="H2925" t="s">
        <v>5126</v>
      </c>
      <c r="I2925" t="s">
        <v>30540</v>
      </c>
    </row>
    <row r="2926" spans="1:9">
      <c r="A2926" s="1">
        <f ca="1">RAND()</f>
        <v>0.98008052350463348</v>
      </c>
      <c r="B2926" s="1"/>
      <c r="C2926">
        <v>13</v>
      </c>
      <c r="D2926" t="s">
        <v>5131</v>
      </c>
      <c r="E2926" t="s">
        <v>31769</v>
      </c>
      <c r="F2926">
        <v>2</v>
      </c>
      <c r="G2926" t="s">
        <v>1</v>
      </c>
      <c r="H2926" t="s">
        <v>5132</v>
      </c>
      <c r="I2926" t="s">
        <v>30540</v>
      </c>
    </row>
    <row r="2927" spans="1:9">
      <c r="A2927" s="1">
        <f ca="1">RAND()</f>
        <v>0.42929504207057612</v>
      </c>
      <c r="B2927" s="1"/>
      <c r="C2927">
        <v>17</v>
      </c>
      <c r="D2927" t="s">
        <v>5137</v>
      </c>
      <c r="E2927" t="s">
        <v>31769</v>
      </c>
      <c r="F2927">
        <v>2</v>
      </c>
      <c r="G2927" t="s">
        <v>2</v>
      </c>
      <c r="H2927" t="s">
        <v>5138</v>
      </c>
      <c r="I2927" t="s">
        <v>30540</v>
      </c>
    </row>
    <row r="2928" spans="1:9">
      <c r="A2928" s="1">
        <f ca="1">RAND()</f>
        <v>0.96659329546524619</v>
      </c>
      <c r="B2928" s="1"/>
      <c r="C2928">
        <v>3</v>
      </c>
      <c r="D2928" t="s">
        <v>5121</v>
      </c>
      <c r="E2928" t="s">
        <v>31770</v>
      </c>
      <c r="F2928">
        <v>4</v>
      </c>
      <c r="G2928" t="s">
        <v>14</v>
      </c>
      <c r="H2928" t="s">
        <v>5122</v>
      </c>
      <c r="I2928" t="s">
        <v>30540</v>
      </c>
    </row>
    <row r="2929" spans="1:9">
      <c r="A2929" s="1">
        <f ca="1">RAND()</f>
        <v>0.31043756203020756</v>
      </c>
      <c r="B2929" s="1"/>
      <c r="C2929">
        <v>7</v>
      </c>
      <c r="D2929" t="s">
        <v>5123</v>
      </c>
      <c r="E2929" t="s">
        <v>31770</v>
      </c>
      <c r="F2929">
        <v>4</v>
      </c>
      <c r="G2929" t="s">
        <v>10</v>
      </c>
      <c r="H2929" t="s">
        <v>5124</v>
      </c>
      <c r="I2929" t="s">
        <v>30540</v>
      </c>
    </row>
    <row r="2930" spans="1:9">
      <c r="A2930" s="1">
        <f ca="1">RAND()</f>
        <v>0.11318454876597372</v>
      </c>
      <c r="B2930" s="1"/>
      <c r="C2930">
        <v>2</v>
      </c>
      <c r="D2930" t="s">
        <v>5119</v>
      </c>
      <c r="E2930" t="s">
        <v>31770</v>
      </c>
      <c r="F2930">
        <v>2</v>
      </c>
      <c r="G2930" t="s">
        <v>2</v>
      </c>
      <c r="H2930" t="s">
        <v>5120</v>
      </c>
      <c r="I2930" t="s">
        <v>30540</v>
      </c>
    </row>
    <row r="2931" spans="1:9">
      <c r="A2931" s="1">
        <f ca="1">RAND()</f>
        <v>0.73321185640508024</v>
      </c>
      <c r="B2931" s="1"/>
      <c r="C2931">
        <v>4</v>
      </c>
      <c r="D2931" t="s">
        <v>5113</v>
      </c>
      <c r="E2931" t="s">
        <v>31771</v>
      </c>
      <c r="F2931">
        <v>4</v>
      </c>
      <c r="G2931" t="s">
        <v>15</v>
      </c>
      <c r="H2931" t="s">
        <v>5114</v>
      </c>
      <c r="I2931" t="s">
        <v>30540</v>
      </c>
    </row>
    <row r="2932" spans="1:9">
      <c r="A2932" s="1">
        <f ca="1">RAND()</f>
        <v>0.18909456093297594</v>
      </c>
      <c r="B2932" s="1"/>
      <c r="C2932">
        <v>11</v>
      </c>
      <c r="D2932" t="s">
        <v>5117</v>
      </c>
      <c r="E2932" t="s">
        <v>31771</v>
      </c>
      <c r="F2932">
        <v>4</v>
      </c>
      <c r="G2932" t="s">
        <v>774</v>
      </c>
      <c r="H2932" t="s">
        <v>5118</v>
      </c>
      <c r="I2932" t="s">
        <v>30540</v>
      </c>
    </row>
    <row r="2933" spans="1:9">
      <c r="A2933" s="1">
        <f ca="1">RAND()</f>
        <v>0.59789368813821864</v>
      </c>
      <c r="B2933" s="1"/>
      <c r="C2933">
        <v>6</v>
      </c>
      <c r="D2933" t="s">
        <v>5115</v>
      </c>
      <c r="E2933" t="s">
        <v>31771</v>
      </c>
      <c r="F2933">
        <v>2</v>
      </c>
      <c r="G2933" t="s">
        <v>9</v>
      </c>
      <c r="H2933" t="s">
        <v>5116</v>
      </c>
      <c r="I2933" t="s">
        <v>30540</v>
      </c>
    </row>
    <row r="2934" spans="1:9">
      <c r="A2934" s="1">
        <f ca="1">RAND()</f>
        <v>0.93955887263680904</v>
      </c>
      <c r="B2934" s="1"/>
      <c r="C2934">
        <v>20</v>
      </c>
      <c r="D2934" t="s">
        <v>5111</v>
      </c>
      <c r="E2934" t="s">
        <v>31772</v>
      </c>
      <c r="F2934">
        <v>5</v>
      </c>
      <c r="G2934" t="s">
        <v>10</v>
      </c>
      <c r="H2934" t="s">
        <v>5112</v>
      </c>
      <c r="I2934" t="s">
        <v>30540</v>
      </c>
    </row>
    <row r="2935" spans="1:9">
      <c r="A2935" s="1">
        <f ca="1">RAND()</f>
        <v>1.9202456093870834E-3</v>
      </c>
      <c r="B2935" s="1"/>
      <c r="C2935">
        <v>9</v>
      </c>
      <c r="D2935" t="s">
        <v>5099</v>
      </c>
      <c r="E2935" t="s">
        <v>31772</v>
      </c>
      <c r="F2935">
        <v>4</v>
      </c>
      <c r="G2935" t="s">
        <v>10</v>
      </c>
      <c r="H2935" t="s">
        <v>5100</v>
      </c>
      <c r="I2935" t="s">
        <v>30540</v>
      </c>
    </row>
    <row r="2936" spans="1:9">
      <c r="A2936" s="1">
        <f ca="1">RAND()</f>
        <v>0.59549265787380645</v>
      </c>
      <c r="B2936" s="1"/>
      <c r="C2936">
        <v>15</v>
      </c>
      <c r="D2936" t="s">
        <v>5103</v>
      </c>
      <c r="E2936" t="s">
        <v>31772</v>
      </c>
      <c r="F2936">
        <v>4</v>
      </c>
      <c r="G2936" t="s">
        <v>2</v>
      </c>
      <c r="H2936" t="s">
        <v>5104</v>
      </c>
      <c r="I2936" t="s">
        <v>30540</v>
      </c>
    </row>
    <row r="2937" spans="1:9">
      <c r="A2937" s="1">
        <f ca="1">RAND()</f>
        <v>0.32499382867490523</v>
      </c>
      <c r="B2937" s="1"/>
      <c r="C2937">
        <v>13</v>
      </c>
      <c r="D2937" t="s">
        <v>5101</v>
      </c>
      <c r="E2937" t="s">
        <v>31772</v>
      </c>
      <c r="F2937">
        <v>4</v>
      </c>
      <c r="G2937" t="s">
        <v>15</v>
      </c>
      <c r="H2937" t="s">
        <v>5102</v>
      </c>
      <c r="I2937" t="s">
        <v>30540</v>
      </c>
    </row>
    <row r="2938" spans="1:9">
      <c r="A2938" s="1">
        <f ca="1">RAND()</f>
        <v>0.84935642075859219</v>
      </c>
      <c r="B2938" s="1"/>
      <c r="C2938">
        <v>19</v>
      </c>
      <c r="D2938" t="s">
        <v>5109</v>
      </c>
      <c r="E2938" t="s">
        <v>31772</v>
      </c>
      <c r="F2938">
        <v>4</v>
      </c>
      <c r="G2938" t="s">
        <v>10</v>
      </c>
      <c r="H2938" t="s">
        <v>5110</v>
      </c>
      <c r="I2938" t="s">
        <v>30540</v>
      </c>
    </row>
    <row r="2939" spans="1:9">
      <c r="A2939" s="1">
        <f ca="1">RAND()</f>
        <v>0.17918717967538667</v>
      </c>
      <c r="B2939" s="1"/>
      <c r="C2939">
        <v>16</v>
      </c>
      <c r="D2939" t="s">
        <v>5105</v>
      </c>
      <c r="E2939" t="s">
        <v>31772</v>
      </c>
      <c r="F2939">
        <v>4</v>
      </c>
      <c r="G2939" t="s">
        <v>1</v>
      </c>
      <c r="H2939" t="s">
        <v>5106</v>
      </c>
      <c r="I2939" t="s">
        <v>30540</v>
      </c>
    </row>
    <row r="2940" spans="1:9">
      <c r="A2940" s="1">
        <f ca="1">RAND()</f>
        <v>0.87890840923527047</v>
      </c>
      <c r="B2940" s="1"/>
      <c r="C2940">
        <v>18</v>
      </c>
      <c r="D2940" t="s">
        <v>5107</v>
      </c>
      <c r="E2940" t="s">
        <v>31772</v>
      </c>
      <c r="F2940">
        <v>3</v>
      </c>
      <c r="G2940" t="s">
        <v>13</v>
      </c>
      <c r="H2940" t="s">
        <v>5108</v>
      </c>
      <c r="I2940" t="s">
        <v>30540</v>
      </c>
    </row>
    <row r="2941" spans="1:9">
      <c r="A2941" s="1">
        <f ca="1">RAND()</f>
        <v>0.35018181596177589</v>
      </c>
      <c r="B2941" s="1"/>
      <c r="C2941">
        <v>8</v>
      </c>
      <c r="D2941" t="s">
        <v>5091</v>
      </c>
      <c r="E2941" t="s">
        <v>31773</v>
      </c>
      <c r="F2941">
        <v>5</v>
      </c>
      <c r="G2941" t="s">
        <v>15</v>
      </c>
      <c r="H2941" t="s">
        <v>5092</v>
      </c>
      <c r="I2941" t="s">
        <v>30540</v>
      </c>
    </row>
    <row r="2942" spans="1:9">
      <c r="A2942" s="1">
        <f ca="1">RAND()</f>
        <v>0.50228708472036299</v>
      </c>
      <c r="B2942" s="1"/>
      <c r="C2942">
        <v>10</v>
      </c>
      <c r="D2942" t="s">
        <v>5093</v>
      </c>
      <c r="E2942" t="s">
        <v>31773</v>
      </c>
      <c r="F2942">
        <v>4</v>
      </c>
      <c r="G2942" t="s">
        <v>10</v>
      </c>
      <c r="H2942" t="s">
        <v>5094</v>
      </c>
      <c r="I2942" t="s">
        <v>30540</v>
      </c>
    </row>
    <row r="2943" spans="1:9">
      <c r="A2943" s="1">
        <f ca="1">RAND()</f>
        <v>0.62742224758316878</v>
      </c>
      <c r="B2943" s="1"/>
      <c r="C2943">
        <v>16</v>
      </c>
      <c r="D2943" t="s">
        <v>5095</v>
      </c>
      <c r="E2943" t="s">
        <v>31773</v>
      </c>
      <c r="F2943">
        <v>4</v>
      </c>
      <c r="G2943" t="s">
        <v>10</v>
      </c>
      <c r="H2943" t="s">
        <v>5096</v>
      </c>
      <c r="I2943" t="s">
        <v>30540</v>
      </c>
    </row>
    <row r="2944" spans="1:9">
      <c r="A2944" s="1">
        <f ca="1">RAND()</f>
        <v>0.76928937588826773</v>
      </c>
      <c r="B2944" s="1"/>
      <c r="C2944">
        <v>18</v>
      </c>
      <c r="D2944" t="s">
        <v>5097</v>
      </c>
      <c r="E2944" t="s">
        <v>31773</v>
      </c>
      <c r="F2944">
        <v>4</v>
      </c>
      <c r="G2944" t="s">
        <v>13</v>
      </c>
      <c r="H2944" t="s">
        <v>5098</v>
      </c>
      <c r="I2944" t="s">
        <v>30540</v>
      </c>
    </row>
    <row r="2945" spans="1:9">
      <c r="A2945" s="1">
        <f ca="1">RAND()</f>
        <v>0.12074821261361079</v>
      </c>
      <c r="B2945" s="1"/>
      <c r="C2945">
        <v>10</v>
      </c>
      <c r="D2945" t="s">
        <v>5085</v>
      </c>
      <c r="E2945" t="s">
        <v>31774</v>
      </c>
      <c r="F2945">
        <v>4</v>
      </c>
      <c r="G2945" t="s">
        <v>10</v>
      </c>
      <c r="H2945" t="s">
        <v>5086</v>
      </c>
      <c r="I2945" t="s">
        <v>30540</v>
      </c>
    </row>
    <row r="2946" spans="1:9">
      <c r="A2946" s="1">
        <f ca="1">RAND()</f>
        <v>0.66434133234656578</v>
      </c>
      <c r="B2946" s="1"/>
      <c r="C2946">
        <v>14</v>
      </c>
      <c r="D2946" t="s">
        <v>5087</v>
      </c>
      <c r="E2946" t="s">
        <v>31774</v>
      </c>
      <c r="F2946">
        <v>4</v>
      </c>
      <c r="G2946" t="s">
        <v>10</v>
      </c>
      <c r="H2946" t="s">
        <v>5088</v>
      </c>
      <c r="I2946" t="s">
        <v>30540</v>
      </c>
    </row>
    <row r="2947" spans="1:9">
      <c r="A2947" s="1">
        <f ca="1">RAND()</f>
        <v>1.3574077663745743E-2</v>
      </c>
      <c r="B2947" s="1"/>
      <c r="C2947">
        <v>17</v>
      </c>
      <c r="D2947" t="s">
        <v>5089</v>
      </c>
      <c r="E2947" t="s">
        <v>31774</v>
      </c>
      <c r="F2947">
        <v>4</v>
      </c>
      <c r="G2947" t="s">
        <v>13</v>
      </c>
      <c r="H2947" t="s">
        <v>5090</v>
      </c>
      <c r="I2947" t="s">
        <v>30540</v>
      </c>
    </row>
    <row r="2948" spans="1:9">
      <c r="A2948" s="1">
        <f ca="1">RAND()</f>
        <v>0.34441075048176772</v>
      </c>
      <c r="B2948" s="1"/>
      <c r="C2948">
        <v>20</v>
      </c>
      <c r="D2948" t="s">
        <v>5083</v>
      </c>
      <c r="E2948" t="s">
        <v>31775</v>
      </c>
      <c r="F2948">
        <v>5</v>
      </c>
      <c r="G2948" t="s">
        <v>10</v>
      </c>
      <c r="H2948" t="s">
        <v>5084</v>
      </c>
      <c r="I2948" t="s">
        <v>30540</v>
      </c>
    </row>
    <row r="2949" spans="1:9">
      <c r="A2949" s="1">
        <f ca="1">RAND()</f>
        <v>0.12285211653647077</v>
      </c>
      <c r="B2949" s="1"/>
      <c r="C2949">
        <v>7</v>
      </c>
      <c r="D2949" t="s">
        <v>5077</v>
      </c>
      <c r="E2949" t="s">
        <v>31775</v>
      </c>
      <c r="F2949">
        <v>4</v>
      </c>
      <c r="G2949" t="s">
        <v>10</v>
      </c>
      <c r="H2949" t="s">
        <v>5078</v>
      </c>
      <c r="I2949" t="s">
        <v>30540</v>
      </c>
    </row>
    <row r="2950" spans="1:9">
      <c r="A2950" s="1">
        <f ca="1">RAND()</f>
        <v>0.69225635599989599</v>
      </c>
      <c r="B2950" s="1"/>
      <c r="C2950">
        <v>19</v>
      </c>
      <c r="D2950" t="s">
        <v>5081</v>
      </c>
      <c r="E2950" t="s">
        <v>31775</v>
      </c>
      <c r="F2950">
        <v>4</v>
      </c>
      <c r="G2950" t="s">
        <v>10</v>
      </c>
      <c r="H2950" t="s">
        <v>5082</v>
      </c>
      <c r="I2950" t="s">
        <v>30540</v>
      </c>
    </row>
    <row r="2951" spans="1:9">
      <c r="A2951" s="1">
        <f ca="1">RAND()</f>
        <v>5.3697636134638627E-3</v>
      </c>
      <c r="B2951" s="1"/>
      <c r="C2951">
        <v>4</v>
      </c>
      <c r="D2951" t="s">
        <v>5073</v>
      </c>
      <c r="E2951" t="s">
        <v>31775</v>
      </c>
      <c r="F2951">
        <v>4</v>
      </c>
      <c r="G2951" t="s">
        <v>13</v>
      </c>
      <c r="H2951" t="s">
        <v>5074</v>
      </c>
      <c r="I2951" t="s">
        <v>30540</v>
      </c>
    </row>
    <row r="2952" spans="1:9">
      <c r="A2952" s="1">
        <f ca="1">RAND()</f>
        <v>0.60709720390888877</v>
      </c>
      <c r="B2952" s="1"/>
      <c r="C2952">
        <v>18</v>
      </c>
      <c r="D2952" t="s">
        <v>5079</v>
      </c>
      <c r="E2952" t="s">
        <v>31775</v>
      </c>
      <c r="F2952">
        <v>4</v>
      </c>
      <c r="G2952" t="s">
        <v>10</v>
      </c>
      <c r="H2952" t="s">
        <v>5080</v>
      </c>
      <c r="I2952" t="s">
        <v>30540</v>
      </c>
    </row>
    <row r="2953" spans="1:9">
      <c r="A2953" s="1">
        <f ca="1">RAND()</f>
        <v>0.65809810500306176</v>
      </c>
      <c r="B2953" s="1"/>
      <c r="C2953">
        <v>6</v>
      </c>
      <c r="D2953" t="s">
        <v>5075</v>
      </c>
      <c r="E2953" t="s">
        <v>31775</v>
      </c>
      <c r="F2953">
        <v>4</v>
      </c>
      <c r="G2953" t="s">
        <v>13</v>
      </c>
      <c r="H2953" t="s">
        <v>5076</v>
      </c>
      <c r="I2953" t="s">
        <v>30540</v>
      </c>
    </row>
    <row r="2954" spans="1:9">
      <c r="A2954" s="1">
        <f ca="1">RAND()</f>
        <v>0.88614756686115415</v>
      </c>
      <c r="B2954" s="1"/>
      <c r="C2954">
        <v>9</v>
      </c>
      <c r="D2954" t="s">
        <v>5071</v>
      </c>
      <c r="E2954" t="s">
        <v>31776</v>
      </c>
      <c r="F2954">
        <v>2</v>
      </c>
      <c r="G2954" t="s">
        <v>1</v>
      </c>
      <c r="H2954" t="s">
        <v>5072</v>
      </c>
      <c r="I2954" t="s">
        <v>30540</v>
      </c>
    </row>
    <row r="2955" spans="1:9">
      <c r="A2955" s="1">
        <f ca="1">RAND()</f>
        <v>3.6019659488128242E-2</v>
      </c>
      <c r="B2955" s="1"/>
      <c r="C2955">
        <v>6</v>
      </c>
      <c r="D2955" t="s">
        <v>5067</v>
      </c>
      <c r="E2955" t="s">
        <v>31777</v>
      </c>
      <c r="F2955">
        <v>4</v>
      </c>
      <c r="G2955" t="s">
        <v>10</v>
      </c>
      <c r="H2955" t="s">
        <v>5068</v>
      </c>
      <c r="I2955" t="s">
        <v>30540</v>
      </c>
    </row>
    <row r="2956" spans="1:9">
      <c r="A2956" s="1">
        <f ca="1">RAND()</f>
        <v>0.23440302572718408</v>
      </c>
      <c r="B2956" s="1"/>
      <c r="C2956">
        <v>11</v>
      </c>
      <c r="D2956" t="s">
        <v>5069</v>
      </c>
      <c r="E2956" t="s">
        <v>31777</v>
      </c>
      <c r="F2956">
        <v>4</v>
      </c>
      <c r="G2956" t="s">
        <v>10</v>
      </c>
      <c r="H2956" t="s">
        <v>5070</v>
      </c>
      <c r="I2956" t="s">
        <v>30540</v>
      </c>
    </row>
    <row r="2957" spans="1:9">
      <c r="A2957" s="1">
        <f ca="1">RAND()</f>
        <v>0.79132606567085606</v>
      </c>
      <c r="B2957" s="1"/>
      <c r="C2957">
        <v>5</v>
      </c>
      <c r="D2957" t="s">
        <v>5065</v>
      </c>
      <c r="E2957" t="s">
        <v>31777</v>
      </c>
      <c r="F2957">
        <v>2</v>
      </c>
      <c r="G2957" t="s">
        <v>2</v>
      </c>
      <c r="H2957" t="s">
        <v>5066</v>
      </c>
      <c r="I2957" t="s">
        <v>30540</v>
      </c>
    </row>
    <row r="2958" spans="1:9">
      <c r="A2958" s="1">
        <f ca="1">RAND()</f>
        <v>0.62720287041363487</v>
      </c>
      <c r="B2958" s="1"/>
      <c r="C2958">
        <v>15</v>
      </c>
      <c r="D2958" t="s">
        <v>5061</v>
      </c>
      <c r="E2958" t="s">
        <v>31778</v>
      </c>
      <c r="F2958">
        <v>4</v>
      </c>
      <c r="G2958" t="s">
        <v>10</v>
      </c>
      <c r="H2958" t="s">
        <v>5062</v>
      </c>
      <c r="I2958" t="s">
        <v>30540</v>
      </c>
    </row>
    <row r="2959" spans="1:9">
      <c r="A2959" s="1">
        <f ca="1">RAND()</f>
        <v>0.28715495772607724</v>
      </c>
      <c r="B2959" s="1"/>
      <c r="C2959">
        <v>12</v>
      </c>
      <c r="D2959" t="s">
        <v>5057</v>
      </c>
      <c r="E2959" t="s">
        <v>31778</v>
      </c>
      <c r="F2959">
        <v>4</v>
      </c>
      <c r="G2959" t="s">
        <v>10</v>
      </c>
      <c r="H2959" t="s">
        <v>5058</v>
      </c>
      <c r="I2959" t="s">
        <v>30540</v>
      </c>
    </row>
    <row r="2960" spans="1:9">
      <c r="A2960" s="1">
        <f ca="1">RAND()</f>
        <v>0.55641646742516615</v>
      </c>
      <c r="B2960" s="1"/>
      <c r="C2960">
        <v>18</v>
      </c>
      <c r="D2960" t="s">
        <v>5063</v>
      </c>
      <c r="E2960" t="s">
        <v>31778</v>
      </c>
      <c r="F2960">
        <v>4</v>
      </c>
      <c r="G2960" t="s">
        <v>10</v>
      </c>
      <c r="H2960" t="s">
        <v>5064</v>
      </c>
      <c r="I2960" t="s">
        <v>30540</v>
      </c>
    </row>
    <row r="2961" spans="1:9">
      <c r="A2961" s="1">
        <f ca="1">RAND()</f>
        <v>0.92243472795192427</v>
      </c>
      <c r="B2961" s="1"/>
      <c r="C2961">
        <v>13</v>
      </c>
      <c r="D2961" t="s">
        <v>5059</v>
      </c>
      <c r="E2961" t="s">
        <v>31778</v>
      </c>
      <c r="F2961">
        <v>3</v>
      </c>
      <c r="G2961" t="s">
        <v>10</v>
      </c>
      <c r="H2961" t="s">
        <v>5060</v>
      </c>
      <c r="I2961" t="s">
        <v>30540</v>
      </c>
    </row>
    <row r="2962" spans="1:9">
      <c r="A2962" s="1">
        <f ca="1">RAND()</f>
        <v>0.38522301527715652</v>
      </c>
      <c r="B2962" s="1"/>
      <c r="C2962">
        <v>3</v>
      </c>
      <c r="D2962" t="s">
        <v>5049</v>
      </c>
      <c r="E2962" t="s">
        <v>31779</v>
      </c>
      <c r="F2962">
        <v>5</v>
      </c>
      <c r="G2962" t="s">
        <v>14</v>
      </c>
      <c r="H2962" t="s">
        <v>5050</v>
      </c>
      <c r="I2962" t="s">
        <v>30540</v>
      </c>
    </row>
    <row r="2963" spans="1:9">
      <c r="A2963" s="1">
        <f ca="1">RAND()</f>
        <v>0.32542592856187669</v>
      </c>
      <c r="B2963" s="1"/>
      <c r="C2963">
        <v>20</v>
      </c>
      <c r="D2963" t="s">
        <v>5055</v>
      </c>
      <c r="E2963" t="s">
        <v>31779</v>
      </c>
      <c r="F2963">
        <v>4</v>
      </c>
      <c r="G2963" t="s">
        <v>2</v>
      </c>
      <c r="H2963" t="s">
        <v>5056</v>
      </c>
      <c r="I2963" t="s">
        <v>30540</v>
      </c>
    </row>
    <row r="2964" spans="1:9">
      <c r="A2964" s="1">
        <f ca="1">RAND()</f>
        <v>0.94695504809628928</v>
      </c>
      <c r="B2964" s="1"/>
      <c r="C2964">
        <v>6</v>
      </c>
      <c r="D2964" t="s">
        <v>5051</v>
      </c>
      <c r="E2964" t="s">
        <v>31779</v>
      </c>
      <c r="F2964">
        <v>3</v>
      </c>
      <c r="G2964" t="s">
        <v>0</v>
      </c>
      <c r="H2964" t="s">
        <v>5052</v>
      </c>
      <c r="I2964" t="s">
        <v>30540</v>
      </c>
    </row>
    <row r="2965" spans="1:9">
      <c r="A2965" s="1">
        <f ca="1">RAND()</f>
        <v>0.45849496332283224</v>
      </c>
      <c r="B2965" s="1"/>
      <c r="C2965">
        <v>16</v>
      </c>
      <c r="D2965" t="s">
        <v>5053</v>
      </c>
      <c r="E2965" t="s">
        <v>31779</v>
      </c>
      <c r="F2965">
        <v>1</v>
      </c>
      <c r="G2965" t="s">
        <v>15</v>
      </c>
      <c r="H2965" t="s">
        <v>5054</v>
      </c>
      <c r="I2965" t="s">
        <v>30540</v>
      </c>
    </row>
    <row r="2966" spans="1:9">
      <c r="A2966" s="1">
        <f ca="1">RAND()</f>
        <v>0.94380052756447896</v>
      </c>
      <c r="B2966" s="1"/>
      <c r="C2966">
        <v>6</v>
      </c>
      <c r="D2966" t="s">
        <v>5045</v>
      </c>
      <c r="E2966" t="s">
        <v>31780</v>
      </c>
      <c r="F2966">
        <v>4</v>
      </c>
      <c r="G2966" t="s">
        <v>13</v>
      </c>
      <c r="H2966" t="s">
        <v>5046</v>
      </c>
      <c r="I2966" t="s">
        <v>30540</v>
      </c>
    </row>
    <row r="2967" spans="1:9">
      <c r="A2967" s="1">
        <f ca="1">RAND()</f>
        <v>0.11355541486584364</v>
      </c>
      <c r="B2967" s="1"/>
      <c r="C2967">
        <v>20</v>
      </c>
      <c r="D2967" t="s">
        <v>5047</v>
      </c>
      <c r="E2967" t="s">
        <v>31780</v>
      </c>
      <c r="F2967">
        <v>4</v>
      </c>
      <c r="G2967" t="s">
        <v>10</v>
      </c>
      <c r="H2967" t="s">
        <v>5048</v>
      </c>
      <c r="I2967" t="s">
        <v>30540</v>
      </c>
    </row>
    <row r="2968" spans="1:9">
      <c r="A2968" s="1">
        <f ca="1">RAND()</f>
        <v>0.36336491410439242</v>
      </c>
      <c r="B2968" s="1"/>
      <c r="C2968">
        <v>4</v>
      </c>
      <c r="D2968" t="s">
        <v>5043</v>
      </c>
      <c r="E2968" t="s">
        <v>31780</v>
      </c>
      <c r="F2968">
        <v>2</v>
      </c>
      <c r="G2968" t="s">
        <v>10</v>
      </c>
      <c r="H2968" t="s">
        <v>5044</v>
      </c>
      <c r="I2968" t="s">
        <v>30540</v>
      </c>
    </row>
    <row r="2969" spans="1:9">
      <c r="A2969" s="1">
        <f ca="1">RAND()</f>
        <v>0.74168819283931608</v>
      </c>
      <c r="B2969" s="1"/>
      <c r="C2969">
        <v>20</v>
      </c>
      <c r="D2969" t="s">
        <v>5041</v>
      </c>
      <c r="E2969" t="s">
        <v>31781</v>
      </c>
      <c r="F2969">
        <v>3</v>
      </c>
      <c r="G2969" t="s">
        <v>15</v>
      </c>
      <c r="H2969" t="s">
        <v>5042</v>
      </c>
      <c r="I2969" t="s">
        <v>30540</v>
      </c>
    </row>
    <row r="2970" spans="1:9">
      <c r="A2970" s="1">
        <f ca="1">RAND()</f>
        <v>0.99924753501430452</v>
      </c>
      <c r="B2970" s="1"/>
      <c r="C2970">
        <v>9</v>
      </c>
      <c r="D2970" t="s">
        <v>5039</v>
      </c>
      <c r="E2970" t="s">
        <v>31781</v>
      </c>
      <c r="F2970">
        <v>2</v>
      </c>
      <c r="G2970" t="s">
        <v>769</v>
      </c>
      <c r="H2970" t="s">
        <v>5040</v>
      </c>
      <c r="I2970" t="s">
        <v>30540</v>
      </c>
    </row>
    <row r="2971" spans="1:9">
      <c r="A2971" s="1">
        <f ca="1">RAND()</f>
        <v>0.48201399054506155</v>
      </c>
      <c r="B2971" s="1"/>
      <c r="C2971">
        <v>6</v>
      </c>
      <c r="D2971" t="s">
        <v>5037</v>
      </c>
      <c r="E2971" t="s">
        <v>31781</v>
      </c>
      <c r="F2971">
        <v>2</v>
      </c>
      <c r="G2971" t="s">
        <v>1</v>
      </c>
      <c r="H2971" t="s">
        <v>5038</v>
      </c>
      <c r="I2971" t="s">
        <v>30540</v>
      </c>
    </row>
    <row r="2972" spans="1:9">
      <c r="A2972" s="1">
        <f ca="1">RAND()</f>
        <v>0.86316072724172388</v>
      </c>
      <c r="B2972" s="1"/>
      <c r="C2972">
        <v>1</v>
      </c>
      <c r="D2972" t="s">
        <v>5035</v>
      </c>
      <c r="E2972" t="s">
        <v>31781</v>
      </c>
      <c r="F2972">
        <v>2</v>
      </c>
      <c r="G2972" t="s">
        <v>765</v>
      </c>
      <c r="H2972" t="s">
        <v>5036</v>
      </c>
      <c r="I2972" t="s">
        <v>30540</v>
      </c>
    </row>
    <row r="2973" spans="1:9">
      <c r="A2973" s="1">
        <f ca="1">RAND()</f>
        <v>0.99902888957515057</v>
      </c>
      <c r="B2973" s="1"/>
      <c r="C2973">
        <v>2</v>
      </c>
      <c r="D2973" t="s">
        <v>5029</v>
      </c>
      <c r="E2973" t="s">
        <v>31782</v>
      </c>
      <c r="F2973">
        <v>5</v>
      </c>
      <c r="G2973" t="s">
        <v>2</v>
      </c>
      <c r="H2973" t="s">
        <v>5030</v>
      </c>
      <c r="I2973" t="s">
        <v>30540</v>
      </c>
    </row>
    <row r="2974" spans="1:9">
      <c r="A2974" s="1">
        <f ca="1">RAND()</f>
        <v>0.695126954195327</v>
      </c>
      <c r="B2974" s="1"/>
      <c r="C2974">
        <v>9</v>
      </c>
      <c r="D2974" t="s">
        <v>5031</v>
      </c>
      <c r="E2974" t="s">
        <v>31782</v>
      </c>
      <c r="F2974">
        <v>4</v>
      </c>
      <c r="G2974" t="s">
        <v>15</v>
      </c>
      <c r="H2974" t="s">
        <v>5032</v>
      </c>
      <c r="I2974" t="s">
        <v>30540</v>
      </c>
    </row>
    <row r="2975" spans="1:9">
      <c r="A2975" s="1">
        <f ca="1">RAND()</f>
        <v>0.93272814201879295</v>
      </c>
      <c r="B2975" s="1"/>
      <c r="C2975">
        <v>11</v>
      </c>
      <c r="D2975" t="s">
        <v>5033</v>
      </c>
      <c r="E2975" t="s">
        <v>31782</v>
      </c>
      <c r="F2975">
        <v>4</v>
      </c>
      <c r="G2975" t="s">
        <v>10</v>
      </c>
      <c r="H2975" t="s">
        <v>5034</v>
      </c>
      <c r="I2975" t="s">
        <v>30540</v>
      </c>
    </row>
    <row r="2976" spans="1:9">
      <c r="A2976" s="1">
        <f ca="1">RAND()</f>
        <v>0.94280647652594385</v>
      </c>
      <c r="B2976" s="1"/>
      <c r="C2976">
        <v>6</v>
      </c>
      <c r="D2976" t="s">
        <v>5023</v>
      </c>
      <c r="E2976" t="s">
        <v>31783</v>
      </c>
      <c r="F2976">
        <v>4</v>
      </c>
      <c r="G2976" t="s">
        <v>13</v>
      </c>
      <c r="H2976" t="s">
        <v>5024</v>
      </c>
      <c r="I2976" t="s">
        <v>30540</v>
      </c>
    </row>
    <row r="2977" spans="1:9">
      <c r="A2977" s="1">
        <f ca="1">RAND()</f>
        <v>0.96860093665764391</v>
      </c>
      <c r="B2977" s="1"/>
      <c r="C2977">
        <v>19</v>
      </c>
      <c r="D2977" t="s">
        <v>5027</v>
      </c>
      <c r="E2977" t="s">
        <v>31783</v>
      </c>
      <c r="F2977">
        <v>2</v>
      </c>
      <c r="G2977" t="s">
        <v>2</v>
      </c>
      <c r="H2977" t="s">
        <v>5028</v>
      </c>
      <c r="I2977" t="s">
        <v>30540</v>
      </c>
    </row>
    <row r="2978" spans="1:9">
      <c r="A2978" s="1">
        <f ca="1">RAND()</f>
        <v>0.81485199026092725</v>
      </c>
      <c r="B2978" s="1"/>
      <c r="C2978">
        <v>15</v>
      </c>
      <c r="D2978" t="s">
        <v>5025</v>
      </c>
      <c r="E2978" t="s">
        <v>31783</v>
      </c>
      <c r="F2978">
        <v>1</v>
      </c>
      <c r="G2978" t="s">
        <v>2</v>
      </c>
      <c r="H2978" t="s">
        <v>5026</v>
      </c>
      <c r="I2978" t="s">
        <v>30540</v>
      </c>
    </row>
    <row r="2979" spans="1:9">
      <c r="A2979" s="1">
        <f ca="1">RAND()</f>
        <v>0.43145974914024809</v>
      </c>
      <c r="B2979" s="1"/>
      <c r="C2979">
        <v>14</v>
      </c>
      <c r="D2979" t="s">
        <v>5015</v>
      </c>
      <c r="E2979" t="s">
        <v>31784</v>
      </c>
      <c r="F2979">
        <v>4</v>
      </c>
      <c r="G2979" t="s">
        <v>15</v>
      </c>
      <c r="H2979" t="s">
        <v>5016</v>
      </c>
      <c r="I2979" t="s">
        <v>30540</v>
      </c>
    </row>
    <row r="2980" spans="1:9">
      <c r="A2980" s="1">
        <f ca="1">RAND()</f>
        <v>0.86155235021804899</v>
      </c>
      <c r="B2980" s="1"/>
      <c r="C2980">
        <v>16</v>
      </c>
      <c r="D2980" t="s">
        <v>5019</v>
      </c>
      <c r="E2980" t="s">
        <v>31784</v>
      </c>
      <c r="F2980">
        <v>4</v>
      </c>
      <c r="G2980" t="s">
        <v>10</v>
      </c>
      <c r="H2980" t="s">
        <v>5020</v>
      </c>
      <c r="I2980" t="s">
        <v>30540</v>
      </c>
    </row>
    <row r="2981" spans="1:9">
      <c r="A2981" s="1">
        <f ca="1">RAND()</f>
        <v>3.615450799096942E-2</v>
      </c>
      <c r="B2981" s="1"/>
      <c r="C2981">
        <v>15</v>
      </c>
      <c r="D2981" t="s">
        <v>5017</v>
      </c>
      <c r="E2981" t="s">
        <v>31784</v>
      </c>
      <c r="F2981">
        <v>4</v>
      </c>
      <c r="G2981" t="s">
        <v>2</v>
      </c>
      <c r="H2981" t="s">
        <v>5018</v>
      </c>
      <c r="I2981" t="s">
        <v>30540</v>
      </c>
    </row>
    <row r="2982" spans="1:9">
      <c r="A2982" s="1">
        <f ca="1">RAND()</f>
        <v>0.13409151850450163</v>
      </c>
      <c r="B2982" s="1"/>
      <c r="C2982">
        <v>6</v>
      </c>
      <c r="D2982" t="s">
        <v>5013</v>
      </c>
      <c r="E2982" t="s">
        <v>31784</v>
      </c>
      <c r="F2982">
        <v>4</v>
      </c>
      <c r="G2982" t="s">
        <v>1295</v>
      </c>
      <c r="H2982" t="s">
        <v>5014</v>
      </c>
      <c r="I2982" t="s">
        <v>30540</v>
      </c>
    </row>
    <row r="2983" spans="1:9">
      <c r="A2983" s="1">
        <f ca="1">RAND()</f>
        <v>0.94625654298559314</v>
      </c>
      <c r="B2983" s="1"/>
      <c r="C2983">
        <v>5</v>
      </c>
      <c r="D2983" t="s">
        <v>5011</v>
      </c>
      <c r="E2983" t="s">
        <v>31784</v>
      </c>
      <c r="F2983">
        <v>3</v>
      </c>
      <c r="G2983" t="s">
        <v>771</v>
      </c>
      <c r="H2983" t="s">
        <v>5012</v>
      </c>
      <c r="I2983" t="s">
        <v>30540</v>
      </c>
    </row>
    <row r="2984" spans="1:9">
      <c r="A2984" s="1">
        <f ca="1">RAND()</f>
        <v>0.87909886499774326</v>
      </c>
      <c r="B2984" s="1"/>
      <c r="C2984">
        <v>18</v>
      </c>
      <c r="D2984" t="s">
        <v>5021</v>
      </c>
      <c r="E2984" t="s">
        <v>31784</v>
      </c>
      <c r="F2984">
        <v>3</v>
      </c>
      <c r="G2984" t="s">
        <v>2</v>
      </c>
      <c r="H2984" t="s">
        <v>5022</v>
      </c>
      <c r="I2984" t="s">
        <v>30540</v>
      </c>
    </row>
    <row r="2985" spans="1:9">
      <c r="A2985" s="1">
        <f ca="1">RAND()</f>
        <v>0.92762197561546811</v>
      </c>
      <c r="B2985" s="1"/>
      <c r="C2985">
        <v>10</v>
      </c>
      <c r="D2985" t="s">
        <v>5005</v>
      </c>
      <c r="E2985" t="s">
        <v>31785</v>
      </c>
      <c r="F2985">
        <v>4</v>
      </c>
      <c r="G2985" t="s">
        <v>10</v>
      </c>
      <c r="H2985" t="s">
        <v>5006</v>
      </c>
      <c r="I2985" t="s">
        <v>30540</v>
      </c>
    </row>
    <row r="2986" spans="1:9">
      <c r="A2986" s="1">
        <f ca="1">RAND()</f>
        <v>0.60091016734347569</v>
      </c>
      <c r="B2986" s="1"/>
      <c r="C2986">
        <v>7</v>
      </c>
      <c r="D2986" t="s">
        <v>5003</v>
      </c>
      <c r="E2986" t="s">
        <v>31785</v>
      </c>
      <c r="F2986">
        <v>4</v>
      </c>
      <c r="G2986" t="s">
        <v>10</v>
      </c>
      <c r="H2986" t="s">
        <v>5004</v>
      </c>
      <c r="I2986" t="s">
        <v>30540</v>
      </c>
    </row>
    <row r="2987" spans="1:9">
      <c r="A2987" s="1">
        <f ca="1">RAND()</f>
        <v>1.3285697024343235E-2</v>
      </c>
      <c r="B2987" s="1"/>
      <c r="C2987">
        <v>15</v>
      </c>
      <c r="D2987" t="s">
        <v>5009</v>
      </c>
      <c r="E2987" t="s">
        <v>31785</v>
      </c>
      <c r="F2987">
        <v>4</v>
      </c>
      <c r="G2987" t="s">
        <v>10</v>
      </c>
      <c r="H2987" t="s">
        <v>5010</v>
      </c>
      <c r="I2987" t="s">
        <v>30540</v>
      </c>
    </row>
    <row r="2988" spans="1:9">
      <c r="A2988" s="1">
        <f ca="1">RAND()</f>
        <v>0.5074301835783076</v>
      </c>
      <c r="B2988" s="1"/>
      <c r="C2988">
        <v>2</v>
      </c>
      <c r="D2988" t="s">
        <v>5001</v>
      </c>
      <c r="E2988" t="s">
        <v>31785</v>
      </c>
      <c r="F2988">
        <v>4</v>
      </c>
      <c r="G2988" t="s">
        <v>9</v>
      </c>
      <c r="H2988" t="s">
        <v>5002</v>
      </c>
      <c r="I2988" t="s">
        <v>30540</v>
      </c>
    </row>
    <row r="2989" spans="1:9">
      <c r="A2989" s="1">
        <f ca="1">RAND()</f>
        <v>0.45812142207646966</v>
      </c>
      <c r="B2989" s="1"/>
      <c r="C2989">
        <v>11</v>
      </c>
      <c r="D2989" t="s">
        <v>5007</v>
      </c>
      <c r="E2989" t="s">
        <v>31785</v>
      </c>
      <c r="F2989">
        <v>1</v>
      </c>
      <c r="G2989" t="s">
        <v>10</v>
      </c>
      <c r="H2989" t="s">
        <v>5008</v>
      </c>
      <c r="I2989" t="s">
        <v>30540</v>
      </c>
    </row>
    <row r="2990" spans="1:9">
      <c r="A2990" s="1">
        <f ca="1">RAND()</f>
        <v>0.7768380800256115</v>
      </c>
      <c r="B2990" s="1"/>
      <c r="C2990">
        <v>9</v>
      </c>
      <c r="D2990" t="s">
        <v>4993</v>
      </c>
      <c r="E2990" t="s">
        <v>31786</v>
      </c>
      <c r="F2990">
        <v>5</v>
      </c>
      <c r="G2990" t="s">
        <v>765</v>
      </c>
      <c r="H2990" t="s">
        <v>4994</v>
      </c>
      <c r="I2990" t="s">
        <v>30540</v>
      </c>
    </row>
    <row r="2991" spans="1:9">
      <c r="A2991" s="1">
        <f ca="1">RAND()</f>
        <v>0.15224529812003762</v>
      </c>
      <c r="B2991" s="1"/>
      <c r="C2991">
        <v>16</v>
      </c>
      <c r="D2991" t="s">
        <v>4997</v>
      </c>
      <c r="E2991" t="s">
        <v>31786</v>
      </c>
      <c r="F2991">
        <v>4</v>
      </c>
      <c r="G2991" t="s">
        <v>10</v>
      </c>
      <c r="H2991" t="s">
        <v>4998</v>
      </c>
      <c r="I2991" t="s">
        <v>30540</v>
      </c>
    </row>
    <row r="2992" spans="1:9">
      <c r="A2992" s="1">
        <f ca="1">RAND()</f>
        <v>0.23173700685864151</v>
      </c>
      <c r="B2992" s="1"/>
      <c r="C2992">
        <v>12</v>
      </c>
      <c r="D2992" t="s">
        <v>4995</v>
      </c>
      <c r="E2992" t="s">
        <v>31786</v>
      </c>
      <c r="F2992">
        <v>4</v>
      </c>
      <c r="G2992" t="s">
        <v>9</v>
      </c>
      <c r="H2992" t="s">
        <v>4996</v>
      </c>
      <c r="I2992" t="s">
        <v>30540</v>
      </c>
    </row>
    <row r="2993" spans="1:9">
      <c r="A2993" s="1">
        <f ca="1">RAND()</f>
        <v>0.63994390894831932</v>
      </c>
      <c r="B2993" s="1"/>
      <c r="C2993">
        <v>20</v>
      </c>
      <c r="D2993" t="s">
        <v>4999</v>
      </c>
      <c r="E2993" t="s">
        <v>31786</v>
      </c>
      <c r="F2993">
        <v>3</v>
      </c>
      <c r="G2993" t="s">
        <v>10</v>
      </c>
      <c r="H2993" t="s">
        <v>5000</v>
      </c>
      <c r="I2993" t="s">
        <v>30540</v>
      </c>
    </row>
    <row r="2994" spans="1:9">
      <c r="A2994" s="1">
        <f ca="1">RAND()</f>
        <v>0.88436867968653599</v>
      </c>
      <c r="B2994" s="1"/>
      <c r="C2994">
        <v>19</v>
      </c>
      <c r="D2994" t="s">
        <v>4989</v>
      </c>
      <c r="E2994" t="s">
        <v>31787</v>
      </c>
      <c r="F2994">
        <v>5</v>
      </c>
      <c r="G2994" t="s">
        <v>10</v>
      </c>
      <c r="H2994" t="s">
        <v>4990</v>
      </c>
      <c r="I2994" t="s">
        <v>30540</v>
      </c>
    </row>
    <row r="2995" spans="1:9">
      <c r="A2995" s="1">
        <f ca="1">RAND()</f>
        <v>0.49610166522832655</v>
      </c>
      <c r="B2995" s="1"/>
      <c r="C2995">
        <v>8</v>
      </c>
      <c r="D2995" t="s">
        <v>4981</v>
      </c>
      <c r="E2995" t="s">
        <v>31787</v>
      </c>
      <c r="F2995">
        <v>4</v>
      </c>
      <c r="G2995" t="s">
        <v>2</v>
      </c>
      <c r="H2995" t="s">
        <v>4982</v>
      </c>
      <c r="I2995" t="s">
        <v>30540</v>
      </c>
    </row>
    <row r="2996" spans="1:9">
      <c r="A2996" s="1">
        <f ca="1">RAND()</f>
        <v>0.70269423114464946</v>
      </c>
      <c r="B2996" s="1"/>
      <c r="C2996">
        <v>4</v>
      </c>
      <c r="D2996" t="s">
        <v>4977</v>
      </c>
      <c r="E2996" t="s">
        <v>31787</v>
      </c>
      <c r="F2996">
        <v>4</v>
      </c>
      <c r="G2996" t="s">
        <v>10</v>
      </c>
      <c r="H2996" t="s">
        <v>4978</v>
      </c>
      <c r="I2996" t="s">
        <v>30540</v>
      </c>
    </row>
    <row r="2997" spans="1:9">
      <c r="A2997" s="1">
        <f ca="1">RAND()</f>
        <v>0.80410798540462503</v>
      </c>
      <c r="B2997" s="1"/>
      <c r="C2997">
        <v>20</v>
      </c>
      <c r="D2997" t="s">
        <v>4991</v>
      </c>
      <c r="E2997" t="s">
        <v>31787</v>
      </c>
      <c r="F2997">
        <v>4</v>
      </c>
      <c r="G2997" t="s">
        <v>10</v>
      </c>
      <c r="H2997" t="s">
        <v>4992</v>
      </c>
      <c r="I2997" t="s">
        <v>30540</v>
      </c>
    </row>
    <row r="2998" spans="1:9">
      <c r="A2998" s="1">
        <f ca="1">RAND()</f>
        <v>0.77585717157706147</v>
      </c>
      <c r="B2998" s="1"/>
      <c r="C2998">
        <v>14</v>
      </c>
      <c r="D2998" t="s">
        <v>4985</v>
      </c>
      <c r="E2998" t="s">
        <v>31787</v>
      </c>
      <c r="F2998">
        <v>3</v>
      </c>
      <c r="G2998" t="s">
        <v>10</v>
      </c>
      <c r="H2998" t="s">
        <v>4986</v>
      </c>
      <c r="I2998" t="s">
        <v>30540</v>
      </c>
    </row>
    <row r="2999" spans="1:9">
      <c r="A2999" s="1">
        <f ca="1">RAND()</f>
        <v>0.2701615516246928</v>
      </c>
      <c r="B2999" s="1"/>
      <c r="C2999">
        <v>15</v>
      </c>
      <c r="D2999" t="s">
        <v>4987</v>
      </c>
      <c r="E2999" t="s">
        <v>31787</v>
      </c>
      <c r="F2999">
        <v>3</v>
      </c>
      <c r="G2999" t="s">
        <v>10</v>
      </c>
      <c r="H2999" t="s">
        <v>4988</v>
      </c>
      <c r="I2999" t="s">
        <v>30540</v>
      </c>
    </row>
    <row r="3000" spans="1:9">
      <c r="A3000" s="1">
        <f ca="1">RAND()</f>
        <v>0.33341666554770977</v>
      </c>
      <c r="B3000" s="1"/>
      <c r="C3000">
        <v>3</v>
      </c>
      <c r="D3000" t="s">
        <v>4975</v>
      </c>
      <c r="E3000" t="s">
        <v>31787</v>
      </c>
      <c r="F3000">
        <v>2</v>
      </c>
      <c r="G3000" t="s">
        <v>1</v>
      </c>
      <c r="H3000" t="s">
        <v>4976</v>
      </c>
      <c r="I3000" t="s">
        <v>30540</v>
      </c>
    </row>
    <row r="3001" spans="1:9">
      <c r="A3001" s="1">
        <f ca="1">RAND()</f>
        <v>0.63928894468215014</v>
      </c>
      <c r="B3001" s="1"/>
      <c r="C3001">
        <v>5</v>
      </c>
      <c r="D3001" t="s">
        <v>4979</v>
      </c>
      <c r="E3001" t="s">
        <v>31787</v>
      </c>
      <c r="F3001">
        <v>2</v>
      </c>
      <c r="G3001" t="s">
        <v>1</v>
      </c>
      <c r="H3001" t="s">
        <v>4980</v>
      </c>
      <c r="I3001" t="s">
        <v>30540</v>
      </c>
    </row>
    <row r="3002" spans="1:9">
      <c r="A3002" s="1">
        <f ca="1">RAND()</f>
        <v>0.91984807447499484</v>
      </c>
      <c r="B3002" s="1"/>
      <c r="C3002">
        <v>9</v>
      </c>
      <c r="D3002" t="s">
        <v>4983</v>
      </c>
      <c r="E3002" t="s">
        <v>31787</v>
      </c>
      <c r="F3002">
        <v>2</v>
      </c>
      <c r="G3002" t="s">
        <v>13</v>
      </c>
      <c r="H3002" t="s">
        <v>4984</v>
      </c>
      <c r="I3002" t="s">
        <v>30540</v>
      </c>
    </row>
    <row r="3003" spans="1:9">
      <c r="A3003" s="1">
        <f ca="1">RAND()</f>
        <v>0.12378097412939915</v>
      </c>
      <c r="B3003" s="1"/>
      <c r="C3003">
        <v>5</v>
      </c>
      <c r="D3003" t="s">
        <v>4963</v>
      </c>
      <c r="E3003" t="s">
        <v>31788</v>
      </c>
      <c r="F3003">
        <v>5</v>
      </c>
      <c r="G3003" t="s">
        <v>774</v>
      </c>
      <c r="H3003" t="s">
        <v>4964</v>
      </c>
      <c r="I3003" t="s">
        <v>30540</v>
      </c>
    </row>
    <row r="3004" spans="1:9">
      <c r="A3004" s="1">
        <f ca="1">RAND()</f>
        <v>0.73152583012758976</v>
      </c>
      <c r="B3004" s="1"/>
      <c r="C3004">
        <v>9</v>
      </c>
      <c r="D3004" t="s">
        <v>4967</v>
      </c>
      <c r="E3004" t="s">
        <v>31788</v>
      </c>
      <c r="F3004">
        <v>5</v>
      </c>
      <c r="G3004" t="s">
        <v>10</v>
      </c>
      <c r="H3004" t="s">
        <v>4968</v>
      </c>
      <c r="I3004" t="s">
        <v>30540</v>
      </c>
    </row>
    <row r="3005" spans="1:9">
      <c r="A3005" s="1">
        <f ca="1">RAND()</f>
        <v>0.86863807046557628</v>
      </c>
      <c r="B3005" s="1"/>
      <c r="C3005">
        <v>1</v>
      </c>
      <c r="D3005" t="s">
        <v>4957</v>
      </c>
      <c r="E3005" t="s">
        <v>31788</v>
      </c>
      <c r="F3005">
        <v>4</v>
      </c>
      <c r="G3005" t="s">
        <v>13</v>
      </c>
      <c r="H3005" t="s">
        <v>4958</v>
      </c>
      <c r="I3005" t="s">
        <v>30540</v>
      </c>
    </row>
    <row r="3006" spans="1:9">
      <c r="A3006" s="1">
        <f ca="1">RAND()</f>
        <v>0.88097967870316618</v>
      </c>
      <c r="B3006" s="1"/>
      <c r="C3006">
        <v>15</v>
      </c>
      <c r="D3006" t="s">
        <v>4971</v>
      </c>
      <c r="E3006" t="s">
        <v>31788</v>
      </c>
      <c r="F3006">
        <v>4</v>
      </c>
      <c r="G3006" t="s">
        <v>0</v>
      </c>
      <c r="H3006" t="s">
        <v>4972</v>
      </c>
      <c r="I3006" t="s">
        <v>30540</v>
      </c>
    </row>
    <row r="3007" spans="1:9">
      <c r="A3007" s="1">
        <f ca="1">RAND()</f>
        <v>0.87389098508651175</v>
      </c>
      <c r="B3007" s="1"/>
      <c r="C3007">
        <v>7</v>
      </c>
      <c r="D3007" t="s">
        <v>4965</v>
      </c>
      <c r="E3007" t="s">
        <v>31788</v>
      </c>
      <c r="F3007">
        <v>4</v>
      </c>
      <c r="G3007" t="s">
        <v>13</v>
      </c>
      <c r="H3007" t="s">
        <v>4966</v>
      </c>
      <c r="I3007" t="s">
        <v>30540</v>
      </c>
    </row>
    <row r="3008" spans="1:9">
      <c r="A3008" s="1">
        <f ca="1">RAND()</f>
        <v>0.69830104262582804</v>
      </c>
      <c r="B3008" s="1"/>
      <c r="C3008">
        <v>4</v>
      </c>
      <c r="D3008" t="s">
        <v>4961</v>
      </c>
      <c r="E3008" t="s">
        <v>31788</v>
      </c>
      <c r="F3008">
        <v>4</v>
      </c>
      <c r="G3008" t="s">
        <v>9</v>
      </c>
      <c r="H3008" t="s">
        <v>4962</v>
      </c>
      <c r="I3008" t="s">
        <v>30540</v>
      </c>
    </row>
    <row r="3009" spans="1:9">
      <c r="A3009" s="1">
        <f ca="1">RAND()</f>
        <v>7.6329545859750603E-2</v>
      </c>
      <c r="B3009" s="1"/>
      <c r="C3009">
        <v>2</v>
      </c>
      <c r="D3009" t="s">
        <v>4959</v>
      </c>
      <c r="E3009" t="s">
        <v>31788</v>
      </c>
      <c r="F3009">
        <v>3</v>
      </c>
      <c r="G3009" t="s">
        <v>14</v>
      </c>
      <c r="H3009" t="s">
        <v>4960</v>
      </c>
      <c r="I3009" t="s">
        <v>30540</v>
      </c>
    </row>
    <row r="3010" spans="1:9">
      <c r="A3010" s="1">
        <f ca="1">RAND()</f>
        <v>0.3776510467373273</v>
      </c>
      <c r="B3010" s="1"/>
      <c r="C3010">
        <v>11</v>
      </c>
      <c r="D3010" t="s">
        <v>4969</v>
      </c>
      <c r="E3010" t="s">
        <v>31788</v>
      </c>
      <c r="F3010">
        <v>3</v>
      </c>
      <c r="G3010" t="s">
        <v>10</v>
      </c>
      <c r="H3010" t="s">
        <v>4970</v>
      </c>
      <c r="I3010" t="s">
        <v>30540</v>
      </c>
    </row>
    <row r="3011" spans="1:9">
      <c r="A3011" s="1">
        <f ca="1">RAND()</f>
        <v>0.25246026748254768</v>
      </c>
      <c r="B3011" s="1"/>
      <c r="C3011">
        <v>19</v>
      </c>
      <c r="D3011" t="s">
        <v>4973</v>
      </c>
      <c r="E3011" t="s">
        <v>31788</v>
      </c>
      <c r="F3011">
        <v>2</v>
      </c>
      <c r="G3011" t="s">
        <v>10</v>
      </c>
      <c r="H3011" t="s">
        <v>4974</v>
      </c>
      <c r="I3011" t="s">
        <v>30540</v>
      </c>
    </row>
    <row r="3012" spans="1:9">
      <c r="A3012" s="1">
        <f ca="1">RAND()</f>
        <v>0.45928077162211145</v>
      </c>
      <c r="B3012" s="1"/>
      <c r="C3012">
        <v>19</v>
      </c>
      <c r="D3012" t="s">
        <v>4955</v>
      </c>
      <c r="E3012" t="s">
        <v>31789</v>
      </c>
      <c r="F3012">
        <v>5</v>
      </c>
      <c r="G3012" t="s">
        <v>10</v>
      </c>
      <c r="H3012" t="s">
        <v>4956</v>
      </c>
      <c r="I3012" t="s">
        <v>30540</v>
      </c>
    </row>
    <row r="3013" spans="1:9">
      <c r="A3013" s="1">
        <f ca="1">RAND()</f>
        <v>0.52353286459580739</v>
      </c>
      <c r="B3013" s="1"/>
      <c r="C3013">
        <v>9</v>
      </c>
      <c r="D3013" t="s">
        <v>4953</v>
      </c>
      <c r="E3013" t="s">
        <v>31789</v>
      </c>
      <c r="F3013">
        <v>2</v>
      </c>
      <c r="G3013" t="s">
        <v>10</v>
      </c>
      <c r="H3013" t="s">
        <v>4954</v>
      </c>
      <c r="I3013" t="s">
        <v>30540</v>
      </c>
    </row>
    <row r="3014" spans="1:9">
      <c r="A3014" s="1">
        <f ca="1">RAND()</f>
        <v>0.80874899083516294</v>
      </c>
      <c r="B3014" s="1"/>
      <c r="C3014">
        <v>9</v>
      </c>
      <c r="D3014" t="s">
        <v>4945</v>
      </c>
      <c r="E3014" t="s">
        <v>31790</v>
      </c>
      <c r="F3014">
        <v>5</v>
      </c>
      <c r="G3014" t="s">
        <v>13</v>
      </c>
      <c r="H3014" t="s">
        <v>4946</v>
      </c>
      <c r="I3014" t="s">
        <v>30540</v>
      </c>
    </row>
    <row r="3015" spans="1:9">
      <c r="A3015" s="1">
        <f ca="1">RAND()</f>
        <v>0.6331470687987607</v>
      </c>
      <c r="B3015" s="1"/>
      <c r="C3015">
        <v>5</v>
      </c>
      <c r="D3015" t="s">
        <v>4943</v>
      </c>
      <c r="E3015" t="s">
        <v>31790</v>
      </c>
      <c r="F3015">
        <v>4</v>
      </c>
      <c r="G3015" t="s">
        <v>2</v>
      </c>
      <c r="H3015" t="s">
        <v>4944</v>
      </c>
      <c r="I3015" t="s">
        <v>30540</v>
      </c>
    </row>
    <row r="3016" spans="1:9">
      <c r="A3016" s="1">
        <f ca="1">RAND()</f>
        <v>0.39016839349756605</v>
      </c>
      <c r="B3016" s="1"/>
      <c r="C3016">
        <v>16</v>
      </c>
      <c r="D3016" t="s">
        <v>4949</v>
      </c>
      <c r="E3016" t="s">
        <v>31790</v>
      </c>
      <c r="F3016">
        <v>4</v>
      </c>
      <c r="G3016" t="s">
        <v>10</v>
      </c>
      <c r="H3016" t="s">
        <v>4950</v>
      </c>
      <c r="I3016" t="s">
        <v>30540</v>
      </c>
    </row>
    <row r="3017" spans="1:9">
      <c r="A3017" s="1">
        <f ca="1">RAND()</f>
        <v>0.13442520196958496</v>
      </c>
      <c r="B3017" s="1"/>
      <c r="C3017">
        <v>17</v>
      </c>
      <c r="D3017" t="s">
        <v>4951</v>
      </c>
      <c r="E3017" t="s">
        <v>31790</v>
      </c>
      <c r="F3017">
        <v>4</v>
      </c>
      <c r="G3017" t="s">
        <v>10</v>
      </c>
      <c r="H3017" t="s">
        <v>4952</v>
      </c>
      <c r="I3017" t="s">
        <v>30540</v>
      </c>
    </row>
    <row r="3018" spans="1:9">
      <c r="A3018" s="1">
        <f ca="1">RAND()</f>
        <v>0.69708846011650494</v>
      </c>
      <c r="B3018" s="1"/>
      <c r="C3018">
        <v>14</v>
      </c>
      <c r="D3018" t="s">
        <v>4947</v>
      </c>
      <c r="E3018" t="s">
        <v>31790</v>
      </c>
      <c r="F3018">
        <v>4</v>
      </c>
      <c r="G3018" t="s">
        <v>10</v>
      </c>
      <c r="H3018" t="s">
        <v>4948</v>
      </c>
      <c r="I3018" t="s">
        <v>30540</v>
      </c>
    </row>
    <row r="3019" spans="1:9">
      <c r="A3019" s="1">
        <f ca="1">RAND()</f>
        <v>0.3178202591829864</v>
      </c>
      <c r="B3019" s="1"/>
      <c r="C3019">
        <v>1</v>
      </c>
      <c r="D3019" t="s">
        <v>4937</v>
      </c>
      <c r="E3019" t="s">
        <v>31791</v>
      </c>
      <c r="F3019">
        <v>3</v>
      </c>
      <c r="G3019" t="s">
        <v>1295</v>
      </c>
      <c r="H3019" t="s">
        <v>4938</v>
      </c>
      <c r="I3019" t="s">
        <v>30540</v>
      </c>
    </row>
    <row r="3020" spans="1:9">
      <c r="A3020" s="1">
        <f ca="1">RAND()</f>
        <v>0.56756033574009346</v>
      </c>
      <c r="B3020" s="1"/>
      <c r="C3020">
        <v>12</v>
      </c>
      <c r="D3020" t="s">
        <v>4941</v>
      </c>
      <c r="E3020" t="s">
        <v>31791</v>
      </c>
      <c r="F3020">
        <v>3</v>
      </c>
      <c r="G3020" t="s">
        <v>9</v>
      </c>
      <c r="H3020" t="s">
        <v>4942</v>
      </c>
      <c r="I3020" t="s">
        <v>30540</v>
      </c>
    </row>
    <row r="3021" spans="1:9">
      <c r="A3021" s="1">
        <f ca="1">RAND()</f>
        <v>0.6584460773322911</v>
      </c>
      <c r="B3021" s="1"/>
      <c r="C3021">
        <v>8</v>
      </c>
      <c r="D3021" t="s">
        <v>4939</v>
      </c>
      <c r="E3021" t="s">
        <v>31791</v>
      </c>
      <c r="F3021">
        <v>2</v>
      </c>
      <c r="G3021" t="s">
        <v>9</v>
      </c>
      <c r="H3021" t="s">
        <v>4940</v>
      </c>
      <c r="I3021" t="s">
        <v>30540</v>
      </c>
    </row>
    <row r="3022" spans="1:9">
      <c r="A3022" s="1">
        <f ca="1">RAND()</f>
        <v>0.52736452456664762</v>
      </c>
      <c r="B3022" s="1"/>
      <c r="C3022">
        <v>2</v>
      </c>
      <c r="D3022" t="s">
        <v>4933</v>
      </c>
      <c r="E3022" t="s">
        <v>31792</v>
      </c>
      <c r="F3022">
        <v>4</v>
      </c>
      <c r="G3022" t="s">
        <v>13</v>
      </c>
      <c r="H3022" t="s">
        <v>4934</v>
      </c>
      <c r="I3022" t="s">
        <v>30540</v>
      </c>
    </row>
    <row r="3023" spans="1:9">
      <c r="A3023" s="1">
        <f ca="1">RAND()</f>
        <v>0.70671660372456957</v>
      </c>
      <c r="B3023" s="1"/>
      <c r="C3023">
        <v>15</v>
      </c>
      <c r="D3023" t="s">
        <v>4935</v>
      </c>
      <c r="E3023" t="s">
        <v>31792</v>
      </c>
      <c r="F3023">
        <v>3</v>
      </c>
      <c r="G3023" t="s">
        <v>10</v>
      </c>
      <c r="H3023" t="s">
        <v>4936</v>
      </c>
      <c r="I3023" t="s">
        <v>30540</v>
      </c>
    </row>
    <row r="3024" spans="1:9">
      <c r="A3024" s="1">
        <f ca="1">RAND()</f>
        <v>0.72270388386805873</v>
      </c>
      <c r="B3024" s="1"/>
      <c r="C3024">
        <v>17</v>
      </c>
      <c r="D3024" t="s">
        <v>4927</v>
      </c>
      <c r="E3024" t="s">
        <v>31793</v>
      </c>
      <c r="F3024">
        <v>4</v>
      </c>
      <c r="G3024" t="s">
        <v>10</v>
      </c>
      <c r="H3024" t="s">
        <v>4928</v>
      </c>
      <c r="I3024" t="s">
        <v>30540</v>
      </c>
    </row>
    <row r="3025" spans="1:9">
      <c r="A3025" s="1">
        <f ca="1">RAND()</f>
        <v>0.83300920939576228</v>
      </c>
      <c r="B3025" s="1"/>
      <c r="C3025">
        <v>15</v>
      </c>
      <c r="D3025" t="s">
        <v>4925</v>
      </c>
      <c r="E3025" t="s">
        <v>31793</v>
      </c>
      <c r="F3025">
        <v>4</v>
      </c>
      <c r="G3025" t="s">
        <v>10</v>
      </c>
      <c r="H3025" t="s">
        <v>4926</v>
      </c>
      <c r="I3025" t="s">
        <v>30540</v>
      </c>
    </row>
    <row r="3026" spans="1:9">
      <c r="A3026" s="1">
        <f ca="1">RAND()</f>
        <v>0.44319594744284563</v>
      </c>
      <c r="B3026" s="1"/>
      <c r="C3026">
        <v>19</v>
      </c>
      <c r="D3026" t="s">
        <v>4931</v>
      </c>
      <c r="E3026" t="s">
        <v>31793</v>
      </c>
      <c r="F3026">
        <v>4</v>
      </c>
      <c r="G3026" t="s">
        <v>10</v>
      </c>
      <c r="H3026" t="s">
        <v>4932</v>
      </c>
      <c r="I3026" t="s">
        <v>30540</v>
      </c>
    </row>
    <row r="3027" spans="1:9">
      <c r="A3027" s="1">
        <f ca="1">RAND()</f>
        <v>0.3801837202833539</v>
      </c>
      <c r="B3027" s="1"/>
      <c r="C3027">
        <v>18</v>
      </c>
      <c r="D3027" t="s">
        <v>4929</v>
      </c>
      <c r="E3027" t="s">
        <v>31793</v>
      </c>
      <c r="F3027">
        <v>2</v>
      </c>
      <c r="G3027" t="s">
        <v>2</v>
      </c>
      <c r="H3027" t="s">
        <v>4930</v>
      </c>
      <c r="I3027" t="s">
        <v>30540</v>
      </c>
    </row>
    <row r="3028" spans="1:9">
      <c r="A3028" s="1">
        <f ca="1">RAND()</f>
        <v>0.69486748134655585</v>
      </c>
      <c r="B3028" s="1"/>
      <c r="C3028">
        <v>5</v>
      </c>
      <c r="D3028" t="s">
        <v>4915</v>
      </c>
      <c r="E3028" t="s">
        <v>31794</v>
      </c>
      <c r="F3028">
        <v>4</v>
      </c>
      <c r="G3028" t="s">
        <v>9</v>
      </c>
      <c r="H3028" t="s">
        <v>4916</v>
      </c>
      <c r="I3028" t="s">
        <v>30540</v>
      </c>
    </row>
    <row r="3029" spans="1:9">
      <c r="A3029" s="1">
        <f ca="1">RAND()</f>
        <v>0.12395587221060023</v>
      </c>
      <c r="B3029" s="1"/>
      <c r="C3029">
        <v>20</v>
      </c>
      <c r="D3029" t="s">
        <v>4923</v>
      </c>
      <c r="E3029" t="s">
        <v>31794</v>
      </c>
      <c r="F3029">
        <v>4</v>
      </c>
      <c r="G3029" t="s">
        <v>10</v>
      </c>
      <c r="H3029" t="s">
        <v>4924</v>
      </c>
      <c r="I3029" t="s">
        <v>30540</v>
      </c>
    </row>
    <row r="3030" spans="1:9">
      <c r="A3030" s="1">
        <f ca="1">RAND()</f>
        <v>0.98740947497546594</v>
      </c>
      <c r="B3030" s="1"/>
      <c r="C3030">
        <v>10</v>
      </c>
      <c r="D3030" t="s">
        <v>4917</v>
      </c>
      <c r="E3030" t="s">
        <v>31794</v>
      </c>
      <c r="F3030">
        <v>3</v>
      </c>
      <c r="G3030" t="s">
        <v>0</v>
      </c>
      <c r="H3030" t="s">
        <v>4918</v>
      </c>
      <c r="I3030" t="s">
        <v>30540</v>
      </c>
    </row>
    <row r="3031" spans="1:9">
      <c r="A3031" s="1">
        <f ca="1">RAND()</f>
        <v>7.2623295582385228E-2</v>
      </c>
      <c r="B3031" s="1"/>
      <c r="C3031">
        <v>16</v>
      </c>
      <c r="D3031" t="s">
        <v>4919</v>
      </c>
      <c r="E3031" t="s">
        <v>31794</v>
      </c>
      <c r="F3031">
        <v>2</v>
      </c>
      <c r="G3031" t="s">
        <v>10</v>
      </c>
      <c r="H3031" t="s">
        <v>4920</v>
      </c>
      <c r="I3031" t="s">
        <v>30540</v>
      </c>
    </row>
    <row r="3032" spans="1:9">
      <c r="A3032" s="1">
        <f ca="1">RAND()</f>
        <v>0.18397900756329777</v>
      </c>
      <c r="B3032" s="1"/>
      <c r="C3032">
        <v>19</v>
      </c>
      <c r="D3032" t="s">
        <v>4921</v>
      </c>
      <c r="E3032" t="s">
        <v>31794</v>
      </c>
      <c r="F3032">
        <v>2</v>
      </c>
      <c r="G3032" t="s">
        <v>10</v>
      </c>
      <c r="H3032" t="s">
        <v>4922</v>
      </c>
      <c r="I3032" t="s">
        <v>30540</v>
      </c>
    </row>
    <row r="3033" spans="1:9">
      <c r="A3033" s="1">
        <f ca="1">RAND()</f>
        <v>0.22777039197720605</v>
      </c>
      <c r="B3033" s="1"/>
      <c r="C3033">
        <v>8</v>
      </c>
      <c r="D3033" t="s">
        <v>4911</v>
      </c>
      <c r="E3033" t="s">
        <v>31795</v>
      </c>
      <c r="F3033">
        <v>4</v>
      </c>
      <c r="G3033" t="s">
        <v>10</v>
      </c>
      <c r="H3033" t="s">
        <v>4912</v>
      </c>
      <c r="I3033" t="s">
        <v>30540</v>
      </c>
    </row>
    <row r="3034" spans="1:9">
      <c r="A3034" s="1">
        <f ca="1">RAND()</f>
        <v>0.11399312648866655</v>
      </c>
      <c r="B3034" s="1"/>
      <c r="C3034">
        <v>15</v>
      </c>
      <c r="D3034" t="s">
        <v>4913</v>
      </c>
      <c r="E3034" t="s">
        <v>31795</v>
      </c>
      <c r="F3034">
        <v>3</v>
      </c>
      <c r="G3034" t="s">
        <v>10</v>
      </c>
      <c r="H3034" t="s">
        <v>4914</v>
      </c>
      <c r="I3034" t="s">
        <v>30540</v>
      </c>
    </row>
    <row r="3035" spans="1:9">
      <c r="A3035" s="1">
        <f ca="1">RAND()</f>
        <v>4.3703927026713774E-2</v>
      </c>
      <c r="B3035" s="1"/>
      <c r="C3035">
        <v>4</v>
      </c>
      <c r="D3035" t="s">
        <v>4909</v>
      </c>
      <c r="E3035" t="s">
        <v>31795</v>
      </c>
      <c r="F3035">
        <v>3</v>
      </c>
      <c r="G3035" t="s">
        <v>2</v>
      </c>
      <c r="H3035" t="s">
        <v>4910</v>
      </c>
      <c r="I3035" t="s">
        <v>30540</v>
      </c>
    </row>
    <row r="3036" spans="1:9">
      <c r="A3036" s="1">
        <f ca="1">RAND()</f>
        <v>2.9913904232836463E-2</v>
      </c>
      <c r="B3036" s="1"/>
      <c r="C3036">
        <v>20</v>
      </c>
      <c r="D3036" t="s">
        <v>4907</v>
      </c>
      <c r="E3036" t="s">
        <v>31796</v>
      </c>
      <c r="F3036">
        <v>4</v>
      </c>
      <c r="G3036" t="s">
        <v>10</v>
      </c>
      <c r="H3036" t="s">
        <v>4908</v>
      </c>
      <c r="I3036" t="s">
        <v>30540</v>
      </c>
    </row>
    <row r="3037" spans="1:9">
      <c r="A3037" s="1">
        <f ca="1">RAND()</f>
        <v>0.4385202239289111</v>
      </c>
      <c r="B3037" s="1"/>
      <c r="C3037">
        <v>19</v>
      </c>
      <c r="D3037" t="s">
        <v>4905</v>
      </c>
      <c r="E3037" t="s">
        <v>31796</v>
      </c>
      <c r="F3037">
        <v>4</v>
      </c>
      <c r="G3037" t="s">
        <v>769</v>
      </c>
      <c r="H3037" t="s">
        <v>4906</v>
      </c>
      <c r="I3037" t="s">
        <v>30540</v>
      </c>
    </row>
    <row r="3038" spans="1:9">
      <c r="A3038" s="1">
        <f ca="1">RAND()</f>
        <v>7.7194962776378162E-2</v>
      </c>
      <c r="B3038" s="1"/>
      <c r="C3038">
        <v>1</v>
      </c>
      <c r="D3038" t="s">
        <v>4899</v>
      </c>
      <c r="E3038" t="s">
        <v>31796</v>
      </c>
      <c r="F3038">
        <v>3</v>
      </c>
      <c r="G3038" t="s">
        <v>765</v>
      </c>
      <c r="H3038" t="s">
        <v>4900</v>
      </c>
      <c r="I3038" t="s">
        <v>30540</v>
      </c>
    </row>
    <row r="3039" spans="1:9">
      <c r="A3039" s="1">
        <f ca="1">RAND()</f>
        <v>0.99119657475619727</v>
      </c>
      <c r="B3039" s="1"/>
      <c r="C3039">
        <v>17</v>
      </c>
      <c r="D3039" t="s">
        <v>4901</v>
      </c>
      <c r="E3039" t="s">
        <v>31796</v>
      </c>
      <c r="F3039">
        <v>3</v>
      </c>
      <c r="G3039" t="s">
        <v>10</v>
      </c>
      <c r="H3039" t="s">
        <v>4902</v>
      </c>
      <c r="I3039" t="s">
        <v>30540</v>
      </c>
    </row>
    <row r="3040" spans="1:9">
      <c r="A3040" s="1">
        <f ca="1">RAND()</f>
        <v>0.1888240873315864</v>
      </c>
      <c r="B3040" s="1"/>
      <c r="C3040">
        <v>18</v>
      </c>
      <c r="D3040" t="s">
        <v>4903</v>
      </c>
      <c r="E3040" t="s">
        <v>31796</v>
      </c>
      <c r="F3040">
        <v>2</v>
      </c>
      <c r="G3040" t="s">
        <v>10</v>
      </c>
      <c r="H3040" t="s">
        <v>4904</v>
      </c>
      <c r="I3040" t="s">
        <v>30540</v>
      </c>
    </row>
    <row r="3041" spans="1:9">
      <c r="A3041" s="1">
        <f ca="1">RAND()</f>
        <v>0.16808048656195929</v>
      </c>
      <c r="B3041" s="1"/>
      <c r="C3041">
        <v>9</v>
      </c>
      <c r="D3041" t="s">
        <v>4889</v>
      </c>
      <c r="E3041" t="s">
        <v>31797</v>
      </c>
      <c r="F3041">
        <v>5</v>
      </c>
      <c r="G3041" t="s">
        <v>10</v>
      </c>
      <c r="H3041" t="s">
        <v>4890</v>
      </c>
      <c r="I3041" t="s">
        <v>30540</v>
      </c>
    </row>
    <row r="3042" spans="1:9">
      <c r="A3042" s="1">
        <f ca="1">RAND()</f>
        <v>0.88746328130297991</v>
      </c>
      <c r="B3042" s="1"/>
      <c r="C3042">
        <v>5</v>
      </c>
      <c r="D3042" t="s">
        <v>4887</v>
      </c>
      <c r="E3042" t="s">
        <v>31797</v>
      </c>
      <c r="F3042">
        <v>5</v>
      </c>
      <c r="G3042" t="s">
        <v>13</v>
      </c>
      <c r="H3042" t="s">
        <v>4888</v>
      </c>
      <c r="I3042" t="s">
        <v>30540</v>
      </c>
    </row>
    <row r="3043" spans="1:9">
      <c r="A3043" s="1">
        <f ca="1">RAND()</f>
        <v>0.75837616006716402</v>
      </c>
      <c r="B3043" s="1"/>
      <c r="C3043">
        <v>14</v>
      </c>
      <c r="D3043" t="s">
        <v>4897</v>
      </c>
      <c r="E3043" t="s">
        <v>31797</v>
      </c>
      <c r="F3043">
        <v>4</v>
      </c>
      <c r="G3043" t="s">
        <v>10</v>
      </c>
      <c r="H3043" t="s">
        <v>4898</v>
      </c>
      <c r="I3043" t="s">
        <v>30540</v>
      </c>
    </row>
    <row r="3044" spans="1:9">
      <c r="A3044" s="1">
        <f ca="1">RAND()</f>
        <v>0.32121109712159124</v>
      </c>
      <c r="B3044" s="1"/>
      <c r="C3044">
        <v>2</v>
      </c>
      <c r="D3044" t="s">
        <v>4883</v>
      </c>
      <c r="E3044" t="s">
        <v>31797</v>
      </c>
      <c r="F3044">
        <v>4</v>
      </c>
      <c r="G3044" t="s">
        <v>10</v>
      </c>
      <c r="H3044" t="s">
        <v>4884</v>
      </c>
      <c r="I3044" t="s">
        <v>30540</v>
      </c>
    </row>
    <row r="3045" spans="1:9">
      <c r="A3045" s="1">
        <f ca="1">RAND()</f>
        <v>0.83540395562297198</v>
      </c>
      <c r="B3045" s="1"/>
      <c r="C3045">
        <v>4</v>
      </c>
      <c r="D3045" t="s">
        <v>4885</v>
      </c>
      <c r="E3045" t="s">
        <v>31797</v>
      </c>
      <c r="F3045">
        <v>4</v>
      </c>
      <c r="G3045" t="s">
        <v>15</v>
      </c>
      <c r="H3045" t="s">
        <v>4886</v>
      </c>
      <c r="I3045" t="s">
        <v>30540</v>
      </c>
    </row>
    <row r="3046" spans="1:9">
      <c r="A3046" s="1">
        <f ca="1">RAND()</f>
        <v>0.23091367128538787</v>
      </c>
      <c r="B3046" s="1"/>
      <c r="C3046">
        <v>10</v>
      </c>
      <c r="D3046" t="s">
        <v>4891</v>
      </c>
      <c r="E3046" t="s">
        <v>31797</v>
      </c>
      <c r="F3046">
        <v>4</v>
      </c>
      <c r="G3046" t="s">
        <v>2</v>
      </c>
      <c r="H3046" t="s">
        <v>4892</v>
      </c>
      <c r="I3046" t="s">
        <v>30540</v>
      </c>
    </row>
    <row r="3047" spans="1:9">
      <c r="A3047" s="1">
        <f ca="1">RAND()</f>
        <v>0.60495395136167562</v>
      </c>
      <c r="B3047" s="1"/>
      <c r="C3047">
        <v>12</v>
      </c>
      <c r="D3047" t="s">
        <v>4893</v>
      </c>
      <c r="E3047" t="s">
        <v>31797</v>
      </c>
      <c r="F3047">
        <v>3</v>
      </c>
      <c r="G3047" t="s">
        <v>1</v>
      </c>
      <c r="H3047" t="s">
        <v>4894</v>
      </c>
      <c r="I3047" t="s">
        <v>30540</v>
      </c>
    </row>
    <row r="3048" spans="1:9">
      <c r="A3048" s="1">
        <f ca="1">RAND()</f>
        <v>0.75167835893916168</v>
      </c>
      <c r="B3048" s="1"/>
      <c r="C3048">
        <v>13</v>
      </c>
      <c r="D3048" t="s">
        <v>4895</v>
      </c>
      <c r="E3048" t="s">
        <v>31797</v>
      </c>
      <c r="F3048">
        <v>3</v>
      </c>
      <c r="G3048" t="s">
        <v>10</v>
      </c>
      <c r="H3048" t="s">
        <v>4896</v>
      </c>
      <c r="I3048" t="s">
        <v>30540</v>
      </c>
    </row>
    <row r="3049" spans="1:9">
      <c r="A3049" s="1">
        <f ca="1">RAND()</f>
        <v>0.64167307527813511</v>
      </c>
      <c r="B3049" s="1"/>
      <c r="C3049">
        <v>1</v>
      </c>
      <c r="D3049" t="s">
        <v>4881</v>
      </c>
      <c r="E3049" t="s">
        <v>31797</v>
      </c>
      <c r="F3049">
        <v>2</v>
      </c>
      <c r="G3049" t="s">
        <v>14</v>
      </c>
      <c r="H3049" t="s">
        <v>4882</v>
      </c>
      <c r="I3049" t="s">
        <v>30540</v>
      </c>
    </row>
    <row r="3050" spans="1:9">
      <c r="A3050" s="1">
        <f ca="1">RAND()</f>
        <v>0.27360842454067802</v>
      </c>
      <c r="B3050" s="1"/>
      <c r="C3050">
        <v>11</v>
      </c>
      <c r="D3050" t="s">
        <v>4873</v>
      </c>
      <c r="E3050" t="s">
        <v>31798</v>
      </c>
      <c r="F3050">
        <v>5</v>
      </c>
      <c r="G3050" t="s">
        <v>9</v>
      </c>
      <c r="H3050" t="s">
        <v>4874</v>
      </c>
      <c r="I3050" t="s">
        <v>30540</v>
      </c>
    </row>
    <row r="3051" spans="1:9">
      <c r="A3051" s="1">
        <f ca="1">RAND()</f>
        <v>0.82573775998974652</v>
      </c>
      <c r="B3051" s="1"/>
      <c r="C3051">
        <v>14</v>
      </c>
      <c r="D3051" t="s">
        <v>4875</v>
      </c>
      <c r="E3051" t="s">
        <v>31798</v>
      </c>
      <c r="F3051">
        <v>5</v>
      </c>
      <c r="G3051" t="s">
        <v>15</v>
      </c>
      <c r="H3051" t="s">
        <v>4876</v>
      </c>
      <c r="I3051" t="s">
        <v>30540</v>
      </c>
    </row>
    <row r="3052" spans="1:9">
      <c r="A3052" s="1">
        <f ca="1">RAND()</f>
        <v>0.37796610925813323</v>
      </c>
      <c r="B3052" s="1"/>
      <c r="C3052">
        <v>16</v>
      </c>
      <c r="D3052" t="s">
        <v>4877</v>
      </c>
      <c r="E3052" t="s">
        <v>31798</v>
      </c>
      <c r="F3052">
        <v>3</v>
      </c>
      <c r="G3052" t="s">
        <v>10</v>
      </c>
      <c r="H3052" t="s">
        <v>4878</v>
      </c>
      <c r="I3052" t="s">
        <v>30540</v>
      </c>
    </row>
    <row r="3053" spans="1:9">
      <c r="A3053" s="1">
        <f ca="1">RAND()</f>
        <v>0.24930994645061921</v>
      </c>
      <c r="B3053" s="1"/>
      <c r="C3053">
        <v>18</v>
      </c>
      <c r="D3053" t="s">
        <v>4879</v>
      </c>
      <c r="E3053" t="s">
        <v>31798</v>
      </c>
      <c r="F3053">
        <v>3</v>
      </c>
      <c r="G3053" t="s">
        <v>10</v>
      </c>
      <c r="H3053" t="s">
        <v>4880</v>
      </c>
      <c r="I3053" t="s">
        <v>30540</v>
      </c>
    </row>
    <row r="3054" spans="1:9">
      <c r="A3054" s="1">
        <f ca="1">RAND()</f>
        <v>0.32848417748989056</v>
      </c>
      <c r="B3054" s="1"/>
      <c r="C3054">
        <v>8</v>
      </c>
      <c r="D3054" t="s">
        <v>4871</v>
      </c>
      <c r="E3054" t="s">
        <v>31798</v>
      </c>
      <c r="F3054">
        <v>2</v>
      </c>
      <c r="G3054" t="s">
        <v>2</v>
      </c>
      <c r="H3054" t="s">
        <v>4872</v>
      </c>
      <c r="I3054" t="s">
        <v>30540</v>
      </c>
    </row>
    <row r="3055" spans="1:9">
      <c r="A3055" s="1">
        <f ca="1">RAND()</f>
        <v>8.3396668693567766E-2</v>
      </c>
      <c r="B3055" s="1"/>
      <c r="C3055">
        <v>16</v>
      </c>
      <c r="D3055" t="s">
        <v>4869</v>
      </c>
      <c r="E3055" t="s">
        <v>31799</v>
      </c>
      <c r="F3055">
        <v>4</v>
      </c>
      <c r="G3055" t="s">
        <v>10</v>
      </c>
      <c r="H3055" t="s">
        <v>4870</v>
      </c>
      <c r="I3055" t="s">
        <v>30540</v>
      </c>
    </row>
    <row r="3056" spans="1:9">
      <c r="A3056" s="1">
        <f ca="1">RAND()</f>
        <v>0.62356541053983372</v>
      </c>
      <c r="B3056" s="1"/>
      <c r="C3056">
        <v>4</v>
      </c>
      <c r="D3056" t="s">
        <v>4867</v>
      </c>
      <c r="E3056" t="s">
        <v>31799</v>
      </c>
      <c r="F3056">
        <v>4</v>
      </c>
      <c r="G3056" t="s">
        <v>0</v>
      </c>
      <c r="H3056" t="s">
        <v>4868</v>
      </c>
      <c r="I3056" t="s">
        <v>30540</v>
      </c>
    </row>
    <row r="3057" spans="1:9">
      <c r="A3057" s="1">
        <f ca="1">RAND()</f>
        <v>0.75623797731950759</v>
      </c>
      <c r="B3057" s="1"/>
      <c r="C3057">
        <v>16</v>
      </c>
      <c r="D3057" t="s">
        <v>4863</v>
      </c>
      <c r="E3057" t="s">
        <v>31800</v>
      </c>
      <c r="F3057">
        <v>5</v>
      </c>
      <c r="G3057" t="s">
        <v>10</v>
      </c>
      <c r="H3057" t="s">
        <v>4864</v>
      </c>
      <c r="I3057" t="s">
        <v>30540</v>
      </c>
    </row>
    <row r="3058" spans="1:9">
      <c r="A3058" s="1">
        <f ca="1">RAND()</f>
        <v>0.15182598172989403</v>
      </c>
      <c r="B3058" s="1"/>
      <c r="C3058">
        <v>9</v>
      </c>
      <c r="D3058" t="s">
        <v>4859</v>
      </c>
      <c r="E3058" t="s">
        <v>31800</v>
      </c>
      <c r="F3058">
        <v>4</v>
      </c>
      <c r="G3058" t="s">
        <v>15</v>
      </c>
      <c r="H3058" t="s">
        <v>4860</v>
      </c>
      <c r="I3058" t="s">
        <v>30540</v>
      </c>
    </row>
    <row r="3059" spans="1:9">
      <c r="A3059" s="1">
        <f ca="1">RAND()</f>
        <v>0.2348657676794863</v>
      </c>
      <c r="B3059" s="1"/>
      <c r="C3059">
        <v>6</v>
      </c>
      <c r="D3059" t="s">
        <v>4857</v>
      </c>
      <c r="E3059" t="s">
        <v>31800</v>
      </c>
      <c r="F3059">
        <v>4</v>
      </c>
      <c r="G3059" t="s">
        <v>15</v>
      </c>
      <c r="H3059" t="s">
        <v>4858</v>
      </c>
      <c r="I3059" t="s">
        <v>30540</v>
      </c>
    </row>
    <row r="3060" spans="1:9">
      <c r="A3060" s="1">
        <f ca="1">RAND()</f>
        <v>0.38506460861358516</v>
      </c>
      <c r="B3060" s="1"/>
      <c r="C3060">
        <v>12</v>
      </c>
      <c r="D3060" t="s">
        <v>4861</v>
      </c>
      <c r="E3060" t="s">
        <v>31800</v>
      </c>
      <c r="F3060">
        <v>3</v>
      </c>
      <c r="G3060" t="s">
        <v>10</v>
      </c>
      <c r="H3060" t="s">
        <v>4862</v>
      </c>
      <c r="I3060" t="s">
        <v>30540</v>
      </c>
    </row>
    <row r="3061" spans="1:9">
      <c r="A3061" s="1">
        <f ca="1">RAND()</f>
        <v>0.50740807343865746</v>
      </c>
      <c r="B3061" s="1"/>
      <c r="C3061">
        <v>20</v>
      </c>
      <c r="D3061" t="s">
        <v>4865</v>
      </c>
      <c r="E3061" t="s">
        <v>31800</v>
      </c>
      <c r="F3061">
        <v>1</v>
      </c>
      <c r="G3061" t="s">
        <v>15</v>
      </c>
      <c r="H3061" t="s">
        <v>4866</v>
      </c>
      <c r="I3061" t="s">
        <v>30540</v>
      </c>
    </row>
    <row r="3062" spans="1:9">
      <c r="A3062" s="1">
        <f ca="1">RAND()</f>
        <v>0.53465831875805814</v>
      </c>
      <c r="B3062" s="1"/>
      <c r="C3062">
        <v>19</v>
      </c>
      <c r="D3062" t="s">
        <v>4853</v>
      </c>
      <c r="E3062" t="s">
        <v>31801</v>
      </c>
      <c r="F3062">
        <v>5</v>
      </c>
      <c r="G3062" t="s">
        <v>9</v>
      </c>
      <c r="H3062" t="s">
        <v>4854</v>
      </c>
      <c r="I3062" t="s">
        <v>30540</v>
      </c>
    </row>
    <row r="3063" spans="1:9">
      <c r="A3063" s="1">
        <f ca="1">RAND()</f>
        <v>8.8307636522201416E-2</v>
      </c>
      <c r="B3063" s="1"/>
      <c r="C3063">
        <v>20</v>
      </c>
      <c r="D3063" t="s">
        <v>4855</v>
      </c>
      <c r="E3063" t="s">
        <v>31801</v>
      </c>
      <c r="F3063">
        <v>4</v>
      </c>
      <c r="G3063" t="s">
        <v>9</v>
      </c>
      <c r="H3063" t="s">
        <v>4856</v>
      </c>
      <c r="I3063" t="s">
        <v>30540</v>
      </c>
    </row>
    <row r="3064" spans="1:9">
      <c r="A3064" s="1">
        <f ca="1">RAND()</f>
        <v>0.13473034200085121</v>
      </c>
      <c r="B3064" s="1"/>
      <c r="C3064">
        <v>17</v>
      </c>
      <c r="D3064" t="s">
        <v>4851</v>
      </c>
      <c r="E3064" t="s">
        <v>31801</v>
      </c>
      <c r="F3064">
        <v>4</v>
      </c>
      <c r="G3064" t="s">
        <v>1295</v>
      </c>
      <c r="H3064" t="s">
        <v>4852</v>
      </c>
      <c r="I3064" t="s">
        <v>30540</v>
      </c>
    </row>
    <row r="3065" spans="1:9">
      <c r="A3065" s="1">
        <f ca="1">RAND()</f>
        <v>0.20320643211332712</v>
      </c>
      <c r="B3065" s="1"/>
      <c r="C3065">
        <v>2</v>
      </c>
      <c r="D3065" t="s">
        <v>4843</v>
      </c>
      <c r="E3065" t="s">
        <v>31802</v>
      </c>
      <c r="F3065">
        <v>5</v>
      </c>
      <c r="G3065" t="s">
        <v>13</v>
      </c>
      <c r="H3065" t="s">
        <v>4844</v>
      </c>
      <c r="I3065" t="s">
        <v>30540</v>
      </c>
    </row>
    <row r="3066" spans="1:9">
      <c r="A3066" s="1">
        <f ca="1">RAND()</f>
        <v>0.65138264276242097</v>
      </c>
      <c r="B3066" s="1"/>
      <c r="C3066">
        <v>9</v>
      </c>
      <c r="D3066" t="s">
        <v>4845</v>
      </c>
      <c r="E3066" t="s">
        <v>31802</v>
      </c>
      <c r="F3066">
        <v>4</v>
      </c>
      <c r="G3066" t="s">
        <v>10</v>
      </c>
      <c r="H3066" t="s">
        <v>4846</v>
      </c>
      <c r="I3066" t="s">
        <v>30540</v>
      </c>
    </row>
    <row r="3067" spans="1:9">
      <c r="A3067" s="1">
        <f ca="1">RAND()</f>
        <v>0.20609051060059813</v>
      </c>
      <c r="B3067" s="1"/>
      <c r="C3067">
        <v>11</v>
      </c>
      <c r="D3067" t="s">
        <v>4847</v>
      </c>
      <c r="E3067" t="s">
        <v>31802</v>
      </c>
      <c r="F3067">
        <v>2</v>
      </c>
      <c r="G3067" t="s">
        <v>10</v>
      </c>
      <c r="H3067" t="s">
        <v>4848</v>
      </c>
      <c r="I3067" t="s">
        <v>30540</v>
      </c>
    </row>
    <row r="3068" spans="1:9">
      <c r="A3068" s="1">
        <f ca="1">RAND()</f>
        <v>0.35303143318289065</v>
      </c>
      <c r="B3068" s="1"/>
      <c r="C3068">
        <v>14</v>
      </c>
      <c r="D3068" t="s">
        <v>4849</v>
      </c>
      <c r="E3068" t="s">
        <v>31802</v>
      </c>
      <c r="F3068">
        <v>2</v>
      </c>
      <c r="G3068" t="s">
        <v>10</v>
      </c>
      <c r="H3068" t="s">
        <v>4850</v>
      </c>
      <c r="I3068" t="s">
        <v>30540</v>
      </c>
    </row>
    <row r="3069" spans="1:9">
      <c r="A3069" s="1">
        <f ca="1">RAND()</f>
        <v>0.99321264158905853</v>
      </c>
      <c r="B3069" s="1"/>
      <c r="C3069">
        <v>7</v>
      </c>
      <c r="D3069" t="s">
        <v>4827</v>
      </c>
      <c r="E3069" t="s">
        <v>31803</v>
      </c>
      <c r="F3069">
        <v>5</v>
      </c>
      <c r="G3069" t="s">
        <v>9</v>
      </c>
      <c r="H3069" t="s">
        <v>4828</v>
      </c>
      <c r="I3069" t="s">
        <v>30540</v>
      </c>
    </row>
    <row r="3070" spans="1:9">
      <c r="A3070" s="1">
        <f ca="1">RAND()</f>
        <v>0.49163297997997391</v>
      </c>
      <c r="B3070" s="1"/>
      <c r="C3070">
        <v>11</v>
      </c>
      <c r="D3070" t="s">
        <v>4831</v>
      </c>
      <c r="E3070" t="s">
        <v>31803</v>
      </c>
      <c r="F3070">
        <v>5</v>
      </c>
      <c r="G3070" t="s">
        <v>10</v>
      </c>
      <c r="H3070" t="s">
        <v>4832</v>
      </c>
      <c r="I3070" t="s">
        <v>30540</v>
      </c>
    </row>
    <row r="3071" spans="1:9">
      <c r="A3071" s="1">
        <f ca="1">RAND()</f>
        <v>0.40071886022057335</v>
      </c>
      <c r="B3071" s="1"/>
      <c r="C3071">
        <v>14</v>
      </c>
      <c r="D3071" t="s">
        <v>4835</v>
      </c>
      <c r="E3071" t="s">
        <v>31803</v>
      </c>
      <c r="F3071">
        <v>4</v>
      </c>
      <c r="G3071" t="s">
        <v>9</v>
      </c>
      <c r="H3071" t="s">
        <v>4836</v>
      </c>
      <c r="I3071" t="s">
        <v>30540</v>
      </c>
    </row>
    <row r="3072" spans="1:9">
      <c r="A3072" s="1">
        <f ca="1">RAND()</f>
        <v>0.37215359674983117</v>
      </c>
      <c r="B3072" s="1"/>
      <c r="C3072">
        <v>17</v>
      </c>
      <c r="D3072" t="s">
        <v>4837</v>
      </c>
      <c r="E3072" t="s">
        <v>31803</v>
      </c>
      <c r="F3072">
        <v>4</v>
      </c>
      <c r="G3072" t="s">
        <v>10</v>
      </c>
      <c r="H3072" t="s">
        <v>4838</v>
      </c>
      <c r="I3072" t="s">
        <v>30540</v>
      </c>
    </row>
    <row r="3073" spans="1:9">
      <c r="A3073" s="1">
        <f ca="1">RAND()</f>
        <v>0.54867194096537786</v>
      </c>
      <c r="B3073" s="1"/>
      <c r="C3073">
        <v>20</v>
      </c>
      <c r="D3073" t="s">
        <v>4841</v>
      </c>
      <c r="E3073" t="s">
        <v>31803</v>
      </c>
      <c r="F3073">
        <v>4</v>
      </c>
      <c r="G3073" t="s">
        <v>10</v>
      </c>
      <c r="H3073" t="s">
        <v>4842</v>
      </c>
      <c r="I3073" t="s">
        <v>30540</v>
      </c>
    </row>
    <row r="3074" spans="1:9">
      <c r="A3074" s="1">
        <f ca="1">RAND()</f>
        <v>0.71327085503430177</v>
      </c>
      <c r="B3074" s="1"/>
      <c r="C3074">
        <v>10</v>
      </c>
      <c r="D3074" t="s">
        <v>4829</v>
      </c>
      <c r="E3074" t="s">
        <v>31803</v>
      </c>
      <c r="F3074">
        <v>4</v>
      </c>
      <c r="G3074" t="s">
        <v>10</v>
      </c>
      <c r="H3074" t="s">
        <v>4830</v>
      </c>
      <c r="I3074" t="s">
        <v>30540</v>
      </c>
    </row>
    <row r="3075" spans="1:9">
      <c r="A3075" s="1">
        <f ca="1">RAND()</f>
        <v>0.20301764893320873</v>
      </c>
      <c r="B3075" s="1"/>
      <c r="C3075">
        <v>18</v>
      </c>
      <c r="D3075" t="s">
        <v>4839</v>
      </c>
      <c r="E3075" t="s">
        <v>31803</v>
      </c>
      <c r="F3075">
        <v>4</v>
      </c>
      <c r="G3075" t="s">
        <v>1</v>
      </c>
      <c r="H3075" t="s">
        <v>4840</v>
      </c>
      <c r="I3075" t="s">
        <v>30540</v>
      </c>
    </row>
    <row r="3076" spans="1:9">
      <c r="A3076" s="1">
        <f ca="1">RAND()</f>
        <v>0.72384189444632896</v>
      </c>
      <c r="B3076" s="1"/>
      <c r="C3076">
        <v>13</v>
      </c>
      <c r="D3076" t="s">
        <v>4833</v>
      </c>
      <c r="E3076" t="s">
        <v>31803</v>
      </c>
      <c r="F3076">
        <v>4</v>
      </c>
      <c r="G3076" t="s">
        <v>10</v>
      </c>
      <c r="H3076" t="s">
        <v>4834</v>
      </c>
      <c r="I3076" t="s">
        <v>30540</v>
      </c>
    </row>
    <row r="3077" spans="1:9">
      <c r="A3077" s="1">
        <f ca="1">RAND()</f>
        <v>0.49216577973305786</v>
      </c>
      <c r="B3077" s="1"/>
      <c r="C3077">
        <v>2</v>
      </c>
      <c r="D3077" t="s">
        <v>4825</v>
      </c>
      <c r="E3077" t="s">
        <v>31803</v>
      </c>
      <c r="F3077">
        <v>3</v>
      </c>
      <c r="G3077" t="s">
        <v>769</v>
      </c>
      <c r="H3077" t="s">
        <v>4826</v>
      </c>
      <c r="I3077" t="s">
        <v>30540</v>
      </c>
    </row>
    <row r="3078" spans="1:9">
      <c r="A3078" s="1">
        <f ca="1">RAND()</f>
        <v>9.3058934766776513E-3</v>
      </c>
      <c r="B3078" s="1"/>
      <c r="C3078">
        <v>11</v>
      </c>
      <c r="D3078" t="s">
        <v>4817</v>
      </c>
      <c r="E3078" t="s">
        <v>31804</v>
      </c>
      <c r="F3078">
        <v>5</v>
      </c>
      <c r="G3078" t="s">
        <v>10</v>
      </c>
      <c r="H3078" t="s">
        <v>4818</v>
      </c>
      <c r="I3078" t="s">
        <v>30540</v>
      </c>
    </row>
    <row r="3079" spans="1:9">
      <c r="A3079" s="1">
        <f ca="1">RAND()</f>
        <v>0.34582897432061888</v>
      </c>
      <c r="B3079" s="1"/>
      <c r="C3079">
        <v>18</v>
      </c>
      <c r="D3079" t="s">
        <v>4823</v>
      </c>
      <c r="E3079" t="s">
        <v>31804</v>
      </c>
      <c r="F3079">
        <v>4</v>
      </c>
      <c r="G3079" t="s">
        <v>9</v>
      </c>
      <c r="H3079" t="s">
        <v>4824</v>
      </c>
      <c r="I3079" t="s">
        <v>30540</v>
      </c>
    </row>
    <row r="3080" spans="1:9">
      <c r="A3080" s="1">
        <f ca="1">RAND()</f>
        <v>0.30794570354786777</v>
      </c>
      <c r="B3080" s="1"/>
      <c r="C3080">
        <v>13</v>
      </c>
      <c r="D3080" t="s">
        <v>4821</v>
      </c>
      <c r="E3080" t="s">
        <v>31804</v>
      </c>
      <c r="F3080">
        <v>4</v>
      </c>
      <c r="G3080" t="s">
        <v>0</v>
      </c>
      <c r="H3080" t="s">
        <v>4822</v>
      </c>
      <c r="I3080" t="s">
        <v>30540</v>
      </c>
    </row>
    <row r="3081" spans="1:9">
      <c r="A3081" s="1">
        <f ca="1">RAND()</f>
        <v>0.67295469003087571</v>
      </c>
      <c r="B3081" s="1"/>
      <c r="C3081">
        <v>2</v>
      </c>
      <c r="D3081" t="s">
        <v>4813</v>
      </c>
      <c r="E3081" t="s">
        <v>31804</v>
      </c>
      <c r="F3081">
        <v>4</v>
      </c>
      <c r="G3081" t="s">
        <v>1295</v>
      </c>
      <c r="H3081" t="s">
        <v>4814</v>
      </c>
      <c r="I3081" t="s">
        <v>30540</v>
      </c>
    </row>
    <row r="3082" spans="1:9">
      <c r="A3082" s="1">
        <f ca="1">RAND()</f>
        <v>0.1818547849115183</v>
      </c>
      <c r="B3082" s="1"/>
      <c r="C3082">
        <v>3</v>
      </c>
      <c r="D3082" t="s">
        <v>4815</v>
      </c>
      <c r="E3082" t="s">
        <v>31804</v>
      </c>
      <c r="F3082">
        <v>4</v>
      </c>
      <c r="G3082" t="s">
        <v>770</v>
      </c>
      <c r="H3082" t="s">
        <v>4816</v>
      </c>
      <c r="I3082" t="s">
        <v>30540</v>
      </c>
    </row>
    <row r="3083" spans="1:9">
      <c r="A3083" s="1">
        <f ca="1">RAND()</f>
        <v>0.89462238441530939</v>
      </c>
      <c r="B3083" s="1"/>
      <c r="C3083">
        <v>12</v>
      </c>
      <c r="D3083" t="s">
        <v>4819</v>
      </c>
      <c r="E3083" t="s">
        <v>31804</v>
      </c>
      <c r="F3083">
        <v>4</v>
      </c>
      <c r="G3083" t="s">
        <v>2</v>
      </c>
      <c r="H3083" t="s">
        <v>4820</v>
      </c>
      <c r="I3083" t="s">
        <v>30540</v>
      </c>
    </row>
    <row r="3084" spans="1:9">
      <c r="A3084" s="1">
        <f ca="1">RAND()</f>
        <v>0.87706282559485915</v>
      </c>
      <c r="B3084" s="1"/>
      <c r="C3084">
        <v>1</v>
      </c>
      <c r="D3084" t="s">
        <v>4811</v>
      </c>
      <c r="E3084" t="s">
        <v>31804</v>
      </c>
      <c r="F3084">
        <v>2</v>
      </c>
      <c r="G3084" t="s">
        <v>1295</v>
      </c>
      <c r="H3084" t="s">
        <v>4812</v>
      </c>
      <c r="I3084" t="s">
        <v>30540</v>
      </c>
    </row>
    <row r="3085" spans="1:9">
      <c r="A3085" s="1">
        <f ca="1">RAND()</f>
        <v>0.75863613265815144</v>
      </c>
      <c r="B3085" s="1"/>
      <c r="C3085">
        <v>2</v>
      </c>
      <c r="D3085" t="s">
        <v>4805</v>
      </c>
      <c r="E3085" t="s">
        <v>31805</v>
      </c>
      <c r="F3085">
        <v>5</v>
      </c>
      <c r="G3085" t="s">
        <v>2</v>
      </c>
      <c r="H3085" t="s">
        <v>4806</v>
      </c>
      <c r="I3085" t="s">
        <v>30540</v>
      </c>
    </row>
    <row r="3086" spans="1:9">
      <c r="A3086" s="1">
        <f ca="1">RAND()</f>
        <v>0.24008828044378305</v>
      </c>
      <c r="B3086" s="1"/>
      <c r="C3086">
        <v>6</v>
      </c>
      <c r="D3086" t="s">
        <v>4807</v>
      </c>
      <c r="E3086" t="s">
        <v>31805</v>
      </c>
      <c r="F3086">
        <v>4</v>
      </c>
      <c r="G3086" t="s">
        <v>9</v>
      </c>
      <c r="H3086" t="s">
        <v>4808</v>
      </c>
      <c r="I3086" t="s">
        <v>30540</v>
      </c>
    </row>
    <row r="3087" spans="1:9">
      <c r="A3087" s="1">
        <f ca="1">RAND()</f>
        <v>0.39261330767032065</v>
      </c>
      <c r="B3087" s="1"/>
      <c r="C3087">
        <v>7</v>
      </c>
      <c r="D3087" t="s">
        <v>4809</v>
      </c>
      <c r="E3087" t="s">
        <v>31805</v>
      </c>
      <c r="F3087">
        <v>2</v>
      </c>
      <c r="G3087" t="s">
        <v>9</v>
      </c>
      <c r="H3087" t="s">
        <v>4810</v>
      </c>
      <c r="I3087" t="s">
        <v>30540</v>
      </c>
    </row>
    <row r="3088" spans="1:9">
      <c r="A3088" s="1">
        <f ca="1">RAND()</f>
        <v>0.74692321760351932</v>
      </c>
      <c r="B3088" s="1"/>
      <c r="C3088">
        <v>2</v>
      </c>
      <c r="D3088" t="s">
        <v>4799</v>
      </c>
      <c r="E3088" t="s">
        <v>31806</v>
      </c>
      <c r="F3088">
        <v>4</v>
      </c>
      <c r="G3088" t="s">
        <v>769</v>
      </c>
      <c r="H3088" t="s">
        <v>4800</v>
      </c>
      <c r="I3088" t="s">
        <v>30540</v>
      </c>
    </row>
    <row r="3089" spans="1:9">
      <c r="A3089" s="1">
        <f ca="1">RAND()</f>
        <v>4.2811443789340209E-2</v>
      </c>
      <c r="B3089" s="1"/>
      <c r="C3089">
        <v>18</v>
      </c>
      <c r="D3089" t="s">
        <v>4803</v>
      </c>
      <c r="E3089" t="s">
        <v>31806</v>
      </c>
      <c r="F3089">
        <v>4</v>
      </c>
      <c r="G3089" t="s">
        <v>10</v>
      </c>
      <c r="H3089" t="s">
        <v>4804</v>
      </c>
      <c r="I3089" t="s">
        <v>30540</v>
      </c>
    </row>
    <row r="3090" spans="1:9">
      <c r="A3090" s="1">
        <f ca="1">RAND()</f>
        <v>0.21181420097437031</v>
      </c>
      <c r="B3090" s="1"/>
      <c r="C3090">
        <v>1</v>
      </c>
      <c r="D3090" t="s">
        <v>4797</v>
      </c>
      <c r="E3090" t="s">
        <v>31806</v>
      </c>
      <c r="F3090">
        <v>4</v>
      </c>
      <c r="G3090" t="s">
        <v>765</v>
      </c>
      <c r="H3090" t="s">
        <v>4798</v>
      </c>
      <c r="I3090" t="s">
        <v>30540</v>
      </c>
    </row>
    <row r="3091" spans="1:9">
      <c r="A3091" s="1">
        <f ca="1">RAND()</f>
        <v>0.6759452739388907</v>
      </c>
      <c r="B3091" s="1"/>
      <c r="C3091">
        <v>3</v>
      </c>
      <c r="D3091" t="s">
        <v>4801</v>
      </c>
      <c r="E3091" t="s">
        <v>31806</v>
      </c>
      <c r="F3091">
        <v>2</v>
      </c>
      <c r="G3091" t="s">
        <v>14</v>
      </c>
      <c r="H3091" t="s">
        <v>4802</v>
      </c>
      <c r="I3091" t="s">
        <v>30540</v>
      </c>
    </row>
    <row r="3092" spans="1:9">
      <c r="A3092" s="1">
        <f ca="1">RAND()</f>
        <v>0.17670811643160211</v>
      </c>
      <c r="B3092" s="1"/>
      <c r="C3092">
        <v>9</v>
      </c>
      <c r="D3092" t="s">
        <v>4789</v>
      </c>
      <c r="E3092" t="s">
        <v>31807</v>
      </c>
      <c r="F3092">
        <v>5</v>
      </c>
      <c r="G3092" t="s">
        <v>1</v>
      </c>
      <c r="H3092" t="s">
        <v>4790</v>
      </c>
      <c r="I3092" t="s">
        <v>30540</v>
      </c>
    </row>
    <row r="3093" spans="1:9">
      <c r="A3093" s="1">
        <f ca="1">RAND()</f>
        <v>0.64478426762629948</v>
      </c>
      <c r="B3093" s="1"/>
      <c r="C3093">
        <v>14</v>
      </c>
      <c r="D3093" t="s">
        <v>4795</v>
      </c>
      <c r="E3093" t="s">
        <v>31807</v>
      </c>
      <c r="F3093">
        <v>4</v>
      </c>
      <c r="G3093" t="s">
        <v>0</v>
      </c>
      <c r="H3093" t="s">
        <v>4796</v>
      </c>
      <c r="I3093" t="s">
        <v>30540</v>
      </c>
    </row>
    <row r="3094" spans="1:9">
      <c r="A3094" s="1">
        <f ca="1">RAND()</f>
        <v>0.71452102771434245</v>
      </c>
      <c r="B3094" s="1"/>
      <c r="C3094">
        <v>11</v>
      </c>
      <c r="D3094" t="s">
        <v>4791</v>
      </c>
      <c r="E3094" t="s">
        <v>31807</v>
      </c>
      <c r="F3094">
        <v>4</v>
      </c>
      <c r="G3094" t="s">
        <v>0</v>
      </c>
      <c r="H3094" t="s">
        <v>4792</v>
      </c>
      <c r="I3094" t="s">
        <v>30540</v>
      </c>
    </row>
    <row r="3095" spans="1:9">
      <c r="A3095" s="1">
        <f ca="1">RAND()</f>
        <v>0.2626591746344642</v>
      </c>
      <c r="B3095" s="1"/>
      <c r="C3095">
        <v>3</v>
      </c>
      <c r="D3095" t="s">
        <v>4787</v>
      </c>
      <c r="E3095" t="s">
        <v>31807</v>
      </c>
      <c r="F3095">
        <v>4</v>
      </c>
      <c r="G3095" t="s">
        <v>2</v>
      </c>
      <c r="H3095" t="s">
        <v>4788</v>
      </c>
      <c r="I3095" t="s">
        <v>30540</v>
      </c>
    </row>
    <row r="3096" spans="1:9">
      <c r="A3096" s="1">
        <f ca="1">RAND()</f>
        <v>0.66374781649735171</v>
      </c>
      <c r="B3096" s="1"/>
      <c r="C3096">
        <v>12</v>
      </c>
      <c r="D3096" t="s">
        <v>4793</v>
      </c>
      <c r="E3096" t="s">
        <v>31807</v>
      </c>
      <c r="F3096">
        <v>3</v>
      </c>
      <c r="G3096" t="s">
        <v>9</v>
      </c>
      <c r="H3096" t="s">
        <v>4794</v>
      </c>
      <c r="I3096" t="s">
        <v>30540</v>
      </c>
    </row>
    <row r="3097" spans="1:9">
      <c r="A3097" s="1">
        <f ca="1">RAND()</f>
        <v>0.39785937823864481</v>
      </c>
      <c r="B3097" s="1"/>
      <c r="C3097">
        <v>9</v>
      </c>
      <c r="D3097" t="s">
        <v>4783</v>
      </c>
      <c r="E3097" t="s">
        <v>31808</v>
      </c>
      <c r="F3097">
        <v>4</v>
      </c>
      <c r="G3097" t="s">
        <v>2</v>
      </c>
      <c r="H3097" t="s">
        <v>4784</v>
      </c>
      <c r="I3097" t="s">
        <v>30540</v>
      </c>
    </row>
    <row r="3098" spans="1:9">
      <c r="A3098" s="1">
        <f ca="1">RAND()</f>
        <v>0.49790281381549562</v>
      </c>
      <c r="B3098" s="1"/>
      <c r="C3098">
        <v>18</v>
      </c>
      <c r="D3098" t="s">
        <v>4785</v>
      </c>
      <c r="E3098" t="s">
        <v>31808</v>
      </c>
      <c r="F3098">
        <v>4</v>
      </c>
      <c r="G3098" t="s">
        <v>10</v>
      </c>
      <c r="H3098" t="s">
        <v>4786</v>
      </c>
      <c r="I3098" t="s">
        <v>30540</v>
      </c>
    </row>
    <row r="3099" spans="1:9">
      <c r="A3099" s="1">
        <f ca="1">RAND()</f>
        <v>6.0666973869298535E-2</v>
      </c>
      <c r="B3099" s="1"/>
      <c r="C3099">
        <v>4</v>
      </c>
      <c r="D3099" t="s">
        <v>4781</v>
      </c>
      <c r="E3099" t="s">
        <v>31808</v>
      </c>
      <c r="F3099">
        <v>2</v>
      </c>
      <c r="G3099" t="s">
        <v>15</v>
      </c>
      <c r="H3099" t="s">
        <v>4782</v>
      </c>
      <c r="I3099" t="s">
        <v>30540</v>
      </c>
    </row>
    <row r="3100" spans="1:9">
      <c r="A3100" s="1">
        <f ca="1">RAND()</f>
        <v>0.40780642970679037</v>
      </c>
      <c r="B3100" s="1"/>
      <c r="C3100">
        <v>4</v>
      </c>
      <c r="D3100" t="s">
        <v>4775</v>
      </c>
      <c r="E3100" t="s">
        <v>31809</v>
      </c>
      <c r="F3100">
        <v>5</v>
      </c>
      <c r="G3100" t="s">
        <v>10</v>
      </c>
      <c r="H3100" t="s">
        <v>4776</v>
      </c>
      <c r="I3100" t="s">
        <v>30540</v>
      </c>
    </row>
    <row r="3101" spans="1:9">
      <c r="A3101" s="1">
        <f ca="1">RAND()</f>
        <v>0.46380739309432817</v>
      </c>
      <c r="B3101" s="1"/>
      <c r="C3101">
        <v>11</v>
      </c>
      <c r="D3101" t="s">
        <v>4777</v>
      </c>
      <c r="E3101" t="s">
        <v>31809</v>
      </c>
      <c r="F3101">
        <v>4</v>
      </c>
      <c r="G3101" t="s">
        <v>766</v>
      </c>
      <c r="H3101" t="s">
        <v>4778</v>
      </c>
      <c r="I3101" t="s">
        <v>30540</v>
      </c>
    </row>
    <row r="3102" spans="1:9">
      <c r="A3102" s="1">
        <f ca="1">RAND()</f>
        <v>0.26260750351814477</v>
      </c>
      <c r="B3102" s="1"/>
      <c r="C3102">
        <v>14</v>
      </c>
      <c r="D3102" t="s">
        <v>4779</v>
      </c>
      <c r="E3102" t="s">
        <v>31809</v>
      </c>
      <c r="F3102">
        <v>4</v>
      </c>
      <c r="G3102" t="s">
        <v>9</v>
      </c>
      <c r="H3102" t="s">
        <v>4780</v>
      </c>
      <c r="I3102" t="s">
        <v>30540</v>
      </c>
    </row>
    <row r="3103" spans="1:9">
      <c r="A3103" s="1">
        <f ca="1">RAND()</f>
        <v>0.59526509669792571</v>
      </c>
      <c r="B3103" s="1"/>
      <c r="C3103">
        <v>3</v>
      </c>
      <c r="D3103" t="s">
        <v>4773</v>
      </c>
      <c r="E3103" t="s">
        <v>31809</v>
      </c>
      <c r="F3103">
        <v>4</v>
      </c>
      <c r="G3103" t="s">
        <v>1</v>
      </c>
      <c r="H3103" t="s">
        <v>4774</v>
      </c>
      <c r="I3103" t="s">
        <v>30540</v>
      </c>
    </row>
    <row r="3104" spans="1:9">
      <c r="A3104" s="1">
        <f ca="1">RAND()</f>
        <v>0.50477136034105197</v>
      </c>
      <c r="B3104" s="1"/>
      <c r="C3104">
        <v>3</v>
      </c>
      <c r="D3104" t="s">
        <v>4767</v>
      </c>
      <c r="E3104" t="s">
        <v>31810</v>
      </c>
      <c r="F3104">
        <v>4</v>
      </c>
      <c r="G3104" t="s">
        <v>14</v>
      </c>
      <c r="H3104" t="s">
        <v>4768</v>
      </c>
      <c r="I3104" t="s">
        <v>30540</v>
      </c>
    </row>
    <row r="3105" spans="1:9">
      <c r="A3105" s="1">
        <f ca="1">RAND()</f>
        <v>0.18737851548374562</v>
      </c>
      <c r="B3105" s="1"/>
      <c r="C3105">
        <v>14</v>
      </c>
      <c r="D3105" t="s">
        <v>4771</v>
      </c>
      <c r="E3105" t="s">
        <v>31810</v>
      </c>
      <c r="F3105">
        <v>3</v>
      </c>
      <c r="G3105" t="s">
        <v>10</v>
      </c>
      <c r="H3105" t="s">
        <v>4772</v>
      </c>
      <c r="I3105" t="s">
        <v>30540</v>
      </c>
    </row>
    <row r="3106" spans="1:9">
      <c r="A3106" s="1">
        <f ca="1">RAND()</f>
        <v>5.1923156894515987E-2</v>
      </c>
      <c r="B3106" s="1"/>
      <c r="C3106">
        <v>8</v>
      </c>
      <c r="D3106" t="s">
        <v>4769</v>
      </c>
      <c r="E3106" t="s">
        <v>31810</v>
      </c>
      <c r="F3106">
        <v>2</v>
      </c>
      <c r="G3106" t="s">
        <v>10</v>
      </c>
      <c r="H3106" t="s">
        <v>4770</v>
      </c>
      <c r="I3106" t="s">
        <v>30540</v>
      </c>
    </row>
    <row r="3107" spans="1:9">
      <c r="A3107" s="1">
        <f ca="1">RAND()</f>
        <v>0.8676041081766116</v>
      </c>
      <c r="B3107" s="1"/>
      <c r="C3107">
        <v>11</v>
      </c>
      <c r="D3107" t="s">
        <v>4759</v>
      </c>
      <c r="E3107" t="s">
        <v>31811</v>
      </c>
      <c r="F3107">
        <v>5</v>
      </c>
      <c r="G3107" t="s">
        <v>762</v>
      </c>
      <c r="H3107" t="s">
        <v>4760</v>
      </c>
      <c r="I3107" t="s">
        <v>30540</v>
      </c>
    </row>
    <row r="3108" spans="1:9">
      <c r="A3108" s="1">
        <f ca="1">RAND()</f>
        <v>0.85973739824371631</v>
      </c>
      <c r="B3108" s="1"/>
      <c r="C3108">
        <v>14</v>
      </c>
      <c r="D3108" t="s">
        <v>4765</v>
      </c>
      <c r="E3108" t="s">
        <v>31811</v>
      </c>
      <c r="F3108">
        <v>5</v>
      </c>
      <c r="G3108" t="s">
        <v>765</v>
      </c>
      <c r="H3108" t="s">
        <v>4766</v>
      </c>
      <c r="I3108" t="s">
        <v>30540</v>
      </c>
    </row>
    <row r="3109" spans="1:9">
      <c r="A3109" s="1">
        <f ca="1">RAND()</f>
        <v>5.4378104721077625E-2</v>
      </c>
      <c r="B3109" s="1"/>
      <c r="C3109">
        <v>4</v>
      </c>
      <c r="D3109" t="s">
        <v>4757</v>
      </c>
      <c r="E3109" t="s">
        <v>31811</v>
      </c>
      <c r="F3109">
        <v>5</v>
      </c>
      <c r="G3109" t="s">
        <v>13</v>
      </c>
      <c r="H3109" t="s">
        <v>4758</v>
      </c>
      <c r="I3109" t="s">
        <v>30540</v>
      </c>
    </row>
    <row r="3110" spans="1:9">
      <c r="A3110" s="1">
        <f ca="1">RAND()</f>
        <v>0.29429872878273533</v>
      </c>
      <c r="B3110" s="1"/>
      <c r="C3110">
        <v>1</v>
      </c>
      <c r="D3110" t="s">
        <v>4755</v>
      </c>
      <c r="E3110" t="s">
        <v>31811</v>
      </c>
      <c r="F3110">
        <v>4</v>
      </c>
      <c r="G3110" t="s">
        <v>10</v>
      </c>
      <c r="H3110" t="s">
        <v>4756</v>
      </c>
      <c r="I3110" t="s">
        <v>30540</v>
      </c>
    </row>
    <row r="3111" spans="1:9">
      <c r="A3111" s="1">
        <f ca="1">RAND()</f>
        <v>0.84796662792163557</v>
      </c>
      <c r="B3111" s="1"/>
      <c r="C3111">
        <v>13</v>
      </c>
      <c r="D3111" t="s">
        <v>4763</v>
      </c>
      <c r="E3111" t="s">
        <v>31811</v>
      </c>
      <c r="F3111">
        <v>4</v>
      </c>
      <c r="G3111" t="s">
        <v>10</v>
      </c>
      <c r="H3111" t="s">
        <v>4764</v>
      </c>
      <c r="I3111" t="s">
        <v>30540</v>
      </c>
    </row>
    <row r="3112" spans="1:9">
      <c r="A3112" s="1">
        <f ca="1">RAND()</f>
        <v>0.37740450199670172</v>
      </c>
      <c r="B3112" s="1"/>
      <c r="C3112">
        <v>12</v>
      </c>
      <c r="D3112" t="s">
        <v>4761</v>
      </c>
      <c r="E3112" t="s">
        <v>31811</v>
      </c>
      <c r="F3112">
        <v>4</v>
      </c>
      <c r="G3112" t="s">
        <v>13</v>
      </c>
      <c r="H3112" t="s">
        <v>4762</v>
      </c>
      <c r="I3112" t="s">
        <v>30540</v>
      </c>
    </row>
    <row r="3113" spans="1:9">
      <c r="A3113" s="1">
        <f ca="1">RAND()</f>
        <v>0.57500149398113543</v>
      </c>
      <c r="B3113" s="1"/>
      <c r="C3113">
        <v>18</v>
      </c>
      <c r="D3113" t="s">
        <v>4753</v>
      </c>
      <c r="E3113" t="s">
        <v>31812</v>
      </c>
      <c r="F3113">
        <v>4</v>
      </c>
      <c r="G3113" t="s">
        <v>2</v>
      </c>
      <c r="H3113" t="s">
        <v>4754</v>
      </c>
      <c r="I3113" t="s">
        <v>30540</v>
      </c>
    </row>
    <row r="3114" spans="1:9">
      <c r="A3114" s="1">
        <f ca="1">RAND()</f>
        <v>0.74933940550052425</v>
      </c>
      <c r="B3114" s="1"/>
      <c r="C3114">
        <v>3</v>
      </c>
      <c r="D3114" t="s">
        <v>4747</v>
      </c>
      <c r="E3114" t="s">
        <v>31812</v>
      </c>
      <c r="F3114">
        <v>4</v>
      </c>
      <c r="G3114" t="s">
        <v>10</v>
      </c>
      <c r="H3114" t="s">
        <v>4748</v>
      </c>
      <c r="I3114" t="s">
        <v>30540</v>
      </c>
    </row>
    <row r="3115" spans="1:9">
      <c r="A3115" s="1">
        <f ca="1">RAND()</f>
        <v>0.58710145305205053</v>
      </c>
      <c r="B3115" s="1"/>
      <c r="C3115">
        <v>12</v>
      </c>
      <c r="D3115" t="s">
        <v>4751</v>
      </c>
      <c r="E3115" t="s">
        <v>31812</v>
      </c>
      <c r="F3115">
        <v>4</v>
      </c>
      <c r="G3115" t="s">
        <v>10</v>
      </c>
      <c r="H3115" t="s">
        <v>4752</v>
      </c>
      <c r="I3115" t="s">
        <v>30540</v>
      </c>
    </row>
    <row r="3116" spans="1:9">
      <c r="A3116" s="1">
        <f ca="1">RAND()</f>
        <v>0.87778995531742632</v>
      </c>
      <c r="B3116" s="1"/>
      <c r="C3116">
        <v>6</v>
      </c>
      <c r="D3116" t="s">
        <v>4749</v>
      </c>
      <c r="E3116" t="s">
        <v>31812</v>
      </c>
      <c r="F3116">
        <v>3</v>
      </c>
      <c r="G3116" t="s">
        <v>10</v>
      </c>
      <c r="H3116" t="s">
        <v>4750</v>
      </c>
      <c r="I3116" t="s">
        <v>30540</v>
      </c>
    </row>
    <row r="3117" spans="1:9">
      <c r="A3117" s="1">
        <f ca="1">RAND()</f>
        <v>0.79990448360666966</v>
      </c>
      <c r="B3117" s="1"/>
      <c r="C3117">
        <v>4</v>
      </c>
      <c r="D3117" t="s">
        <v>4741</v>
      </c>
      <c r="E3117" t="s">
        <v>31813</v>
      </c>
      <c r="F3117">
        <v>4</v>
      </c>
      <c r="G3117" t="s">
        <v>9</v>
      </c>
      <c r="H3117" t="s">
        <v>4742</v>
      </c>
      <c r="I3117" t="s">
        <v>30540</v>
      </c>
    </row>
    <row r="3118" spans="1:9">
      <c r="A3118" s="1">
        <f ca="1">RAND()</f>
        <v>0.27338202052604854</v>
      </c>
      <c r="B3118" s="1"/>
      <c r="C3118">
        <v>17</v>
      </c>
      <c r="D3118" t="s">
        <v>4743</v>
      </c>
      <c r="E3118" t="s">
        <v>31813</v>
      </c>
      <c r="F3118">
        <v>4</v>
      </c>
      <c r="G3118" t="s">
        <v>9</v>
      </c>
      <c r="H3118" t="s">
        <v>4744</v>
      </c>
      <c r="I3118" t="s">
        <v>30540</v>
      </c>
    </row>
    <row r="3119" spans="1:9">
      <c r="A3119" s="1">
        <f ca="1">RAND()</f>
        <v>0.70040992465608753</v>
      </c>
      <c r="B3119" s="1"/>
      <c r="C3119">
        <v>18</v>
      </c>
      <c r="D3119" t="s">
        <v>4745</v>
      </c>
      <c r="E3119" t="s">
        <v>31813</v>
      </c>
      <c r="F3119">
        <v>2</v>
      </c>
      <c r="G3119" t="s">
        <v>9</v>
      </c>
      <c r="H3119" t="s">
        <v>4746</v>
      </c>
      <c r="I3119" t="s">
        <v>30540</v>
      </c>
    </row>
    <row r="3120" spans="1:9">
      <c r="A3120" s="1">
        <f ca="1">RAND()</f>
        <v>0.87125928626886306</v>
      </c>
      <c r="B3120" s="1"/>
      <c r="C3120">
        <v>7</v>
      </c>
      <c r="D3120" t="s">
        <v>4737</v>
      </c>
      <c r="E3120" t="s">
        <v>31814</v>
      </c>
      <c r="F3120">
        <v>5</v>
      </c>
      <c r="G3120" t="s">
        <v>9</v>
      </c>
      <c r="H3120" t="s">
        <v>4738</v>
      </c>
      <c r="I3120" t="s">
        <v>30540</v>
      </c>
    </row>
    <row r="3121" spans="1:9">
      <c r="A3121" s="1">
        <f ca="1">RAND()</f>
        <v>0.29110243963108029</v>
      </c>
      <c r="B3121" s="1"/>
      <c r="C3121">
        <v>9</v>
      </c>
      <c r="D3121" t="s">
        <v>4739</v>
      </c>
      <c r="E3121" t="s">
        <v>31814</v>
      </c>
      <c r="F3121">
        <v>4</v>
      </c>
      <c r="G3121" t="s">
        <v>2</v>
      </c>
      <c r="H3121" t="s">
        <v>4740</v>
      </c>
      <c r="I3121" t="s">
        <v>30540</v>
      </c>
    </row>
    <row r="3122" spans="1:9">
      <c r="A3122" s="1">
        <f ca="1">RAND()</f>
        <v>8.1475621228981998E-2</v>
      </c>
      <c r="B3122" s="1"/>
      <c r="C3122">
        <v>5</v>
      </c>
      <c r="D3122" t="s">
        <v>4735</v>
      </c>
      <c r="E3122" t="s">
        <v>31814</v>
      </c>
      <c r="F3122">
        <v>1</v>
      </c>
      <c r="G3122" t="s">
        <v>9</v>
      </c>
      <c r="H3122" t="s">
        <v>4736</v>
      </c>
      <c r="I3122" t="s">
        <v>30540</v>
      </c>
    </row>
    <row r="3123" spans="1:9">
      <c r="A3123" s="1">
        <f ca="1">RAND()</f>
        <v>0.622155933285089</v>
      </c>
      <c r="B3123" s="1"/>
      <c r="C3123">
        <v>7</v>
      </c>
      <c r="D3123" t="s">
        <v>4731</v>
      </c>
      <c r="E3123" t="s">
        <v>31815</v>
      </c>
      <c r="F3123">
        <v>5</v>
      </c>
      <c r="G3123" t="s">
        <v>1</v>
      </c>
      <c r="H3123" t="s">
        <v>4732</v>
      </c>
      <c r="I3123" t="s">
        <v>30540</v>
      </c>
    </row>
    <row r="3124" spans="1:9">
      <c r="A3124" s="1">
        <f ca="1">RAND()</f>
        <v>0.93849004962359373</v>
      </c>
      <c r="B3124" s="1"/>
      <c r="C3124">
        <v>3</v>
      </c>
      <c r="D3124" t="s">
        <v>4729</v>
      </c>
      <c r="E3124" t="s">
        <v>31815</v>
      </c>
      <c r="F3124">
        <v>4</v>
      </c>
      <c r="G3124" t="s">
        <v>2</v>
      </c>
      <c r="H3124" t="s">
        <v>4730</v>
      </c>
      <c r="I3124" t="s">
        <v>30540</v>
      </c>
    </row>
    <row r="3125" spans="1:9">
      <c r="A3125" s="1">
        <f ca="1">RAND()</f>
        <v>0.24270660918734521</v>
      </c>
      <c r="B3125" s="1"/>
      <c r="C3125">
        <v>17</v>
      </c>
      <c r="D3125" t="s">
        <v>4733</v>
      </c>
      <c r="E3125" t="s">
        <v>31815</v>
      </c>
      <c r="F3125">
        <v>4</v>
      </c>
      <c r="G3125" t="s">
        <v>0</v>
      </c>
      <c r="H3125" t="s">
        <v>4734</v>
      </c>
      <c r="I3125" t="s">
        <v>30540</v>
      </c>
    </row>
    <row r="3126" spans="1:9">
      <c r="A3126" s="1">
        <f ca="1">RAND()</f>
        <v>0.84249764408200067</v>
      </c>
      <c r="B3126" s="1"/>
      <c r="C3126">
        <v>1</v>
      </c>
      <c r="D3126" t="s">
        <v>4727</v>
      </c>
      <c r="E3126" t="s">
        <v>31815</v>
      </c>
      <c r="F3126">
        <v>2</v>
      </c>
      <c r="G3126" t="s">
        <v>14</v>
      </c>
      <c r="H3126" t="s">
        <v>4728</v>
      </c>
      <c r="I3126" t="s">
        <v>30540</v>
      </c>
    </row>
    <row r="3127" spans="1:9">
      <c r="A3127" s="1">
        <f ca="1">RAND()</f>
        <v>1.7687036958479174E-2</v>
      </c>
      <c r="B3127" s="1"/>
      <c r="C3127">
        <v>4</v>
      </c>
      <c r="D3127" t="s">
        <v>4721</v>
      </c>
      <c r="E3127" t="s">
        <v>31816</v>
      </c>
      <c r="F3127">
        <v>4</v>
      </c>
      <c r="G3127" t="s">
        <v>2</v>
      </c>
      <c r="H3127" t="s">
        <v>4722</v>
      </c>
      <c r="I3127" t="s">
        <v>30540</v>
      </c>
    </row>
    <row r="3128" spans="1:9">
      <c r="A3128" s="1">
        <f ca="1">RAND()</f>
        <v>0.87405333419662312</v>
      </c>
      <c r="B3128" s="1"/>
      <c r="C3128">
        <v>11</v>
      </c>
      <c r="D3128" t="s">
        <v>4723</v>
      </c>
      <c r="E3128" t="s">
        <v>31816</v>
      </c>
      <c r="F3128">
        <v>4</v>
      </c>
      <c r="G3128" t="s">
        <v>10</v>
      </c>
      <c r="H3128" t="s">
        <v>4724</v>
      </c>
      <c r="I3128" t="s">
        <v>30540</v>
      </c>
    </row>
    <row r="3129" spans="1:9">
      <c r="A3129" s="1">
        <f ca="1">RAND()</f>
        <v>0.50200224504040525</v>
      </c>
      <c r="B3129" s="1"/>
      <c r="C3129">
        <v>12</v>
      </c>
      <c r="D3129" t="s">
        <v>4725</v>
      </c>
      <c r="E3129" t="s">
        <v>31816</v>
      </c>
      <c r="F3129">
        <v>2</v>
      </c>
      <c r="G3129" t="s">
        <v>1</v>
      </c>
      <c r="H3129" t="s">
        <v>4726</v>
      </c>
      <c r="I3129" t="s">
        <v>30540</v>
      </c>
    </row>
    <row r="3130" spans="1:9">
      <c r="A3130" s="1">
        <f ca="1">RAND()</f>
        <v>0.24998359758714883</v>
      </c>
      <c r="B3130" s="1"/>
      <c r="C3130">
        <v>18</v>
      </c>
      <c r="D3130" t="s">
        <v>4717</v>
      </c>
      <c r="E3130" t="s">
        <v>31817</v>
      </c>
      <c r="F3130">
        <v>5</v>
      </c>
      <c r="G3130" t="s">
        <v>9</v>
      </c>
      <c r="H3130" t="s">
        <v>4718</v>
      </c>
      <c r="I3130" t="s">
        <v>30540</v>
      </c>
    </row>
    <row r="3131" spans="1:9">
      <c r="A3131" s="1">
        <f ca="1">RAND()</f>
        <v>0.25286167403655857</v>
      </c>
      <c r="B3131" s="1"/>
      <c r="C3131">
        <v>7</v>
      </c>
      <c r="D3131" t="s">
        <v>4709</v>
      </c>
      <c r="E3131" t="s">
        <v>31817</v>
      </c>
      <c r="F3131">
        <v>4</v>
      </c>
      <c r="G3131" t="s">
        <v>10</v>
      </c>
      <c r="H3131" t="s">
        <v>4710</v>
      </c>
      <c r="I3131" t="s">
        <v>30540</v>
      </c>
    </row>
    <row r="3132" spans="1:9">
      <c r="A3132" s="1">
        <f ca="1">RAND()</f>
        <v>0.94045421343905089</v>
      </c>
      <c r="B3132" s="1"/>
      <c r="C3132">
        <v>10</v>
      </c>
      <c r="D3132" t="s">
        <v>4713</v>
      </c>
      <c r="E3132" t="s">
        <v>31817</v>
      </c>
      <c r="F3132">
        <v>4</v>
      </c>
      <c r="G3132" t="s">
        <v>10</v>
      </c>
      <c r="H3132" t="s">
        <v>4714</v>
      </c>
      <c r="I3132" t="s">
        <v>30540</v>
      </c>
    </row>
    <row r="3133" spans="1:9">
      <c r="A3133" s="1">
        <f ca="1">RAND()</f>
        <v>0.97198308898156593</v>
      </c>
      <c r="B3133" s="1"/>
      <c r="C3133">
        <v>4</v>
      </c>
      <c r="D3133" t="s">
        <v>4705</v>
      </c>
      <c r="E3133" t="s">
        <v>31817</v>
      </c>
      <c r="F3133">
        <v>4</v>
      </c>
      <c r="G3133" t="s">
        <v>765</v>
      </c>
      <c r="H3133" t="s">
        <v>4706</v>
      </c>
      <c r="I3133" t="s">
        <v>30540</v>
      </c>
    </row>
    <row r="3134" spans="1:9">
      <c r="A3134" s="1">
        <f ca="1">RAND()</f>
        <v>0.7974937233151832</v>
      </c>
      <c r="B3134" s="1"/>
      <c r="C3134">
        <v>8</v>
      </c>
      <c r="D3134" t="s">
        <v>4711</v>
      </c>
      <c r="E3134" t="s">
        <v>31817</v>
      </c>
      <c r="F3134">
        <v>4</v>
      </c>
      <c r="G3134" t="s">
        <v>766</v>
      </c>
      <c r="H3134" t="s">
        <v>4712</v>
      </c>
      <c r="I3134" t="s">
        <v>30540</v>
      </c>
    </row>
    <row r="3135" spans="1:9">
      <c r="A3135" s="1">
        <f ca="1">RAND()</f>
        <v>0.94114061170428887</v>
      </c>
      <c r="B3135" s="1"/>
      <c r="C3135">
        <v>5</v>
      </c>
      <c r="D3135" t="s">
        <v>4707</v>
      </c>
      <c r="E3135" t="s">
        <v>31817</v>
      </c>
      <c r="F3135">
        <v>4</v>
      </c>
      <c r="G3135" t="s">
        <v>9</v>
      </c>
      <c r="H3135" t="s">
        <v>4708</v>
      </c>
      <c r="I3135" t="s">
        <v>30540</v>
      </c>
    </row>
    <row r="3136" spans="1:9">
      <c r="A3136" s="1">
        <f ca="1">RAND()</f>
        <v>0.82288923617462151</v>
      </c>
      <c r="B3136" s="1"/>
      <c r="C3136">
        <v>14</v>
      </c>
      <c r="D3136" t="s">
        <v>4715</v>
      </c>
      <c r="E3136" t="s">
        <v>31817</v>
      </c>
      <c r="F3136">
        <v>4</v>
      </c>
      <c r="G3136" t="s">
        <v>1</v>
      </c>
      <c r="H3136" t="s">
        <v>4716</v>
      </c>
      <c r="I3136" t="s">
        <v>30540</v>
      </c>
    </row>
    <row r="3137" spans="1:9">
      <c r="A3137" s="1">
        <f ca="1">RAND()</f>
        <v>0.24560011255693825</v>
      </c>
      <c r="B3137" s="1"/>
      <c r="C3137">
        <v>19</v>
      </c>
      <c r="D3137" t="s">
        <v>4719</v>
      </c>
      <c r="E3137" t="s">
        <v>31817</v>
      </c>
      <c r="F3137">
        <v>2</v>
      </c>
      <c r="G3137" t="s">
        <v>10</v>
      </c>
      <c r="H3137" t="s">
        <v>4720</v>
      </c>
      <c r="I3137" t="s">
        <v>30540</v>
      </c>
    </row>
    <row r="3138" spans="1:9">
      <c r="A3138" s="1">
        <f ca="1">RAND()</f>
        <v>0.81749373640232625</v>
      </c>
      <c r="B3138" s="1"/>
      <c r="C3138">
        <v>9</v>
      </c>
      <c r="D3138" t="s">
        <v>4703</v>
      </c>
      <c r="E3138" t="s">
        <v>31818</v>
      </c>
      <c r="F3138">
        <v>4</v>
      </c>
      <c r="G3138" t="s">
        <v>10</v>
      </c>
      <c r="H3138" t="s">
        <v>4704</v>
      </c>
      <c r="I3138" t="s">
        <v>30540</v>
      </c>
    </row>
    <row r="3139" spans="1:9">
      <c r="A3139" s="1">
        <f ca="1">RAND()</f>
        <v>0.35561082675135114</v>
      </c>
      <c r="B3139" s="1"/>
      <c r="C3139">
        <v>7</v>
      </c>
      <c r="D3139" t="s">
        <v>4701</v>
      </c>
      <c r="E3139" t="s">
        <v>31818</v>
      </c>
      <c r="F3139">
        <v>2</v>
      </c>
      <c r="G3139" t="s">
        <v>15</v>
      </c>
      <c r="H3139" t="s">
        <v>4702</v>
      </c>
      <c r="I3139" t="s">
        <v>30540</v>
      </c>
    </row>
    <row r="3140" spans="1:9">
      <c r="A3140" s="1">
        <f ca="1">RAND()</f>
        <v>0.32748497908161467</v>
      </c>
      <c r="B3140" s="1"/>
      <c r="C3140">
        <v>17</v>
      </c>
      <c r="D3140" t="s">
        <v>4699</v>
      </c>
      <c r="E3140" t="s">
        <v>31819</v>
      </c>
      <c r="F3140">
        <v>5</v>
      </c>
      <c r="G3140" t="s">
        <v>10</v>
      </c>
      <c r="H3140" t="s">
        <v>4700</v>
      </c>
      <c r="I3140" t="s">
        <v>30540</v>
      </c>
    </row>
    <row r="3141" spans="1:9">
      <c r="A3141" s="1">
        <f ca="1">RAND()</f>
        <v>1.6359265076756002E-2</v>
      </c>
      <c r="B3141" s="1"/>
      <c r="C3141">
        <v>16</v>
      </c>
      <c r="D3141" t="s">
        <v>4697</v>
      </c>
      <c r="E3141" t="s">
        <v>31819</v>
      </c>
      <c r="F3141">
        <v>4</v>
      </c>
      <c r="G3141" t="s">
        <v>10</v>
      </c>
      <c r="H3141" t="s">
        <v>4698</v>
      </c>
      <c r="I3141" t="s">
        <v>30540</v>
      </c>
    </row>
    <row r="3142" spans="1:9">
      <c r="A3142" s="1">
        <f ca="1">RAND()</f>
        <v>0.95778643717159584</v>
      </c>
      <c r="B3142" s="1"/>
      <c r="C3142">
        <v>7</v>
      </c>
      <c r="D3142" t="s">
        <v>4691</v>
      </c>
      <c r="E3142" t="s">
        <v>31819</v>
      </c>
      <c r="F3142">
        <v>4</v>
      </c>
      <c r="G3142" t="s">
        <v>1295</v>
      </c>
      <c r="H3142" t="s">
        <v>4692</v>
      </c>
      <c r="I3142" t="s">
        <v>30540</v>
      </c>
    </row>
    <row r="3143" spans="1:9">
      <c r="A3143" s="1">
        <f ca="1">RAND()</f>
        <v>0.86084981824889284</v>
      </c>
      <c r="B3143" s="1"/>
      <c r="C3143">
        <v>11</v>
      </c>
      <c r="D3143" t="s">
        <v>4693</v>
      </c>
      <c r="E3143" t="s">
        <v>31819</v>
      </c>
      <c r="F3143">
        <v>3</v>
      </c>
      <c r="G3143" t="s">
        <v>2</v>
      </c>
      <c r="H3143" t="s">
        <v>4694</v>
      </c>
      <c r="I3143" t="s">
        <v>30540</v>
      </c>
    </row>
    <row r="3144" spans="1:9">
      <c r="A3144" s="1">
        <f ca="1">RAND()</f>
        <v>0.59488458882585882</v>
      </c>
      <c r="B3144" s="1"/>
      <c r="C3144">
        <v>15</v>
      </c>
      <c r="D3144" t="s">
        <v>4695</v>
      </c>
      <c r="E3144" t="s">
        <v>31819</v>
      </c>
      <c r="F3144">
        <v>2</v>
      </c>
      <c r="G3144" t="s">
        <v>10</v>
      </c>
      <c r="H3144" t="s">
        <v>4696</v>
      </c>
      <c r="I3144" t="s">
        <v>30540</v>
      </c>
    </row>
    <row r="3145" spans="1:9">
      <c r="A3145" s="1">
        <f ca="1">RAND()</f>
        <v>0.30622699800451814</v>
      </c>
      <c r="B3145" s="1"/>
      <c r="C3145">
        <v>4</v>
      </c>
      <c r="D3145" t="s">
        <v>4689</v>
      </c>
      <c r="E3145" t="s">
        <v>31819</v>
      </c>
      <c r="F3145">
        <v>2</v>
      </c>
      <c r="G3145" t="s">
        <v>762</v>
      </c>
      <c r="H3145" t="s">
        <v>4690</v>
      </c>
      <c r="I3145" t="s">
        <v>30540</v>
      </c>
    </row>
    <row r="3146" spans="1:9">
      <c r="A3146" s="1">
        <f ca="1">RAND()</f>
        <v>0.5462705168720573</v>
      </c>
      <c r="B3146" s="1"/>
      <c r="C3146">
        <v>19</v>
      </c>
      <c r="D3146" t="s">
        <v>4687</v>
      </c>
      <c r="E3146" t="s">
        <v>31820</v>
      </c>
      <c r="F3146">
        <v>4</v>
      </c>
      <c r="G3146" t="s">
        <v>13</v>
      </c>
      <c r="H3146" t="s">
        <v>4688</v>
      </c>
      <c r="I3146" t="s">
        <v>30540</v>
      </c>
    </row>
    <row r="3147" spans="1:9">
      <c r="A3147" s="1">
        <f ca="1">RAND()</f>
        <v>0.57492187710793352</v>
      </c>
      <c r="B3147" s="1"/>
      <c r="C3147">
        <v>9</v>
      </c>
      <c r="D3147" t="s">
        <v>4685</v>
      </c>
      <c r="E3147" t="s">
        <v>31820</v>
      </c>
      <c r="F3147">
        <v>4</v>
      </c>
      <c r="G3147" t="s">
        <v>13</v>
      </c>
      <c r="H3147" t="s">
        <v>4686</v>
      </c>
      <c r="I3147" t="s">
        <v>30540</v>
      </c>
    </row>
    <row r="3148" spans="1:9">
      <c r="A3148" s="1">
        <f ca="1">RAND()</f>
        <v>0.33155550351928709</v>
      </c>
      <c r="B3148" s="1"/>
      <c r="C3148">
        <v>7</v>
      </c>
      <c r="D3148" t="s">
        <v>4683</v>
      </c>
      <c r="E3148" t="s">
        <v>31821</v>
      </c>
      <c r="F3148">
        <v>5</v>
      </c>
      <c r="G3148" t="s">
        <v>2</v>
      </c>
      <c r="H3148" t="s">
        <v>4684</v>
      </c>
      <c r="I3148" t="s">
        <v>30540</v>
      </c>
    </row>
    <row r="3149" spans="1:9">
      <c r="A3149" s="1">
        <f ca="1">RAND()</f>
        <v>0.81377225865867087</v>
      </c>
      <c r="B3149" s="1"/>
      <c r="C3149">
        <v>5</v>
      </c>
      <c r="D3149" t="s">
        <v>4681</v>
      </c>
      <c r="E3149" t="s">
        <v>31821</v>
      </c>
      <c r="F3149">
        <v>4</v>
      </c>
      <c r="G3149" t="s">
        <v>10</v>
      </c>
      <c r="H3149" t="s">
        <v>4682</v>
      </c>
      <c r="I3149" t="s">
        <v>30540</v>
      </c>
    </row>
    <row r="3150" spans="1:9">
      <c r="A3150" s="1">
        <f ca="1">RAND()</f>
        <v>0.5386969142312964</v>
      </c>
      <c r="B3150" s="1"/>
      <c r="C3150">
        <v>18</v>
      </c>
      <c r="D3150" t="s">
        <v>4677</v>
      </c>
      <c r="E3150" t="s">
        <v>31822</v>
      </c>
      <c r="F3150">
        <v>4</v>
      </c>
      <c r="G3150" t="s">
        <v>9</v>
      </c>
      <c r="H3150" t="s">
        <v>4678</v>
      </c>
      <c r="I3150" t="s">
        <v>30540</v>
      </c>
    </row>
    <row r="3151" spans="1:9">
      <c r="A3151" s="1">
        <f ca="1">RAND()</f>
        <v>0.97624104864226291</v>
      </c>
      <c r="B3151" s="1"/>
      <c r="C3151">
        <v>16</v>
      </c>
      <c r="D3151" t="s">
        <v>4673</v>
      </c>
      <c r="E3151" t="s">
        <v>31822</v>
      </c>
      <c r="F3151">
        <v>4</v>
      </c>
      <c r="G3151" t="s">
        <v>13</v>
      </c>
      <c r="H3151" t="s">
        <v>4674</v>
      </c>
      <c r="I3151" t="s">
        <v>30540</v>
      </c>
    </row>
    <row r="3152" spans="1:9">
      <c r="A3152" s="1">
        <f ca="1">RAND()</f>
        <v>0.37641062512089618</v>
      </c>
      <c r="B3152" s="1"/>
      <c r="C3152">
        <v>1</v>
      </c>
      <c r="D3152" t="s">
        <v>4665</v>
      </c>
      <c r="E3152" t="s">
        <v>31822</v>
      </c>
      <c r="F3152">
        <v>4</v>
      </c>
      <c r="G3152" t="s">
        <v>15</v>
      </c>
      <c r="H3152" t="s">
        <v>4666</v>
      </c>
      <c r="I3152" t="s">
        <v>30540</v>
      </c>
    </row>
    <row r="3153" spans="1:9">
      <c r="A3153" s="1">
        <f ca="1">RAND()</f>
        <v>0.15859925764151983</v>
      </c>
      <c r="B3153" s="1"/>
      <c r="C3153">
        <v>19</v>
      </c>
      <c r="D3153" t="s">
        <v>4679</v>
      </c>
      <c r="E3153" t="s">
        <v>31822</v>
      </c>
      <c r="F3153">
        <v>4</v>
      </c>
      <c r="G3153" t="s">
        <v>10</v>
      </c>
      <c r="H3153" t="s">
        <v>4680</v>
      </c>
      <c r="I3153" t="s">
        <v>30540</v>
      </c>
    </row>
    <row r="3154" spans="1:9">
      <c r="A3154" s="1">
        <f ca="1">RAND()</f>
        <v>0.68948663662366416</v>
      </c>
      <c r="B3154" s="1"/>
      <c r="C3154">
        <v>12</v>
      </c>
      <c r="D3154" t="s">
        <v>4669</v>
      </c>
      <c r="E3154" t="s">
        <v>31822</v>
      </c>
      <c r="F3154">
        <v>3</v>
      </c>
      <c r="G3154" t="s">
        <v>1295</v>
      </c>
      <c r="H3154" t="s">
        <v>4670</v>
      </c>
      <c r="I3154" t="s">
        <v>30540</v>
      </c>
    </row>
    <row r="3155" spans="1:9">
      <c r="A3155" s="1">
        <f ca="1">RAND()</f>
        <v>0.96627526076429782</v>
      </c>
      <c r="B3155" s="1"/>
      <c r="C3155">
        <v>14</v>
      </c>
      <c r="D3155" t="s">
        <v>4671</v>
      </c>
      <c r="E3155" t="s">
        <v>31822</v>
      </c>
      <c r="F3155">
        <v>3</v>
      </c>
      <c r="G3155" t="s">
        <v>774</v>
      </c>
      <c r="H3155" t="s">
        <v>4672</v>
      </c>
      <c r="I3155" t="s">
        <v>30540</v>
      </c>
    </row>
    <row r="3156" spans="1:9">
      <c r="A3156" s="1">
        <f ca="1">RAND()</f>
        <v>0.35464570375230964</v>
      </c>
      <c r="B3156" s="1"/>
      <c r="C3156">
        <v>7</v>
      </c>
      <c r="D3156" t="s">
        <v>4667</v>
      </c>
      <c r="E3156" t="s">
        <v>31822</v>
      </c>
      <c r="F3156">
        <v>2</v>
      </c>
      <c r="G3156" t="s">
        <v>774</v>
      </c>
      <c r="H3156" t="s">
        <v>4668</v>
      </c>
      <c r="I3156" t="s">
        <v>30540</v>
      </c>
    </row>
    <row r="3157" spans="1:9">
      <c r="A3157" s="1">
        <f ca="1">RAND()</f>
        <v>0.603449898669289</v>
      </c>
      <c r="B3157" s="1"/>
      <c r="C3157">
        <v>17</v>
      </c>
      <c r="D3157" t="s">
        <v>4675</v>
      </c>
      <c r="E3157" t="s">
        <v>31822</v>
      </c>
      <c r="F3157">
        <v>2</v>
      </c>
      <c r="G3157" t="s">
        <v>9</v>
      </c>
      <c r="H3157" t="s">
        <v>4676</v>
      </c>
      <c r="I3157" t="s">
        <v>30540</v>
      </c>
    </row>
    <row r="3158" spans="1:9">
      <c r="A3158" s="1">
        <f ca="1">RAND()</f>
        <v>0.5701287564866826</v>
      </c>
      <c r="B3158" s="1"/>
      <c r="C3158">
        <v>3</v>
      </c>
      <c r="D3158" t="s">
        <v>4651</v>
      </c>
      <c r="E3158" t="s">
        <v>31823</v>
      </c>
      <c r="F3158">
        <v>4</v>
      </c>
      <c r="G3158" t="s">
        <v>13</v>
      </c>
      <c r="H3158" t="s">
        <v>4652</v>
      </c>
      <c r="I3158" t="s">
        <v>30540</v>
      </c>
    </row>
    <row r="3159" spans="1:9">
      <c r="A3159" s="1">
        <f ca="1">RAND()</f>
        <v>0.57165578710439746</v>
      </c>
      <c r="B3159" s="1"/>
      <c r="C3159">
        <v>15</v>
      </c>
      <c r="D3159" t="s">
        <v>4661</v>
      </c>
      <c r="E3159" t="s">
        <v>31823</v>
      </c>
      <c r="F3159">
        <v>4</v>
      </c>
      <c r="G3159" t="s">
        <v>10</v>
      </c>
      <c r="H3159" t="s">
        <v>4662</v>
      </c>
      <c r="I3159" t="s">
        <v>30540</v>
      </c>
    </row>
    <row r="3160" spans="1:9">
      <c r="A3160" s="1">
        <f ca="1">RAND()</f>
        <v>0.13713861190544352</v>
      </c>
      <c r="B3160" s="1"/>
      <c r="C3160">
        <v>20</v>
      </c>
      <c r="D3160" t="s">
        <v>4663</v>
      </c>
      <c r="E3160" t="s">
        <v>31823</v>
      </c>
      <c r="F3160">
        <v>4</v>
      </c>
      <c r="G3160" t="s">
        <v>2</v>
      </c>
      <c r="H3160" t="s">
        <v>4664</v>
      </c>
      <c r="I3160" t="s">
        <v>30540</v>
      </c>
    </row>
    <row r="3161" spans="1:9">
      <c r="A3161" s="1">
        <f ca="1">RAND()</f>
        <v>0.43971264440798508</v>
      </c>
      <c r="B3161" s="1"/>
      <c r="C3161">
        <v>9</v>
      </c>
      <c r="D3161" t="s">
        <v>4655</v>
      </c>
      <c r="E3161" t="s">
        <v>31823</v>
      </c>
      <c r="F3161">
        <v>4</v>
      </c>
      <c r="G3161" t="s">
        <v>10</v>
      </c>
      <c r="H3161" t="s">
        <v>4656</v>
      </c>
      <c r="I3161" t="s">
        <v>30540</v>
      </c>
    </row>
    <row r="3162" spans="1:9">
      <c r="A3162" s="1">
        <f ca="1">RAND()</f>
        <v>0.10969233587525251</v>
      </c>
      <c r="B3162" s="1"/>
      <c r="C3162">
        <v>12</v>
      </c>
      <c r="D3162" t="s">
        <v>4657</v>
      </c>
      <c r="E3162" t="s">
        <v>31823</v>
      </c>
      <c r="F3162">
        <v>4</v>
      </c>
      <c r="G3162" t="s">
        <v>0</v>
      </c>
      <c r="H3162" t="s">
        <v>4658</v>
      </c>
      <c r="I3162" t="s">
        <v>30540</v>
      </c>
    </row>
    <row r="3163" spans="1:9">
      <c r="A3163" s="1">
        <f ca="1">RAND()</f>
        <v>0.87715355010492846</v>
      </c>
      <c r="B3163" s="1"/>
      <c r="C3163">
        <v>13</v>
      </c>
      <c r="D3163" t="s">
        <v>4659</v>
      </c>
      <c r="E3163" t="s">
        <v>31823</v>
      </c>
      <c r="F3163">
        <v>4</v>
      </c>
      <c r="G3163" t="s">
        <v>10</v>
      </c>
      <c r="H3163" t="s">
        <v>4660</v>
      </c>
      <c r="I3163" t="s">
        <v>30540</v>
      </c>
    </row>
    <row r="3164" spans="1:9">
      <c r="A3164" s="1">
        <f ca="1">RAND()</f>
        <v>8.6026191740482649E-2</v>
      </c>
      <c r="B3164" s="1"/>
      <c r="C3164">
        <v>5</v>
      </c>
      <c r="D3164" t="s">
        <v>4653</v>
      </c>
      <c r="E3164" t="s">
        <v>31823</v>
      </c>
      <c r="F3164">
        <v>4</v>
      </c>
      <c r="G3164" t="s">
        <v>2</v>
      </c>
      <c r="H3164" t="s">
        <v>4654</v>
      </c>
      <c r="I3164" t="s">
        <v>30540</v>
      </c>
    </row>
    <row r="3165" spans="1:9">
      <c r="A3165" s="1">
        <f ca="1">RAND()</f>
        <v>9.1077342162245389E-2</v>
      </c>
      <c r="B3165" s="1"/>
      <c r="C3165">
        <v>14</v>
      </c>
      <c r="D3165" t="s">
        <v>4647</v>
      </c>
      <c r="E3165" t="s">
        <v>31824</v>
      </c>
      <c r="F3165">
        <v>4</v>
      </c>
      <c r="G3165" t="s">
        <v>774</v>
      </c>
      <c r="H3165" t="s">
        <v>4648</v>
      </c>
      <c r="I3165" t="s">
        <v>30540</v>
      </c>
    </row>
    <row r="3166" spans="1:9">
      <c r="A3166" s="1">
        <f ca="1">RAND()</f>
        <v>0.87898154286720287</v>
      </c>
      <c r="B3166" s="1"/>
      <c r="C3166">
        <v>17</v>
      </c>
      <c r="D3166" t="s">
        <v>4649</v>
      </c>
      <c r="E3166" t="s">
        <v>31824</v>
      </c>
      <c r="F3166">
        <v>4</v>
      </c>
      <c r="G3166" t="s">
        <v>762</v>
      </c>
      <c r="H3166" t="s">
        <v>4650</v>
      </c>
      <c r="I3166" t="s">
        <v>30540</v>
      </c>
    </row>
    <row r="3167" spans="1:9">
      <c r="A3167" s="1">
        <f ca="1">RAND()</f>
        <v>0.66741048082921317</v>
      </c>
      <c r="B3167" s="1"/>
      <c r="C3167">
        <v>4</v>
      </c>
      <c r="D3167" t="s">
        <v>4645</v>
      </c>
      <c r="E3167" t="s">
        <v>31824</v>
      </c>
      <c r="F3167">
        <v>2</v>
      </c>
      <c r="G3167" t="s">
        <v>766</v>
      </c>
      <c r="H3167" t="s">
        <v>4646</v>
      </c>
      <c r="I3167" t="s">
        <v>30540</v>
      </c>
    </row>
    <row r="3168" spans="1:9">
      <c r="A3168" s="1">
        <f ca="1">RAND()</f>
        <v>0.83263788223818347</v>
      </c>
      <c r="B3168" s="1"/>
      <c r="C3168">
        <v>15</v>
      </c>
      <c r="D3168" t="s">
        <v>4637</v>
      </c>
      <c r="E3168" t="s">
        <v>31825</v>
      </c>
      <c r="F3168">
        <v>5</v>
      </c>
      <c r="G3168" t="s">
        <v>0</v>
      </c>
      <c r="H3168" t="s">
        <v>4638</v>
      </c>
      <c r="I3168" t="s">
        <v>30540</v>
      </c>
    </row>
    <row r="3169" spans="1:9">
      <c r="A3169" s="1">
        <f ca="1">RAND()</f>
        <v>0.22093270058933989</v>
      </c>
      <c r="B3169" s="1"/>
      <c r="C3169">
        <v>2</v>
      </c>
      <c r="D3169" t="s">
        <v>4631</v>
      </c>
      <c r="E3169" t="s">
        <v>31825</v>
      </c>
      <c r="F3169">
        <v>4</v>
      </c>
      <c r="G3169" t="s">
        <v>1295</v>
      </c>
      <c r="H3169" t="s">
        <v>4632</v>
      </c>
      <c r="I3169" t="s">
        <v>30540</v>
      </c>
    </row>
    <row r="3170" spans="1:9">
      <c r="A3170" s="1">
        <f ca="1">RAND()</f>
        <v>0.56940567008718368</v>
      </c>
      <c r="B3170" s="1"/>
      <c r="C3170">
        <v>16</v>
      </c>
      <c r="D3170" t="s">
        <v>4639</v>
      </c>
      <c r="E3170" t="s">
        <v>31825</v>
      </c>
      <c r="F3170">
        <v>4</v>
      </c>
      <c r="G3170" t="s">
        <v>10</v>
      </c>
      <c r="H3170" t="s">
        <v>4640</v>
      </c>
      <c r="I3170" t="s">
        <v>30540</v>
      </c>
    </row>
    <row r="3171" spans="1:9">
      <c r="A3171" s="1">
        <f ca="1">RAND()</f>
        <v>0.52265857219775691</v>
      </c>
      <c r="B3171" s="1"/>
      <c r="C3171">
        <v>17</v>
      </c>
      <c r="D3171" t="s">
        <v>4641</v>
      </c>
      <c r="E3171" t="s">
        <v>31825</v>
      </c>
      <c r="F3171">
        <v>4</v>
      </c>
      <c r="G3171" t="s">
        <v>10</v>
      </c>
      <c r="H3171" t="s">
        <v>4642</v>
      </c>
      <c r="I3171" t="s">
        <v>30540</v>
      </c>
    </row>
    <row r="3172" spans="1:9">
      <c r="A3172" s="1">
        <f ca="1">RAND()</f>
        <v>0.66284003868477281</v>
      </c>
      <c r="B3172" s="1"/>
      <c r="C3172">
        <v>20</v>
      </c>
      <c r="D3172" t="s">
        <v>4643</v>
      </c>
      <c r="E3172" t="s">
        <v>31825</v>
      </c>
      <c r="F3172">
        <v>4</v>
      </c>
      <c r="G3172" t="s">
        <v>10</v>
      </c>
      <c r="H3172" t="s">
        <v>4644</v>
      </c>
      <c r="I3172" t="s">
        <v>30540</v>
      </c>
    </row>
    <row r="3173" spans="1:9">
      <c r="A3173" s="1">
        <f ca="1">RAND()</f>
        <v>0.82755216444876034</v>
      </c>
      <c r="B3173" s="1"/>
      <c r="C3173">
        <v>7</v>
      </c>
      <c r="D3173" t="s">
        <v>4633</v>
      </c>
      <c r="E3173" t="s">
        <v>31825</v>
      </c>
      <c r="F3173">
        <v>4</v>
      </c>
      <c r="G3173" t="s">
        <v>10</v>
      </c>
      <c r="H3173" t="s">
        <v>4634</v>
      </c>
      <c r="I3173" t="s">
        <v>30540</v>
      </c>
    </row>
    <row r="3174" spans="1:9">
      <c r="A3174" s="1">
        <f ca="1">RAND()</f>
        <v>1.4385343142350182E-3</v>
      </c>
      <c r="B3174" s="1"/>
      <c r="C3174">
        <v>11</v>
      </c>
      <c r="D3174" t="s">
        <v>4635</v>
      </c>
      <c r="E3174" t="s">
        <v>31825</v>
      </c>
      <c r="F3174">
        <v>3</v>
      </c>
      <c r="G3174" t="s">
        <v>10</v>
      </c>
      <c r="H3174" t="s">
        <v>4636</v>
      </c>
      <c r="I3174" t="s">
        <v>30540</v>
      </c>
    </row>
    <row r="3175" spans="1:9">
      <c r="A3175" s="1">
        <f ca="1">RAND()</f>
        <v>0.46691882280085073</v>
      </c>
      <c r="B3175" s="1"/>
      <c r="C3175">
        <v>16</v>
      </c>
      <c r="D3175" t="s">
        <v>4629</v>
      </c>
      <c r="E3175" t="s">
        <v>31826</v>
      </c>
      <c r="F3175">
        <v>4</v>
      </c>
      <c r="G3175" t="s">
        <v>15</v>
      </c>
      <c r="H3175" t="s">
        <v>4630</v>
      </c>
      <c r="I3175" t="s">
        <v>30540</v>
      </c>
    </row>
    <row r="3176" spans="1:9">
      <c r="A3176" s="1">
        <f ca="1">RAND()</f>
        <v>0.54449415963566883</v>
      </c>
      <c r="B3176" s="1"/>
      <c r="C3176">
        <v>14</v>
      </c>
      <c r="D3176" t="s">
        <v>4625</v>
      </c>
      <c r="E3176" t="s">
        <v>31826</v>
      </c>
      <c r="F3176">
        <v>4</v>
      </c>
      <c r="G3176" t="s">
        <v>10</v>
      </c>
      <c r="H3176" t="s">
        <v>4626</v>
      </c>
      <c r="I3176" t="s">
        <v>30540</v>
      </c>
    </row>
    <row r="3177" spans="1:9">
      <c r="A3177" s="1">
        <f ca="1">RAND()</f>
        <v>0.97855747437953478</v>
      </c>
      <c r="B3177" s="1"/>
      <c r="C3177">
        <v>15</v>
      </c>
      <c r="D3177" t="s">
        <v>4627</v>
      </c>
      <c r="E3177" t="s">
        <v>31826</v>
      </c>
      <c r="F3177">
        <v>4</v>
      </c>
      <c r="G3177" t="s">
        <v>10</v>
      </c>
      <c r="H3177" t="s">
        <v>4628</v>
      </c>
      <c r="I3177" t="s">
        <v>30540</v>
      </c>
    </row>
    <row r="3178" spans="1:9">
      <c r="A3178" s="1">
        <f ca="1">RAND()</f>
        <v>0.48485464734967443</v>
      </c>
      <c r="B3178" s="1"/>
      <c r="C3178">
        <v>2</v>
      </c>
      <c r="D3178" t="s">
        <v>4619</v>
      </c>
      <c r="E3178" t="s">
        <v>31826</v>
      </c>
      <c r="F3178">
        <v>4</v>
      </c>
      <c r="G3178" t="s">
        <v>0</v>
      </c>
      <c r="H3178" t="s">
        <v>4620</v>
      </c>
      <c r="I3178" t="s">
        <v>30540</v>
      </c>
    </row>
    <row r="3179" spans="1:9">
      <c r="A3179" s="1">
        <f ca="1">RAND()</f>
        <v>0.58611167082899251</v>
      </c>
      <c r="B3179" s="1"/>
      <c r="C3179">
        <v>13</v>
      </c>
      <c r="D3179" t="s">
        <v>4623</v>
      </c>
      <c r="E3179" t="s">
        <v>31826</v>
      </c>
      <c r="F3179">
        <v>4</v>
      </c>
      <c r="G3179" t="s">
        <v>15</v>
      </c>
      <c r="H3179" t="s">
        <v>4624</v>
      </c>
      <c r="I3179" t="s">
        <v>30540</v>
      </c>
    </row>
    <row r="3180" spans="1:9">
      <c r="A3180" s="1">
        <f ca="1">RAND()</f>
        <v>0.28854233743801094</v>
      </c>
      <c r="B3180" s="1"/>
      <c r="C3180">
        <v>8</v>
      </c>
      <c r="D3180" t="s">
        <v>4621</v>
      </c>
      <c r="E3180" t="s">
        <v>31826</v>
      </c>
      <c r="F3180">
        <v>4</v>
      </c>
      <c r="G3180" t="s">
        <v>10</v>
      </c>
      <c r="H3180" t="s">
        <v>4622</v>
      </c>
      <c r="I3180" t="s">
        <v>30540</v>
      </c>
    </row>
    <row r="3181" spans="1:9">
      <c r="A3181" s="1">
        <f ca="1">RAND()</f>
        <v>0.43405762202897979</v>
      </c>
      <c r="B3181" s="1"/>
      <c r="C3181">
        <v>8</v>
      </c>
      <c r="D3181" t="s">
        <v>4615</v>
      </c>
      <c r="E3181" t="s">
        <v>31827</v>
      </c>
      <c r="F3181">
        <v>4</v>
      </c>
      <c r="G3181" t="s">
        <v>765</v>
      </c>
      <c r="H3181" t="s">
        <v>4616</v>
      </c>
      <c r="I3181" t="s">
        <v>30540</v>
      </c>
    </row>
    <row r="3182" spans="1:9">
      <c r="A3182" s="1">
        <f ca="1">RAND()</f>
        <v>0.6274437552196559</v>
      </c>
      <c r="B3182" s="1"/>
      <c r="C3182">
        <v>20</v>
      </c>
      <c r="D3182" t="s">
        <v>4617</v>
      </c>
      <c r="E3182" t="s">
        <v>31827</v>
      </c>
      <c r="F3182">
        <v>3</v>
      </c>
      <c r="G3182" t="s">
        <v>13</v>
      </c>
      <c r="H3182" t="s">
        <v>4618</v>
      </c>
      <c r="I3182" t="s">
        <v>30540</v>
      </c>
    </row>
    <row r="3183" spans="1:9">
      <c r="A3183" s="1">
        <f ca="1">RAND()</f>
        <v>0.6661962537262317</v>
      </c>
      <c r="B3183" s="1"/>
      <c r="C3183">
        <v>8</v>
      </c>
      <c r="D3183" t="s">
        <v>4605</v>
      </c>
      <c r="E3183" t="s">
        <v>31828</v>
      </c>
      <c r="F3183">
        <v>5</v>
      </c>
      <c r="G3183" t="s">
        <v>10</v>
      </c>
      <c r="H3183" t="s">
        <v>4606</v>
      </c>
      <c r="I3183" t="s">
        <v>30540</v>
      </c>
    </row>
    <row r="3184" spans="1:9">
      <c r="A3184" s="1">
        <f ca="1">RAND()</f>
        <v>0.65669879059443192</v>
      </c>
      <c r="B3184" s="1"/>
      <c r="C3184">
        <v>12</v>
      </c>
      <c r="D3184" t="s">
        <v>4609</v>
      </c>
      <c r="E3184" t="s">
        <v>31828</v>
      </c>
      <c r="F3184">
        <v>5</v>
      </c>
      <c r="G3184" t="s">
        <v>0</v>
      </c>
      <c r="H3184" t="s">
        <v>4610</v>
      </c>
      <c r="I3184" t="s">
        <v>30540</v>
      </c>
    </row>
    <row r="3185" spans="1:9">
      <c r="A3185" s="1">
        <f ca="1">RAND()</f>
        <v>0.27478836640694615</v>
      </c>
      <c r="B3185" s="1"/>
      <c r="C3185">
        <v>14</v>
      </c>
      <c r="D3185" t="s">
        <v>4611</v>
      </c>
      <c r="E3185" t="s">
        <v>31828</v>
      </c>
      <c r="F3185">
        <v>4</v>
      </c>
      <c r="G3185" t="s">
        <v>10</v>
      </c>
      <c r="H3185" t="s">
        <v>4612</v>
      </c>
      <c r="I3185" t="s">
        <v>30540</v>
      </c>
    </row>
    <row r="3186" spans="1:9">
      <c r="A3186" s="1">
        <f ca="1">RAND()</f>
        <v>0.75168903191627734</v>
      </c>
      <c r="B3186" s="1"/>
      <c r="C3186">
        <v>1</v>
      </c>
      <c r="D3186" t="s">
        <v>4599</v>
      </c>
      <c r="E3186" t="s">
        <v>31828</v>
      </c>
      <c r="F3186">
        <v>4</v>
      </c>
      <c r="G3186" t="s">
        <v>1</v>
      </c>
      <c r="H3186" t="s">
        <v>4600</v>
      </c>
      <c r="I3186" t="s">
        <v>30540</v>
      </c>
    </row>
    <row r="3187" spans="1:9">
      <c r="A3187" s="1">
        <f ca="1">RAND()</f>
        <v>0.56955242194055866</v>
      </c>
      <c r="B3187" s="1"/>
      <c r="C3187">
        <v>4</v>
      </c>
      <c r="D3187" t="s">
        <v>4601</v>
      </c>
      <c r="E3187" t="s">
        <v>31828</v>
      </c>
      <c r="F3187">
        <v>3</v>
      </c>
      <c r="G3187" t="s">
        <v>14</v>
      </c>
      <c r="H3187" t="s">
        <v>4602</v>
      </c>
      <c r="I3187" t="s">
        <v>30540</v>
      </c>
    </row>
    <row r="3188" spans="1:9">
      <c r="A3188" s="1">
        <f ca="1">RAND()</f>
        <v>0.83056397738842835</v>
      </c>
      <c r="B3188" s="1"/>
      <c r="C3188">
        <v>7</v>
      </c>
      <c r="D3188" t="s">
        <v>4603</v>
      </c>
      <c r="E3188" t="s">
        <v>31828</v>
      </c>
      <c r="F3188">
        <v>3</v>
      </c>
      <c r="G3188" t="s">
        <v>2</v>
      </c>
      <c r="H3188" t="s">
        <v>4604</v>
      </c>
      <c r="I3188" t="s">
        <v>30540</v>
      </c>
    </row>
    <row r="3189" spans="1:9">
      <c r="A3189" s="1">
        <f ca="1">RAND()</f>
        <v>0.79817548381320291</v>
      </c>
      <c r="B3189" s="1"/>
      <c r="C3189">
        <v>9</v>
      </c>
      <c r="D3189" t="s">
        <v>4607</v>
      </c>
      <c r="E3189" t="s">
        <v>31828</v>
      </c>
      <c r="F3189">
        <v>2</v>
      </c>
      <c r="G3189" t="s">
        <v>9</v>
      </c>
      <c r="H3189" t="s">
        <v>4608</v>
      </c>
      <c r="I3189" t="s">
        <v>30540</v>
      </c>
    </row>
    <row r="3190" spans="1:9">
      <c r="A3190" s="1">
        <f ca="1">RAND()</f>
        <v>0.24963436340522327</v>
      </c>
      <c r="B3190" s="1"/>
      <c r="C3190">
        <v>15</v>
      </c>
      <c r="D3190" t="s">
        <v>4613</v>
      </c>
      <c r="E3190" t="s">
        <v>31828</v>
      </c>
      <c r="F3190">
        <v>2</v>
      </c>
      <c r="G3190" t="s">
        <v>15</v>
      </c>
      <c r="H3190" t="s">
        <v>4614</v>
      </c>
      <c r="I3190" t="s">
        <v>30540</v>
      </c>
    </row>
    <row r="3191" spans="1:9">
      <c r="A3191" s="1">
        <f ca="1">RAND()</f>
        <v>0.43250615088152766</v>
      </c>
      <c r="B3191" s="1"/>
      <c r="C3191">
        <v>10</v>
      </c>
      <c r="D3191" t="s">
        <v>4587</v>
      </c>
      <c r="E3191" t="s">
        <v>31829</v>
      </c>
      <c r="F3191">
        <v>5</v>
      </c>
      <c r="G3191" t="s">
        <v>1</v>
      </c>
      <c r="H3191" t="s">
        <v>4588</v>
      </c>
      <c r="I3191" t="s">
        <v>30540</v>
      </c>
    </row>
    <row r="3192" spans="1:9">
      <c r="A3192" s="1">
        <f ca="1">RAND()</f>
        <v>0.65467402069601055</v>
      </c>
      <c r="B3192" s="1"/>
      <c r="C3192">
        <v>20</v>
      </c>
      <c r="D3192" t="s">
        <v>4597</v>
      </c>
      <c r="E3192" t="s">
        <v>31829</v>
      </c>
      <c r="F3192">
        <v>4</v>
      </c>
      <c r="G3192" t="s">
        <v>10</v>
      </c>
      <c r="H3192" t="s">
        <v>4598</v>
      </c>
      <c r="I3192" t="s">
        <v>30540</v>
      </c>
    </row>
    <row r="3193" spans="1:9">
      <c r="A3193" s="1">
        <f ca="1">RAND()</f>
        <v>5.263355123374569E-2</v>
      </c>
      <c r="B3193" s="1"/>
      <c r="C3193">
        <v>8</v>
      </c>
      <c r="D3193" t="s">
        <v>4585</v>
      </c>
      <c r="E3193" t="s">
        <v>31829</v>
      </c>
      <c r="F3193">
        <v>4</v>
      </c>
      <c r="G3193" t="s">
        <v>9</v>
      </c>
      <c r="H3193" t="s">
        <v>4586</v>
      </c>
      <c r="I3193" t="s">
        <v>30540</v>
      </c>
    </row>
    <row r="3194" spans="1:9">
      <c r="A3194" s="1">
        <f ca="1">RAND()</f>
        <v>0.64302753291091441</v>
      </c>
      <c r="B3194" s="1"/>
      <c r="C3194">
        <v>17</v>
      </c>
      <c r="D3194" t="s">
        <v>4593</v>
      </c>
      <c r="E3194" t="s">
        <v>31829</v>
      </c>
      <c r="F3194">
        <v>4</v>
      </c>
      <c r="G3194" t="s">
        <v>10</v>
      </c>
      <c r="H3194" t="s">
        <v>4594</v>
      </c>
      <c r="I3194" t="s">
        <v>30540</v>
      </c>
    </row>
    <row r="3195" spans="1:9">
      <c r="A3195" s="1">
        <f ca="1">RAND()</f>
        <v>0.25754077192510638</v>
      </c>
      <c r="B3195" s="1"/>
      <c r="C3195">
        <v>6</v>
      </c>
      <c r="D3195" t="s">
        <v>4583</v>
      </c>
      <c r="E3195" t="s">
        <v>31829</v>
      </c>
      <c r="F3195">
        <v>4</v>
      </c>
      <c r="G3195" t="s">
        <v>770</v>
      </c>
      <c r="H3195" t="s">
        <v>4584</v>
      </c>
      <c r="I3195" t="s">
        <v>30540</v>
      </c>
    </row>
    <row r="3196" spans="1:9">
      <c r="A3196" s="1">
        <f ca="1">RAND()</f>
        <v>0.87214312573346553</v>
      </c>
      <c r="B3196" s="1"/>
      <c r="C3196">
        <v>15</v>
      </c>
      <c r="D3196" t="s">
        <v>4589</v>
      </c>
      <c r="E3196" t="s">
        <v>31829</v>
      </c>
      <c r="F3196">
        <v>4</v>
      </c>
      <c r="G3196" t="s">
        <v>15</v>
      </c>
      <c r="H3196" t="s">
        <v>4590</v>
      </c>
      <c r="I3196" t="s">
        <v>30540</v>
      </c>
    </row>
    <row r="3197" spans="1:9">
      <c r="A3197" s="1">
        <f ca="1">RAND()</f>
        <v>0.84028560338799696</v>
      </c>
      <c r="B3197" s="1"/>
      <c r="C3197">
        <v>19</v>
      </c>
      <c r="D3197" t="s">
        <v>4595</v>
      </c>
      <c r="E3197" t="s">
        <v>31829</v>
      </c>
      <c r="F3197">
        <v>4</v>
      </c>
      <c r="G3197" t="s">
        <v>0</v>
      </c>
      <c r="H3197" t="s">
        <v>4596</v>
      </c>
      <c r="I3197" t="s">
        <v>30540</v>
      </c>
    </row>
    <row r="3198" spans="1:9">
      <c r="A3198" s="1">
        <f ca="1">RAND()</f>
        <v>0.71988495449443846</v>
      </c>
      <c r="B3198" s="1"/>
      <c r="C3198">
        <v>16</v>
      </c>
      <c r="D3198" t="s">
        <v>4591</v>
      </c>
      <c r="E3198" t="s">
        <v>31829</v>
      </c>
      <c r="F3198">
        <v>3</v>
      </c>
      <c r="G3198" t="s">
        <v>10</v>
      </c>
      <c r="H3198" t="s">
        <v>4592</v>
      </c>
      <c r="I3198" t="s">
        <v>30540</v>
      </c>
    </row>
    <row r="3199" spans="1:9">
      <c r="A3199" s="1">
        <f ca="1">RAND()</f>
        <v>0.79879659505958944</v>
      </c>
      <c r="B3199" s="1"/>
      <c r="C3199">
        <v>11</v>
      </c>
      <c r="D3199" t="s">
        <v>4573</v>
      </c>
      <c r="E3199" t="s">
        <v>31830</v>
      </c>
      <c r="F3199">
        <v>5</v>
      </c>
      <c r="G3199" t="s">
        <v>9</v>
      </c>
      <c r="H3199" t="s">
        <v>4574</v>
      </c>
      <c r="I3199" t="s">
        <v>30540</v>
      </c>
    </row>
    <row r="3200" spans="1:9">
      <c r="A3200" s="1">
        <f ca="1">RAND()</f>
        <v>0.94981154367698539</v>
      </c>
      <c r="B3200" s="1"/>
      <c r="C3200">
        <v>12</v>
      </c>
      <c r="D3200" t="s">
        <v>4575</v>
      </c>
      <c r="E3200" t="s">
        <v>31830</v>
      </c>
      <c r="F3200">
        <v>4</v>
      </c>
      <c r="G3200" t="s">
        <v>10</v>
      </c>
      <c r="H3200" t="s">
        <v>4576</v>
      </c>
      <c r="I3200" t="s">
        <v>30540</v>
      </c>
    </row>
    <row r="3201" spans="1:9">
      <c r="A3201" s="1">
        <f ca="1">RAND()</f>
        <v>3.9697503476482376E-3</v>
      </c>
      <c r="B3201" s="1"/>
      <c r="C3201">
        <v>17</v>
      </c>
      <c r="D3201" t="s">
        <v>4579</v>
      </c>
      <c r="E3201" t="s">
        <v>31830</v>
      </c>
      <c r="F3201">
        <v>4</v>
      </c>
      <c r="G3201" t="s">
        <v>10</v>
      </c>
      <c r="H3201" t="s">
        <v>4580</v>
      </c>
      <c r="I3201" t="s">
        <v>30540</v>
      </c>
    </row>
    <row r="3202" spans="1:9">
      <c r="A3202" s="1">
        <f ca="1">RAND()</f>
        <v>0.46301995736571588</v>
      </c>
      <c r="B3202" s="1"/>
      <c r="C3202">
        <v>18</v>
      </c>
      <c r="D3202" t="s">
        <v>4581</v>
      </c>
      <c r="E3202" t="s">
        <v>31830</v>
      </c>
      <c r="F3202">
        <v>4</v>
      </c>
      <c r="G3202" t="s">
        <v>15</v>
      </c>
      <c r="H3202" t="s">
        <v>4582</v>
      </c>
      <c r="I3202" t="s">
        <v>30540</v>
      </c>
    </row>
    <row r="3203" spans="1:9">
      <c r="A3203" s="1">
        <f ca="1">RAND()</f>
        <v>0.4435136749789832</v>
      </c>
      <c r="B3203" s="1"/>
      <c r="C3203">
        <v>13</v>
      </c>
      <c r="D3203" t="s">
        <v>4577</v>
      </c>
      <c r="E3203" t="s">
        <v>31830</v>
      </c>
      <c r="F3203">
        <v>4</v>
      </c>
      <c r="G3203" t="s">
        <v>2</v>
      </c>
      <c r="H3203" t="s">
        <v>4578</v>
      </c>
      <c r="I3203" t="s">
        <v>30540</v>
      </c>
    </row>
    <row r="3204" spans="1:9">
      <c r="A3204" s="1">
        <f ca="1">RAND()</f>
        <v>0.76824224597786572</v>
      </c>
      <c r="B3204" s="1"/>
      <c r="C3204">
        <v>2</v>
      </c>
      <c r="D3204" t="s">
        <v>4569</v>
      </c>
      <c r="E3204" t="s">
        <v>31830</v>
      </c>
      <c r="F3204">
        <v>2</v>
      </c>
      <c r="G3204" t="s">
        <v>9</v>
      </c>
      <c r="H3204" t="s">
        <v>4570</v>
      </c>
      <c r="I3204" t="s">
        <v>30540</v>
      </c>
    </row>
    <row r="3205" spans="1:9">
      <c r="A3205" s="1">
        <f ca="1">RAND()</f>
        <v>0.12015461125298521</v>
      </c>
      <c r="B3205" s="1"/>
      <c r="C3205">
        <v>9</v>
      </c>
      <c r="D3205" t="s">
        <v>4571</v>
      </c>
      <c r="E3205" t="s">
        <v>31830</v>
      </c>
      <c r="F3205">
        <v>2</v>
      </c>
      <c r="G3205" t="s">
        <v>771</v>
      </c>
      <c r="H3205" t="s">
        <v>4572</v>
      </c>
      <c r="I3205" t="s">
        <v>30540</v>
      </c>
    </row>
    <row r="3206" spans="1:9">
      <c r="A3206" s="1">
        <f ca="1">RAND()</f>
        <v>0.33854864713072141</v>
      </c>
      <c r="B3206" s="1"/>
      <c r="C3206">
        <v>6</v>
      </c>
      <c r="D3206" t="s">
        <v>4563</v>
      </c>
      <c r="E3206" t="s">
        <v>31831</v>
      </c>
      <c r="F3206">
        <v>4</v>
      </c>
      <c r="G3206" t="s">
        <v>10</v>
      </c>
      <c r="H3206" t="s">
        <v>4564</v>
      </c>
      <c r="I3206" t="s">
        <v>30540</v>
      </c>
    </row>
    <row r="3207" spans="1:9">
      <c r="A3207" s="1">
        <f ca="1">RAND()</f>
        <v>0.27377925465251429</v>
      </c>
      <c r="B3207" s="1"/>
      <c r="C3207">
        <v>8</v>
      </c>
      <c r="D3207" t="s">
        <v>4565</v>
      </c>
      <c r="E3207" t="s">
        <v>31831</v>
      </c>
      <c r="F3207">
        <v>4</v>
      </c>
      <c r="G3207" t="s">
        <v>10</v>
      </c>
      <c r="H3207" t="s">
        <v>4566</v>
      </c>
      <c r="I3207" t="s">
        <v>30540</v>
      </c>
    </row>
    <row r="3208" spans="1:9">
      <c r="A3208" s="1">
        <f ca="1">RAND()</f>
        <v>0.88031200595539316</v>
      </c>
      <c r="B3208" s="1"/>
      <c r="C3208">
        <v>19</v>
      </c>
      <c r="D3208" t="s">
        <v>4567</v>
      </c>
      <c r="E3208" t="s">
        <v>31831</v>
      </c>
      <c r="F3208">
        <v>4</v>
      </c>
      <c r="G3208" t="s">
        <v>10</v>
      </c>
      <c r="H3208" t="s">
        <v>4568</v>
      </c>
      <c r="I3208" t="s">
        <v>30540</v>
      </c>
    </row>
    <row r="3209" spans="1:9">
      <c r="A3209" s="1">
        <f ca="1">RAND()</f>
        <v>0.99949543213710612</v>
      </c>
      <c r="B3209" s="1"/>
      <c r="C3209">
        <v>18</v>
      </c>
      <c r="D3209" t="s">
        <v>4559</v>
      </c>
      <c r="E3209" t="s">
        <v>31832</v>
      </c>
      <c r="F3209">
        <v>4</v>
      </c>
      <c r="G3209" t="s">
        <v>769</v>
      </c>
      <c r="H3209" t="s">
        <v>4560</v>
      </c>
      <c r="I3209" t="s">
        <v>30540</v>
      </c>
    </row>
    <row r="3210" spans="1:9">
      <c r="A3210" s="1">
        <f ca="1">RAND()</f>
        <v>8.0066048400078471E-2</v>
      </c>
      <c r="B3210" s="1"/>
      <c r="C3210">
        <v>20</v>
      </c>
      <c r="D3210" t="s">
        <v>4561</v>
      </c>
      <c r="E3210" t="s">
        <v>31832</v>
      </c>
      <c r="F3210">
        <v>4</v>
      </c>
      <c r="G3210" t="s">
        <v>2</v>
      </c>
      <c r="H3210" t="s">
        <v>4562</v>
      </c>
      <c r="I3210" t="s">
        <v>30540</v>
      </c>
    </row>
    <row r="3211" spans="1:9">
      <c r="A3211" s="1">
        <f ca="1">RAND()</f>
        <v>0.20556156223460242</v>
      </c>
      <c r="B3211" s="1"/>
      <c r="C3211">
        <v>1</v>
      </c>
      <c r="D3211" t="s">
        <v>4551</v>
      </c>
      <c r="E3211" t="s">
        <v>31832</v>
      </c>
      <c r="F3211">
        <v>4</v>
      </c>
      <c r="G3211" t="s">
        <v>15</v>
      </c>
      <c r="H3211" t="s">
        <v>4552</v>
      </c>
      <c r="I3211" t="s">
        <v>30540</v>
      </c>
    </row>
    <row r="3212" spans="1:9">
      <c r="A3212" s="1">
        <f ca="1">RAND()</f>
        <v>0.40534735882503514</v>
      </c>
      <c r="B3212" s="1"/>
      <c r="C3212">
        <v>16</v>
      </c>
      <c r="D3212" t="s">
        <v>4557</v>
      </c>
      <c r="E3212" t="s">
        <v>31832</v>
      </c>
      <c r="F3212">
        <v>4</v>
      </c>
      <c r="G3212" t="s">
        <v>774</v>
      </c>
      <c r="H3212" t="s">
        <v>4558</v>
      </c>
      <c r="I3212" t="s">
        <v>30540</v>
      </c>
    </row>
    <row r="3213" spans="1:9">
      <c r="A3213" s="1">
        <f ca="1">RAND()</f>
        <v>0.50924170691547377</v>
      </c>
      <c r="B3213" s="1"/>
      <c r="C3213">
        <v>8</v>
      </c>
      <c r="D3213" t="s">
        <v>4553</v>
      </c>
      <c r="E3213" t="s">
        <v>31832</v>
      </c>
      <c r="F3213">
        <v>3</v>
      </c>
      <c r="G3213" t="s">
        <v>1</v>
      </c>
      <c r="H3213" t="s">
        <v>4554</v>
      </c>
      <c r="I3213" t="s">
        <v>30540</v>
      </c>
    </row>
    <row r="3214" spans="1:9">
      <c r="A3214" s="1">
        <f ca="1">RAND()</f>
        <v>0.79523308960609984</v>
      </c>
      <c r="B3214" s="1"/>
      <c r="C3214">
        <v>13</v>
      </c>
      <c r="D3214" t="s">
        <v>4555</v>
      </c>
      <c r="E3214" t="s">
        <v>31832</v>
      </c>
      <c r="F3214">
        <v>2</v>
      </c>
      <c r="G3214" t="s">
        <v>2</v>
      </c>
      <c r="H3214" t="s">
        <v>4556</v>
      </c>
      <c r="I3214" t="s">
        <v>30540</v>
      </c>
    </row>
    <row r="3215" spans="1:9">
      <c r="A3215" s="1">
        <f ca="1">RAND()</f>
        <v>2.2633829780709491E-2</v>
      </c>
      <c r="B3215" s="1"/>
      <c r="C3215">
        <v>7</v>
      </c>
      <c r="D3215" t="s">
        <v>4543</v>
      </c>
      <c r="E3215" t="s">
        <v>31833</v>
      </c>
      <c r="F3215">
        <v>4</v>
      </c>
      <c r="G3215" t="s">
        <v>2</v>
      </c>
      <c r="H3215" t="s">
        <v>4544</v>
      </c>
      <c r="I3215" t="s">
        <v>30540</v>
      </c>
    </row>
    <row r="3216" spans="1:9">
      <c r="A3216" s="1">
        <f ca="1">RAND()</f>
        <v>8.4141908986871572E-2</v>
      </c>
      <c r="B3216" s="1"/>
      <c r="C3216">
        <v>13</v>
      </c>
      <c r="D3216" t="s">
        <v>4549</v>
      </c>
      <c r="E3216" t="s">
        <v>31833</v>
      </c>
      <c r="F3216">
        <v>4</v>
      </c>
      <c r="G3216" t="s">
        <v>9</v>
      </c>
      <c r="H3216" t="s">
        <v>4550</v>
      </c>
      <c r="I3216" t="s">
        <v>30540</v>
      </c>
    </row>
    <row r="3217" spans="1:9">
      <c r="A3217" s="1">
        <f ca="1">RAND()</f>
        <v>0.36101049380079919</v>
      </c>
      <c r="B3217" s="1"/>
      <c r="C3217">
        <v>5</v>
      </c>
      <c r="D3217" t="s">
        <v>4541</v>
      </c>
      <c r="E3217" t="s">
        <v>31833</v>
      </c>
      <c r="F3217">
        <v>4</v>
      </c>
      <c r="G3217" t="s">
        <v>2</v>
      </c>
      <c r="H3217" t="s">
        <v>4542</v>
      </c>
      <c r="I3217" t="s">
        <v>30540</v>
      </c>
    </row>
    <row r="3218" spans="1:9">
      <c r="A3218" s="1">
        <f ca="1">RAND()</f>
        <v>0.61325143727733122</v>
      </c>
      <c r="B3218" s="1"/>
      <c r="C3218">
        <v>12</v>
      </c>
      <c r="D3218" t="s">
        <v>4547</v>
      </c>
      <c r="E3218" t="s">
        <v>31833</v>
      </c>
      <c r="F3218">
        <v>4</v>
      </c>
      <c r="G3218" t="s">
        <v>10</v>
      </c>
      <c r="H3218" t="s">
        <v>4548</v>
      </c>
      <c r="I3218" t="s">
        <v>30540</v>
      </c>
    </row>
    <row r="3219" spans="1:9">
      <c r="A3219" s="1">
        <f ca="1">RAND()</f>
        <v>0.38276260110124116</v>
      </c>
      <c r="B3219" s="1"/>
      <c r="C3219">
        <v>11</v>
      </c>
      <c r="D3219" t="s">
        <v>4545</v>
      </c>
      <c r="E3219" t="s">
        <v>31833</v>
      </c>
      <c r="F3219">
        <v>2</v>
      </c>
      <c r="G3219" t="s">
        <v>10</v>
      </c>
      <c r="H3219" t="s">
        <v>4546</v>
      </c>
      <c r="I3219" t="s">
        <v>30540</v>
      </c>
    </row>
    <row r="3220" spans="1:9">
      <c r="A3220" s="1">
        <f ca="1">RAND()</f>
        <v>0.17006922103139099</v>
      </c>
      <c r="B3220" s="1"/>
      <c r="C3220">
        <v>11</v>
      </c>
      <c r="D3220" t="s">
        <v>4533</v>
      </c>
      <c r="E3220" t="s">
        <v>31834</v>
      </c>
      <c r="F3220">
        <v>5</v>
      </c>
      <c r="G3220" t="s">
        <v>0</v>
      </c>
      <c r="H3220" t="s">
        <v>4534</v>
      </c>
      <c r="I3220" t="s">
        <v>30540</v>
      </c>
    </row>
    <row r="3221" spans="1:9">
      <c r="A3221" s="1">
        <f ca="1">RAND()</f>
        <v>5.2354059368409644E-2</v>
      </c>
      <c r="B3221" s="1"/>
      <c r="C3221">
        <v>17</v>
      </c>
      <c r="D3221" t="s">
        <v>4539</v>
      </c>
      <c r="E3221" t="s">
        <v>31834</v>
      </c>
      <c r="F3221">
        <v>4</v>
      </c>
      <c r="G3221" t="s">
        <v>10</v>
      </c>
      <c r="H3221" t="s">
        <v>4540</v>
      </c>
      <c r="I3221" t="s">
        <v>30540</v>
      </c>
    </row>
    <row r="3222" spans="1:9">
      <c r="A3222" s="1">
        <f ca="1">RAND()</f>
        <v>0.95626220872511347</v>
      </c>
      <c r="B3222" s="1"/>
      <c r="C3222">
        <v>15</v>
      </c>
      <c r="D3222" t="s">
        <v>4537</v>
      </c>
      <c r="E3222" t="s">
        <v>31834</v>
      </c>
      <c r="F3222">
        <v>4</v>
      </c>
      <c r="G3222" t="s">
        <v>10</v>
      </c>
      <c r="H3222" t="s">
        <v>4538</v>
      </c>
      <c r="I3222" t="s">
        <v>30540</v>
      </c>
    </row>
    <row r="3223" spans="1:9">
      <c r="A3223" s="1">
        <f ca="1">RAND()</f>
        <v>3.6736946490489863E-2</v>
      </c>
      <c r="B3223" s="1"/>
      <c r="C3223">
        <v>14</v>
      </c>
      <c r="D3223" t="s">
        <v>4535</v>
      </c>
      <c r="E3223" t="s">
        <v>31834</v>
      </c>
      <c r="F3223">
        <v>4</v>
      </c>
      <c r="G3223" t="s">
        <v>10</v>
      </c>
      <c r="H3223" t="s">
        <v>4536</v>
      </c>
      <c r="I3223" t="s">
        <v>30540</v>
      </c>
    </row>
    <row r="3224" spans="1:9">
      <c r="A3224" s="1">
        <f ca="1">RAND()</f>
        <v>0.67594973505808043</v>
      </c>
      <c r="B3224" s="1"/>
      <c r="C3224">
        <v>7</v>
      </c>
      <c r="D3224" t="s">
        <v>4531</v>
      </c>
      <c r="E3224" t="s">
        <v>31834</v>
      </c>
      <c r="F3224">
        <v>2</v>
      </c>
      <c r="G3224" t="s">
        <v>9</v>
      </c>
      <c r="H3224" t="s">
        <v>4532</v>
      </c>
      <c r="I3224" t="s">
        <v>30540</v>
      </c>
    </row>
    <row r="3225" spans="1:9">
      <c r="A3225" s="1">
        <f ca="1">RAND()</f>
        <v>0.69074934063387861</v>
      </c>
      <c r="B3225" s="1"/>
      <c r="C3225">
        <v>20</v>
      </c>
      <c r="D3225" t="s">
        <v>4529</v>
      </c>
      <c r="E3225" t="s">
        <v>31835</v>
      </c>
      <c r="F3225">
        <v>4</v>
      </c>
      <c r="G3225" t="s">
        <v>0</v>
      </c>
      <c r="H3225" t="s">
        <v>4530</v>
      </c>
      <c r="I3225" t="s">
        <v>30540</v>
      </c>
    </row>
    <row r="3226" spans="1:9">
      <c r="A3226" s="1">
        <f ca="1">RAND()</f>
        <v>0.35625692623529881</v>
      </c>
      <c r="B3226" s="1"/>
      <c r="C3226">
        <v>14</v>
      </c>
      <c r="D3226" t="s">
        <v>4525</v>
      </c>
      <c r="E3226" t="s">
        <v>31835</v>
      </c>
      <c r="F3226">
        <v>4</v>
      </c>
      <c r="G3226" t="s">
        <v>9</v>
      </c>
      <c r="H3226" t="s">
        <v>4526</v>
      </c>
      <c r="I3226" t="s">
        <v>30540</v>
      </c>
    </row>
    <row r="3227" spans="1:9">
      <c r="A3227" s="1">
        <f ca="1">RAND()</f>
        <v>0.69581381766204431</v>
      </c>
      <c r="B3227" s="1"/>
      <c r="C3227">
        <v>12</v>
      </c>
      <c r="D3227" t="s">
        <v>4521</v>
      </c>
      <c r="E3227" t="s">
        <v>31835</v>
      </c>
      <c r="F3227">
        <v>4</v>
      </c>
      <c r="G3227" t="s">
        <v>10</v>
      </c>
      <c r="H3227" t="s">
        <v>4522</v>
      </c>
      <c r="I3227" t="s">
        <v>30540</v>
      </c>
    </row>
    <row r="3228" spans="1:9">
      <c r="A3228" s="1">
        <f ca="1">RAND()</f>
        <v>0.8376778916996549</v>
      </c>
      <c r="B3228" s="1"/>
      <c r="C3228">
        <v>18</v>
      </c>
      <c r="D3228" t="s">
        <v>4527</v>
      </c>
      <c r="E3228" t="s">
        <v>31835</v>
      </c>
      <c r="F3228">
        <v>4</v>
      </c>
      <c r="G3228" t="s">
        <v>0</v>
      </c>
      <c r="H3228" t="s">
        <v>4528</v>
      </c>
      <c r="I3228" t="s">
        <v>30540</v>
      </c>
    </row>
    <row r="3229" spans="1:9">
      <c r="A3229" s="1">
        <f ca="1">RAND()</f>
        <v>0.50069834339890607</v>
      </c>
      <c r="B3229" s="1"/>
      <c r="C3229">
        <v>13</v>
      </c>
      <c r="D3229" t="s">
        <v>4523</v>
      </c>
      <c r="E3229" t="s">
        <v>31835</v>
      </c>
      <c r="F3229">
        <v>4</v>
      </c>
      <c r="G3229" t="s">
        <v>10</v>
      </c>
      <c r="H3229" t="s">
        <v>4524</v>
      </c>
      <c r="I3229" t="s">
        <v>30540</v>
      </c>
    </row>
    <row r="3230" spans="1:9">
      <c r="A3230" s="1">
        <f ca="1">RAND()</f>
        <v>0.38637164305847371</v>
      </c>
      <c r="B3230" s="1"/>
      <c r="C3230">
        <v>10</v>
      </c>
      <c r="D3230" t="s">
        <v>4519</v>
      </c>
      <c r="E3230" t="s">
        <v>31835</v>
      </c>
      <c r="F3230">
        <v>4</v>
      </c>
      <c r="G3230" t="s">
        <v>9</v>
      </c>
      <c r="H3230" t="s">
        <v>4520</v>
      </c>
      <c r="I3230" t="s">
        <v>30540</v>
      </c>
    </row>
    <row r="3231" spans="1:9">
      <c r="A3231" s="1">
        <f ca="1">RAND()</f>
        <v>0.97857182979172985</v>
      </c>
      <c r="B3231" s="1"/>
      <c r="C3231">
        <v>2</v>
      </c>
      <c r="D3231" t="s">
        <v>4517</v>
      </c>
      <c r="E3231" t="s">
        <v>31835</v>
      </c>
      <c r="F3231">
        <v>4</v>
      </c>
      <c r="G3231" t="s">
        <v>14</v>
      </c>
      <c r="H3231" t="s">
        <v>4518</v>
      </c>
      <c r="I3231" t="s">
        <v>30540</v>
      </c>
    </row>
    <row r="3232" spans="1:9">
      <c r="A3232" s="1">
        <f ca="1">RAND()</f>
        <v>0.8145966572310207</v>
      </c>
      <c r="B3232" s="1"/>
      <c r="C3232">
        <v>14</v>
      </c>
      <c r="D3232" t="s">
        <v>4513</v>
      </c>
      <c r="E3232" t="s">
        <v>31836</v>
      </c>
      <c r="F3232">
        <v>4</v>
      </c>
      <c r="G3232" t="s">
        <v>9</v>
      </c>
      <c r="H3232" t="s">
        <v>4514</v>
      </c>
      <c r="I3232" t="s">
        <v>30540</v>
      </c>
    </row>
    <row r="3233" spans="1:9">
      <c r="A3233" s="1">
        <f ca="1">RAND()</f>
        <v>0.54660299414925828</v>
      </c>
      <c r="B3233" s="1"/>
      <c r="C3233">
        <v>1</v>
      </c>
      <c r="D3233" t="s">
        <v>4505</v>
      </c>
      <c r="E3233" t="s">
        <v>31836</v>
      </c>
      <c r="F3233">
        <v>4</v>
      </c>
      <c r="G3233" t="s">
        <v>2</v>
      </c>
      <c r="H3233" t="s">
        <v>4506</v>
      </c>
      <c r="I3233" t="s">
        <v>30540</v>
      </c>
    </row>
    <row r="3234" spans="1:9">
      <c r="A3234" s="1">
        <f ca="1">RAND()</f>
        <v>0.84252688417363619</v>
      </c>
      <c r="B3234" s="1"/>
      <c r="C3234">
        <v>8</v>
      </c>
      <c r="D3234" t="s">
        <v>4509</v>
      </c>
      <c r="E3234" t="s">
        <v>31836</v>
      </c>
      <c r="F3234">
        <v>4</v>
      </c>
      <c r="G3234" t="s">
        <v>10</v>
      </c>
      <c r="H3234" t="s">
        <v>4510</v>
      </c>
      <c r="I3234" t="s">
        <v>30540</v>
      </c>
    </row>
    <row r="3235" spans="1:9">
      <c r="A3235" s="1">
        <f ca="1">RAND()</f>
        <v>0.75096380899908421</v>
      </c>
      <c r="B3235" s="1"/>
      <c r="C3235">
        <v>18</v>
      </c>
      <c r="D3235" t="s">
        <v>4515</v>
      </c>
      <c r="E3235" t="s">
        <v>31836</v>
      </c>
      <c r="F3235">
        <v>4</v>
      </c>
      <c r="G3235" t="s">
        <v>10</v>
      </c>
      <c r="H3235" t="s">
        <v>4516</v>
      </c>
      <c r="I3235" t="s">
        <v>30540</v>
      </c>
    </row>
    <row r="3236" spans="1:9">
      <c r="A3236" s="1">
        <f ca="1">RAND()</f>
        <v>0.92934774723260105</v>
      </c>
      <c r="B3236" s="1"/>
      <c r="C3236">
        <v>13</v>
      </c>
      <c r="D3236" t="s">
        <v>4511</v>
      </c>
      <c r="E3236" t="s">
        <v>31836</v>
      </c>
      <c r="F3236">
        <v>3</v>
      </c>
      <c r="G3236" t="s">
        <v>10</v>
      </c>
      <c r="H3236" t="s">
        <v>4512</v>
      </c>
      <c r="I3236" t="s">
        <v>30540</v>
      </c>
    </row>
    <row r="3237" spans="1:9">
      <c r="A3237" s="1">
        <f ca="1">RAND()</f>
        <v>0.7510290303171534</v>
      </c>
      <c r="B3237" s="1"/>
      <c r="C3237">
        <v>7</v>
      </c>
      <c r="D3237" t="s">
        <v>4507</v>
      </c>
      <c r="E3237" t="s">
        <v>31836</v>
      </c>
      <c r="F3237">
        <v>2</v>
      </c>
      <c r="G3237" t="s">
        <v>2</v>
      </c>
      <c r="H3237" t="s">
        <v>4508</v>
      </c>
      <c r="I3237" t="s">
        <v>30540</v>
      </c>
    </row>
    <row r="3238" spans="1:9">
      <c r="A3238" s="1">
        <f ca="1">RAND()</f>
        <v>0.7898005821375309</v>
      </c>
      <c r="B3238" s="1"/>
      <c r="C3238">
        <v>20</v>
      </c>
      <c r="D3238" t="s">
        <v>4503</v>
      </c>
      <c r="E3238" t="s">
        <v>31837</v>
      </c>
      <c r="F3238">
        <v>4</v>
      </c>
      <c r="G3238" t="s">
        <v>10</v>
      </c>
      <c r="H3238" t="s">
        <v>4504</v>
      </c>
      <c r="I3238" t="s">
        <v>30540</v>
      </c>
    </row>
    <row r="3239" spans="1:9">
      <c r="A3239" s="1">
        <f ca="1">RAND()</f>
        <v>0.50098943328356593</v>
      </c>
      <c r="B3239" s="1"/>
      <c r="C3239">
        <v>6</v>
      </c>
      <c r="D3239" t="s">
        <v>4499</v>
      </c>
      <c r="E3239" t="s">
        <v>31837</v>
      </c>
      <c r="F3239">
        <v>2</v>
      </c>
      <c r="G3239" t="s">
        <v>13</v>
      </c>
      <c r="H3239" t="s">
        <v>4500</v>
      </c>
      <c r="I3239" t="s">
        <v>30540</v>
      </c>
    </row>
    <row r="3240" spans="1:9">
      <c r="A3240" s="1">
        <f ca="1">RAND()</f>
        <v>0.85398881495042811</v>
      </c>
      <c r="B3240" s="1"/>
      <c r="C3240">
        <v>13</v>
      </c>
      <c r="D3240" t="s">
        <v>4501</v>
      </c>
      <c r="E3240" t="s">
        <v>31837</v>
      </c>
      <c r="F3240">
        <v>2</v>
      </c>
      <c r="G3240" t="s">
        <v>9</v>
      </c>
      <c r="H3240" t="s">
        <v>4502</v>
      </c>
      <c r="I3240" t="s">
        <v>30540</v>
      </c>
    </row>
    <row r="3241" spans="1:9">
      <c r="A3241" s="1">
        <f ca="1">RAND()</f>
        <v>0.34460544853685005</v>
      </c>
      <c r="B3241" s="1"/>
      <c r="C3241">
        <v>8</v>
      </c>
      <c r="D3241" t="s">
        <v>4493</v>
      </c>
      <c r="E3241" t="s">
        <v>31838</v>
      </c>
      <c r="F3241">
        <v>4</v>
      </c>
      <c r="G3241" t="s">
        <v>10</v>
      </c>
      <c r="H3241" t="s">
        <v>4494</v>
      </c>
      <c r="I3241" t="s">
        <v>30540</v>
      </c>
    </row>
    <row r="3242" spans="1:9">
      <c r="A3242" s="1">
        <f ca="1">RAND()</f>
        <v>8.5505269624913227E-2</v>
      </c>
      <c r="B3242" s="1"/>
      <c r="C3242">
        <v>11</v>
      </c>
      <c r="D3242" t="s">
        <v>4495</v>
      </c>
      <c r="E3242" t="s">
        <v>31838</v>
      </c>
      <c r="F3242">
        <v>4</v>
      </c>
      <c r="G3242" t="s">
        <v>14</v>
      </c>
      <c r="H3242" t="s">
        <v>4496</v>
      </c>
      <c r="I3242" t="s">
        <v>30540</v>
      </c>
    </row>
    <row r="3243" spans="1:9">
      <c r="A3243" s="1">
        <f ca="1">RAND()</f>
        <v>0.79262806824488652</v>
      </c>
      <c r="B3243" s="1"/>
      <c r="C3243">
        <v>12</v>
      </c>
      <c r="D3243" t="s">
        <v>4497</v>
      </c>
      <c r="E3243" t="s">
        <v>31838</v>
      </c>
      <c r="F3243">
        <v>4</v>
      </c>
      <c r="G3243" t="s">
        <v>10</v>
      </c>
      <c r="H3243" t="s">
        <v>4498</v>
      </c>
      <c r="I3243" t="s">
        <v>30540</v>
      </c>
    </row>
    <row r="3244" spans="1:9">
      <c r="A3244" s="1">
        <f ca="1">RAND()</f>
        <v>0.68754514826103241</v>
      </c>
      <c r="B3244" s="1"/>
      <c r="C3244">
        <v>6</v>
      </c>
      <c r="D3244" t="s">
        <v>4491</v>
      </c>
      <c r="E3244" t="s">
        <v>31838</v>
      </c>
      <c r="F3244">
        <v>4</v>
      </c>
      <c r="G3244" t="s">
        <v>14</v>
      </c>
      <c r="H3244" t="s">
        <v>4492</v>
      </c>
      <c r="I3244" t="s">
        <v>30540</v>
      </c>
    </row>
    <row r="3245" spans="1:9">
      <c r="A3245" s="1">
        <f ca="1">RAND()</f>
        <v>0.77228959778344608</v>
      </c>
      <c r="B3245" s="1"/>
      <c r="C3245">
        <v>1</v>
      </c>
      <c r="D3245" t="s">
        <v>4489</v>
      </c>
      <c r="E3245" t="s">
        <v>31838</v>
      </c>
      <c r="F3245">
        <v>2</v>
      </c>
      <c r="G3245" t="s">
        <v>14</v>
      </c>
      <c r="H3245" t="s">
        <v>4490</v>
      </c>
      <c r="I3245" t="s">
        <v>30540</v>
      </c>
    </row>
    <row r="3246" spans="1:9">
      <c r="A3246" s="1">
        <f ca="1">RAND()</f>
        <v>0.84842309228420798</v>
      </c>
      <c r="B3246" s="1"/>
      <c r="C3246">
        <v>14</v>
      </c>
      <c r="D3246" t="s">
        <v>4479</v>
      </c>
      <c r="E3246" t="s">
        <v>31839</v>
      </c>
      <c r="F3246">
        <v>5</v>
      </c>
      <c r="G3246" t="s">
        <v>2</v>
      </c>
      <c r="H3246" t="s">
        <v>4480</v>
      </c>
      <c r="I3246" t="s">
        <v>30540</v>
      </c>
    </row>
    <row r="3247" spans="1:9">
      <c r="A3247" s="1">
        <f ca="1">RAND()</f>
        <v>0.40081015572303358</v>
      </c>
      <c r="B3247" s="1"/>
      <c r="C3247">
        <v>16</v>
      </c>
      <c r="D3247" t="s">
        <v>4481</v>
      </c>
      <c r="E3247" t="s">
        <v>31839</v>
      </c>
      <c r="F3247">
        <v>5</v>
      </c>
      <c r="G3247" t="s">
        <v>10</v>
      </c>
      <c r="H3247" t="s">
        <v>4482</v>
      </c>
      <c r="I3247" t="s">
        <v>30540</v>
      </c>
    </row>
    <row r="3248" spans="1:9">
      <c r="A3248" s="1">
        <f ca="1">RAND()</f>
        <v>0.91674065783698633</v>
      </c>
      <c r="B3248" s="1"/>
      <c r="C3248">
        <v>18</v>
      </c>
      <c r="D3248" t="s">
        <v>4483</v>
      </c>
      <c r="E3248" t="s">
        <v>31839</v>
      </c>
      <c r="F3248">
        <v>5</v>
      </c>
      <c r="G3248" t="s">
        <v>9</v>
      </c>
      <c r="H3248" t="s">
        <v>4484</v>
      </c>
      <c r="I3248" t="s">
        <v>30540</v>
      </c>
    </row>
    <row r="3249" spans="1:9">
      <c r="A3249" s="1">
        <f ca="1">RAND()</f>
        <v>0.50080962230425052</v>
      </c>
      <c r="B3249" s="1"/>
      <c r="C3249">
        <v>19</v>
      </c>
      <c r="D3249" t="s">
        <v>4485</v>
      </c>
      <c r="E3249" t="s">
        <v>31839</v>
      </c>
      <c r="F3249">
        <v>4</v>
      </c>
      <c r="G3249" t="s">
        <v>10</v>
      </c>
      <c r="H3249" t="s">
        <v>4486</v>
      </c>
      <c r="I3249" t="s">
        <v>30540</v>
      </c>
    </row>
    <row r="3250" spans="1:9">
      <c r="A3250" s="1">
        <f ca="1">RAND()</f>
        <v>0.94367301565615491</v>
      </c>
      <c r="B3250" s="1"/>
      <c r="C3250">
        <v>20</v>
      </c>
      <c r="D3250" t="s">
        <v>4487</v>
      </c>
      <c r="E3250" t="s">
        <v>31839</v>
      </c>
      <c r="F3250">
        <v>4</v>
      </c>
      <c r="G3250" t="s">
        <v>15</v>
      </c>
      <c r="H3250" t="s">
        <v>4488</v>
      </c>
      <c r="I3250" t="s">
        <v>30540</v>
      </c>
    </row>
    <row r="3251" spans="1:9">
      <c r="A3251" s="1">
        <f ca="1">RAND()</f>
        <v>0.78416909413035341</v>
      </c>
      <c r="B3251" s="1"/>
      <c r="C3251">
        <v>7</v>
      </c>
      <c r="D3251" t="s">
        <v>4477</v>
      </c>
      <c r="E3251" t="s">
        <v>31839</v>
      </c>
      <c r="F3251">
        <v>2</v>
      </c>
      <c r="G3251" t="s">
        <v>15</v>
      </c>
      <c r="H3251" t="s">
        <v>4478</v>
      </c>
      <c r="I3251" t="s">
        <v>30540</v>
      </c>
    </row>
    <row r="3252" spans="1:9">
      <c r="A3252" s="1">
        <f ca="1">RAND()</f>
        <v>0.73609841393902153</v>
      </c>
      <c r="B3252" s="1"/>
      <c r="C3252">
        <v>18</v>
      </c>
      <c r="D3252" t="s">
        <v>4475</v>
      </c>
      <c r="E3252" t="s">
        <v>31840</v>
      </c>
      <c r="F3252">
        <v>5</v>
      </c>
      <c r="G3252" t="s">
        <v>10</v>
      </c>
      <c r="H3252" t="s">
        <v>4476</v>
      </c>
      <c r="I3252" t="s">
        <v>30540</v>
      </c>
    </row>
    <row r="3253" spans="1:9">
      <c r="A3253" s="1">
        <f ca="1">RAND()</f>
        <v>0.92805209207905026</v>
      </c>
      <c r="B3253" s="1"/>
      <c r="C3253">
        <v>15</v>
      </c>
      <c r="D3253" t="s">
        <v>4471</v>
      </c>
      <c r="E3253" t="s">
        <v>31840</v>
      </c>
      <c r="F3253">
        <v>5</v>
      </c>
      <c r="G3253" t="s">
        <v>9</v>
      </c>
      <c r="H3253" t="s">
        <v>4472</v>
      </c>
      <c r="I3253" t="s">
        <v>30540</v>
      </c>
    </row>
    <row r="3254" spans="1:9">
      <c r="A3254" s="1">
        <f ca="1">RAND()</f>
        <v>0.60901857182405827</v>
      </c>
      <c r="B3254" s="1"/>
      <c r="C3254">
        <v>12</v>
      </c>
      <c r="D3254" t="s">
        <v>4469</v>
      </c>
      <c r="E3254" t="s">
        <v>31840</v>
      </c>
      <c r="F3254">
        <v>4</v>
      </c>
      <c r="G3254" t="s">
        <v>10</v>
      </c>
      <c r="H3254" t="s">
        <v>4470</v>
      </c>
      <c r="I3254" t="s">
        <v>30540</v>
      </c>
    </row>
    <row r="3255" spans="1:9">
      <c r="A3255" s="1">
        <f ca="1">RAND()</f>
        <v>0.23323001187360948</v>
      </c>
      <c r="B3255" s="1"/>
      <c r="C3255">
        <v>17</v>
      </c>
      <c r="D3255" t="s">
        <v>4473</v>
      </c>
      <c r="E3255" t="s">
        <v>31840</v>
      </c>
      <c r="F3255">
        <v>4</v>
      </c>
      <c r="G3255" t="s">
        <v>0</v>
      </c>
      <c r="H3255" t="s">
        <v>4474</v>
      </c>
      <c r="I3255" t="s">
        <v>30540</v>
      </c>
    </row>
    <row r="3256" spans="1:9">
      <c r="A3256" s="1">
        <f ca="1">RAND()</f>
        <v>0.71074550298899875</v>
      </c>
      <c r="B3256" s="1"/>
      <c r="C3256">
        <v>2</v>
      </c>
      <c r="D3256" t="s">
        <v>4463</v>
      </c>
      <c r="E3256" t="s">
        <v>31840</v>
      </c>
      <c r="F3256">
        <v>3</v>
      </c>
      <c r="G3256" t="s">
        <v>2</v>
      </c>
      <c r="H3256" t="s">
        <v>4464</v>
      </c>
      <c r="I3256" t="s">
        <v>30540</v>
      </c>
    </row>
    <row r="3257" spans="1:9">
      <c r="A3257" s="1">
        <f ca="1">RAND()</f>
        <v>0.73587460735933963</v>
      </c>
      <c r="B3257" s="1"/>
      <c r="C3257">
        <v>5</v>
      </c>
      <c r="D3257" t="s">
        <v>4465</v>
      </c>
      <c r="E3257" t="s">
        <v>31840</v>
      </c>
      <c r="F3257">
        <v>2</v>
      </c>
      <c r="G3257" t="s">
        <v>1295</v>
      </c>
      <c r="H3257" t="s">
        <v>4466</v>
      </c>
      <c r="I3257" t="s">
        <v>30540</v>
      </c>
    </row>
    <row r="3258" spans="1:9">
      <c r="A3258" s="1">
        <f ca="1">RAND()</f>
        <v>0.80907527449609595</v>
      </c>
      <c r="B3258" s="1"/>
      <c r="C3258">
        <v>10</v>
      </c>
      <c r="D3258" t="s">
        <v>4467</v>
      </c>
      <c r="E3258" t="s">
        <v>31840</v>
      </c>
      <c r="F3258">
        <v>1</v>
      </c>
      <c r="G3258" t="s">
        <v>2</v>
      </c>
      <c r="H3258" t="s">
        <v>4468</v>
      </c>
      <c r="I3258" t="s">
        <v>30540</v>
      </c>
    </row>
    <row r="3259" spans="1:9">
      <c r="A3259" s="1">
        <f ca="1">RAND()</f>
        <v>8.0452683322830065E-2</v>
      </c>
      <c r="B3259" s="1"/>
      <c r="C3259">
        <v>10</v>
      </c>
      <c r="D3259" t="s">
        <v>4461</v>
      </c>
      <c r="E3259" t="s">
        <v>31841</v>
      </c>
      <c r="F3259">
        <v>4</v>
      </c>
      <c r="G3259" t="s">
        <v>10</v>
      </c>
      <c r="H3259" t="s">
        <v>4462</v>
      </c>
      <c r="I3259" t="s">
        <v>30540</v>
      </c>
    </row>
    <row r="3260" spans="1:9">
      <c r="A3260" s="1">
        <f ca="1">RAND()</f>
        <v>0.88833439469633246</v>
      </c>
      <c r="B3260" s="1"/>
      <c r="C3260">
        <v>18</v>
      </c>
      <c r="D3260" t="s">
        <v>4459</v>
      </c>
      <c r="E3260" t="s">
        <v>31842</v>
      </c>
      <c r="F3260">
        <v>5</v>
      </c>
      <c r="G3260" t="s">
        <v>10</v>
      </c>
      <c r="H3260" t="s">
        <v>4460</v>
      </c>
      <c r="I3260" t="s">
        <v>30540</v>
      </c>
    </row>
    <row r="3261" spans="1:9">
      <c r="A3261" s="1">
        <f ca="1">RAND()</f>
        <v>0.26331434270143095</v>
      </c>
      <c r="B3261" s="1"/>
      <c r="C3261">
        <v>14</v>
      </c>
      <c r="D3261" t="s">
        <v>4457</v>
      </c>
      <c r="E3261" t="s">
        <v>31842</v>
      </c>
      <c r="F3261">
        <v>4</v>
      </c>
      <c r="G3261" t="s">
        <v>10</v>
      </c>
      <c r="H3261" t="s">
        <v>4458</v>
      </c>
      <c r="I3261" t="s">
        <v>30540</v>
      </c>
    </row>
    <row r="3262" spans="1:9">
      <c r="A3262" s="1">
        <f ca="1">RAND()</f>
        <v>0.94354537076920808</v>
      </c>
      <c r="B3262" s="1"/>
      <c r="C3262">
        <v>4</v>
      </c>
      <c r="D3262" t="s">
        <v>4455</v>
      </c>
      <c r="E3262" t="s">
        <v>31842</v>
      </c>
      <c r="F3262">
        <v>4</v>
      </c>
      <c r="G3262" t="s">
        <v>2</v>
      </c>
      <c r="H3262" t="s">
        <v>4456</v>
      </c>
      <c r="I3262" t="s">
        <v>30540</v>
      </c>
    </row>
    <row r="3263" spans="1:9">
      <c r="A3263" s="1">
        <f ca="1">RAND()</f>
        <v>0.21741772735190457</v>
      </c>
      <c r="B3263" s="1"/>
      <c r="C3263">
        <v>15</v>
      </c>
      <c r="D3263" t="s">
        <v>4453</v>
      </c>
      <c r="E3263" t="s">
        <v>31843</v>
      </c>
      <c r="F3263">
        <v>4</v>
      </c>
      <c r="G3263" t="s">
        <v>10</v>
      </c>
      <c r="H3263" t="s">
        <v>4454</v>
      </c>
      <c r="I3263" t="s">
        <v>30540</v>
      </c>
    </row>
    <row r="3264" spans="1:9">
      <c r="A3264" s="1">
        <f ca="1">RAND()</f>
        <v>0.95404133002510139</v>
      </c>
      <c r="B3264" s="1"/>
      <c r="C3264">
        <v>13</v>
      </c>
      <c r="D3264" t="s">
        <v>4451</v>
      </c>
      <c r="E3264" t="s">
        <v>31843</v>
      </c>
      <c r="F3264">
        <v>4</v>
      </c>
      <c r="G3264" t="s">
        <v>10</v>
      </c>
      <c r="H3264" t="s">
        <v>4452</v>
      </c>
      <c r="I3264" t="s">
        <v>30540</v>
      </c>
    </row>
    <row r="3265" spans="1:9">
      <c r="A3265" s="1">
        <f ca="1">RAND()</f>
        <v>0.8652222503319279</v>
      </c>
      <c r="B3265" s="1"/>
      <c r="C3265">
        <v>19</v>
      </c>
      <c r="D3265" t="s">
        <v>4449</v>
      </c>
      <c r="E3265" t="s">
        <v>31844</v>
      </c>
      <c r="F3265">
        <v>5</v>
      </c>
      <c r="G3265" t="s">
        <v>13</v>
      </c>
      <c r="H3265" t="s">
        <v>4450</v>
      </c>
      <c r="I3265" t="s">
        <v>30540</v>
      </c>
    </row>
    <row r="3266" spans="1:9">
      <c r="A3266" s="1">
        <f ca="1">RAND()</f>
        <v>0.89747828833111731</v>
      </c>
      <c r="B3266" s="1"/>
      <c r="C3266">
        <v>16</v>
      </c>
      <c r="D3266" t="s">
        <v>4447</v>
      </c>
      <c r="E3266" t="s">
        <v>31844</v>
      </c>
      <c r="F3266">
        <v>5</v>
      </c>
      <c r="G3266" t="s">
        <v>15</v>
      </c>
      <c r="H3266" t="s">
        <v>4448</v>
      </c>
      <c r="I3266" t="s">
        <v>30540</v>
      </c>
    </row>
    <row r="3267" spans="1:9">
      <c r="A3267" s="1">
        <f ca="1">RAND()</f>
        <v>0.68688543806797975</v>
      </c>
      <c r="B3267" s="1"/>
      <c r="C3267">
        <v>13</v>
      </c>
      <c r="D3267" t="s">
        <v>4443</v>
      </c>
      <c r="E3267" t="s">
        <v>31844</v>
      </c>
      <c r="F3267">
        <v>4</v>
      </c>
      <c r="G3267" t="s">
        <v>10</v>
      </c>
      <c r="H3267" t="s">
        <v>4444</v>
      </c>
      <c r="I3267" t="s">
        <v>30540</v>
      </c>
    </row>
    <row r="3268" spans="1:9">
      <c r="A3268" s="1">
        <f ca="1">RAND()</f>
        <v>0.74296682436526285</v>
      </c>
      <c r="B3268" s="1"/>
      <c r="C3268">
        <v>14</v>
      </c>
      <c r="D3268" t="s">
        <v>4445</v>
      </c>
      <c r="E3268" t="s">
        <v>31844</v>
      </c>
      <c r="F3268">
        <v>4</v>
      </c>
      <c r="G3268" t="s">
        <v>10</v>
      </c>
      <c r="H3268" t="s">
        <v>4446</v>
      </c>
      <c r="I3268" t="s">
        <v>30540</v>
      </c>
    </row>
    <row r="3269" spans="1:9">
      <c r="A3269" s="1">
        <f ca="1">RAND()</f>
        <v>0.35248896736813629</v>
      </c>
      <c r="B3269" s="1"/>
      <c r="C3269">
        <v>2</v>
      </c>
      <c r="D3269" t="s">
        <v>4441</v>
      </c>
      <c r="E3269" t="s">
        <v>31844</v>
      </c>
      <c r="F3269">
        <v>4</v>
      </c>
      <c r="G3269" t="s">
        <v>1295</v>
      </c>
      <c r="H3269" t="s">
        <v>4442</v>
      </c>
      <c r="I3269" t="s">
        <v>30540</v>
      </c>
    </row>
    <row r="3270" spans="1:9">
      <c r="A3270" s="1">
        <f ca="1">RAND()</f>
        <v>0.44449803865332682</v>
      </c>
      <c r="B3270" s="1"/>
      <c r="C3270">
        <v>18</v>
      </c>
      <c r="D3270" t="s">
        <v>4439</v>
      </c>
      <c r="E3270" t="s">
        <v>31845</v>
      </c>
      <c r="F3270">
        <v>5</v>
      </c>
      <c r="G3270" t="s">
        <v>2</v>
      </c>
      <c r="H3270" t="s">
        <v>4440</v>
      </c>
      <c r="I3270" t="s">
        <v>30540</v>
      </c>
    </row>
    <row r="3271" spans="1:9">
      <c r="A3271" s="1">
        <f ca="1">RAND()</f>
        <v>0.24238467986420309</v>
      </c>
      <c r="B3271" s="1"/>
      <c r="C3271">
        <v>16</v>
      </c>
      <c r="D3271" t="s">
        <v>4437</v>
      </c>
      <c r="E3271" t="s">
        <v>31845</v>
      </c>
      <c r="F3271">
        <v>5</v>
      </c>
      <c r="G3271" t="s">
        <v>0</v>
      </c>
      <c r="H3271" t="s">
        <v>4438</v>
      </c>
      <c r="I3271" t="s">
        <v>30540</v>
      </c>
    </row>
    <row r="3272" spans="1:9">
      <c r="A3272" s="1">
        <f ca="1">RAND()</f>
        <v>0.32616309324980131</v>
      </c>
      <c r="B3272" s="1"/>
      <c r="C3272">
        <v>5</v>
      </c>
      <c r="D3272" t="s">
        <v>4435</v>
      </c>
      <c r="E3272" t="s">
        <v>31845</v>
      </c>
      <c r="F3272">
        <v>4</v>
      </c>
      <c r="G3272" t="s">
        <v>10</v>
      </c>
      <c r="H3272" t="s">
        <v>4436</v>
      </c>
      <c r="I3272" t="s">
        <v>30540</v>
      </c>
    </row>
    <row r="3273" spans="1:9">
      <c r="A3273" s="1">
        <f ca="1">RAND()</f>
        <v>0.30706629158628418</v>
      </c>
      <c r="B3273" s="1"/>
      <c r="C3273">
        <v>4</v>
      </c>
      <c r="D3273" t="s">
        <v>4433</v>
      </c>
      <c r="E3273" t="s">
        <v>31845</v>
      </c>
      <c r="F3273">
        <v>4</v>
      </c>
      <c r="G3273" t="s">
        <v>1</v>
      </c>
      <c r="H3273" t="s">
        <v>4434</v>
      </c>
      <c r="I3273" t="s">
        <v>30540</v>
      </c>
    </row>
    <row r="3274" spans="1:9">
      <c r="A3274" s="1">
        <f ca="1">RAND()</f>
        <v>0.95604175898999078</v>
      </c>
      <c r="B3274" s="1"/>
      <c r="C3274">
        <v>3</v>
      </c>
      <c r="D3274" t="s">
        <v>4431</v>
      </c>
      <c r="E3274" t="s">
        <v>31845</v>
      </c>
      <c r="F3274">
        <v>4</v>
      </c>
      <c r="G3274" t="s">
        <v>2</v>
      </c>
      <c r="H3274" t="s">
        <v>4432</v>
      </c>
      <c r="I3274" t="s">
        <v>30540</v>
      </c>
    </row>
    <row r="3275" spans="1:9">
      <c r="A3275" s="1">
        <f ca="1">RAND()</f>
        <v>0.19633111558871763</v>
      </c>
      <c r="B3275" s="1"/>
      <c r="C3275">
        <v>3</v>
      </c>
      <c r="D3275" t="s">
        <v>4423</v>
      </c>
      <c r="E3275" t="s">
        <v>31846</v>
      </c>
      <c r="F3275">
        <v>5</v>
      </c>
      <c r="G3275" t="s">
        <v>2</v>
      </c>
      <c r="H3275" t="s">
        <v>4424</v>
      </c>
      <c r="I3275" t="s">
        <v>30540</v>
      </c>
    </row>
    <row r="3276" spans="1:9">
      <c r="A3276" s="1">
        <f ca="1">RAND()</f>
        <v>0.74098676261020135</v>
      </c>
      <c r="B3276" s="1"/>
      <c r="C3276">
        <v>6</v>
      </c>
      <c r="D3276" t="s">
        <v>4425</v>
      </c>
      <c r="E3276" t="s">
        <v>31846</v>
      </c>
      <c r="F3276">
        <v>4</v>
      </c>
      <c r="G3276" t="s">
        <v>10</v>
      </c>
      <c r="H3276" t="s">
        <v>4426</v>
      </c>
      <c r="I3276" t="s">
        <v>30540</v>
      </c>
    </row>
    <row r="3277" spans="1:9">
      <c r="A3277" s="1">
        <f ca="1">RAND()</f>
        <v>4.8851645254129106E-2</v>
      </c>
      <c r="B3277" s="1"/>
      <c r="C3277">
        <v>14</v>
      </c>
      <c r="D3277" t="s">
        <v>4429</v>
      </c>
      <c r="E3277" t="s">
        <v>31846</v>
      </c>
      <c r="F3277">
        <v>4</v>
      </c>
      <c r="G3277" t="s">
        <v>10</v>
      </c>
      <c r="H3277" t="s">
        <v>4430</v>
      </c>
      <c r="I3277" t="s">
        <v>30540</v>
      </c>
    </row>
    <row r="3278" spans="1:9">
      <c r="A3278" s="1">
        <f ca="1">RAND()</f>
        <v>0.41073764860749695</v>
      </c>
      <c r="B3278" s="1"/>
      <c r="C3278">
        <v>12</v>
      </c>
      <c r="D3278" t="s">
        <v>4427</v>
      </c>
      <c r="E3278" t="s">
        <v>31846</v>
      </c>
      <c r="F3278">
        <v>3</v>
      </c>
      <c r="G3278" t="s">
        <v>1</v>
      </c>
      <c r="H3278" t="s">
        <v>4428</v>
      </c>
      <c r="I3278" t="s">
        <v>30540</v>
      </c>
    </row>
    <row r="3279" spans="1:9">
      <c r="A3279" s="1">
        <f ca="1">RAND()</f>
        <v>0.8697642587937211</v>
      </c>
      <c r="B3279" s="1"/>
      <c r="C3279">
        <v>18</v>
      </c>
      <c r="D3279" t="s">
        <v>4419</v>
      </c>
      <c r="E3279" t="s">
        <v>31847</v>
      </c>
      <c r="F3279">
        <v>5</v>
      </c>
      <c r="G3279" t="s">
        <v>10</v>
      </c>
      <c r="H3279" t="s">
        <v>4420</v>
      </c>
      <c r="I3279" t="s">
        <v>30540</v>
      </c>
    </row>
    <row r="3280" spans="1:9">
      <c r="A3280" s="1">
        <f ca="1">RAND()</f>
        <v>0.49688723668808332</v>
      </c>
      <c r="B3280" s="1"/>
      <c r="C3280">
        <v>16</v>
      </c>
      <c r="D3280" t="s">
        <v>4417</v>
      </c>
      <c r="E3280" t="s">
        <v>31847</v>
      </c>
      <c r="F3280">
        <v>5</v>
      </c>
      <c r="G3280" t="s">
        <v>10</v>
      </c>
      <c r="H3280" t="s">
        <v>4418</v>
      </c>
      <c r="I3280" t="s">
        <v>30540</v>
      </c>
    </row>
    <row r="3281" spans="1:9">
      <c r="A3281" s="1">
        <f ca="1">RAND()</f>
        <v>0.19522418440095046</v>
      </c>
      <c r="B3281" s="1"/>
      <c r="C3281">
        <v>20</v>
      </c>
      <c r="D3281" t="s">
        <v>4421</v>
      </c>
      <c r="E3281" t="s">
        <v>31847</v>
      </c>
      <c r="F3281">
        <v>4</v>
      </c>
      <c r="G3281" t="s">
        <v>10</v>
      </c>
      <c r="H3281" t="s">
        <v>4422</v>
      </c>
      <c r="I3281" t="s">
        <v>30540</v>
      </c>
    </row>
    <row r="3282" spans="1:9">
      <c r="A3282" s="1">
        <f ca="1">RAND()</f>
        <v>0.43416946663211697</v>
      </c>
      <c r="B3282" s="1"/>
      <c r="C3282">
        <v>3</v>
      </c>
      <c r="D3282" t="s">
        <v>4415</v>
      </c>
      <c r="E3282" t="s">
        <v>31847</v>
      </c>
      <c r="F3282">
        <v>4</v>
      </c>
      <c r="G3282" t="s">
        <v>765</v>
      </c>
      <c r="H3282" t="s">
        <v>4416</v>
      </c>
      <c r="I3282" t="s">
        <v>30540</v>
      </c>
    </row>
    <row r="3283" spans="1:9">
      <c r="A3283" s="1">
        <f ca="1">RAND()</f>
        <v>0.79732802203648245</v>
      </c>
      <c r="B3283" s="1"/>
      <c r="C3283">
        <v>8</v>
      </c>
      <c r="D3283" t="s">
        <v>4411</v>
      </c>
      <c r="E3283" t="s">
        <v>31848</v>
      </c>
      <c r="F3283">
        <v>4</v>
      </c>
      <c r="G3283" t="s">
        <v>10</v>
      </c>
      <c r="H3283" t="s">
        <v>4412</v>
      </c>
      <c r="I3283" t="s">
        <v>30540</v>
      </c>
    </row>
    <row r="3284" spans="1:9">
      <c r="A3284" s="1">
        <f ca="1">RAND()</f>
        <v>0.86737563187054489</v>
      </c>
      <c r="B3284" s="1"/>
      <c r="C3284">
        <v>6</v>
      </c>
      <c r="D3284" t="s">
        <v>4409</v>
      </c>
      <c r="E3284" t="s">
        <v>31848</v>
      </c>
      <c r="F3284">
        <v>4</v>
      </c>
      <c r="G3284" t="s">
        <v>9</v>
      </c>
      <c r="H3284" t="s">
        <v>4410</v>
      </c>
      <c r="I3284" t="s">
        <v>30540</v>
      </c>
    </row>
    <row r="3285" spans="1:9">
      <c r="A3285" s="1">
        <f ca="1">RAND()</f>
        <v>0.58911142983983089</v>
      </c>
      <c r="B3285" s="1"/>
      <c r="C3285">
        <v>12</v>
      </c>
      <c r="D3285" t="s">
        <v>4413</v>
      </c>
      <c r="E3285" t="s">
        <v>31848</v>
      </c>
      <c r="F3285">
        <v>4</v>
      </c>
      <c r="G3285" t="s">
        <v>13</v>
      </c>
      <c r="H3285" t="s">
        <v>4414</v>
      </c>
      <c r="I3285" t="s">
        <v>30540</v>
      </c>
    </row>
    <row r="3286" spans="1:9">
      <c r="A3286" s="1">
        <f ca="1">RAND()</f>
        <v>0.18871227468616358</v>
      </c>
      <c r="B3286" s="1"/>
      <c r="C3286">
        <v>19</v>
      </c>
      <c r="D3286" t="s">
        <v>4407</v>
      </c>
      <c r="E3286" t="s">
        <v>31849</v>
      </c>
      <c r="F3286">
        <v>4</v>
      </c>
      <c r="G3286" t="s">
        <v>10</v>
      </c>
      <c r="H3286" t="s">
        <v>4408</v>
      </c>
      <c r="I3286" t="s">
        <v>30540</v>
      </c>
    </row>
    <row r="3287" spans="1:9">
      <c r="A3287" s="1">
        <f ca="1">RAND()</f>
        <v>0.69942699185223078</v>
      </c>
      <c r="B3287" s="1"/>
      <c r="C3287">
        <v>6</v>
      </c>
      <c r="D3287" t="s">
        <v>4401</v>
      </c>
      <c r="E3287" t="s">
        <v>31849</v>
      </c>
      <c r="F3287">
        <v>4</v>
      </c>
      <c r="G3287" t="s">
        <v>762</v>
      </c>
      <c r="H3287" t="s">
        <v>4402</v>
      </c>
      <c r="I3287" t="s">
        <v>30540</v>
      </c>
    </row>
    <row r="3288" spans="1:9">
      <c r="A3288" s="1">
        <f ca="1">RAND()</f>
        <v>0.19702142786806254</v>
      </c>
      <c r="B3288" s="1"/>
      <c r="C3288">
        <v>15</v>
      </c>
      <c r="D3288" t="s">
        <v>4405</v>
      </c>
      <c r="E3288" t="s">
        <v>31849</v>
      </c>
      <c r="F3288">
        <v>4</v>
      </c>
      <c r="G3288" t="s">
        <v>10</v>
      </c>
      <c r="H3288" t="s">
        <v>4406</v>
      </c>
      <c r="I3288" t="s">
        <v>30540</v>
      </c>
    </row>
    <row r="3289" spans="1:9">
      <c r="A3289" s="1">
        <f ca="1">RAND()</f>
        <v>0.96703749202448308</v>
      </c>
      <c r="B3289" s="1"/>
      <c r="C3289">
        <v>13</v>
      </c>
      <c r="D3289" t="s">
        <v>4403</v>
      </c>
      <c r="E3289" t="s">
        <v>31849</v>
      </c>
      <c r="F3289">
        <v>4</v>
      </c>
      <c r="G3289" t="s">
        <v>15</v>
      </c>
      <c r="H3289" t="s">
        <v>4404</v>
      </c>
      <c r="I3289" t="s">
        <v>30540</v>
      </c>
    </row>
    <row r="3290" spans="1:9">
      <c r="A3290" s="1">
        <f ca="1">RAND()</f>
        <v>0.27660693815887671</v>
      </c>
      <c r="B3290" s="1"/>
      <c r="C3290">
        <v>4</v>
      </c>
      <c r="D3290" t="s">
        <v>4399</v>
      </c>
      <c r="E3290" t="s">
        <v>31849</v>
      </c>
      <c r="F3290">
        <v>4</v>
      </c>
      <c r="G3290" t="s">
        <v>762</v>
      </c>
      <c r="H3290" t="s">
        <v>4400</v>
      </c>
      <c r="I3290" t="s">
        <v>30540</v>
      </c>
    </row>
    <row r="3291" spans="1:9">
      <c r="A3291" s="1">
        <f ca="1">RAND()</f>
        <v>0.19874617807214279</v>
      </c>
      <c r="B3291" s="1"/>
      <c r="C3291">
        <v>17</v>
      </c>
      <c r="D3291" t="s">
        <v>4395</v>
      </c>
      <c r="E3291" t="s">
        <v>31850</v>
      </c>
      <c r="F3291">
        <v>4</v>
      </c>
      <c r="G3291" t="s">
        <v>0</v>
      </c>
      <c r="H3291" t="s">
        <v>4396</v>
      </c>
      <c r="I3291" t="s">
        <v>30540</v>
      </c>
    </row>
    <row r="3292" spans="1:9">
      <c r="A3292" s="1">
        <f ca="1">RAND()</f>
        <v>7.2074019717511928E-2</v>
      </c>
      <c r="B3292" s="1"/>
      <c r="C3292">
        <v>14</v>
      </c>
      <c r="D3292" t="s">
        <v>4393</v>
      </c>
      <c r="E3292" t="s">
        <v>31850</v>
      </c>
      <c r="F3292">
        <v>4</v>
      </c>
      <c r="G3292" t="s">
        <v>10</v>
      </c>
      <c r="H3292" t="s">
        <v>4394</v>
      </c>
      <c r="I3292" t="s">
        <v>30540</v>
      </c>
    </row>
    <row r="3293" spans="1:9">
      <c r="A3293" s="1">
        <f ca="1">RAND()</f>
        <v>0.3586156733524607</v>
      </c>
      <c r="B3293" s="1"/>
      <c r="C3293">
        <v>18</v>
      </c>
      <c r="D3293" t="s">
        <v>4397</v>
      </c>
      <c r="E3293" t="s">
        <v>31850</v>
      </c>
      <c r="F3293">
        <v>4</v>
      </c>
      <c r="G3293" t="s">
        <v>0</v>
      </c>
      <c r="H3293" t="s">
        <v>4398</v>
      </c>
      <c r="I3293" t="s">
        <v>30540</v>
      </c>
    </row>
    <row r="3294" spans="1:9">
      <c r="A3294" s="1">
        <f ca="1">RAND()</f>
        <v>7.8173405448700661E-2</v>
      </c>
      <c r="B3294" s="1"/>
      <c r="C3294">
        <v>2</v>
      </c>
      <c r="D3294" t="s">
        <v>4391</v>
      </c>
      <c r="E3294" t="s">
        <v>31850</v>
      </c>
      <c r="F3294">
        <v>2</v>
      </c>
      <c r="G3294" t="s">
        <v>13</v>
      </c>
      <c r="H3294" t="s">
        <v>4392</v>
      </c>
      <c r="I3294" t="s">
        <v>30540</v>
      </c>
    </row>
    <row r="3295" spans="1:9">
      <c r="A3295" s="1">
        <f ca="1">RAND()</f>
        <v>0.63707821791270403</v>
      </c>
      <c r="B3295" s="1"/>
      <c r="C3295">
        <v>1</v>
      </c>
      <c r="D3295" t="s">
        <v>4383</v>
      </c>
      <c r="E3295" t="s">
        <v>31851</v>
      </c>
      <c r="F3295">
        <v>5</v>
      </c>
      <c r="G3295" t="s">
        <v>2</v>
      </c>
      <c r="H3295" t="s">
        <v>4384</v>
      </c>
      <c r="I3295" t="s">
        <v>30540</v>
      </c>
    </row>
    <row r="3296" spans="1:9">
      <c r="A3296" s="1">
        <f ca="1">RAND()</f>
        <v>0.37308046469362655</v>
      </c>
      <c r="B3296" s="1"/>
      <c r="C3296">
        <v>13</v>
      </c>
      <c r="D3296" t="s">
        <v>4389</v>
      </c>
      <c r="E3296" t="s">
        <v>31851</v>
      </c>
      <c r="F3296">
        <v>5</v>
      </c>
      <c r="G3296" t="s">
        <v>13</v>
      </c>
      <c r="H3296" t="s">
        <v>4390</v>
      </c>
      <c r="I3296" t="s">
        <v>30540</v>
      </c>
    </row>
    <row r="3297" spans="1:9">
      <c r="A3297" s="1">
        <f ca="1">RAND()</f>
        <v>0.55781178864087477</v>
      </c>
      <c r="B3297" s="1"/>
      <c r="C3297">
        <v>9</v>
      </c>
      <c r="D3297" t="s">
        <v>4385</v>
      </c>
      <c r="E3297" t="s">
        <v>31851</v>
      </c>
      <c r="F3297">
        <v>4</v>
      </c>
      <c r="G3297" t="s">
        <v>10</v>
      </c>
      <c r="H3297" t="s">
        <v>4386</v>
      </c>
      <c r="I3297" t="s">
        <v>30540</v>
      </c>
    </row>
    <row r="3298" spans="1:9">
      <c r="A3298" s="1">
        <f ca="1">RAND()</f>
        <v>0.98852508241967807</v>
      </c>
      <c r="B3298" s="1"/>
      <c r="C3298">
        <v>11</v>
      </c>
      <c r="D3298" t="s">
        <v>4387</v>
      </c>
      <c r="E3298" t="s">
        <v>31851</v>
      </c>
      <c r="F3298">
        <v>4</v>
      </c>
      <c r="G3298" t="s">
        <v>10</v>
      </c>
      <c r="H3298" t="s">
        <v>4388</v>
      </c>
      <c r="I3298" t="s">
        <v>30540</v>
      </c>
    </row>
    <row r="3299" spans="1:9">
      <c r="A3299" s="1">
        <f ca="1">RAND()</f>
        <v>0.99677557639550962</v>
      </c>
      <c r="B3299" s="1"/>
      <c r="C3299">
        <v>5</v>
      </c>
      <c r="D3299" t="s">
        <v>4375</v>
      </c>
      <c r="E3299" t="s">
        <v>31852</v>
      </c>
      <c r="F3299">
        <v>5</v>
      </c>
      <c r="G3299" t="s">
        <v>770</v>
      </c>
      <c r="H3299" t="s">
        <v>4376</v>
      </c>
      <c r="I3299" t="s">
        <v>30540</v>
      </c>
    </row>
    <row r="3300" spans="1:9">
      <c r="A3300" s="1">
        <f ca="1">RAND()</f>
        <v>0.3239671297296034</v>
      </c>
      <c r="B3300" s="1"/>
      <c r="C3300">
        <v>7</v>
      </c>
      <c r="D3300" t="s">
        <v>4377</v>
      </c>
      <c r="E3300" t="s">
        <v>31852</v>
      </c>
      <c r="F3300">
        <v>4</v>
      </c>
      <c r="G3300" t="s">
        <v>1295</v>
      </c>
      <c r="H3300" t="s">
        <v>4378</v>
      </c>
      <c r="I3300" t="s">
        <v>30540</v>
      </c>
    </row>
    <row r="3301" spans="1:9">
      <c r="A3301" s="1">
        <f ca="1">RAND()</f>
        <v>0.66636487041515469</v>
      </c>
      <c r="B3301" s="1"/>
      <c r="C3301">
        <v>20</v>
      </c>
      <c r="D3301" t="s">
        <v>4381</v>
      </c>
      <c r="E3301" t="s">
        <v>31852</v>
      </c>
      <c r="F3301">
        <v>4</v>
      </c>
      <c r="G3301" t="s">
        <v>2</v>
      </c>
      <c r="H3301" t="s">
        <v>4382</v>
      </c>
      <c r="I3301" t="s">
        <v>30540</v>
      </c>
    </row>
    <row r="3302" spans="1:9">
      <c r="A3302" s="1">
        <f ca="1">RAND()</f>
        <v>0.95727587120565416</v>
      </c>
      <c r="B3302" s="1"/>
      <c r="C3302">
        <v>3</v>
      </c>
      <c r="D3302" t="s">
        <v>4373</v>
      </c>
      <c r="E3302" t="s">
        <v>31852</v>
      </c>
      <c r="F3302">
        <v>4</v>
      </c>
      <c r="G3302" t="s">
        <v>10</v>
      </c>
      <c r="H3302" t="s">
        <v>4374</v>
      </c>
      <c r="I3302" t="s">
        <v>30540</v>
      </c>
    </row>
    <row r="3303" spans="1:9">
      <c r="A3303" s="1">
        <f ca="1">RAND()</f>
        <v>0.54375072468189567</v>
      </c>
      <c r="B3303" s="1"/>
      <c r="C3303">
        <v>15</v>
      </c>
      <c r="D3303" t="s">
        <v>4379</v>
      </c>
      <c r="E3303" t="s">
        <v>31852</v>
      </c>
      <c r="F3303">
        <v>2</v>
      </c>
      <c r="G3303" t="s">
        <v>9</v>
      </c>
      <c r="H3303" t="s">
        <v>4380</v>
      </c>
      <c r="I3303" t="s">
        <v>30540</v>
      </c>
    </row>
    <row r="3304" spans="1:9">
      <c r="A3304" s="1">
        <f ca="1">RAND()</f>
        <v>0.10738094202000914</v>
      </c>
      <c r="B3304" s="1"/>
      <c r="C3304">
        <v>7</v>
      </c>
      <c r="D3304" t="s">
        <v>4367</v>
      </c>
      <c r="E3304" t="s">
        <v>31853</v>
      </c>
      <c r="F3304">
        <v>4</v>
      </c>
      <c r="G3304" t="s">
        <v>10</v>
      </c>
      <c r="H3304" t="s">
        <v>4368</v>
      </c>
      <c r="I3304" t="s">
        <v>30540</v>
      </c>
    </row>
    <row r="3305" spans="1:9">
      <c r="A3305" s="1">
        <f ca="1">RAND()</f>
        <v>0.95148104908281039</v>
      </c>
      <c r="B3305" s="1"/>
      <c r="C3305">
        <v>9</v>
      </c>
      <c r="D3305" t="s">
        <v>4371</v>
      </c>
      <c r="E3305" t="s">
        <v>31853</v>
      </c>
      <c r="F3305">
        <v>4</v>
      </c>
      <c r="G3305" t="s">
        <v>10</v>
      </c>
      <c r="H3305" t="s">
        <v>4372</v>
      </c>
      <c r="I3305" t="s">
        <v>30540</v>
      </c>
    </row>
    <row r="3306" spans="1:9">
      <c r="A3306" s="1">
        <f ca="1">RAND()</f>
        <v>0.89170553817843312</v>
      </c>
      <c r="B3306" s="1"/>
      <c r="C3306">
        <v>8</v>
      </c>
      <c r="D3306" t="s">
        <v>4369</v>
      </c>
      <c r="E3306" t="s">
        <v>31853</v>
      </c>
      <c r="F3306">
        <v>4</v>
      </c>
      <c r="G3306" t="s">
        <v>9</v>
      </c>
      <c r="H3306" t="s">
        <v>4370</v>
      </c>
      <c r="I3306" t="s">
        <v>30540</v>
      </c>
    </row>
    <row r="3307" spans="1:9">
      <c r="A3307" s="1">
        <f ca="1">RAND()</f>
        <v>0.1679392216735458</v>
      </c>
      <c r="B3307" s="1"/>
      <c r="C3307">
        <v>20</v>
      </c>
      <c r="D3307" t="s">
        <v>4365</v>
      </c>
      <c r="E3307" t="s">
        <v>31854</v>
      </c>
      <c r="F3307">
        <v>5</v>
      </c>
      <c r="G3307" t="s">
        <v>10</v>
      </c>
      <c r="H3307" t="s">
        <v>4366</v>
      </c>
      <c r="I3307" t="s">
        <v>30540</v>
      </c>
    </row>
    <row r="3308" spans="1:9">
      <c r="A3308" s="1">
        <f ca="1">RAND()</f>
        <v>0.68826728002849225</v>
      </c>
      <c r="B3308" s="1"/>
      <c r="C3308">
        <v>7</v>
      </c>
      <c r="D3308" t="s">
        <v>4361</v>
      </c>
      <c r="E3308" t="s">
        <v>31854</v>
      </c>
      <c r="F3308">
        <v>4</v>
      </c>
      <c r="G3308" t="s">
        <v>15</v>
      </c>
      <c r="H3308" t="s">
        <v>4362</v>
      </c>
      <c r="I3308" t="s">
        <v>30540</v>
      </c>
    </row>
    <row r="3309" spans="1:9">
      <c r="A3309" s="1">
        <f ca="1">RAND()</f>
        <v>4.7033804627776066E-2</v>
      </c>
      <c r="B3309" s="1"/>
      <c r="C3309">
        <v>2</v>
      </c>
      <c r="D3309" t="s">
        <v>4359</v>
      </c>
      <c r="E3309" t="s">
        <v>31854</v>
      </c>
      <c r="F3309">
        <v>4</v>
      </c>
      <c r="G3309" t="s">
        <v>774</v>
      </c>
      <c r="H3309" t="s">
        <v>4360</v>
      </c>
      <c r="I3309" t="s">
        <v>30540</v>
      </c>
    </row>
    <row r="3310" spans="1:9">
      <c r="A3310" s="1">
        <f ca="1">RAND()</f>
        <v>0.18933190242548137</v>
      </c>
      <c r="B3310" s="1"/>
      <c r="C3310">
        <v>17</v>
      </c>
      <c r="D3310" t="s">
        <v>4363</v>
      </c>
      <c r="E3310" t="s">
        <v>31854</v>
      </c>
      <c r="F3310">
        <v>4</v>
      </c>
      <c r="G3310" t="s">
        <v>2</v>
      </c>
      <c r="H3310" t="s">
        <v>4364</v>
      </c>
      <c r="I3310" t="s">
        <v>30540</v>
      </c>
    </row>
    <row r="3311" spans="1:9">
      <c r="A3311" s="1">
        <f ca="1">RAND()</f>
        <v>0.6429472436521535</v>
      </c>
      <c r="B3311" s="1"/>
      <c r="C3311">
        <v>6</v>
      </c>
      <c r="D3311" t="s">
        <v>4349</v>
      </c>
      <c r="E3311" t="s">
        <v>31855</v>
      </c>
      <c r="F3311">
        <v>5</v>
      </c>
      <c r="G3311" t="s">
        <v>10</v>
      </c>
      <c r="H3311" t="s">
        <v>4350</v>
      </c>
      <c r="I3311" t="s">
        <v>30540</v>
      </c>
    </row>
    <row r="3312" spans="1:9">
      <c r="A3312" s="1">
        <f ca="1">RAND()</f>
        <v>0.84731201943930534</v>
      </c>
      <c r="B3312" s="1"/>
      <c r="C3312">
        <v>19</v>
      </c>
      <c r="D3312" t="s">
        <v>4357</v>
      </c>
      <c r="E3312" t="s">
        <v>31855</v>
      </c>
      <c r="F3312">
        <v>4</v>
      </c>
      <c r="G3312" t="s">
        <v>10</v>
      </c>
      <c r="H3312" t="s">
        <v>4358</v>
      </c>
      <c r="I3312" t="s">
        <v>30540</v>
      </c>
    </row>
    <row r="3313" spans="1:9">
      <c r="A3313" s="1">
        <f ca="1">RAND()</f>
        <v>0.76058734660460969</v>
      </c>
      <c r="B3313" s="1"/>
      <c r="C3313">
        <v>11</v>
      </c>
      <c r="D3313" t="s">
        <v>4351</v>
      </c>
      <c r="E3313" t="s">
        <v>31855</v>
      </c>
      <c r="F3313">
        <v>4</v>
      </c>
      <c r="G3313" t="s">
        <v>10</v>
      </c>
      <c r="H3313" t="s">
        <v>4352</v>
      </c>
      <c r="I3313" t="s">
        <v>30540</v>
      </c>
    </row>
    <row r="3314" spans="1:9">
      <c r="A3314" s="1">
        <f ca="1">RAND()</f>
        <v>0.26013160985652628</v>
      </c>
      <c r="B3314" s="1"/>
      <c r="C3314">
        <v>17</v>
      </c>
      <c r="D3314" t="s">
        <v>4355</v>
      </c>
      <c r="E3314" t="s">
        <v>31855</v>
      </c>
      <c r="F3314">
        <v>4</v>
      </c>
      <c r="G3314" t="s">
        <v>1295</v>
      </c>
      <c r="H3314" t="s">
        <v>4356</v>
      </c>
      <c r="I3314" t="s">
        <v>30540</v>
      </c>
    </row>
    <row r="3315" spans="1:9">
      <c r="A3315" s="1">
        <f ca="1">RAND()</f>
        <v>0.14261410326263713</v>
      </c>
      <c r="B3315" s="1"/>
      <c r="C3315">
        <v>15</v>
      </c>
      <c r="D3315" t="s">
        <v>4353</v>
      </c>
      <c r="E3315" t="s">
        <v>31855</v>
      </c>
      <c r="F3315">
        <v>2</v>
      </c>
      <c r="G3315" t="s">
        <v>14</v>
      </c>
      <c r="H3315" t="s">
        <v>4354</v>
      </c>
      <c r="I3315" t="s">
        <v>30540</v>
      </c>
    </row>
    <row r="3316" spans="1:9">
      <c r="A3316" s="1">
        <f ca="1">RAND()</f>
        <v>0.32234420707254696</v>
      </c>
      <c r="B3316" s="1"/>
      <c r="C3316">
        <v>14</v>
      </c>
      <c r="D3316" t="s">
        <v>4343</v>
      </c>
      <c r="E3316" t="s">
        <v>31856</v>
      </c>
      <c r="F3316">
        <v>4</v>
      </c>
      <c r="G3316" t="s">
        <v>10</v>
      </c>
      <c r="H3316" t="s">
        <v>4344</v>
      </c>
      <c r="I3316" t="s">
        <v>30540</v>
      </c>
    </row>
    <row r="3317" spans="1:9">
      <c r="A3317" s="1">
        <f ca="1">RAND()</f>
        <v>0.3619345213304207</v>
      </c>
      <c r="B3317" s="1"/>
      <c r="C3317">
        <v>8</v>
      </c>
      <c r="D3317" t="s">
        <v>4341</v>
      </c>
      <c r="E3317" t="s">
        <v>31856</v>
      </c>
      <c r="F3317">
        <v>4</v>
      </c>
      <c r="G3317" t="s">
        <v>15</v>
      </c>
      <c r="H3317" t="s">
        <v>4342</v>
      </c>
      <c r="I3317" t="s">
        <v>30540</v>
      </c>
    </row>
    <row r="3318" spans="1:9">
      <c r="A3318" s="1">
        <f ca="1">RAND()</f>
        <v>0.96469197223638259</v>
      </c>
      <c r="B3318" s="1"/>
      <c r="C3318">
        <v>15</v>
      </c>
      <c r="D3318" t="s">
        <v>4345</v>
      </c>
      <c r="E3318" t="s">
        <v>31856</v>
      </c>
      <c r="F3318">
        <v>4</v>
      </c>
      <c r="G3318" t="s">
        <v>10</v>
      </c>
      <c r="H3318" t="s">
        <v>4346</v>
      </c>
      <c r="I3318" t="s">
        <v>30540</v>
      </c>
    </row>
    <row r="3319" spans="1:9">
      <c r="A3319" s="1">
        <f ca="1">RAND()</f>
        <v>9.9910213177792806E-2</v>
      </c>
      <c r="B3319" s="1"/>
      <c r="C3319">
        <v>16</v>
      </c>
      <c r="D3319" t="s">
        <v>4347</v>
      </c>
      <c r="E3319" t="s">
        <v>31856</v>
      </c>
      <c r="F3319">
        <v>4</v>
      </c>
      <c r="G3319" t="s">
        <v>10</v>
      </c>
      <c r="H3319" t="s">
        <v>4348</v>
      </c>
      <c r="I3319" t="s">
        <v>30540</v>
      </c>
    </row>
    <row r="3320" spans="1:9">
      <c r="A3320" s="1">
        <f ca="1">RAND()</f>
        <v>0.12864244871601294</v>
      </c>
      <c r="B3320" s="1"/>
      <c r="C3320">
        <v>6</v>
      </c>
      <c r="D3320" t="s">
        <v>4339</v>
      </c>
      <c r="E3320" t="s">
        <v>31856</v>
      </c>
      <c r="F3320">
        <v>3</v>
      </c>
      <c r="G3320" t="s">
        <v>10</v>
      </c>
      <c r="H3320" t="s">
        <v>4340</v>
      </c>
      <c r="I3320" t="s">
        <v>30540</v>
      </c>
    </row>
    <row r="3321" spans="1:9">
      <c r="A3321" s="1">
        <f ca="1">RAND()</f>
        <v>0.55352369289291969</v>
      </c>
      <c r="B3321" s="1"/>
      <c r="C3321">
        <v>4</v>
      </c>
      <c r="D3321" t="s">
        <v>4337</v>
      </c>
      <c r="E3321" t="s">
        <v>31856</v>
      </c>
      <c r="F3321">
        <v>1</v>
      </c>
      <c r="G3321" t="s">
        <v>10</v>
      </c>
      <c r="H3321" t="s">
        <v>4338</v>
      </c>
      <c r="I3321" t="s">
        <v>30540</v>
      </c>
    </row>
    <row r="3322" spans="1:9">
      <c r="A3322" s="1">
        <f ca="1">RAND()</f>
        <v>0.56030438705184937</v>
      </c>
      <c r="B3322" s="1"/>
      <c r="C3322">
        <v>14</v>
      </c>
      <c r="D3322" t="s">
        <v>4331</v>
      </c>
      <c r="E3322" t="s">
        <v>31857</v>
      </c>
      <c r="F3322">
        <v>5</v>
      </c>
      <c r="G3322" t="s">
        <v>762</v>
      </c>
      <c r="H3322" t="s">
        <v>4332</v>
      </c>
      <c r="I3322" t="s">
        <v>30540</v>
      </c>
    </row>
    <row r="3323" spans="1:9">
      <c r="A3323" s="1">
        <f ca="1">RAND()</f>
        <v>0.83682539762057517</v>
      </c>
      <c r="B3323" s="1"/>
      <c r="C3323">
        <v>12</v>
      </c>
      <c r="D3323" t="s">
        <v>4329</v>
      </c>
      <c r="E3323" t="s">
        <v>31857</v>
      </c>
      <c r="F3323">
        <v>4</v>
      </c>
      <c r="G3323" t="s">
        <v>10</v>
      </c>
      <c r="H3323" t="s">
        <v>4330</v>
      </c>
      <c r="I3323" t="s">
        <v>30540</v>
      </c>
    </row>
    <row r="3324" spans="1:9">
      <c r="A3324" s="1">
        <f ca="1">RAND()</f>
        <v>0.7177023509399455</v>
      </c>
      <c r="B3324" s="1"/>
      <c r="C3324">
        <v>5</v>
      </c>
      <c r="D3324" t="s">
        <v>4327</v>
      </c>
      <c r="E3324" t="s">
        <v>31857</v>
      </c>
      <c r="F3324">
        <v>4</v>
      </c>
      <c r="G3324" t="s">
        <v>10</v>
      </c>
      <c r="H3324" t="s">
        <v>4328</v>
      </c>
      <c r="I3324" t="s">
        <v>30540</v>
      </c>
    </row>
    <row r="3325" spans="1:9">
      <c r="A3325" s="1">
        <f ca="1">RAND()</f>
        <v>0.14844031155540771</v>
      </c>
      <c r="B3325" s="1"/>
      <c r="C3325">
        <v>16</v>
      </c>
      <c r="D3325" t="s">
        <v>4333</v>
      </c>
      <c r="E3325" t="s">
        <v>31857</v>
      </c>
      <c r="F3325">
        <v>4</v>
      </c>
      <c r="G3325" t="s">
        <v>10</v>
      </c>
      <c r="H3325" t="s">
        <v>4334</v>
      </c>
      <c r="I3325" t="s">
        <v>30540</v>
      </c>
    </row>
    <row r="3326" spans="1:9">
      <c r="A3326" s="1">
        <f ca="1">RAND()</f>
        <v>0.83965382290553603</v>
      </c>
      <c r="B3326" s="1"/>
      <c r="C3326">
        <v>20</v>
      </c>
      <c r="D3326" t="s">
        <v>4335</v>
      </c>
      <c r="E3326" t="s">
        <v>31857</v>
      </c>
      <c r="F3326">
        <v>4</v>
      </c>
      <c r="G3326" t="s">
        <v>0</v>
      </c>
      <c r="H3326" t="s">
        <v>4336</v>
      </c>
      <c r="I3326" t="s">
        <v>30540</v>
      </c>
    </row>
    <row r="3327" spans="1:9">
      <c r="A3327" s="1">
        <f ca="1">RAND()</f>
        <v>0.45621979640007726</v>
      </c>
      <c r="B3327" s="1"/>
      <c r="C3327">
        <v>2</v>
      </c>
      <c r="D3327" t="s">
        <v>4325</v>
      </c>
      <c r="E3327" t="s">
        <v>31857</v>
      </c>
      <c r="F3327">
        <v>2</v>
      </c>
      <c r="G3327" t="s">
        <v>2</v>
      </c>
      <c r="H3327" t="s">
        <v>4326</v>
      </c>
      <c r="I3327" t="s">
        <v>30540</v>
      </c>
    </row>
    <row r="3328" spans="1:9">
      <c r="A3328" s="1">
        <f ca="1">RAND()</f>
        <v>0.71729063244837421</v>
      </c>
      <c r="B3328" s="1"/>
      <c r="C3328">
        <v>11</v>
      </c>
      <c r="D3328" t="s">
        <v>4323</v>
      </c>
      <c r="E3328" t="s">
        <v>31858</v>
      </c>
      <c r="F3328">
        <v>4</v>
      </c>
      <c r="G3328" t="s">
        <v>15</v>
      </c>
      <c r="H3328" t="s">
        <v>4324</v>
      </c>
      <c r="I3328" t="s">
        <v>30540</v>
      </c>
    </row>
    <row r="3329" spans="1:9">
      <c r="A3329" s="1">
        <f ca="1">RAND()</f>
        <v>0.83605145399822534</v>
      </c>
      <c r="B3329" s="1"/>
      <c r="C3329">
        <v>9</v>
      </c>
      <c r="D3329" t="s">
        <v>4321</v>
      </c>
      <c r="E3329" t="s">
        <v>31858</v>
      </c>
      <c r="F3329">
        <v>3</v>
      </c>
      <c r="G3329" t="s">
        <v>0</v>
      </c>
      <c r="H3329" t="s">
        <v>4322</v>
      </c>
      <c r="I3329" t="s">
        <v>30540</v>
      </c>
    </row>
    <row r="3330" spans="1:9">
      <c r="A3330" s="1">
        <f ca="1">RAND()</f>
        <v>0.55038605696341814</v>
      </c>
      <c r="B3330" s="1"/>
      <c r="C3330">
        <v>6</v>
      </c>
      <c r="D3330" t="s">
        <v>4309</v>
      </c>
      <c r="E3330" t="s">
        <v>31859</v>
      </c>
      <c r="F3330">
        <v>5</v>
      </c>
      <c r="G3330" t="s">
        <v>769</v>
      </c>
      <c r="H3330" t="s">
        <v>4310</v>
      </c>
      <c r="I3330" t="s">
        <v>30540</v>
      </c>
    </row>
    <row r="3331" spans="1:9">
      <c r="A3331" s="1">
        <f ca="1">RAND()</f>
        <v>0.18147235432735465</v>
      </c>
      <c r="B3331" s="1"/>
      <c r="C3331">
        <v>20</v>
      </c>
      <c r="D3331" t="s">
        <v>4319</v>
      </c>
      <c r="E3331" t="s">
        <v>31859</v>
      </c>
      <c r="F3331">
        <v>5</v>
      </c>
      <c r="G3331" t="s">
        <v>769</v>
      </c>
      <c r="H3331" t="s">
        <v>4320</v>
      </c>
      <c r="I3331" t="s">
        <v>30540</v>
      </c>
    </row>
    <row r="3332" spans="1:9">
      <c r="A3332" s="1">
        <f ca="1">RAND()</f>
        <v>0.83292050257726169</v>
      </c>
      <c r="B3332" s="1"/>
      <c r="C3332">
        <v>4</v>
      </c>
      <c r="D3332" t="s">
        <v>4307</v>
      </c>
      <c r="E3332" t="s">
        <v>31859</v>
      </c>
      <c r="F3332">
        <v>5</v>
      </c>
      <c r="G3332" t="s">
        <v>769</v>
      </c>
      <c r="H3332" t="s">
        <v>4308</v>
      </c>
      <c r="I3332" t="s">
        <v>30540</v>
      </c>
    </row>
    <row r="3333" spans="1:9">
      <c r="A3333" s="1">
        <f ca="1">RAND()</f>
        <v>0.69464652957681861</v>
      </c>
      <c r="B3333" s="1"/>
      <c r="C3333">
        <v>16</v>
      </c>
      <c r="D3333" t="s">
        <v>4317</v>
      </c>
      <c r="E3333" t="s">
        <v>31859</v>
      </c>
      <c r="F3333">
        <v>4</v>
      </c>
      <c r="G3333" t="s">
        <v>14</v>
      </c>
      <c r="H3333" t="s">
        <v>4318</v>
      </c>
      <c r="I3333" t="s">
        <v>30540</v>
      </c>
    </row>
    <row r="3334" spans="1:9">
      <c r="A3334" s="1">
        <f ca="1">RAND()</f>
        <v>0.339130255629427</v>
      </c>
      <c r="B3334" s="1"/>
      <c r="C3334">
        <v>9</v>
      </c>
      <c r="D3334" t="s">
        <v>4313</v>
      </c>
      <c r="E3334" t="s">
        <v>31859</v>
      </c>
      <c r="F3334">
        <v>4</v>
      </c>
      <c r="G3334" t="s">
        <v>762</v>
      </c>
      <c r="H3334" t="s">
        <v>4314</v>
      </c>
      <c r="I3334" t="s">
        <v>30540</v>
      </c>
    </row>
    <row r="3335" spans="1:9">
      <c r="A3335" s="1">
        <f ca="1">RAND()</f>
        <v>0.26332966196804997</v>
      </c>
      <c r="B3335" s="1"/>
      <c r="C3335">
        <v>8</v>
      </c>
      <c r="D3335" t="s">
        <v>4311</v>
      </c>
      <c r="E3335" t="s">
        <v>31859</v>
      </c>
      <c r="F3335">
        <v>4</v>
      </c>
      <c r="G3335" t="s">
        <v>762</v>
      </c>
      <c r="H3335" t="s">
        <v>4312</v>
      </c>
      <c r="I3335" t="s">
        <v>30540</v>
      </c>
    </row>
    <row r="3336" spans="1:9">
      <c r="A3336" s="1">
        <f ca="1">RAND()</f>
        <v>2.7126273841104331E-2</v>
      </c>
      <c r="B3336" s="1"/>
      <c r="C3336">
        <v>14</v>
      </c>
      <c r="D3336" t="s">
        <v>4315</v>
      </c>
      <c r="E3336" t="s">
        <v>31859</v>
      </c>
      <c r="F3336">
        <v>2</v>
      </c>
      <c r="G3336" t="s">
        <v>14</v>
      </c>
      <c r="H3336" t="s">
        <v>4316</v>
      </c>
      <c r="I3336" t="s">
        <v>30540</v>
      </c>
    </row>
    <row r="3337" spans="1:9">
      <c r="A3337" s="1">
        <f ca="1">RAND()</f>
        <v>0.70407996536970541</v>
      </c>
      <c r="B3337" s="1"/>
      <c r="C3337">
        <v>9</v>
      </c>
      <c r="D3337" t="s">
        <v>4297</v>
      </c>
      <c r="E3337" t="s">
        <v>31860</v>
      </c>
      <c r="F3337">
        <v>4</v>
      </c>
      <c r="G3337" t="s">
        <v>9</v>
      </c>
      <c r="H3337" t="s">
        <v>4298</v>
      </c>
      <c r="I3337" t="s">
        <v>30540</v>
      </c>
    </row>
    <row r="3338" spans="1:9">
      <c r="A3338" s="1">
        <f ca="1">RAND()</f>
        <v>0.91059077118267884</v>
      </c>
      <c r="B3338" s="1"/>
      <c r="C3338">
        <v>2</v>
      </c>
      <c r="D3338" t="s">
        <v>4293</v>
      </c>
      <c r="E3338" t="s">
        <v>31860</v>
      </c>
      <c r="F3338">
        <v>4</v>
      </c>
      <c r="G3338" t="s">
        <v>770</v>
      </c>
      <c r="H3338" t="s">
        <v>4294</v>
      </c>
      <c r="I3338" t="s">
        <v>30540</v>
      </c>
    </row>
    <row r="3339" spans="1:9">
      <c r="A3339" s="1">
        <f ca="1">RAND()</f>
        <v>0.69343745598195727</v>
      </c>
      <c r="B3339" s="1"/>
      <c r="C3339">
        <v>6</v>
      </c>
      <c r="D3339" t="s">
        <v>4295</v>
      </c>
      <c r="E3339" t="s">
        <v>31860</v>
      </c>
      <c r="F3339">
        <v>4</v>
      </c>
      <c r="G3339" t="s">
        <v>9</v>
      </c>
      <c r="H3339" t="s">
        <v>4296</v>
      </c>
      <c r="I3339" t="s">
        <v>30540</v>
      </c>
    </row>
    <row r="3340" spans="1:9">
      <c r="A3340" s="1">
        <f ca="1">RAND()</f>
        <v>0.92148335391403569</v>
      </c>
      <c r="B3340" s="1"/>
      <c r="C3340">
        <v>20</v>
      </c>
      <c r="D3340" t="s">
        <v>4305</v>
      </c>
      <c r="E3340" t="s">
        <v>31860</v>
      </c>
      <c r="F3340">
        <v>4</v>
      </c>
      <c r="G3340" t="s">
        <v>0</v>
      </c>
      <c r="H3340" t="s">
        <v>4306</v>
      </c>
      <c r="I3340" t="s">
        <v>30540</v>
      </c>
    </row>
    <row r="3341" spans="1:9">
      <c r="A3341" s="1">
        <f ca="1">RAND()</f>
        <v>0.91419967994345797</v>
      </c>
      <c r="B3341" s="1"/>
      <c r="C3341">
        <v>19</v>
      </c>
      <c r="D3341" t="s">
        <v>4303</v>
      </c>
      <c r="E3341" t="s">
        <v>31860</v>
      </c>
      <c r="F3341">
        <v>4</v>
      </c>
      <c r="G3341" t="s">
        <v>0</v>
      </c>
      <c r="H3341" t="s">
        <v>4304</v>
      </c>
      <c r="I3341" t="s">
        <v>30540</v>
      </c>
    </row>
    <row r="3342" spans="1:9">
      <c r="A3342" s="1">
        <f ca="1">RAND()</f>
        <v>0.87682654196309562</v>
      </c>
      <c r="B3342" s="1"/>
      <c r="C3342">
        <v>13</v>
      </c>
      <c r="D3342" t="s">
        <v>4299</v>
      </c>
      <c r="E3342" t="s">
        <v>31860</v>
      </c>
      <c r="F3342">
        <v>3</v>
      </c>
      <c r="G3342" t="s">
        <v>10</v>
      </c>
      <c r="H3342" t="s">
        <v>4300</v>
      </c>
      <c r="I3342" t="s">
        <v>30540</v>
      </c>
    </row>
    <row r="3343" spans="1:9">
      <c r="A3343" s="1">
        <f ca="1">RAND()</f>
        <v>0.63131309800228341</v>
      </c>
      <c r="B3343" s="1"/>
      <c r="C3343">
        <v>15</v>
      </c>
      <c r="D3343" t="s">
        <v>4301</v>
      </c>
      <c r="E3343" t="s">
        <v>31860</v>
      </c>
      <c r="F3343">
        <v>2</v>
      </c>
      <c r="G3343" t="s">
        <v>771</v>
      </c>
      <c r="H3343" t="s">
        <v>4302</v>
      </c>
      <c r="I3343" t="s">
        <v>30540</v>
      </c>
    </row>
    <row r="3344" spans="1:9">
      <c r="A3344" s="1">
        <f ca="1">RAND()</f>
        <v>0.80963806963177198</v>
      </c>
      <c r="B3344" s="1"/>
      <c r="C3344">
        <v>16</v>
      </c>
      <c r="D3344" t="s">
        <v>4291</v>
      </c>
      <c r="E3344" t="s">
        <v>31861</v>
      </c>
      <c r="F3344">
        <v>4</v>
      </c>
      <c r="G3344" t="s">
        <v>2</v>
      </c>
      <c r="H3344" t="s">
        <v>4292</v>
      </c>
      <c r="I3344" t="s">
        <v>30540</v>
      </c>
    </row>
    <row r="3345" spans="1:9">
      <c r="A3345" s="1">
        <f ca="1">RAND()</f>
        <v>7.6354504430874437E-3</v>
      </c>
      <c r="B3345" s="1"/>
      <c r="C3345">
        <v>15</v>
      </c>
      <c r="D3345" t="s">
        <v>4289</v>
      </c>
      <c r="E3345" t="s">
        <v>31861</v>
      </c>
      <c r="F3345">
        <v>4</v>
      </c>
      <c r="G3345" t="s">
        <v>10</v>
      </c>
      <c r="H3345" t="s">
        <v>4290</v>
      </c>
      <c r="I3345" t="s">
        <v>30540</v>
      </c>
    </row>
    <row r="3346" spans="1:9">
      <c r="A3346" s="1">
        <f ca="1">RAND()</f>
        <v>0.31580333519988724</v>
      </c>
      <c r="B3346" s="1"/>
      <c r="C3346">
        <v>7</v>
      </c>
      <c r="D3346" t="s">
        <v>4285</v>
      </c>
      <c r="E3346" t="s">
        <v>31861</v>
      </c>
      <c r="F3346">
        <v>4</v>
      </c>
      <c r="G3346" t="s">
        <v>2</v>
      </c>
      <c r="H3346" t="s">
        <v>4286</v>
      </c>
      <c r="I3346" t="s">
        <v>30540</v>
      </c>
    </row>
    <row r="3347" spans="1:9">
      <c r="A3347" s="1">
        <f ca="1">RAND()</f>
        <v>9.012450972882502E-3</v>
      </c>
      <c r="B3347" s="1"/>
      <c r="C3347">
        <v>11</v>
      </c>
      <c r="D3347" t="s">
        <v>4287</v>
      </c>
      <c r="E3347" t="s">
        <v>31861</v>
      </c>
      <c r="F3347">
        <v>2</v>
      </c>
      <c r="G3347" t="s">
        <v>10</v>
      </c>
      <c r="H3347" t="s">
        <v>4288</v>
      </c>
      <c r="I3347" t="s">
        <v>30540</v>
      </c>
    </row>
    <row r="3348" spans="1:9">
      <c r="A3348" s="1">
        <f ca="1">RAND()</f>
        <v>0.13078979344185848</v>
      </c>
      <c r="B3348" s="1"/>
      <c r="C3348">
        <v>19</v>
      </c>
      <c r="D3348" t="s">
        <v>4283</v>
      </c>
      <c r="E3348" t="s">
        <v>31862</v>
      </c>
      <c r="F3348">
        <v>5</v>
      </c>
      <c r="G3348" t="s">
        <v>10</v>
      </c>
      <c r="H3348" t="s">
        <v>4284</v>
      </c>
      <c r="I3348" t="s">
        <v>30540</v>
      </c>
    </row>
    <row r="3349" spans="1:9">
      <c r="A3349" s="1">
        <f ca="1">RAND()</f>
        <v>0.38435223208269387</v>
      </c>
      <c r="B3349" s="1"/>
      <c r="C3349">
        <v>15</v>
      </c>
      <c r="D3349" t="s">
        <v>4281</v>
      </c>
      <c r="E3349" t="s">
        <v>31862</v>
      </c>
      <c r="F3349">
        <v>4</v>
      </c>
      <c r="G3349" t="s">
        <v>10</v>
      </c>
      <c r="H3349" t="s">
        <v>4282</v>
      </c>
      <c r="I3349" t="s">
        <v>30540</v>
      </c>
    </row>
    <row r="3350" spans="1:9">
      <c r="A3350" s="1">
        <f ca="1">RAND()</f>
        <v>0.18295932139763038</v>
      </c>
      <c r="B3350" s="1"/>
      <c r="C3350">
        <v>10</v>
      </c>
      <c r="D3350" t="s">
        <v>4279</v>
      </c>
      <c r="E3350" t="s">
        <v>31862</v>
      </c>
      <c r="F3350">
        <v>4</v>
      </c>
      <c r="G3350" t="s">
        <v>2</v>
      </c>
      <c r="H3350" t="s">
        <v>4280</v>
      </c>
      <c r="I3350" t="s">
        <v>30540</v>
      </c>
    </row>
    <row r="3351" spans="1:9">
      <c r="A3351" s="1">
        <f ca="1">RAND()</f>
        <v>9.7368567390175853E-3</v>
      </c>
      <c r="B3351" s="1"/>
      <c r="C3351">
        <v>18</v>
      </c>
      <c r="D3351" t="s">
        <v>4277</v>
      </c>
      <c r="E3351" t="s">
        <v>31863</v>
      </c>
      <c r="F3351">
        <v>5</v>
      </c>
      <c r="G3351" t="s">
        <v>10</v>
      </c>
      <c r="H3351" t="s">
        <v>4278</v>
      </c>
      <c r="I3351" t="s">
        <v>30540</v>
      </c>
    </row>
    <row r="3352" spans="1:9">
      <c r="A3352" s="1">
        <f ca="1">RAND()</f>
        <v>0.23871269193649369</v>
      </c>
      <c r="B3352" s="1"/>
      <c r="C3352">
        <v>15</v>
      </c>
      <c r="D3352" t="s">
        <v>4275</v>
      </c>
      <c r="E3352" t="s">
        <v>31863</v>
      </c>
      <c r="F3352">
        <v>4</v>
      </c>
      <c r="G3352" t="s">
        <v>10</v>
      </c>
      <c r="H3352" t="s">
        <v>4276</v>
      </c>
      <c r="I3352" t="s">
        <v>30540</v>
      </c>
    </row>
    <row r="3353" spans="1:9">
      <c r="A3353" s="1">
        <f ca="1">RAND()</f>
        <v>0.27925671038248945</v>
      </c>
      <c r="B3353" s="1"/>
      <c r="C3353">
        <v>14</v>
      </c>
      <c r="D3353" t="s">
        <v>4273</v>
      </c>
      <c r="E3353" t="s">
        <v>31863</v>
      </c>
      <c r="F3353">
        <v>3</v>
      </c>
      <c r="G3353" t="s">
        <v>10</v>
      </c>
      <c r="H3353" t="s">
        <v>4274</v>
      </c>
      <c r="I3353" t="s">
        <v>30540</v>
      </c>
    </row>
    <row r="3354" spans="1:9">
      <c r="A3354" s="1">
        <f ca="1">RAND()</f>
        <v>0.93057837405454269</v>
      </c>
      <c r="B3354" s="1"/>
      <c r="C3354">
        <v>16</v>
      </c>
      <c r="D3354" t="s">
        <v>4269</v>
      </c>
      <c r="E3354" t="s">
        <v>31864</v>
      </c>
      <c r="F3354">
        <v>4</v>
      </c>
      <c r="G3354" t="s">
        <v>10</v>
      </c>
      <c r="H3354" t="s">
        <v>4270</v>
      </c>
      <c r="I3354" t="s">
        <v>30540</v>
      </c>
    </row>
    <row r="3355" spans="1:9">
      <c r="A3355" s="1">
        <f ca="1">RAND()</f>
        <v>0.91032502536014792</v>
      </c>
      <c r="B3355" s="1"/>
      <c r="C3355">
        <v>3</v>
      </c>
      <c r="D3355" t="s">
        <v>4265</v>
      </c>
      <c r="E3355" t="s">
        <v>31864</v>
      </c>
      <c r="F3355">
        <v>4</v>
      </c>
      <c r="G3355" t="s">
        <v>9</v>
      </c>
      <c r="H3355" t="s">
        <v>4266</v>
      </c>
      <c r="I3355" t="s">
        <v>30540</v>
      </c>
    </row>
    <row r="3356" spans="1:9">
      <c r="A3356" s="1">
        <f ca="1">RAND()</f>
        <v>0.10819908937126976</v>
      </c>
      <c r="B3356" s="1"/>
      <c r="C3356">
        <v>20</v>
      </c>
      <c r="D3356" t="s">
        <v>4271</v>
      </c>
      <c r="E3356" t="s">
        <v>31864</v>
      </c>
      <c r="F3356">
        <v>4</v>
      </c>
      <c r="G3356" t="s">
        <v>10</v>
      </c>
      <c r="H3356" t="s">
        <v>4272</v>
      </c>
      <c r="I3356" t="s">
        <v>30540</v>
      </c>
    </row>
    <row r="3357" spans="1:9">
      <c r="A3357" s="1">
        <f ca="1">RAND()</f>
        <v>0.81770715273742556</v>
      </c>
      <c r="B3357" s="1"/>
      <c r="C3357">
        <v>2</v>
      </c>
      <c r="D3357" t="s">
        <v>4263</v>
      </c>
      <c r="E3357" t="s">
        <v>31864</v>
      </c>
      <c r="F3357">
        <v>4</v>
      </c>
      <c r="G3357" t="s">
        <v>766</v>
      </c>
      <c r="H3357" t="s">
        <v>4264</v>
      </c>
      <c r="I3357" t="s">
        <v>30540</v>
      </c>
    </row>
    <row r="3358" spans="1:9">
      <c r="A3358" s="1">
        <f ca="1">RAND()</f>
        <v>0.65443506529208384</v>
      </c>
      <c r="B3358" s="1"/>
      <c r="C3358">
        <v>6</v>
      </c>
      <c r="D3358" t="s">
        <v>4267</v>
      </c>
      <c r="E3358" t="s">
        <v>31864</v>
      </c>
      <c r="F3358">
        <v>2</v>
      </c>
      <c r="G3358" t="s">
        <v>1295</v>
      </c>
      <c r="H3358" t="s">
        <v>4268</v>
      </c>
      <c r="I3358" t="s">
        <v>30540</v>
      </c>
    </row>
    <row r="3359" spans="1:9">
      <c r="A3359" s="1">
        <f ca="1">RAND()</f>
        <v>0.62667841758305864</v>
      </c>
      <c r="B3359" s="1"/>
      <c r="C3359">
        <v>1</v>
      </c>
      <c r="D3359" t="s">
        <v>4251</v>
      </c>
      <c r="E3359" t="s">
        <v>31865</v>
      </c>
      <c r="F3359">
        <v>5</v>
      </c>
      <c r="G3359" t="s">
        <v>1295</v>
      </c>
      <c r="H3359" t="s">
        <v>4252</v>
      </c>
      <c r="I3359" t="s">
        <v>30540</v>
      </c>
    </row>
    <row r="3360" spans="1:9">
      <c r="A3360" s="1">
        <f ca="1">RAND()</f>
        <v>0.95718219068277688</v>
      </c>
      <c r="B3360" s="1"/>
      <c r="C3360">
        <v>4</v>
      </c>
      <c r="D3360" t="s">
        <v>4255</v>
      </c>
      <c r="E3360" t="s">
        <v>31865</v>
      </c>
      <c r="F3360">
        <v>4</v>
      </c>
      <c r="G3360" t="s">
        <v>2</v>
      </c>
      <c r="H3360" t="s">
        <v>4256</v>
      </c>
      <c r="I3360" t="s">
        <v>30540</v>
      </c>
    </row>
    <row r="3361" spans="1:9">
      <c r="A3361" s="1">
        <f ca="1">RAND()</f>
        <v>0.91795471640737314</v>
      </c>
      <c r="B3361" s="1"/>
      <c r="C3361">
        <v>9</v>
      </c>
      <c r="D3361" t="s">
        <v>4259</v>
      </c>
      <c r="E3361" t="s">
        <v>31865</v>
      </c>
      <c r="F3361">
        <v>4</v>
      </c>
      <c r="G3361" t="s">
        <v>771</v>
      </c>
      <c r="H3361" t="s">
        <v>4260</v>
      </c>
      <c r="I3361" t="s">
        <v>30540</v>
      </c>
    </row>
    <row r="3362" spans="1:9">
      <c r="A3362" s="1">
        <f ca="1">RAND()</f>
        <v>0.30582151036879845</v>
      </c>
      <c r="B3362" s="1"/>
      <c r="C3362">
        <v>3</v>
      </c>
      <c r="D3362" t="s">
        <v>4253</v>
      </c>
      <c r="E3362" t="s">
        <v>31865</v>
      </c>
      <c r="F3362">
        <v>4</v>
      </c>
      <c r="G3362" t="s">
        <v>10</v>
      </c>
      <c r="H3362" t="s">
        <v>4254</v>
      </c>
      <c r="I3362" t="s">
        <v>30540</v>
      </c>
    </row>
    <row r="3363" spans="1:9">
      <c r="A3363" s="1">
        <f ca="1">RAND()</f>
        <v>0.32294286895857771</v>
      </c>
      <c r="B3363" s="1"/>
      <c r="C3363">
        <v>13</v>
      </c>
      <c r="D3363" t="s">
        <v>4261</v>
      </c>
      <c r="E3363" t="s">
        <v>31865</v>
      </c>
      <c r="F3363">
        <v>2</v>
      </c>
      <c r="G3363" t="s">
        <v>10</v>
      </c>
      <c r="H3363" t="s">
        <v>4262</v>
      </c>
      <c r="I3363" t="s">
        <v>30540</v>
      </c>
    </row>
    <row r="3364" spans="1:9">
      <c r="A3364" s="1">
        <f ca="1">RAND()</f>
        <v>0.60095382895491067</v>
      </c>
      <c r="B3364" s="1"/>
      <c r="C3364">
        <v>7</v>
      </c>
      <c r="D3364" t="s">
        <v>4257</v>
      </c>
      <c r="E3364" t="s">
        <v>31865</v>
      </c>
      <c r="F3364">
        <v>1</v>
      </c>
      <c r="G3364" t="s">
        <v>1295</v>
      </c>
      <c r="H3364" t="s">
        <v>4258</v>
      </c>
      <c r="I3364" t="s">
        <v>30540</v>
      </c>
    </row>
    <row r="3365" spans="1:9">
      <c r="A3365" s="1">
        <f ca="1">RAND()</f>
        <v>0.45351080287498535</v>
      </c>
      <c r="B3365" s="1"/>
      <c r="C3365">
        <v>20</v>
      </c>
      <c r="D3365" t="s">
        <v>4249</v>
      </c>
      <c r="E3365" t="s">
        <v>31866</v>
      </c>
      <c r="F3365">
        <v>5</v>
      </c>
      <c r="G3365" t="s">
        <v>10</v>
      </c>
      <c r="H3365" t="s">
        <v>4250</v>
      </c>
      <c r="I3365" t="s">
        <v>30540</v>
      </c>
    </row>
    <row r="3366" spans="1:9">
      <c r="A3366" s="1">
        <f ca="1">RAND()</f>
        <v>0.3040669242696723</v>
      </c>
      <c r="B3366" s="1"/>
      <c r="C3366">
        <v>17</v>
      </c>
      <c r="D3366" t="s">
        <v>4247</v>
      </c>
      <c r="E3366" t="s">
        <v>31866</v>
      </c>
      <c r="F3366">
        <v>5</v>
      </c>
      <c r="G3366" t="s">
        <v>13</v>
      </c>
      <c r="H3366" t="s">
        <v>4248</v>
      </c>
      <c r="I3366" t="s">
        <v>30540</v>
      </c>
    </row>
    <row r="3367" spans="1:9">
      <c r="A3367" s="1">
        <f ca="1">RAND()</f>
        <v>0.56536964354766317</v>
      </c>
      <c r="B3367" s="1"/>
      <c r="C3367">
        <v>10</v>
      </c>
      <c r="D3367" t="s">
        <v>4243</v>
      </c>
      <c r="E3367" t="s">
        <v>31866</v>
      </c>
      <c r="F3367">
        <v>4</v>
      </c>
      <c r="G3367" t="s">
        <v>10</v>
      </c>
      <c r="H3367" t="s">
        <v>4244</v>
      </c>
      <c r="I3367" t="s">
        <v>30540</v>
      </c>
    </row>
    <row r="3368" spans="1:9">
      <c r="A3368" s="1">
        <f ca="1">RAND()</f>
        <v>0.47954641703825562</v>
      </c>
      <c r="B3368" s="1"/>
      <c r="C3368">
        <v>15</v>
      </c>
      <c r="D3368" t="s">
        <v>4245</v>
      </c>
      <c r="E3368" t="s">
        <v>31866</v>
      </c>
      <c r="F3368">
        <v>4</v>
      </c>
      <c r="G3368" t="s">
        <v>10</v>
      </c>
      <c r="H3368" t="s">
        <v>4246</v>
      </c>
      <c r="I3368" t="s">
        <v>30540</v>
      </c>
    </row>
    <row r="3369" spans="1:9">
      <c r="A3369" s="1">
        <f ca="1">RAND()</f>
        <v>0.1593280335797207</v>
      </c>
      <c r="B3369" s="1"/>
      <c r="C3369">
        <v>15</v>
      </c>
      <c r="D3369" t="s">
        <v>4241</v>
      </c>
      <c r="E3369" t="s">
        <v>31867</v>
      </c>
      <c r="F3369">
        <v>4</v>
      </c>
      <c r="G3369" t="s">
        <v>10</v>
      </c>
      <c r="H3369" t="s">
        <v>4242</v>
      </c>
      <c r="I3369" t="s">
        <v>30540</v>
      </c>
    </row>
    <row r="3370" spans="1:9">
      <c r="A3370" s="1">
        <f ca="1">RAND()</f>
        <v>0.22080543119616658</v>
      </c>
      <c r="B3370" s="1"/>
      <c r="C3370">
        <v>14</v>
      </c>
      <c r="D3370" t="s">
        <v>4239</v>
      </c>
      <c r="E3370" t="s">
        <v>31867</v>
      </c>
      <c r="F3370">
        <v>4</v>
      </c>
      <c r="G3370" t="s">
        <v>0</v>
      </c>
      <c r="H3370" t="s">
        <v>4240</v>
      </c>
      <c r="I3370" t="s">
        <v>30540</v>
      </c>
    </row>
    <row r="3371" spans="1:9">
      <c r="A3371" s="1">
        <f ca="1">RAND()</f>
        <v>9.6701663420784345E-2</v>
      </c>
      <c r="B3371" s="1"/>
      <c r="C3371">
        <v>12</v>
      </c>
      <c r="D3371" t="s">
        <v>4229</v>
      </c>
      <c r="E3371" t="s">
        <v>31868</v>
      </c>
      <c r="F3371">
        <v>5</v>
      </c>
      <c r="G3371" t="s">
        <v>9</v>
      </c>
      <c r="H3371" t="s">
        <v>4230</v>
      </c>
      <c r="I3371" t="s">
        <v>30540</v>
      </c>
    </row>
    <row r="3372" spans="1:9">
      <c r="A3372" s="1">
        <f ca="1">RAND()</f>
        <v>2.0040355063631554E-2</v>
      </c>
      <c r="B3372" s="1"/>
      <c r="C3372">
        <v>18</v>
      </c>
      <c r="D3372" t="s">
        <v>4237</v>
      </c>
      <c r="E3372" t="s">
        <v>31868</v>
      </c>
      <c r="F3372">
        <v>4</v>
      </c>
      <c r="G3372" t="s">
        <v>10</v>
      </c>
      <c r="H3372" t="s">
        <v>4238</v>
      </c>
      <c r="I3372" t="s">
        <v>30540</v>
      </c>
    </row>
    <row r="3373" spans="1:9">
      <c r="A3373" s="1">
        <f ca="1">RAND()</f>
        <v>0.6414229883685425</v>
      </c>
      <c r="B3373" s="1"/>
      <c r="C3373">
        <v>15</v>
      </c>
      <c r="D3373" t="s">
        <v>4231</v>
      </c>
      <c r="E3373" t="s">
        <v>31868</v>
      </c>
      <c r="F3373">
        <v>4</v>
      </c>
      <c r="G3373" t="s">
        <v>15</v>
      </c>
      <c r="H3373" t="s">
        <v>4232</v>
      </c>
      <c r="I3373" t="s">
        <v>30540</v>
      </c>
    </row>
    <row r="3374" spans="1:9">
      <c r="A3374" s="1">
        <f ca="1">RAND()</f>
        <v>0.7303193787222606</v>
      </c>
      <c r="B3374" s="1"/>
      <c r="C3374">
        <v>17</v>
      </c>
      <c r="D3374" t="s">
        <v>4235</v>
      </c>
      <c r="E3374" t="s">
        <v>31868</v>
      </c>
      <c r="F3374">
        <v>4</v>
      </c>
      <c r="G3374" t="s">
        <v>10</v>
      </c>
      <c r="H3374" t="s">
        <v>4236</v>
      </c>
      <c r="I3374" t="s">
        <v>30540</v>
      </c>
    </row>
    <row r="3375" spans="1:9">
      <c r="A3375" s="1">
        <f ca="1">RAND()</f>
        <v>0.65519092261416589</v>
      </c>
      <c r="B3375" s="1"/>
      <c r="C3375">
        <v>3</v>
      </c>
      <c r="D3375" t="s">
        <v>4227</v>
      </c>
      <c r="E3375" t="s">
        <v>31868</v>
      </c>
      <c r="F3375">
        <v>3</v>
      </c>
      <c r="G3375" t="s">
        <v>2</v>
      </c>
      <c r="H3375" t="s">
        <v>4228</v>
      </c>
      <c r="I3375" t="s">
        <v>30540</v>
      </c>
    </row>
    <row r="3376" spans="1:9">
      <c r="A3376" s="1">
        <f ca="1">RAND()</f>
        <v>0.12202697836705634</v>
      </c>
      <c r="B3376" s="1"/>
      <c r="C3376">
        <v>16</v>
      </c>
      <c r="D3376" t="s">
        <v>4233</v>
      </c>
      <c r="E3376" t="s">
        <v>31868</v>
      </c>
      <c r="F3376">
        <v>3</v>
      </c>
      <c r="G3376" t="s">
        <v>10</v>
      </c>
      <c r="H3376" t="s">
        <v>4234</v>
      </c>
      <c r="I3376" t="s">
        <v>30540</v>
      </c>
    </row>
    <row r="3377" spans="1:9">
      <c r="A3377" s="1">
        <f ca="1">RAND()</f>
        <v>0.72360272987083074</v>
      </c>
      <c r="B3377" s="1"/>
      <c r="C3377">
        <v>18</v>
      </c>
      <c r="D3377" t="s">
        <v>4225</v>
      </c>
      <c r="E3377" t="s">
        <v>31869</v>
      </c>
      <c r="F3377">
        <v>4</v>
      </c>
      <c r="G3377" t="s">
        <v>762</v>
      </c>
      <c r="H3377" t="s">
        <v>4226</v>
      </c>
      <c r="I3377" t="s">
        <v>30540</v>
      </c>
    </row>
    <row r="3378" spans="1:9">
      <c r="A3378" s="1">
        <f ca="1">RAND()</f>
        <v>0.34329127118269065</v>
      </c>
      <c r="B3378" s="1"/>
      <c r="C3378">
        <v>12</v>
      </c>
      <c r="D3378" t="s">
        <v>4223</v>
      </c>
      <c r="E3378" t="s">
        <v>31869</v>
      </c>
      <c r="F3378">
        <v>4</v>
      </c>
      <c r="G3378" t="s">
        <v>774</v>
      </c>
      <c r="H3378" t="s">
        <v>4224</v>
      </c>
      <c r="I3378" t="s">
        <v>30540</v>
      </c>
    </row>
    <row r="3379" spans="1:9">
      <c r="A3379" s="1">
        <f ca="1">RAND()</f>
        <v>0.75765463068177508</v>
      </c>
      <c r="B3379" s="1"/>
      <c r="C3379">
        <v>13</v>
      </c>
      <c r="D3379" t="s">
        <v>4221</v>
      </c>
      <c r="E3379" t="s">
        <v>31870</v>
      </c>
      <c r="F3379">
        <v>5</v>
      </c>
      <c r="G3379" t="s">
        <v>9</v>
      </c>
      <c r="H3379" t="s">
        <v>4222</v>
      </c>
      <c r="I3379" t="s">
        <v>30540</v>
      </c>
    </row>
    <row r="3380" spans="1:9">
      <c r="A3380" s="1">
        <f ca="1">RAND()</f>
        <v>0.6297745492418011</v>
      </c>
      <c r="B3380" s="1"/>
      <c r="C3380">
        <v>4</v>
      </c>
      <c r="D3380" t="s">
        <v>4219</v>
      </c>
      <c r="E3380" t="s">
        <v>31870</v>
      </c>
      <c r="F3380">
        <v>4</v>
      </c>
      <c r="G3380" t="s">
        <v>769</v>
      </c>
      <c r="H3380" t="s">
        <v>4220</v>
      </c>
      <c r="I3380" t="s">
        <v>30540</v>
      </c>
    </row>
    <row r="3381" spans="1:9">
      <c r="A3381" s="1">
        <f ca="1">RAND()</f>
        <v>0.92811871155305548</v>
      </c>
      <c r="B3381" s="1"/>
      <c r="C3381">
        <v>2</v>
      </c>
      <c r="D3381" t="s">
        <v>4211</v>
      </c>
      <c r="E3381" t="s">
        <v>31871</v>
      </c>
      <c r="F3381">
        <v>4</v>
      </c>
      <c r="G3381" t="s">
        <v>1</v>
      </c>
      <c r="H3381" t="s">
        <v>4212</v>
      </c>
      <c r="I3381" t="s">
        <v>30540</v>
      </c>
    </row>
    <row r="3382" spans="1:9">
      <c r="A3382" s="1">
        <f ca="1">RAND()</f>
        <v>0.58668668763432619</v>
      </c>
      <c r="B3382" s="1"/>
      <c r="C3382">
        <v>6</v>
      </c>
      <c r="D3382" t="s">
        <v>4213</v>
      </c>
      <c r="E3382" t="s">
        <v>31871</v>
      </c>
      <c r="F3382">
        <v>4</v>
      </c>
      <c r="G3382" t="s">
        <v>10</v>
      </c>
      <c r="H3382" t="s">
        <v>4214</v>
      </c>
      <c r="I3382" t="s">
        <v>30540</v>
      </c>
    </row>
    <row r="3383" spans="1:9">
      <c r="A3383" s="1">
        <f ca="1">RAND()</f>
        <v>0.89101624358101406</v>
      </c>
      <c r="B3383" s="1"/>
      <c r="C3383">
        <v>7</v>
      </c>
      <c r="D3383" t="s">
        <v>4215</v>
      </c>
      <c r="E3383" t="s">
        <v>31871</v>
      </c>
      <c r="F3383">
        <v>4</v>
      </c>
      <c r="G3383" t="s">
        <v>10</v>
      </c>
      <c r="H3383" t="s">
        <v>4216</v>
      </c>
      <c r="I3383" t="s">
        <v>30540</v>
      </c>
    </row>
    <row r="3384" spans="1:9">
      <c r="A3384" s="1">
        <f ca="1">RAND()</f>
        <v>0.37790864048508122</v>
      </c>
      <c r="B3384" s="1"/>
      <c r="C3384">
        <v>10</v>
      </c>
      <c r="D3384" t="s">
        <v>4217</v>
      </c>
      <c r="E3384" t="s">
        <v>31871</v>
      </c>
      <c r="F3384">
        <v>4</v>
      </c>
      <c r="G3384" t="s">
        <v>2</v>
      </c>
      <c r="H3384" t="s">
        <v>4218</v>
      </c>
      <c r="I3384" t="s">
        <v>30540</v>
      </c>
    </row>
    <row r="3385" spans="1:9">
      <c r="A3385" s="1">
        <f ca="1">RAND()</f>
        <v>0.73975327757371157</v>
      </c>
      <c r="B3385" s="1"/>
      <c r="C3385">
        <v>13</v>
      </c>
      <c r="D3385" t="s">
        <v>4207</v>
      </c>
      <c r="E3385" t="s">
        <v>31872</v>
      </c>
      <c r="F3385">
        <v>4</v>
      </c>
      <c r="G3385" t="s">
        <v>769</v>
      </c>
      <c r="H3385" t="s">
        <v>4208</v>
      </c>
      <c r="I3385" t="s">
        <v>30540</v>
      </c>
    </row>
    <row r="3386" spans="1:9">
      <c r="A3386" s="1">
        <f ca="1">RAND()</f>
        <v>6.0428716252447501E-3</v>
      </c>
      <c r="B3386" s="1"/>
      <c r="C3386">
        <v>6</v>
      </c>
      <c r="D3386" t="s">
        <v>4205</v>
      </c>
      <c r="E3386" t="s">
        <v>31872</v>
      </c>
      <c r="F3386">
        <v>3</v>
      </c>
      <c r="G3386" t="s">
        <v>765</v>
      </c>
      <c r="H3386" t="s">
        <v>4206</v>
      </c>
      <c r="I3386" t="s">
        <v>30540</v>
      </c>
    </row>
    <row r="3387" spans="1:9">
      <c r="A3387" s="1">
        <f ca="1">RAND()</f>
        <v>0.74264242320108698</v>
      </c>
      <c r="B3387" s="1"/>
      <c r="C3387">
        <v>16</v>
      </c>
      <c r="D3387" t="s">
        <v>4209</v>
      </c>
      <c r="E3387" t="s">
        <v>31872</v>
      </c>
      <c r="F3387">
        <v>2</v>
      </c>
      <c r="G3387" t="s">
        <v>766</v>
      </c>
      <c r="H3387" t="s">
        <v>4210</v>
      </c>
      <c r="I3387" t="s">
        <v>30540</v>
      </c>
    </row>
    <row r="3388" spans="1:9">
      <c r="A3388" s="1">
        <f ca="1">RAND()</f>
        <v>0.47471977955672229</v>
      </c>
      <c r="B3388" s="1"/>
      <c r="C3388">
        <v>18</v>
      </c>
      <c r="D3388" t="s">
        <v>4203</v>
      </c>
      <c r="E3388" t="s">
        <v>31873</v>
      </c>
      <c r="F3388">
        <v>5</v>
      </c>
      <c r="G3388" t="s">
        <v>15</v>
      </c>
      <c r="H3388" t="s">
        <v>4204</v>
      </c>
      <c r="I3388" t="s">
        <v>30540</v>
      </c>
    </row>
    <row r="3389" spans="1:9">
      <c r="A3389" s="1">
        <f ca="1">RAND()</f>
        <v>0.63412300776533059</v>
      </c>
      <c r="B3389" s="1"/>
      <c r="C3389">
        <v>16</v>
      </c>
      <c r="D3389" t="s">
        <v>4201</v>
      </c>
      <c r="E3389" t="s">
        <v>31873</v>
      </c>
      <c r="F3389">
        <v>4</v>
      </c>
      <c r="G3389" t="s">
        <v>10</v>
      </c>
      <c r="H3389" t="s">
        <v>4202</v>
      </c>
      <c r="I3389" t="s">
        <v>30540</v>
      </c>
    </row>
    <row r="3390" spans="1:9">
      <c r="A3390" s="1">
        <f ca="1">RAND()</f>
        <v>0.15902610551687013</v>
      </c>
      <c r="B3390" s="1"/>
      <c r="C3390">
        <v>13</v>
      </c>
      <c r="D3390" t="s">
        <v>4199</v>
      </c>
      <c r="E3390" t="s">
        <v>31873</v>
      </c>
      <c r="F3390">
        <v>3</v>
      </c>
      <c r="G3390" t="s">
        <v>10</v>
      </c>
      <c r="H3390" t="s">
        <v>4200</v>
      </c>
      <c r="I3390" t="s">
        <v>30540</v>
      </c>
    </row>
    <row r="3391" spans="1:9">
      <c r="A3391" s="1">
        <f ca="1">RAND()</f>
        <v>0.52856448272185164</v>
      </c>
      <c r="B3391" s="1"/>
      <c r="C3391">
        <v>12</v>
      </c>
      <c r="D3391" t="s">
        <v>4197</v>
      </c>
      <c r="E3391" t="s">
        <v>31873</v>
      </c>
      <c r="F3391">
        <v>2</v>
      </c>
      <c r="G3391" t="s">
        <v>10</v>
      </c>
      <c r="H3391" t="s">
        <v>4198</v>
      </c>
      <c r="I3391" t="s">
        <v>30540</v>
      </c>
    </row>
    <row r="3392" spans="1:9">
      <c r="A3392" s="1">
        <f ca="1">RAND()</f>
        <v>9.154859635288326E-2</v>
      </c>
      <c r="B3392" s="1"/>
      <c r="C3392">
        <v>13</v>
      </c>
      <c r="D3392" t="s">
        <v>4189</v>
      </c>
      <c r="E3392" t="s">
        <v>31874</v>
      </c>
      <c r="F3392">
        <v>5</v>
      </c>
      <c r="G3392" t="s">
        <v>9</v>
      </c>
      <c r="H3392" t="s">
        <v>4190</v>
      </c>
      <c r="I3392" t="s">
        <v>30540</v>
      </c>
    </row>
    <row r="3393" spans="1:9">
      <c r="A3393" s="1">
        <f ca="1">RAND()</f>
        <v>0.78299097879418422</v>
      </c>
      <c r="B3393" s="1"/>
      <c r="C3393">
        <v>1</v>
      </c>
      <c r="D3393" t="s">
        <v>4187</v>
      </c>
      <c r="E3393" t="s">
        <v>31874</v>
      </c>
      <c r="F3393">
        <v>4</v>
      </c>
      <c r="G3393" t="s">
        <v>774</v>
      </c>
      <c r="H3393" t="s">
        <v>4188</v>
      </c>
      <c r="I3393" t="s">
        <v>30540</v>
      </c>
    </row>
    <row r="3394" spans="1:9">
      <c r="A3394" s="1">
        <f ca="1">RAND()</f>
        <v>0.61888543542405328</v>
      </c>
      <c r="B3394" s="1"/>
      <c r="C3394">
        <v>15</v>
      </c>
      <c r="D3394" t="s">
        <v>4191</v>
      </c>
      <c r="E3394" t="s">
        <v>31874</v>
      </c>
      <c r="F3394">
        <v>4</v>
      </c>
      <c r="G3394" t="s">
        <v>2</v>
      </c>
      <c r="H3394" t="s">
        <v>4192</v>
      </c>
      <c r="I3394" t="s">
        <v>30540</v>
      </c>
    </row>
    <row r="3395" spans="1:9">
      <c r="A3395" s="1">
        <f ca="1">RAND()</f>
        <v>0.25992844358583045</v>
      </c>
      <c r="B3395" s="1"/>
      <c r="C3395">
        <v>16</v>
      </c>
      <c r="D3395" t="s">
        <v>4193</v>
      </c>
      <c r="E3395" t="s">
        <v>31874</v>
      </c>
      <c r="F3395">
        <v>4</v>
      </c>
      <c r="G3395" t="s">
        <v>771</v>
      </c>
      <c r="H3395" t="s">
        <v>4194</v>
      </c>
      <c r="I3395" t="s">
        <v>30540</v>
      </c>
    </row>
    <row r="3396" spans="1:9">
      <c r="A3396" s="1">
        <f ca="1">RAND()</f>
        <v>0.88753405271668684</v>
      </c>
      <c r="B3396" s="1"/>
      <c r="C3396">
        <v>20</v>
      </c>
      <c r="D3396" t="s">
        <v>4195</v>
      </c>
      <c r="E3396" t="s">
        <v>31874</v>
      </c>
      <c r="F3396">
        <v>4</v>
      </c>
      <c r="G3396" t="s">
        <v>10</v>
      </c>
      <c r="H3396" t="s">
        <v>4196</v>
      </c>
      <c r="I3396" t="s">
        <v>30540</v>
      </c>
    </row>
    <row r="3397" spans="1:9">
      <c r="A3397" s="1">
        <f ca="1">RAND()</f>
        <v>0.52397565531324597</v>
      </c>
      <c r="B3397" s="1"/>
      <c r="C3397">
        <v>2</v>
      </c>
      <c r="D3397" t="s">
        <v>8723</v>
      </c>
      <c r="E3397" t="s">
        <v>31875</v>
      </c>
      <c r="F3397">
        <v>3</v>
      </c>
      <c r="G3397" t="s">
        <v>0</v>
      </c>
      <c r="H3397" t="s">
        <v>8724</v>
      </c>
      <c r="I3397" t="s">
        <v>30540</v>
      </c>
    </row>
    <row r="3398" spans="1:9">
      <c r="A3398" s="1">
        <f ca="1">RAND()</f>
        <v>0.29734887446380587</v>
      </c>
      <c r="B3398" s="1"/>
      <c r="C3398">
        <v>19</v>
      </c>
      <c r="D3398" t="s">
        <v>8721</v>
      </c>
      <c r="E3398" t="s">
        <v>31876</v>
      </c>
      <c r="F3398">
        <v>5</v>
      </c>
      <c r="G3398" t="s">
        <v>0</v>
      </c>
      <c r="H3398" t="s">
        <v>8722</v>
      </c>
      <c r="I3398" t="s">
        <v>30540</v>
      </c>
    </row>
    <row r="3399" spans="1:9">
      <c r="A3399" s="1">
        <f ca="1">RAND()</f>
        <v>0.85806958757869767</v>
      </c>
      <c r="B3399" s="1"/>
      <c r="C3399">
        <v>16</v>
      </c>
      <c r="D3399" t="s">
        <v>8717</v>
      </c>
      <c r="E3399" t="s">
        <v>31876</v>
      </c>
      <c r="F3399">
        <v>5</v>
      </c>
      <c r="G3399" t="s">
        <v>0</v>
      </c>
      <c r="H3399" t="s">
        <v>8718</v>
      </c>
      <c r="I3399" t="s">
        <v>30540</v>
      </c>
    </row>
    <row r="3400" spans="1:9">
      <c r="A3400" s="1">
        <f ca="1">RAND()</f>
        <v>3.9231439009427826E-2</v>
      </c>
      <c r="B3400" s="1"/>
      <c r="C3400">
        <v>12</v>
      </c>
      <c r="D3400" t="s">
        <v>8715</v>
      </c>
      <c r="E3400" t="s">
        <v>31876</v>
      </c>
      <c r="F3400">
        <v>4</v>
      </c>
      <c r="G3400" t="s">
        <v>9</v>
      </c>
      <c r="H3400" t="s">
        <v>8716</v>
      </c>
      <c r="I3400" t="s">
        <v>30540</v>
      </c>
    </row>
    <row r="3401" spans="1:9">
      <c r="A3401" s="1">
        <f ca="1">RAND()</f>
        <v>0.27103349750447936</v>
      </c>
      <c r="B3401" s="1"/>
      <c r="C3401">
        <v>18</v>
      </c>
      <c r="D3401" t="s">
        <v>8719</v>
      </c>
      <c r="E3401" t="s">
        <v>31876</v>
      </c>
      <c r="F3401">
        <v>2</v>
      </c>
      <c r="G3401" t="s">
        <v>0</v>
      </c>
      <c r="H3401" t="s">
        <v>8720</v>
      </c>
      <c r="I3401" t="s">
        <v>30540</v>
      </c>
    </row>
    <row r="3402" spans="1:9">
      <c r="A3402" s="1">
        <f ca="1">RAND()</f>
        <v>8.967218812171962E-2</v>
      </c>
      <c r="B3402" s="1"/>
      <c r="C3402">
        <v>1</v>
      </c>
      <c r="D3402" t="s">
        <v>8705</v>
      </c>
      <c r="E3402" t="s">
        <v>31877</v>
      </c>
      <c r="F3402">
        <v>5</v>
      </c>
      <c r="G3402" t="s">
        <v>774</v>
      </c>
      <c r="H3402" t="s">
        <v>8706</v>
      </c>
      <c r="I3402" t="s">
        <v>30540</v>
      </c>
    </row>
    <row r="3403" spans="1:9">
      <c r="A3403" s="1">
        <f ca="1">RAND()</f>
        <v>0.99687734012721296</v>
      </c>
      <c r="B3403" s="1"/>
      <c r="C3403">
        <v>7</v>
      </c>
      <c r="D3403" t="s">
        <v>8707</v>
      </c>
      <c r="E3403" t="s">
        <v>31877</v>
      </c>
      <c r="F3403">
        <v>4</v>
      </c>
      <c r="G3403" t="s">
        <v>0</v>
      </c>
      <c r="H3403" t="s">
        <v>8708</v>
      </c>
      <c r="I3403" t="s">
        <v>30540</v>
      </c>
    </row>
    <row r="3404" spans="1:9">
      <c r="A3404" s="1">
        <f ca="1">RAND()</f>
        <v>0.69042271875378003</v>
      </c>
      <c r="B3404" s="1"/>
      <c r="C3404">
        <v>17</v>
      </c>
      <c r="D3404" t="s">
        <v>8711</v>
      </c>
      <c r="E3404" t="s">
        <v>31877</v>
      </c>
      <c r="F3404">
        <v>4</v>
      </c>
      <c r="G3404" t="s">
        <v>2</v>
      </c>
      <c r="H3404" t="s">
        <v>8712</v>
      </c>
      <c r="I3404" t="s">
        <v>30540</v>
      </c>
    </row>
    <row r="3405" spans="1:9">
      <c r="A3405" s="1">
        <f ca="1">RAND()</f>
        <v>0.93546165555032734</v>
      </c>
      <c r="B3405" s="1"/>
      <c r="C3405">
        <v>18</v>
      </c>
      <c r="D3405" t="s">
        <v>8713</v>
      </c>
      <c r="E3405" t="s">
        <v>31877</v>
      </c>
      <c r="F3405">
        <v>4</v>
      </c>
      <c r="G3405" t="s">
        <v>0</v>
      </c>
      <c r="H3405" t="s">
        <v>8714</v>
      </c>
      <c r="I3405" t="s">
        <v>30540</v>
      </c>
    </row>
    <row r="3406" spans="1:9">
      <c r="A3406" s="1">
        <f ca="1">RAND()</f>
        <v>0.16213660487789583</v>
      </c>
      <c r="B3406" s="1"/>
      <c r="C3406">
        <v>16</v>
      </c>
      <c r="D3406" t="s">
        <v>8709</v>
      </c>
      <c r="E3406" t="s">
        <v>31877</v>
      </c>
      <c r="F3406">
        <v>4</v>
      </c>
      <c r="G3406" t="s">
        <v>0</v>
      </c>
      <c r="H3406" t="s">
        <v>8710</v>
      </c>
      <c r="I3406" t="s">
        <v>30540</v>
      </c>
    </row>
    <row r="3407" spans="1:9">
      <c r="A3407" s="1">
        <f ca="1">RAND()</f>
        <v>0.55535949636990467</v>
      </c>
      <c r="B3407" s="1"/>
      <c r="C3407">
        <v>15</v>
      </c>
      <c r="D3407" t="s">
        <v>8703</v>
      </c>
      <c r="E3407" t="s">
        <v>31878</v>
      </c>
      <c r="F3407">
        <v>5</v>
      </c>
      <c r="G3407" t="s">
        <v>769</v>
      </c>
      <c r="H3407" t="s">
        <v>8704</v>
      </c>
      <c r="I3407" t="s">
        <v>30540</v>
      </c>
    </row>
    <row r="3408" spans="1:9">
      <c r="A3408" s="1">
        <f ca="1">RAND()</f>
        <v>0.23655324037651859</v>
      </c>
      <c r="B3408" s="1"/>
      <c r="C3408">
        <v>3</v>
      </c>
      <c r="D3408" t="s">
        <v>8699</v>
      </c>
      <c r="E3408" t="s">
        <v>31879</v>
      </c>
      <c r="F3408">
        <v>4</v>
      </c>
      <c r="G3408" t="s">
        <v>14</v>
      </c>
      <c r="H3408" t="s">
        <v>8700</v>
      </c>
      <c r="I3408" t="s">
        <v>30540</v>
      </c>
    </row>
    <row r="3409" spans="1:9">
      <c r="A3409" s="1">
        <f ca="1">RAND()</f>
        <v>0.85484779203729699</v>
      </c>
      <c r="B3409" s="1"/>
      <c r="C3409">
        <v>4</v>
      </c>
      <c r="D3409" t="s">
        <v>8701</v>
      </c>
      <c r="E3409" t="s">
        <v>31879</v>
      </c>
      <c r="F3409">
        <v>4</v>
      </c>
      <c r="G3409" t="s">
        <v>14</v>
      </c>
      <c r="H3409" t="s">
        <v>8702</v>
      </c>
      <c r="I3409" t="s">
        <v>30540</v>
      </c>
    </row>
    <row r="3410" spans="1:9">
      <c r="A3410" s="1">
        <f ca="1">RAND()</f>
        <v>0.9898508582177189</v>
      </c>
      <c r="B3410" s="1"/>
      <c r="C3410">
        <v>14</v>
      </c>
      <c r="D3410" t="s">
        <v>8695</v>
      </c>
      <c r="E3410" t="s">
        <v>31880</v>
      </c>
      <c r="F3410">
        <v>5</v>
      </c>
      <c r="G3410" t="s">
        <v>15</v>
      </c>
      <c r="H3410" t="s">
        <v>8696</v>
      </c>
      <c r="I3410" t="s">
        <v>30540</v>
      </c>
    </row>
    <row r="3411" spans="1:9">
      <c r="A3411" s="1">
        <f ca="1">RAND()</f>
        <v>0.39164825422622107</v>
      </c>
      <c r="B3411" s="1"/>
      <c r="C3411">
        <v>4</v>
      </c>
      <c r="D3411" t="s">
        <v>8691</v>
      </c>
      <c r="E3411" t="s">
        <v>31880</v>
      </c>
      <c r="F3411">
        <v>5</v>
      </c>
      <c r="G3411" t="s">
        <v>769</v>
      </c>
      <c r="H3411" t="s">
        <v>8692</v>
      </c>
      <c r="I3411" t="s">
        <v>30540</v>
      </c>
    </row>
    <row r="3412" spans="1:9">
      <c r="A3412" s="1">
        <f ca="1">RAND()</f>
        <v>0.70002199506408802</v>
      </c>
      <c r="B3412" s="1"/>
      <c r="C3412">
        <v>2</v>
      </c>
      <c r="D3412" t="s">
        <v>8689</v>
      </c>
      <c r="E3412" t="s">
        <v>31880</v>
      </c>
      <c r="F3412">
        <v>4</v>
      </c>
      <c r="G3412" t="s">
        <v>771</v>
      </c>
      <c r="H3412" t="s">
        <v>8690</v>
      </c>
      <c r="I3412" t="s">
        <v>30540</v>
      </c>
    </row>
    <row r="3413" spans="1:9">
      <c r="A3413" s="1">
        <f ca="1">RAND()</f>
        <v>0.61634133702743732</v>
      </c>
      <c r="B3413" s="1"/>
      <c r="C3413">
        <v>11</v>
      </c>
      <c r="D3413" t="s">
        <v>8693</v>
      </c>
      <c r="E3413" t="s">
        <v>31880</v>
      </c>
      <c r="F3413">
        <v>4</v>
      </c>
      <c r="G3413" t="s">
        <v>14</v>
      </c>
      <c r="H3413" t="s">
        <v>8694</v>
      </c>
      <c r="I3413" t="s">
        <v>30540</v>
      </c>
    </row>
    <row r="3414" spans="1:9">
      <c r="A3414" s="1">
        <f ca="1">RAND()</f>
        <v>9.7419853222547759E-2</v>
      </c>
      <c r="B3414" s="1"/>
      <c r="C3414">
        <v>19</v>
      </c>
      <c r="D3414" t="s">
        <v>8697</v>
      </c>
      <c r="E3414" t="s">
        <v>31880</v>
      </c>
      <c r="F3414">
        <v>2</v>
      </c>
      <c r="G3414" t="s">
        <v>0</v>
      </c>
      <c r="H3414" t="s">
        <v>8698</v>
      </c>
      <c r="I3414" t="s">
        <v>30540</v>
      </c>
    </row>
    <row r="3415" spans="1:9">
      <c r="A3415" s="1">
        <f ca="1">RAND()</f>
        <v>0.6351802362962593</v>
      </c>
      <c r="B3415" s="1"/>
      <c r="C3415">
        <v>7</v>
      </c>
      <c r="D3415" t="s">
        <v>8679</v>
      </c>
      <c r="E3415" t="s">
        <v>31881</v>
      </c>
      <c r="F3415">
        <v>4</v>
      </c>
      <c r="G3415" t="s">
        <v>0</v>
      </c>
      <c r="H3415" t="s">
        <v>8680</v>
      </c>
      <c r="I3415" t="s">
        <v>30540</v>
      </c>
    </row>
    <row r="3416" spans="1:9">
      <c r="A3416" s="1">
        <f ca="1">RAND()</f>
        <v>0.91456478317509171</v>
      </c>
      <c r="B3416" s="1"/>
      <c r="C3416">
        <v>15</v>
      </c>
      <c r="D3416" t="s">
        <v>8685</v>
      </c>
      <c r="E3416" t="s">
        <v>31881</v>
      </c>
      <c r="F3416">
        <v>4</v>
      </c>
      <c r="G3416" t="s">
        <v>10</v>
      </c>
      <c r="H3416" t="s">
        <v>8686</v>
      </c>
      <c r="I3416" t="s">
        <v>30540</v>
      </c>
    </row>
    <row r="3417" spans="1:9">
      <c r="A3417" s="1">
        <f ca="1">RAND()</f>
        <v>0.59917788556231699</v>
      </c>
      <c r="B3417" s="1"/>
      <c r="C3417">
        <v>11</v>
      </c>
      <c r="D3417" t="s">
        <v>8681</v>
      </c>
      <c r="E3417" t="s">
        <v>31881</v>
      </c>
      <c r="F3417">
        <v>4</v>
      </c>
      <c r="G3417" t="s">
        <v>0</v>
      </c>
      <c r="H3417" t="s">
        <v>8682</v>
      </c>
      <c r="I3417" t="s">
        <v>30540</v>
      </c>
    </row>
    <row r="3418" spans="1:9">
      <c r="A3418" s="1">
        <f ca="1">RAND()</f>
        <v>0.46514881039433698</v>
      </c>
      <c r="B3418" s="1"/>
      <c r="C3418">
        <v>14</v>
      </c>
      <c r="D3418" t="s">
        <v>8683</v>
      </c>
      <c r="E3418" t="s">
        <v>31881</v>
      </c>
      <c r="F3418">
        <v>4</v>
      </c>
      <c r="G3418" t="s">
        <v>2</v>
      </c>
      <c r="H3418" t="s">
        <v>8684</v>
      </c>
      <c r="I3418" t="s">
        <v>30540</v>
      </c>
    </row>
    <row r="3419" spans="1:9">
      <c r="A3419" s="1">
        <f ca="1">RAND()</f>
        <v>0.75409397246883847</v>
      </c>
      <c r="B3419" s="1"/>
      <c r="C3419">
        <v>18</v>
      </c>
      <c r="D3419" t="s">
        <v>8687</v>
      </c>
      <c r="E3419" t="s">
        <v>31881</v>
      </c>
      <c r="F3419">
        <v>2</v>
      </c>
      <c r="G3419" t="s">
        <v>9</v>
      </c>
      <c r="H3419" t="s">
        <v>8688</v>
      </c>
      <c r="I3419" t="s">
        <v>30540</v>
      </c>
    </row>
    <row r="3420" spans="1:9">
      <c r="A3420" s="1">
        <f ca="1">RAND()</f>
        <v>0.54060756477595073</v>
      </c>
      <c r="B3420" s="1"/>
      <c r="C3420">
        <v>7</v>
      </c>
      <c r="D3420" t="s">
        <v>8669</v>
      </c>
      <c r="E3420" t="s">
        <v>31882</v>
      </c>
      <c r="F3420">
        <v>5</v>
      </c>
      <c r="G3420" t="s">
        <v>0</v>
      </c>
      <c r="H3420" t="s">
        <v>8670</v>
      </c>
      <c r="I3420" t="s">
        <v>30540</v>
      </c>
    </row>
    <row r="3421" spans="1:9">
      <c r="A3421" s="1">
        <f ca="1">RAND()</f>
        <v>0.45081709147370308</v>
      </c>
      <c r="B3421" s="1"/>
      <c r="C3421">
        <v>12</v>
      </c>
      <c r="D3421" t="s">
        <v>8671</v>
      </c>
      <c r="E3421" t="s">
        <v>31882</v>
      </c>
      <c r="F3421">
        <v>4</v>
      </c>
      <c r="G3421" t="s">
        <v>0</v>
      </c>
      <c r="H3421" t="s">
        <v>8672</v>
      </c>
      <c r="I3421" t="s">
        <v>30540</v>
      </c>
    </row>
    <row r="3422" spans="1:9">
      <c r="A3422" s="1">
        <f ca="1">RAND()</f>
        <v>0.9376508617800694</v>
      </c>
      <c r="B3422" s="1"/>
      <c r="C3422">
        <v>13</v>
      </c>
      <c r="D3422" t="s">
        <v>8673</v>
      </c>
      <c r="E3422" t="s">
        <v>31882</v>
      </c>
      <c r="F3422">
        <v>4</v>
      </c>
      <c r="G3422" t="s">
        <v>0</v>
      </c>
      <c r="H3422" t="s">
        <v>8674</v>
      </c>
      <c r="I3422" t="s">
        <v>30540</v>
      </c>
    </row>
    <row r="3423" spans="1:9">
      <c r="A3423" s="1">
        <f ca="1">RAND()</f>
        <v>0.2868417192509668</v>
      </c>
      <c r="B3423" s="1"/>
      <c r="C3423">
        <v>20</v>
      </c>
      <c r="D3423" t="s">
        <v>8677</v>
      </c>
      <c r="E3423" t="s">
        <v>31882</v>
      </c>
      <c r="F3423">
        <v>4</v>
      </c>
      <c r="G3423" t="s">
        <v>0</v>
      </c>
      <c r="H3423" t="s">
        <v>8678</v>
      </c>
      <c r="I3423" t="s">
        <v>30540</v>
      </c>
    </row>
    <row r="3424" spans="1:9">
      <c r="A3424" s="1">
        <f ca="1">RAND()</f>
        <v>0.41871434964787269</v>
      </c>
      <c r="B3424" s="1"/>
      <c r="C3424">
        <v>18</v>
      </c>
      <c r="D3424" t="s">
        <v>8675</v>
      </c>
      <c r="E3424" t="s">
        <v>31882</v>
      </c>
      <c r="F3424">
        <v>2</v>
      </c>
      <c r="G3424" t="s">
        <v>0</v>
      </c>
      <c r="H3424" t="s">
        <v>8676</v>
      </c>
      <c r="I3424" t="s">
        <v>30540</v>
      </c>
    </row>
    <row r="3425" spans="1:9">
      <c r="A3425" s="1">
        <f ca="1">RAND()</f>
        <v>0.44784244035191501</v>
      </c>
      <c r="B3425" s="1"/>
      <c r="C3425">
        <v>1</v>
      </c>
      <c r="D3425" t="s">
        <v>8663</v>
      </c>
      <c r="E3425" t="s">
        <v>31883</v>
      </c>
      <c r="F3425">
        <v>4</v>
      </c>
      <c r="G3425" t="s">
        <v>762</v>
      </c>
      <c r="H3425" t="s">
        <v>8664</v>
      </c>
      <c r="I3425" t="s">
        <v>30540</v>
      </c>
    </row>
    <row r="3426" spans="1:9">
      <c r="A3426" s="1">
        <f ca="1">RAND()</f>
        <v>0.53495747450582065</v>
      </c>
      <c r="B3426" s="1"/>
      <c r="C3426">
        <v>14</v>
      </c>
      <c r="D3426" t="s">
        <v>8667</v>
      </c>
      <c r="E3426" t="s">
        <v>31883</v>
      </c>
      <c r="F3426">
        <v>3</v>
      </c>
      <c r="G3426" t="s">
        <v>1</v>
      </c>
      <c r="H3426" t="s">
        <v>8668</v>
      </c>
      <c r="I3426" t="s">
        <v>30540</v>
      </c>
    </row>
    <row r="3427" spans="1:9">
      <c r="A3427" s="1">
        <f ca="1">RAND()</f>
        <v>0.23768491063331409</v>
      </c>
      <c r="B3427" s="1"/>
      <c r="C3427">
        <v>5</v>
      </c>
      <c r="D3427" t="s">
        <v>8665</v>
      </c>
      <c r="E3427" t="s">
        <v>31883</v>
      </c>
      <c r="F3427">
        <v>3</v>
      </c>
      <c r="G3427" t="s">
        <v>9</v>
      </c>
      <c r="H3427" t="s">
        <v>8666</v>
      </c>
      <c r="I3427" t="s">
        <v>30540</v>
      </c>
    </row>
    <row r="3428" spans="1:9">
      <c r="A3428" s="1">
        <f ca="1">RAND()</f>
        <v>0.2849995341931395</v>
      </c>
      <c r="B3428" s="1"/>
      <c r="C3428">
        <v>1</v>
      </c>
      <c r="D3428" t="s">
        <v>8659</v>
      </c>
      <c r="E3428" t="s">
        <v>31884</v>
      </c>
      <c r="F3428">
        <v>5</v>
      </c>
      <c r="G3428" t="s">
        <v>0</v>
      </c>
      <c r="H3428" t="s">
        <v>8660</v>
      </c>
      <c r="I3428" t="s">
        <v>30540</v>
      </c>
    </row>
    <row r="3429" spans="1:9">
      <c r="A3429" s="1">
        <f ca="1">RAND()</f>
        <v>6.772081023762988E-2</v>
      </c>
      <c r="B3429" s="1"/>
      <c r="C3429">
        <v>14</v>
      </c>
      <c r="D3429" t="s">
        <v>8661</v>
      </c>
      <c r="E3429" t="s">
        <v>31884</v>
      </c>
      <c r="F3429">
        <v>1</v>
      </c>
      <c r="G3429" t="s">
        <v>9</v>
      </c>
      <c r="H3429" t="s">
        <v>8662</v>
      </c>
      <c r="I3429" t="s">
        <v>30540</v>
      </c>
    </row>
    <row r="3430" spans="1:9">
      <c r="A3430" s="1">
        <f ca="1">RAND()</f>
        <v>6.9772174343301074E-2</v>
      </c>
      <c r="B3430" s="1"/>
      <c r="C3430">
        <v>4</v>
      </c>
      <c r="D3430" t="s">
        <v>8657</v>
      </c>
      <c r="E3430" t="s">
        <v>31885</v>
      </c>
      <c r="F3430">
        <v>4</v>
      </c>
      <c r="G3430" t="s">
        <v>762</v>
      </c>
      <c r="H3430" t="s">
        <v>8658</v>
      </c>
      <c r="I3430" t="s">
        <v>30540</v>
      </c>
    </row>
    <row r="3431" spans="1:9">
      <c r="A3431" s="1">
        <f ca="1">RAND()</f>
        <v>6.9232826218567078E-2</v>
      </c>
      <c r="B3431" s="1"/>
      <c r="C3431">
        <v>1</v>
      </c>
      <c r="D3431" t="s">
        <v>8655</v>
      </c>
      <c r="E3431" t="s">
        <v>31885</v>
      </c>
      <c r="F3431">
        <v>3</v>
      </c>
      <c r="G3431" t="s">
        <v>0</v>
      </c>
      <c r="H3431" t="s">
        <v>8656</v>
      </c>
      <c r="I3431" t="s">
        <v>30540</v>
      </c>
    </row>
    <row r="3432" spans="1:9">
      <c r="A3432" s="1">
        <f ca="1">RAND()</f>
        <v>0.58856352756753061</v>
      </c>
      <c r="B3432" s="1"/>
      <c r="C3432">
        <v>20</v>
      </c>
      <c r="D3432" t="s">
        <v>8653</v>
      </c>
      <c r="E3432" t="s">
        <v>31886</v>
      </c>
      <c r="F3432">
        <v>5</v>
      </c>
      <c r="G3432" t="s">
        <v>15</v>
      </c>
      <c r="H3432" t="s">
        <v>8654</v>
      </c>
      <c r="I3432" t="s">
        <v>30540</v>
      </c>
    </row>
    <row r="3433" spans="1:9">
      <c r="A3433" s="1">
        <f ca="1">RAND()</f>
        <v>0.46012304387231584</v>
      </c>
      <c r="B3433" s="1"/>
      <c r="C3433">
        <v>17</v>
      </c>
      <c r="D3433" t="s">
        <v>8649</v>
      </c>
      <c r="E3433" t="s">
        <v>31886</v>
      </c>
      <c r="F3433">
        <v>4</v>
      </c>
      <c r="G3433" t="s">
        <v>0</v>
      </c>
      <c r="H3433" t="s">
        <v>8650</v>
      </c>
      <c r="I3433" t="s">
        <v>30540</v>
      </c>
    </row>
    <row r="3434" spans="1:9">
      <c r="A3434" s="1">
        <f ca="1">RAND()</f>
        <v>0.11720578457011088</v>
      </c>
      <c r="B3434" s="1"/>
      <c r="C3434">
        <v>11</v>
      </c>
      <c r="D3434" t="s">
        <v>8646</v>
      </c>
      <c r="E3434" t="s">
        <v>31886</v>
      </c>
      <c r="F3434">
        <v>4</v>
      </c>
      <c r="G3434" t="s">
        <v>1</v>
      </c>
      <c r="H3434" t="s">
        <v>8647</v>
      </c>
      <c r="I3434" t="s">
        <v>30540</v>
      </c>
    </row>
    <row r="3435" spans="1:9">
      <c r="A3435" s="1">
        <f ca="1">RAND()</f>
        <v>0.32387791421221079</v>
      </c>
      <c r="B3435" s="1"/>
      <c r="C3435">
        <v>12</v>
      </c>
      <c r="D3435" t="s">
        <v>6161</v>
      </c>
      <c r="E3435" t="s">
        <v>31886</v>
      </c>
      <c r="F3435">
        <v>4</v>
      </c>
      <c r="G3435" t="s">
        <v>9</v>
      </c>
      <c r="H3435" t="s">
        <v>8648</v>
      </c>
      <c r="I3435" t="s">
        <v>30540</v>
      </c>
    </row>
    <row r="3436" spans="1:9">
      <c r="A3436" s="1">
        <f ca="1">RAND()</f>
        <v>1.7535226814469951E-2</v>
      </c>
      <c r="B3436" s="1"/>
      <c r="C3436">
        <v>18</v>
      </c>
      <c r="D3436" t="s">
        <v>8651</v>
      </c>
      <c r="E3436" t="s">
        <v>31886</v>
      </c>
      <c r="F3436">
        <v>3</v>
      </c>
      <c r="G3436" t="s">
        <v>0</v>
      </c>
      <c r="H3436" t="s">
        <v>8652</v>
      </c>
      <c r="I3436" t="s">
        <v>30540</v>
      </c>
    </row>
    <row r="3437" spans="1:9">
      <c r="A3437" s="1">
        <f ca="1">RAND()</f>
        <v>0.9180661693468527</v>
      </c>
      <c r="B3437" s="1"/>
      <c r="C3437">
        <v>16</v>
      </c>
      <c r="D3437" t="s">
        <v>8642</v>
      </c>
      <c r="E3437" t="s">
        <v>31887</v>
      </c>
      <c r="F3437">
        <v>5</v>
      </c>
      <c r="G3437" t="s">
        <v>2</v>
      </c>
      <c r="H3437" t="s">
        <v>8643</v>
      </c>
      <c r="I3437" t="s">
        <v>30540</v>
      </c>
    </row>
    <row r="3438" spans="1:9">
      <c r="A3438" s="1">
        <f ca="1">RAND()</f>
        <v>0.86247296621494418</v>
      </c>
      <c r="B3438" s="1"/>
      <c r="C3438">
        <v>19</v>
      </c>
      <c r="D3438" t="s">
        <v>8644</v>
      </c>
      <c r="E3438" t="s">
        <v>31887</v>
      </c>
      <c r="F3438">
        <v>5</v>
      </c>
      <c r="G3438" t="s">
        <v>10</v>
      </c>
      <c r="H3438" t="s">
        <v>8645</v>
      </c>
      <c r="I3438" t="s">
        <v>30540</v>
      </c>
    </row>
    <row r="3439" spans="1:9">
      <c r="A3439" s="1">
        <f ca="1">RAND()</f>
        <v>3.7100174229012683E-2</v>
      </c>
      <c r="B3439" s="1"/>
      <c r="C3439">
        <v>3</v>
      </c>
      <c r="D3439" t="s">
        <v>8640</v>
      </c>
      <c r="E3439" t="s">
        <v>31887</v>
      </c>
      <c r="F3439">
        <v>4</v>
      </c>
      <c r="G3439" t="s">
        <v>0</v>
      </c>
      <c r="H3439" t="s">
        <v>8641</v>
      </c>
      <c r="I3439" t="s">
        <v>30540</v>
      </c>
    </row>
    <row r="3440" spans="1:9">
      <c r="A3440" s="1">
        <f ca="1">RAND()</f>
        <v>0.78507198184232685</v>
      </c>
      <c r="B3440" s="1"/>
      <c r="C3440">
        <v>4</v>
      </c>
      <c r="D3440" t="s">
        <v>8634</v>
      </c>
      <c r="E3440" t="s">
        <v>31888</v>
      </c>
      <c r="F3440">
        <v>4</v>
      </c>
      <c r="G3440" t="s">
        <v>770</v>
      </c>
      <c r="H3440" t="s">
        <v>8635</v>
      </c>
      <c r="I3440" t="s">
        <v>30540</v>
      </c>
    </row>
    <row r="3441" spans="1:9">
      <c r="A3441" s="1">
        <f ca="1">RAND()</f>
        <v>0.88085845787942407</v>
      </c>
      <c r="B3441" s="1"/>
      <c r="C3441">
        <v>1</v>
      </c>
      <c r="D3441" t="s">
        <v>8632</v>
      </c>
      <c r="E3441" t="s">
        <v>31888</v>
      </c>
      <c r="F3441">
        <v>4</v>
      </c>
      <c r="G3441" t="s">
        <v>762</v>
      </c>
      <c r="H3441" t="s">
        <v>8633</v>
      </c>
      <c r="I3441" t="s">
        <v>30540</v>
      </c>
    </row>
    <row r="3442" spans="1:9">
      <c r="A3442" s="1">
        <f ca="1">RAND()</f>
        <v>0.80839085691768486</v>
      </c>
      <c r="B3442" s="1"/>
      <c r="C3442">
        <v>7</v>
      </c>
      <c r="D3442" t="s">
        <v>8636</v>
      </c>
      <c r="E3442" t="s">
        <v>31888</v>
      </c>
      <c r="F3442">
        <v>3</v>
      </c>
      <c r="G3442" t="s">
        <v>0</v>
      </c>
      <c r="H3442" t="s">
        <v>8637</v>
      </c>
      <c r="I3442" t="s">
        <v>30540</v>
      </c>
    </row>
    <row r="3443" spans="1:9">
      <c r="A3443" s="1">
        <f ca="1">RAND()</f>
        <v>0.8693445723243679</v>
      </c>
      <c r="B3443" s="1"/>
      <c r="C3443">
        <v>16</v>
      </c>
      <c r="D3443" t="s">
        <v>8638</v>
      </c>
      <c r="E3443" t="s">
        <v>31888</v>
      </c>
      <c r="F3443">
        <v>2</v>
      </c>
      <c r="G3443" t="s">
        <v>10</v>
      </c>
      <c r="H3443" t="s">
        <v>8639</v>
      </c>
      <c r="I3443" t="s">
        <v>30540</v>
      </c>
    </row>
    <row r="3444" spans="1:9">
      <c r="A3444" s="1">
        <f ca="1">RAND()</f>
        <v>0.38719384841081517</v>
      </c>
      <c r="B3444" s="1"/>
      <c r="C3444">
        <v>9</v>
      </c>
      <c r="D3444" t="s">
        <v>8628</v>
      </c>
      <c r="E3444" t="s">
        <v>31889</v>
      </c>
      <c r="F3444">
        <v>4</v>
      </c>
      <c r="G3444" t="s">
        <v>0</v>
      </c>
      <c r="H3444" t="s">
        <v>8629</v>
      </c>
      <c r="I3444" t="s">
        <v>30540</v>
      </c>
    </row>
    <row r="3445" spans="1:9">
      <c r="A3445" s="1">
        <f ca="1">RAND()</f>
        <v>0.22550499699426207</v>
      </c>
      <c r="B3445" s="1"/>
      <c r="C3445">
        <v>13</v>
      </c>
      <c r="D3445" t="s">
        <v>8630</v>
      </c>
      <c r="E3445" t="s">
        <v>31889</v>
      </c>
      <c r="F3445">
        <v>4</v>
      </c>
      <c r="G3445" t="s">
        <v>0</v>
      </c>
      <c r="H3445" t="s">
        <v>8631</v>
      </c>
      <c r="I3445" t="s">
        <v>30540</v>
      </c>
    </row>
    <row r="3446" spans="1:9">
      <c r="A3446" s="1">
        <f ca="1">RAND()</f>
        <v>0.24968838482049593</v>
      </c>
      <c r="B3446" s="1"/>
      <c r="C3446">
        <v>5</v>
      </c>
      <c r="D3446" t="s">
        <v>8626</v>
      </c>
      <c r="E3446" t="s">
        <v>31889</v>
      </c>
      <c r="F3446">
        <v>4</v>
      </c>
      <c r="G3446" t="s">
        <v>14</v>
      </c>
      <c r="H3446" t="s">
        <v>8627</v>
      </c>
      <c r="I3446" t="s">
        <v>30540</v>
      </c>
    </row>
    <row r="3447" spans="1:9">
      <c r="A3447" s="1">
        <f ca="1">RAND()</f>
        <v>0.38454693634760218</v>
      </c>
      <c r="B3447" s="1"/>
      <c r="C3447">
        <v>1</v>
      </c>
      <c r="D3447" t="s">
        <v>8624</v>
      </c>
      <c r="E3447" t="s">
        <v>31889</v>
      </c>
      <c r="F3447">
        <v>3</v>
      </c>
      <c r="G3447" t="s">
        <v>15</v>
      </c>
      <c r="H3447" t="s">
        <v>8625</v>
      </c>
      <c r="I3447" t="s">
        <v>30540</v>
      </c>
    </row>
    <row r="3448" spans="1:9">
      <c r="A3448" s="1">
        <f ca="1">RAND()</f>
        <v>0.53478612081553256</v>
      </c>
      <c r="B3448" s="1"/>
      <c r="C3448">
        <v>14</v>
      </c>
      <c r="D3448" t="s">
        <v>8620</v>
      </c>
      <c r="E3448" t="s">
        <v>31890</v>
      </c>
      <c r="F3448">
        <v>5</v>
      </c>
      <c r="G3448" t="s">
        <v>0</v>
      </c>
      <c r="H3448" t="s">
        <v>8621</v>
      </c>
      <c r="I3448" t="s">
        <v>30540</v>
      </c>
    </row>
    <row r="3449" spans="1:9">
      <c r="A3449" s="1">
        <f ca="1">RAND()</f>
        <v>0.12068891316075447</v>
      </c>
      <c r="B3449" s="1"/>
      <c r="C3449">
        <v>18</v>
      </c>
      <c r="D3449" t="s">
        <v>8622</v>
      </c>
      <c r="E3449" t="s">
        <v>31890</v>
      </c>
      <c r="F3449">
        <v>5</v>
      </c>
      <c r="G3449" t="s">
        <v>2</v>
      </c>
      <c r="H3449" t="s">
        <v>8623</v>
      </c>
      <c r="I3449" t="s">
        <v>30540</v>
      </c>
    </row>
    <row r="3450" spans="1:9">
      <c r="A3450" s="1">
        <f ca="1">RAND()</f>
        <v>0.16362677883894949</v>
      </c>
      <c r="B3450" s="1"/>
      <c r="C3450">
        <v>12</v>
      </c>
      <c r="D3450" t="s">
        <v>8618</v>
      </c>
      <c r="E3450" t="s">
        <v>31890</v>
      </c>
      <c r="F3450">
        <v>1</v>
      </c>
      <c r="G3450" t="s">
        <v>769</v>
      </c>
      <c r="H3450" t="s">
        <v>8619</v>
      </c>
      <c r="I3450" t="s">
        <v>30540</v>
      </c>
    </row>
    <row r="3451" spans="1:9">
      <c r="A3451" s="1">
        <f ca="1">RAND()</f>
        <v>0.90512720550267622</v>
      </c>
      <c r="B3451" s="1"/>
      <c r="C3451">
        <v>12</v>
      </c>
      <c r="D3451" t="s">
        <v>8612</v>
      </c>
      <c r="E3451" t="s">
        <v>31891</v>
      </c>
      <c r="F3451">
        <v>4</v>
      </c>
      <c r="G3451" t="s">
        <v>2</v>
      </c>
      <c r="H3451" t="s">
        <v>8613</v>
      </c>
      <c r="I3451" t="s">
        <v>30540</v>
      </c>
    </row>
    <row r="3452" spans="1:9">
      <c r="A3452" s="1">
        <f ca="1">RAND()</f>
        <v>0.41555917192008862</v>
      </c>
      <c r="B3452" s="1"/>
      <c r="C3452">
        <v>10</v>
      </c>
      <c r="D3452" t="s">
        <v>8610</v>
      </c>
      <c r="E3452" t="s">
        <v>31891</v>
      </c>
      <c r="F3452">
        <v>4</v>
      </c>
      <c r="G3452" t="s">
        <v>0</v>
      </c>
      <c r="H3452" t="s">
        <v>8611</v>
      </c>
      <c r="I3452" t="s">
        <v>30540</v>
      </c>
    </row>
    <row r="3453" spans="1:9">
      <c r="A3453" s="1">
        <f ca="1">RAND()</f>
        <v>0.78732933767544955</v>
      </c>
      <c r="B3453" s="1"/>
      <c r="C3453">
        <v>5</v>
      </c>
      <c r="D3453" t="s">
        <v>8606</v>
      </c>
      <c r="E3453" t="s">
        <v>31891</v>
      </c>
      <c r="F3453">
        <v>4</v>
      </c>
      <c r="G3453" t="s">
        <v>1</v>
      </c>
      <c r="H3453" t="s">
        <v>8607</v>
      </c>
      <c r="I3453" t="s">
        <v>30540</v>
      </c>
    </row>
    <row r="3454" spans="1:9">
      <c r="A3454" s="1">
        <f ca="1">RAND()</f>
        <v>0.92435606953654148</v>
      </c>
      <c r="B3454" s="1"/>
      <c r="C3454">
        <v>3</v>
      </c>
      <c r="D3454" t="s">
        <v>8604</v>
      </c>
      <c r="E3454" t="s">
        <v>31891</v>
      </c>
      <c r="F3454">
        <v>4</v>
      </c>
      <c r="G3454" t="s">
        <v>14</v>
      </c>
      <c r="H3454" t="s">
        <v>8605</v>
      </c>
      <c r="I3454" t="s">
        <v>30540</v>
      </c>
    </row>
    <row r="3455" spans="1:9">
      <c r="A3455" s="1">
        <f ca="1">RAND()</f>
        <v>1.0469043719434468E-2</v>
      </c>
      <c r="B3455" s="1"/>
      <c r="C3455">
        <v>8</v>
      </c>
      <c r="D3455" t="s">
        <v>8608</v>
      </c>
      <c r="E3455" t="s">
        <v>31891</v>
      </c>
      <c r="F3455">
        <v>4</v>
      </c>
      <c r="G3455" t="s">
        <v>0</v>
      </c>
      <c r="H3455" t="s">
        <v>8609</v>
      </c>
      <c r="I3455" t="s">
        <v>30540</v>
      </c>
    </row>
    <row r="3456" spans="1:9">
      <c r="A3456" s="1">
        <f ca="1">RAND()</f>
        <v>0.39996158960268469</v>
      </c>
      <c r="B3456" s="1"/>
      <c r="C3456">
        <v>19</v>
      </c>
      <c r="D3456" t="s">
        <v>8616</v>
      </c>
      <c r="E3456" t="s">
        <v>31891</v>
      </c>
      <c r="F3456">
        <v>2</v>
      </c>
      <c r="G3456" t="s">
        <v>15</v>
      </c>
      <c r="H3456" t="s">
        <v>8617</v>
      </c>
      <c r="I3456" t="s">
        <v>30540</v>
      </c>
    </row>
    <row r="3457" spans="1:9">
      <c r="A3457" s="1">
        <f ca="1">RAND()</f>
        <v>0.49056175971317995</v>
      </c>
      <c r="B3457" s="1"/>
      <c r="C3457">
        <v>16</v>
      </c>
      <c r="D3457" t="s">
        <v>8614</v>
      </c>
      <c r="E3457" t="s">
        <v>31891</v>
      </c>
      <c r="F3457">
        <v>2</v>
      </c>
      <c r="G3457" t="s">
        <v>0</v>
      </c>
      <c r="H3457" t="s">
        <v>8615</v>
      </c>
      <c r="I3457" t="s">
        <v>30540</v>
      </c>
    </row>
    <row r="3458" spans="1:9">
      <c r="A3458" s="1">
        <f ca="1">RAND()</f>
        <v>0.10635640589754936</v>
      </c>
      <c r="B3458" s="1"/>
      <c r="C3458">
        <v>5</v>
      </c>
      <c r="D3458" t="s">
        <v>8596</v>
      </c>
      <c r="E3458" t="s">
        <v>31892</v>
      </c>
      <c r="F3458">
        <v>4</v>
      </c>
      <c r="G3458" t="s">
        <v>15</v>
      </c>
      <c r="H3458" t="s">
        <v>8597</v>
      </c>
      <c r="I3458" t="s">
        <v>30540</v>
      </c>
    </row>
    <row r="3459" spans="1:9">
      <c r="A3459" s="1">
        <f ca="1">RAND()</f>
        <v>3.5106849175816079E-2</v>
      </c>
      <c r="B3459" s="1"/>
      <c r="C3459">
        <v>11</v>
      </c>
      <c r="D3459" t="s">
        <v>8598</v>
      </c>
      <c r="E3459" t="s">
        <v>31892</v>
      </c>
      <c r="F3459">
        <v>4</v>
      </c>
      <c r="G3459" t="s">
        <v>766</v>
      </c>
      <c r="H3459" t="s">
        <v>8599</v>
      </c>
      <c r="I3459" t="s">
        <v>30540</v>
      </c>
    </row>
    <row r="3460" spans="1:9">
      <c r="A3460" s="1">
        <f ca="1">RAND()</f>
        <v>9.5305573579222869E-2</v>
      </c>
      <c r="B3460" s="1"/>
      <c r="C3460">
        <v>12</v>
      </c>
      <c r="D3460" t="s">
        <v>8600</v>
      </c>
      <c r="E3460" t="s">
        <v>31892</v>
      </c>
      <c r="F3460">
        <v>2</v>
      </c>
      <c r="G3460" t="s">
        <v>771</v>
      </c>
      <c r="H3460" t="s">
        <v>8601</v>
      </c>
      <c r="I3460" t="s">
        <v>30540</v>
      </c>
    </row>
    <row r="3461" spans="1:9">
      <c r="A3461" s="1">
        <f ca="1">RAND()</f>
        <v>0.4604888974790704</v>
      </c>
      <c r="B3461" s="1"/>
      <c r="C3461">
        <v>13</v>
      </c>
      <c r="D3461" t="s">
        <v>8602</v>
      </c>
      <c r="E3461" t="s">
        <v>31892</v>
      </c>
      <c r="F3461">
        <v>2</v>
      </c>
      <c r="G3461" t="s">
        <v>0</v>
      </c>
      <c r="H3461" t="s">
        <v>8603</v>
      </c>
      <c r="I3461" t="s">
        <v>30540</v>
      </c>
    </row>
    <row r="3462" spans="1:9">
      <c r="A3462" s="1">
        <f ca="1">RAND()</f>
        <v>0.63067156888745646</v>
      </c>
      <c r="B3462" s="1"/>
      <c r="C3462">
        <v>8</v>
      </c>
      <c r="D3462" t="s">
        <v>8594</v>
      </c>
      <c r="E3462" t="s">
        <v>31893</v>
      </c>
      <c r="F3462">
        <v>4</v>
      </c>
      <c r="G3462" t="s">
        <v>774</v>
      </c>
      <c r="H3462" t="s">
        <v>8595</v>
      </c>
      <c r="I3462" t="s">
        <v>30540</v>
      </c>
    </row>
    <row r="3463" spans="1:9">
      <c r="A3463" s="1">
        <f ca="1">RAND()</f>
        <v>1.8132003347257841E-2</v>
      </c>
      <c r="B3463" s="1"/>
      <c r="C3463">
        <v>8</v>
      </c>
      <c r="D3463" t="s">
        <v>8590</v>
      </c>
      <c r="E3463" t="s">
        <v>31894</v>
      </c>
      <c r="F3463">
        <v>5</v>
      </c>
      <c r="G3463" t="s">
        <v>10</v>
      </c>
      <c r="H3463" t="s">
        <v>8591</v>
      </c>
      <c r="I3463" t="s">
        <v>30540</v>
      </c>
    </row>
    <row r="3464" spans="1:9">
      <c r="A3464" s="1">
        <f ca="1">RAND()</f>
        <v>0.17353637343400208</v>
      </c>
      <c r="B3464" s="1"/>
      <c r="C3464">
        <v>11</v>
      </c>
      <c r="D3464" t="s">
        <v>8592</v>
      </c>
      <c r="E3464" t="s">
        <v>31894</v>
      </c>
      <c r="F3464">
        <v>5</v>
      </c>
      <c r="G3464" t="s">
        <v>0</v>
      </c>
      <c r="H3464" t="s">
        <v>8593</v>
      </c>
      <c r="I3464" t="s">
        <v>30540</v>
      </c>
    </row>
    <row r="3465" spans="1:9">
      <c r="A3465" s="1">
        <f ca="1">RAND()</f>
        <v>0.39941579341626432</v>
      </c>
      <c r="B3465" s="1"/>
      <c r="C3465">
        <v>7</v>
      </c>
      <c r="D3465" t="s">
        <v>8588</v>
      </c>
      <c r="E3465" t="s">
        <v>31894</v>
      </c>
      <c r="F3465">
        <v>2</v>
      </c>
      <c r="G3465" t="s">
        <v>10</v>
      </c>
      <c r="H3465" t="s">
        <v>8589</v>
      </c>
      <c r="I3465" t="s">
        <v>30540</v>
      </c>
    </row>
    <row r="3466" spans="1:9">
      <c r="A3466" s="1">
        <f ca="1">RAND()</f>
        <v>0.7157656515161307</v>
      </c>
      <c r="B3466" s="1"/>
      <c r="C3466">
        <v>9</v>
      </c>
      <c r="D3466" t="s">
        <v>8584</v>
      </c>
      <c r="E3466" t="s">
        <v>31895</v>
      </c>
      <c r="F3466">
        <v>5</v>
      </c>
      <c r="G3466" t="s">
        <v>2</v>
      </c>
      <c r="H3466" t="s">
        <v>8585</v>
      </c>
      <c r="I3466" t="s">
        <v>30540</v>
      </c>
    </row>
    <row r="3467" spans="1:9">
      <c r="A3467" s="1">
        <f ca="1">RAND()</f>
        <v>2.1615308622753293E-3</v>
      </c>
      <c r="B3467" s="1"/>
      <c r="C3467">
        <v>1</v>
      </c>
      <c r="D3467" t="s">
        <v>8580</v>
      </c>
      <c r="E3467" t="s">
        <v>31895</v>
      </c>
      <c r="F3467">
        <v>4</v>
      </c>
      <c r="G3467" t="s">
        <v>769</v>
      </c>
      <c r="H3467" t="s">
        <v>8581</v>
      </c>
      <c r="I3467" t="s">
        <v>30540</v>
      </c>
    </row>
    <row r="3468" spans="1:9">
      <c r="A3468" s="1">
        <f ca="1">RAND()</f>
        <v>0.68640093578241168</v>
      </c>
      <c r="B3468" s="1"/>
      <c r="C3468">
        <v>5</v>
      </c>
      <c r="D3468" t="s">
        <v>8582</v>
      </c>
      <c r="E3468" t="s">
        <v>31895</v>
      </c>
      <c r="F3468">
        <v>4</v>
      </c>
      <c r="G3468" t="s">
        <v>0</v>
      </c>
      <c r="H3468" t="s">
        <v>8583</v>
      </c>
      <c r="I3468" t="s">
        <v>30540</v>
      </c>
    </row>
    <row r="3469" spans="1:9">
      <c r="A3469" s="1">
        <f ca="1">RAND()</f>
        <v>0.7343860542742201</v>
      </c>
      <c r="B3469" s="1"/>
      <c r="C3469">
        <v>20</v>
      </c>
      <c r="D3469" t="s">
        <v>8586</v>
      </c>
      <c r="E3469" t="s">
        <v>31895</v>
      </c>
      <c r="F3469">
        <v>4</v>
      </c>
      <c r="G3469" t="s">
        <v>770</v>
      </c>
      <c r="H3469" t="s">
        <v>8587</v>
      </c>
      <c r="I3469" t="s">
        <v>30540</v>
      </c>
    </row>
    <row r="3470" spans="1:9">
      <c r="A3470" s="1">
        <f ca="1">RAND()</f>
        <v>0.80473010391156818</v>
      </c>
      <c r="B3470" s="1"/>
      <c r="C3470">
        <v>9</v>
      </c>
      <c r="D3470" t="s">
        <v>8576</v>
      </c>
      <c r="E3470" t="s">
        <v>31896</v>
      </c>
      <c r="F3470">
        <v>4</v>
      </c>
      <c r="G3470" t="s">
        <v>0</v>
      </c>
      <c r="H3470" t="s">
        <v>8577</v>
      </c>
      <c r="I3470" t="s">
        <v>30540</v>
      </c>
    </row>
    <row r="3471" spans="1:9">
      <c r="A3471" s="1">
        <f ca="1">RAND()</f>
        <v>0.20086079670647206</v>
      </c>
      <c r="B3471" s="1"/>
      <c r="C3471">
        <v>6</v>
      </c>
      <c r="D3471" t="s">
        <v>8574</v>
      </c>
      <c r="E3471" t="s">
        <v>31896</v>
      </c>
      <c r="F3471">
        <v>3</v>
      </c>
      <c r="G3471" t="s">
        <v>10</v>
      </c>
      <c r="H3471" t="s">
        <v>8575</v>
      </c>
      <c r="I3471" t="s">
        <v>30540</v>
      </c>
    </row>
    <row r="3472" spans="1:9">
      <c r="A3472" s="1">
        <f ca="1">RAND()</f>
        <v>0.22669509659663734</v>
      </c>
      <c r="B3472" s="1"/>
      <c r="C3472">
        <v>14</v>
      </c>
      <c r="D3472" t="s">
        <v>8578</v>
      </c>
      <c r="E3472" t="s">
        <v>31896</v>
      </c>
      <c r="F3472">
        <v>2</v>
      </c>
      <c r="G3472" t="s">
        <v>0</v>
      </c>
      <c r="H3472" t="s">
        <v>8579</v>
      </c>
      <c r="I3472" t="s">
        <v>30540</v>
      </c>
    </row>
    <row r="3473" spans="1:9">
      <c r="A3473" s="1">
        <f ca="1">RAND()</f>
        <v>0.96038755462728476</v>
      </c>
      <c r="B3473" s="1"/>
      <c r="C3473">
        <v>16</v>
      </c>
      <c r="D3473" t="s">
        <v>8568</v>
      </c>
      <c r="E3473" t="s">
        <v>31897</v>
      </c>
      <c r="F3473">
        <v>5</v>
      </c>
      <c r="G3473" t="s">
        <v>0</v>
      </c>
      <c r="H3473" t="s">
        <v>8569</v>
      </c>
      <c r="I3473" t="s">
        <v>30540</v>
      </c>
    </row>
    <row r="3474" spans="1:9">
      <c r="A3474" s="1">
        <f ca="1">RAND()</f>
        <v>0.15030594711095313</v>
      </c>
      <c r="B3474" s="1"/>
      <c r="C3474">
        <v>5</v>
      </c>
      <c r="D3474" t="s">
        <v>8558</v>
      </c>
      <c r="E3474" t="s">
        <v>31897</v>
      </c>
      <c r="F3474">
        <v>5</v>
      </c>
      <c r="G3474" t="s">
        <v>10</v>
      </c>
      <c r="H3474" t="s">
        <v>8559</v>
      </c>
      <c r="I3474" t="s">
        <v>30540</v>
      </c>
    </row>
    <row r="3475" spans="1:9">
      <c r="A3475" s="1">
        <f ca="1">RAND()</f>
        <v>0.9101633141701897</v>
      </c>
      <c r="B3475" s="1"/>
      <c r="C3475">
        <v>14</v>
      </c>
      <c r="D3475" t="s">
        <v>8564</v>
      </c>
      <c r="E3475" t="s">
        <v>31897</v>
      </c>
      <c r="F3475">
        <v>4</v>
      </c>
      <c r="G3475" t="s">
        <v>0</v>
      </c>
      <c r="H3475" t="s">
        <v>8565</v>
      </c>
      <c r="I3475" t="s">
        <v>30540</v>
      </c>
    </row>
    <row r="3476" spans="1:9">
      <c r="A3476" s="1">
        <f ca="1">RAND()</f>
        <v>0.61763393996047533</v>
      </c>
      <c r="B3476" s="1"/>
      <c r="C3476">
        <v>19</v>
      </c>
      <c r="D3476" t="s">
        <v>8572</v>
      </c>
      <c r="E3476" t="s">
        <v>31897</v>
      </c>
      <c r="F3476">
        <v>4</v>
      </c>
      <c r="G3476" t="s">
        <v>10</v>
      </c>
      <c r="H3476" t="s">
        <v>8573</v>
      </c>
      <c r="I3476" t="s">
        <v>30540</v>
      </c>
    </row>
    <row r="3477" spans="1:9">
      <c r="A3477" s="1">
        <f ca="1">RAND()</f>
        <v>0.68666329818996508</v>
      </c>
      <c r="B3477" s="1"/>
      <c r="C3477">
        <v>4</v>
      </c>
      <c r="D3477" t="s">
        <v>8556</v>
      </c>
      <c r="E3477" t="s">
        <v>31897</v>
      </c>
      <c r="F3477">
        <v>4</v>
      </c>
      <c r="G3477" t="s">
        <v>762</v>
      </c>
      <c r="H3477" t="s">
        <v>8557</v>
      </c>
      <c r="I3477" t="s">
        <v>30540</v>
      </c>
    </row>
    <row r="3478" spans="1:9">
      <c r="A3478" s="1">
        <f ca="1">RAND()</f>
        <v>0.54889779245198933</v>
      </c>
      <c r="B3478" s="1"/>
      <c r="C3478">
        <v>13</v>
      </c>
      <c r="D3478" t="s">
        <v>8562</v>
      </c>
      <c r="E3478" t="s">
        <v>31897</v>
      </c>
      <c r="F3478">
        <v>4</v>
      </c>
      <c r="G3478" t="s">
        <v>2</v>
      </c>
      <c r="H3478" t="s">
        <v>8563</v>
      </c>
      <c r="I3478" t="s">
        <v>30540</v>
      </c>
    </row>
    <row r="3479" spans="1:9">
      <c r="A3479" s="1">
        <f ca="1">RAND()</f>
        <v>0.28204694896666138</v>
      </c>
      <c r="B3479" s="1"/>
      <c r="C3479">
        <v>12</v>
      </c>
      <c r="D3479" t="s">
        <v>8560</v>
      </c>
      <c r="E3479" t="s">
        <v>31897</v>
      </c>
      <c r="F3479">
        <v>4</v>
      </c>
      <c r="G3479" t="s">
        <v>10</v>
      </c>
      <c r="H3479" t="s">
        <v>8561</v>
      </c>
      <c r="I3479" t="s">
        <v>30540</v>
      </c>
    </row>
    <row r="3480" spans="1:9">
      <c r="A3480" s="1">
        <f ca="1">RAND()</f>
        <v>0.87977433842714015</v>
      </c>
      <c r="B3480" s="1"/>
      <c r="C3480">
        <v>1</v>
      </c>
      <c r="D3480" t="s">
        <v>8554</v>
      </c>
      <c r="E3480" t="s">
        <v>31897</v>
      </c>
      <c r="F3480">
        <v>4</v>
      </c>
      <c r="G3480" t="s">
        <v>766</v>
      </c>
      <c r="H3480" t="s">
        <v>8555</v>
      </c>
      <c r="I3480" t="s">
        <v>30540</v>
      </c>
    </row>
    <row r="3481" spans="1:9">
      <c r="A3481" s="1">
        <f ca="1">RAND()</f>
        <v>0.27281459454368395</v>
      </c>
      <c r="B3481" s="1"/>
      <c r="C3481">
        <v>15</v>
      </c>
      <c r="D3481" t="s">
        <v>8566</v>
      </c>
      <c r="E3481" t="s">
        <v>31897</v>
      </c>
      <c r="F3481">
        <v>4</v>
      </c>
      <c r="G3481" t="s">
        <v>0</v>
      </c>
      <c r="H3481" t="s">
        <v>8567</v>
      </c>
      <c r="I3481" t="s">
        <v>30540</v>
      </c>
    </row>
    <row r="3482" spans="1:9">
      <c r="A3482" s="1">
        <f ca="1">RAND()</f>
        <v>0.47182723007093108</v>
      </c>
      <c r="B3482" s="1"/>
      <c r="C3482">
        <v>17</v>
      </c>
      <c r="D3482" t="s">
        <v>8570</v>
      </c>
      <c r="E3482" t="s">
        <v>31897</v>
      </c>
      <c r="F3482">
        <v>3</v>
      </c>
      <c r="G3482" t="s">
        <v>0</v>
      </c>
      <c r="H3482" t="s">
        <v>8571</v>
      </c>
      <c r="I3482" t="s">
        <v>30540</v>
      </c>
    </row>
    <row r="3483" spans="1:9">
      <c r="A3483" s="1">
        <f ca="1">RAND()</f>
        <v>0.70216207306828671</v>
      </c>
      <c r="B3483" s="1"/>
      <c r="C3483">
        <v>7</v>
      </c>
      <c r="D3483" t="s">
        <v>8544</v>
      </c>
      <c r="E3483" t="s">
        <v>31898</v>
      </c>
      <c r="F3483">
        <v>4</v>
      </c>
      <c r="G3483" t="s">
        <v>770</v>
      </c>
      <c r="H3483" t="s">
        <v>8545</v>
      </c>
      <c r="I3483" t="s">
        <v>30540</v>
      </c>
    </row>
    <row r="3484" spans="1:9">
      <c r="A3484" s="1">
        <f ca="1">RAND()</f>
        <v>7.9825081520851326E-2</v>
      </c>
      <c r="B3484" s="1"/>
      <c r="C3484">
        <v>6</v>
      </c>
      <c r="D3484" t="s">
        <v>8542</v>
      </c>
      <c r="E3484" t="s">
        <v>31898</v>
      </c>
      <c r="F3484">
        <v>4</v>
      </c>
      <c r="G3484" t="s">
        <v>0</v>
      </c>
      <c r="H3484" t="s">
        <v>8543</v>
      </c>
      <c r="I3484" t="s">
        <v>30540</v>
      </c>
    </row>
    <row r="3485" spans="1:9">
      <c r="A3485" s="1">
        <f ca="1">RAND()</f>
        <v>0.71814629382748196</v>
      </c>
      <c r="B3485" s="1"/>
      <c r="C3485">
        <v>12</v>
      </c>
      <c r="D3485" t="s">
        <v>8546</v>
      </c>
      <c r="E3485" t="s">
        <v>31898</v>
      </c>
      <c r="F3485">
        <v>3</v>
      </c>
      <c r="G3485" t="s">
        <v>2</v>
      </c>
      <c r="H3485" t="s">
        <v>8547</v>
      </c>
      <c r="I3485" t="s">
        <v>30540</v>
      </c>
    </row>
    <row r="3486" spans="1:9">
      <c r="A3486" s="1">
        <f ca="1">RAND()</f>
        <v>0.9137447613882298</v>
      </c>
      <c r="B3486" s="1"/>
      <c r="C3486">
        <v>2</v>
      </c>
      <c r="D3486" t="s">
        <v>8540</v>
      </c>
      <c r="E3486" t="s">
        <v>31898</v>
      </c>
      <c r="F3486">
        <v>3</v>
      </c>
      <c r="G3486" t="s">
        <v>2</v>
      </c>
      <c r="H3486" t="s">
        <v>8541</v>
      </c>
      <c r="I3486" t="s">
        <v>30540</v>
      </c>
    </row>
    <row r="3487" spans="1:9">
      <c r="A3487" s="1">
        <f ca="1">RAND()</f>
        <v>0.22558333241227291</v>
      </c>
      <c r="B3487" s="1"/>
      <c r="C3487">
        <v>18</v>
      </c>
      <c r="D3487" t="s">
        <v>8550</v>
      </c>
      <c r="E3487" t="s">
        <v>31898</v>
      </c>
      <c r="F3487">
        <v>2</v>
      </c>
      <c r="G3487" t="s">
        <v>2</v>
      </c>
      <c r="H3487" t="s">
        <v>8551</v>
      </c>
      <c r="I3487" t="s">
        <v>30540</v>
      </c>
    </row>
    <row r="3488" spans="1:9">
      <c r="A3488" s="1">
        <f ca="1">RAND()</f>
        <v>0.47054150491248525</v>
      </c>
      <c r="B3488" s="1"/>
      <c r="C3488">
        <v>19</v>
      </c>
      <c r="D3488" t="s">
        <v>8552</v>
      </c>
      <c r="E3488" t="s">
        <v>31898</v>
      </c>
      <c r="F3488">
        <v>2</v>
      </c>
      <c r="G3488" t="s">
        <v>2</v>
      </c>
      <c r="H3488" t="s">
        <v>8553</v>
      </c>
      <c r="I3488" t="s">
        <v>30540</v>
      </c>
    </row>
    <row r="3489" spans="1:9">
      <c r="A3489" s="1">
        <f ca="1">RAND()</f>
        <v>0.10347491568048661</v>
      </c>
      <c r="B3489" s="1"/>
      <c r="C3489">
        <v>15</v>
      </c>
      <c r="D3489" t="s">
        <v>8548</v>
      </c>
      <c r="E3489" t="s">
        <v>31898</v>
      </c>
      <c r="F3489">
        <v>2</v>
      </c>
      <c r="G3489" t="s">
        <v>1</v>
      </c>
      <c r="H3489" t="s">
        <v>8549</v>
      </c>
      <c r="I3489" t="s">
        <v>30540</v>
      </c>
    </row>
    <row r="3490" spans="1:9">
      <c r="A3490" s="1">
        <f ca="1">RAND()</f>
        <v>0.47044850281017592</v>
      </c>
      <c r="B3490" s="1"/>
      <c r="C3490">
        <v>7</v>
      </c>
      <c r="D3490" t="s">
        <v>8532</v>
      </c>
      <c r="E3490" t="s">
        <v>31899</v>
      </c>
      <c r="F3490">
        <v>5</v>
      </c>
      <c r="G3490" t="s">
        <v>0</v>
      </c>
      <c r="H3490" t="s">
        <v>8533</v>
      </c>
      <c r="I3490" t="s">
        <v>30540</v>
      </c>
    </row>
    <row r="3491" spans="1:9">
      <c r="A3491" s="1">
        <f ca="1">RAND()</f>
        <v>0.52113477619583759</v>
      </c>
      <c r="B3491" s="1"/>
      <c r="C3491">
        <v>1</v>
      </c>
      <c r="D3491" t="s">
        <v>8528</v>
      </c>
      <c r="E3491" t="s">
        <v>31899</v>
      </c>
      <c r="F3491">
        <v>4</v>
      </c>
      <c r="G3491" t="s">
        <v>10</v>
      </c>
      <c r="H3491" t="s">
        <v>8529</v>
      </c>
      <c r="I3491" t="s">
        <v>30540</v>
      </c>
    </row>
    <row r="3492" spans="1:9">
      <c r="A3492" s="1">
        <f ca="1">RAND()</f>
        <v>0.4152983722110839</v>
      </c>
      <c r="B3492" s="1"/>
      <c r="C3492">
        <v>11</v>
      </c>
      <c r="D3492" t="s">
        <v>8538</v>
      </c>
      <c r="E3492" t="s">
        <v>31899</v>
      </c>
      <c r="F3492">
        <v>4</v>
      </c>
      <c r="G3492" t="s">
        <v>10</v>
      </c>
      <c r="H3492" t="s">
        <v>8539</v>
      </c>
      <c r="I3492" t="s">
        <v>30540</v>
      </c>
    </row>
    <row r="3493" spans="1:9">
      <c r="A3493" s="1">
        <f ca="1">RAND()</f>
        <v>0.63941202442698764</v>
      </c>
      <c r="B3493" s="1"/>
      <c r="C3493">
        <v>9</v>
      </c>
      <c r="D3493" t="s">
        <v>8536</v>
      </c>
      <c r="E3493" t="s">
        <v>31899</v>
      </c>
      <c r="F3493">
        <v>4</v>
      </c>
      <c r="G3493" t="s">
        <v>0</v>
      </c>
      <c r="H3493" t="s">
        <v>8537</v>
      </c>
      <c r="I3493" t="s">
        <v>30540</v>
      </c>
    </row>
    <row r="3494" spans="1:9">
      <c r="A3494" s="1">
        <f ca="1">RAND()</f>
        <v>0.17026132663112981</v>
      </c>
      <c r="B3494" s="1"/>
      <c r="C3494">
        <v>2</v>
      </c>
      <c r="D3494" t="s">
        <v>8530</v>
      </c>
      <c r="E3494" t="s">
        <v>31899</v>
      </c>
      <c r="F3494">
        <v>4</v>
      </c>
      <c r="G3494" t="s">
        <v>2</v>
      </c>
      <c r="H3494" t="s">
        <v>8531</v>
      </c>
      <c r="I3494" t="s">
        <v>30540</v>
      </c>
    </row>
    <row r="3495" spans="1:9">
      <c r="A3495" s="1">
        <f ca="1">RAND()</f>
        <v>0.565898468712148</v>
      </c>
      <c r="B3495" s="1"/>
      <c r="C3495">
        <v>8</v>
      </c>
      <c r="D3495" t="s">
        <v>8534</v>
      </c>
      <c r="E3495" t="s">
        <v>31899</v>
      </c>
      <c r="F3495">
        <v>3</v>
      </c>
      <c r="G3495" t="s">
        <v>0</v>
      </c>
      <c r="H3495" t="s">
        <v>8535</v>
      </c>
      <c r="I3495" t="s">
        <v>30540</v>
      </c>
    </row>
    <row r="3496" spans="1:9">
      <c r="A3496" s="1">
        <f ca="1">RAND()</f>
        <v>0.96048211108774417</v>
      </c>
      <c r="B3496" s="1"/>
      <c r="C3496">
        <v>6</v>
      </c>
      <c r="D3496" t="s">
        <v>8526</v>
      </c>
      <c r="E3496" t="s">
        <v>31900</v>
      </c>
      <c r="F3496">
        <v>5</v>
      </c>
      <c r="G3496" t="s">
        <v>1295</v>
      </c>
      <c r="H3496" t="s">
        <v>8527</v>
      </c>
      <c r="I3496" t="s">
        <v>30540</v>
      </c>
    </row>
    <row r="3497" spans="1:9">
      <c r="A3497" s="1">
        <f ca="1">RAND()</f>
        <v>0.33543523086889016</v>
      </c>
      <c r="B3497" s="1"/>
      <c r="C3497">
        <v>2</v>
      </c>
      <c r="D3497" t="s">
        <v>8524</v>
      </c>
      <c r="E3497" t="s">
        <v>31900</v>
      </c>
      <c r="F3497">
        <v>5</v>
      </c>
      <c r="G3497" t="s">
        <v>769</v>
      </c>
      <c r="H3497" t="s">
        <v>8525</v>
      </c>
      <c r="I3497" t="s">
        <v>30540</v>
      </c>
    </row>
    <row r="3498" spans="1:9">
      <c r="A3498" s="1">
        <f ca="1">RAND()</f>
        <v>0.70221934934677499</v>
      </c>
      <c r="B3498" s="1"/>
      <c r="C3498">
        <v>11</v>
      </c>
      <c r="D3498" t="s">
        <v>8518</v>
      </c>
      <c r="E3498" t="s">
        <v>31901</v>
      </c>
      <c r="F3498">
        <v>4</v>
      </c>
      <c r="G3498" t="s">
        <v>0</v>
      </c>
      <c r="H3498" t="s">
        <v>8519</v>
      </c>
      <c r="I3498" t="s">
        <v>30540</v>
      </c>
    </row>
    <row r="3499" spans="1:9">
      <c r="A3499" s="1">
        <f ca="1">RAND()</f>
        <v>0.7276526415992115</v>
      </c>
      <c r="B3499" s="1"/>
      <c r="C3499">
        <v>5</v>
      </c>
      <c r="D3499" t="s">
        <v>8516</v>
      </c>
      <c r="E3499" t="s">
        <v>31901</v>
      </c>
      <c r="F3499">
        <v>4</v>
      </c>
      <c r="G3499" t="s">
        <v>0</v>
      </c>
      <c r="H3499" t="s">
        <v>8517</v>
      </c>
      <c r="I3499" t="s">
        <v>30540</v>
      </c>
    </row>
    <row r="3500" spans="1:9">
      <c r="A3500" s="1">
        <f ca="1">RAND()</f>
        <v>0.40265706691458059</v>
      </c>
      <c r="B3500" s="1"/>
      <c r="C3500">
        <v>13</v>
      </c>
      <c r="D3500" t="s">
        <v>8520</v>
      </c>
      <c r="E3500" t="s">
        <v>31901</v>
      </c>
      <c r="F3500">
        <v>4</v>
      </c>
      <c r="G3500" t="s">
        <v>0</v>
      </c>
      <c r="H3500" t="s">
        <v>8521</v>
      </c>
      <c r="I3500" t="s">
        <v>30540</v>
      </c>
    </row>
    <row r="3501" spans="1:9">
      <c r="A3501" s="1">
        <f ca="1">RAND()</f>
        <v>0.81534369050935473</v>
      </c>
      <c r="B3501" s="1"/>
      <c r="C3501">
        <v>1</v>
      </c>
      <c r="D3501" t="s">
        <v>8514</v>
      </c>
      <c r="E3501" t="s">
        <v>31901</v>
      </c>
      <c r="F3501">
        <v>4</v>
      </c>
      <c r="G3501" t="s">
        <v>13</v>
      </c>
      <c r="H3501" t="s">
        <v>8515</v>
      </c>
      <c r="I3501" t="s">
        <v>30540</v>
      </c>
    </row>
    <row r="3502" spans="1:9">
      <c r="A3502" s="1">
        <f ca="1">RAND()</f>
        <v>0.44482156091206149</v>
      </c>
      <c r="B3502" s="1"/>
      <c r="C3502">
        <v>14</v>
      </c>
      <c r="D3502" t="s">
        <v>8522</v>
      </c>
      <c r="E3502" t="s">
        <v>31901</v>
      </c>
      <c r="F3502">
        <v>4</v>
      </c>
      <c r="G3502" t="s">
        <v>0</v>
      </c>
      <c r="H3502" t="s">
        <v>8523</v>
      </c>
      <c r="I3502" t="s">
        <v>30540</v>
      </c>
    </row>
    <row r="3503" spans="1:9">
      <c r="A3503" s="1">
        <f ca="1">RAND()</f>
        <v>0.54856744329420049</v>
      </c>
      <c r="B3503" s="1"/>
      <c r="C3503">
        <v>16</v>
      </c>
      <c r="D3503" t="s">
        <v>8508</v>
      </c>
      <c r="E3503" t="s">
        <v>31902</v>
      </c>
      <c r="F3503">
        <v>4</v>
      </c>
      <c r="G3503" t="s">
        <v>0</v>
      </c>
      <c r="H3503" t="s">
        <v>8509</v>
      </c>
      <c r="I3503" t="s">
        <v>30540</v>
      </c>
    </row>
    <row r="3504" spans="1:9">
      <c r="A3504" s="1">
        <f ca="1">RAND()</f>
        <v>0.12411401600134719</v>
      </c>
      <c r="B3504" s="1"/>
      <c r="C3504">
        <v>20</v>
      </c>
      <c r="D3504" t="s">
        <v>8512</v>
      </c>
      <c r="E3504" t="s">
        <v>31902</v>
      </c>
      <c r="F3504">
        <v>4</v>
      </c>
      <c r="G3504" t="s">
        <v>0</v>
      </c>
      <c r="H3504" t="s">
        <v>8513</v>
      </c>
      <c r="I3504" t="s">
        <v>30540</v>
      </c>
    </row>
    <row r="3505" spans="1:9">
      <c r="A3505" s="1">
        <f ca="1">RAND()</f>
        <v>0.46380020447243397</v>
      </c>
      <c r="B3505" s="1"/>
      <c r="C3505">
        <v>1</v>
      </c>
      <c r="D3505" t="s">
        <v>8504</v>
      </c>
      <c r="E3505" t="s">
        <v>31902</v>
      </c>
      <c r="F3505">
        <v>4</v>
      </c>
      <c r="G3505" t="s">
        <v>15</v>
      </c>
      <c r="H3505" t="s">
        <v>8505</v>
      </c>
      <c r="I3505" t="s">
        <v>30540</v>
      </c>
    </row>
    <row r="3506" spans="1:9">
      <c r="A3506" s="1">
        <f ca="1">RAND()</f>
        <v>9.3491861277443689E-2</v>
      </c>
      <c r="B3506" s="1"/>
      <c r="C3506">
        <v>15</v>
      </c>
      <c r="D3506" t="s">
        <v>8506</v>
      </c>
      <c r="E3506" t="s">
        <v>31902</v>
      </c>
      <c r="F3506">
        <v>2</v>
      </c>
      <c r="G3506" t="s">
        <v>2</v>
      </c>
      <c r="H3506" t="s">
        <v>8507</v>
      </c>
      <c r="I3506" t="s">
        <v>30540</v>
      </c>
    </row>
    <row r="3507" spans="1:9">
      <c r="A3507" s="1">
        <f ca="1">RAND()</f>
        <v>0.42430371983857118</v>
      </c>
      <c r="B3507" s="1"/>
      <c r="C3507">
        <v>19</v>
      </c>
      <c r="D3507" t="s">
        <v>8510</v>
      </c>
      <c r="E3507" t="s">
        <v>31902</v>
      </c>
      <c r="F3507">
        <v>2</v>
      </c>
      <c r="G3507" t="s">
        <v>0</v>
      </c>
      <c r="H3507" t="s">
        <v>8511</v>
      </c>
      <c r="I3507" t="s">
        <v>30540</v>
      </c>
    </row>
    <row r="3508" spans="1:9">
      <c r="A3508" s="1">
        <f ca="1">RAND()</f>
        <v>0.38011813913463821</v>
      </c>
      <c r="B3508" s="1"/>
      <c r="C3508">
        <v>20</v>
      </c>
      <c r="D3508" t="s">
        <v>8502</v>
      </c>
      <c r="E3508" t="s">
        <v>31903</v>
      </c>
      <c r="F3508">
        <v>4</v>
      </c>
      <c r="G3508" t="s">
        <v>13</v>
      </c>
      <c r="H3508" t="s">
        <v>8503</v>
      </c>
      <c r="I3508" t="s">
        <v>30540</v>
      </c>
    </row>
    <row r="3509" spans="1:9">
      <c r="A3509" s="1">
        <f ca="1">RAND()</f>
        <v>1.9459720014789017E-2</v>
      </c>
      <c r="B3509" s="1"/>
      <c r="C3509">
        <v>14</v>
      </c>
      <c r="D3509" t="s">
        <v>8500</v>
      </c>
      <c r="E3509" t="s">
        <v>31903</v>
      </c>
      <c r="F3509">
        <v>4</v>
      </c>
      <c r="G3509" t="s">
        <v>9</v>
      </c>
      <c r="H3509" t="s">
        <v>8501</v>
      </c>
      <c r="I3509" t="s">
        <v>30540</v>
      </c>
    </row>
    <row r="3510" spans="1:9">
      <c r="A3510" s="1">
        <f ca="1">RAND()</f>
        <v>8.1195128996823795E-2</v>
      </c>
      <c r="B3510" s="1"/>
      <c r="C3510">
        <v>5</v>
      </c>
      <c r="D3510" t="s">
        <v>8496</v>
      </c>
      <c r="E3510" t="s">
        <v>31903</v>
      </c>
      <c r="F3510">
        <v>4</v>
      </c>
      <c r="G3510" t="s">
        <v>774</v>
      </c>
      <c r="H3510" t="s">
        <v>8497</v>
      </c>
      <c r="I3510" t="s">
        <v>30540</v>
      </c>
    </row>
    <row r="3511" spans="1:9">
      <c r="A3511" s="1">
        <f ca="1">RAND()</f>
        <v>0.29436278634312385</v>
      </c>
      <c r="B3511" s="1"/>
      <c r="C3511">
        <v>13</v>
      </c>
      <c r="D3511" t="s">
        <v>8498</v>
      </c>
      <c r="E3511" t="s">
        <v>31903</v>
      </c>
      <c r="F3511">
        <v>4</v>
      </c>
      <c r="G3511" t="s">
        <v>774</v>
      </c>
      <c r="H3511" t="s">
        <v>8499</v>
      </c>
      <c r="I3511" t="s">
        <v>30540</v>
      </c>
    </row>
    <row r="3512" spans="1:9">
      <c r="A3512" s="1">
        <f ca="1">RAND()</f>
        <v>0.84324616662675644</v>
      </c>
      <c r="B3512" s="1"/>
      <c r="C3512">
        <v>11</v>
      </c>
      <c r="D3512" t="s">
        <v>8490</v>
      </c>
      <c r="E3512" t="s">
        <v>31904</v>
      </c>
      <c r="F3512">
        <v>5</v>
      </c>
      <c r="G3512" t="s">
        <v>0</v>
      </c>
      <c r="H3512" t="s">
        <v>8491</v>
      </c>
      <c r="I3512" t="s">
        <v>30540</v>
      </c>
    </row>
    <row r="3513" spans="1:9">
      <c r="A3513" s="1">
        <f ca="1">RAND()</f>
        <v>0.5869602154516127</v>
      </c>
      <c r="B3513" s="1"/>
      <c r="C3513">
        <v>14</v>
      </c>
      <c r="D3513" t="s">
        <v>8494</v>
      </c>
      <c r="E3513" t="s">
        <v>31904</v>
      </c>
      <c r="F3513">
        <v>4</v>
      </c>
      <c r="G3513" t="s">
        <v>9</v>
      </c>
      <c r="H3513" t="s">
        <v>8495</v>
      </c>
      <c r="I3513" t="s">
        <v>30540</v>
      </c>
    </row>
    <row r="3514" spans="1:9">
      <c r="A3514" s="1">
        <f ca="1">RAND()</f>
        <v>0.56754212674123194</v>
      </c>
      <c r="B3514" s="1"/>
      <c r="C3514">
        <v>13</v>
      </c>
      <c r="D3514" t="s">
        <v>8492</v>
      </c>
      <c r="E3514" t="s">
        <v>31904</v>
      </c>
      <c r="F3514">
        <v>4</v>
      </c>
      <c r="G3514" t="s">
        <v>0</v>
      </c>
      <c r="H3514" t="s">
        <v>8493</v>
      </c>
      <c r="I3514" t="s">
        <v>30540</v>
      </c>
    </row>
    <row r="3515" spans="1:9">
      <c r="A3515" s="1">
        <f ca="1">RAND()</f>
        <v>0.25077533557379894</v>
      </c>
      <c r="B3515" s="1"/>
      <c r="C3515">
        <v>5</v>
      </c>
      <c r="D3515" t="s">
        <v>8488</v>
      </c>
      <c r="E3515" t="s">
        <v>31904</v>
      </c>
      <c r="F3515">
        <v>2</v>
      </c>
      <c r="G3515" t="s">
        <v>0</v>
      </c>
      <c r="H3515" t="s">
        <v>8489</v>
      </c>
      <c r="I3515" t="s">
        <v>30540</v>
      </c>
    </row>
    <row r="3516" spans="1:9">
      <c r="A3516" s="1">
        <f ca="1">RAND()</f>
        <v>0.29669904781933487</v>
      </c>
      <c r="B3516" s="1"/>
      <c r="C3516">
        <v>1</v>
      </c>
      <c r="D3516" t="s">
        <v>8486</v>
      </c>
      <c r="E3516" t="s">
        <v>31904</v>
      </c>
      <c r="F3516">
        <v>1</v>
      </c>
      <c r="G3516" t="s">
        <v>0</v>
      </c>
      <c r="H3516" t="s">
        <v>8487</v>
      </c>
      <c r="I3516" t="s">
        <v>30540</v>
      </c>
    </row>
    <row r="3517" spans="1:9">
      <c r="A3517" s="1">
        <f ca="1">RAND()</f>
        <v>0.47606586703716569</v>
      </c>
      <c r="B3517" s="1"/>
      <c r="C3517">
        <v>19</v>
      </c>
      <c r="D3517" t="s">
        <v>8484</v>
      </c>
      <c r="E3517" t="s">
        <v>31905</v>
      </c>
      <c r="F3517">
        <v>4</v>
      </c>
      <c r="G3517" t="s">
        <v>2</v>
      </c>
      <c r="H3517" t="s">
        <v>8485</v>
      </c>
      <c r="I3517" t="s">
        <v>30540</v>
      </c>
    </row>
    <row r="3518" spans="1:9">
      <c r="A3518" s="1">
        <f ca="1">RAND()</f>
        <v>0.68957394709192654</v>
      </c>
      <c r="B3518" s="1"/>
      <c r="C3518">
        <v>6</v>
      </c>
      <c r="D3518" t="s">
        <v>8482</v>
      </c>
      <c r="E3518" t="s">
        <v>31905</v>
      </c>
      <c r="F3518">
        <v>4</v>
      </c>
      <c r="G3518" t="s">
        <v>0</v>
      </c>
      <c r="H3518" t="s">
        <v>8483</v>
      </c>
      <c r="I3518" t="s">
        <v>30540</v>
      </c>
    </row>
    <row r="3519" spans="1:9">
      <c r="A3519" s="1">
        <f ca="1">RAND()</f>
        <v>3.4203123873001728E-2</v>
      </c>
      <c r="B3519" s="1"/>
      <c r="C3519">
        <v>12</v>
      </c>
      <c r="D3519" t="s">
        <v>8478</v>
      </c>
      <c r="E3519" t="s">
        <v>31906</v>
      </c>
      <c r="F3519">
        <v>4</v>
      </c>
      <c r="G3519" t="s">
        <v>0</v>
      </c>
      <c r="H3519" t="s">
        <v>8479</v>
      </c>
      <c r="I3519" t="s">
        <v>30540</v>
      </c>
    </row>
    <row r="3520" spans="1:9">
      <c r="A3520" s="1">
        <f ca="1">RAND()</f>
        <v>0.47799288888450431</v>
      </c>
      <c r="B3520" s="1"/>
      <c r="C3520">
        <v>8</v>
      </c>
      <c r="D3520" t="s">
        <v>8474</v>
      </c>
      <c r="E3520" t="s">
        <v>31906</v>
      </c>
      <c r="F3520">
        <v>4</v>
      </c>
      <c r="G3520" t="s">
        <v>2</v>
      </c>
      <c r="H3520" t="s">
        <v>8475</v>
      </c>
      <c r="I3520" t="s">
        <v>30540</v>
      </c>
    </row>
    <row r="3521" spans="1:9">
      <c r="A3521" s="1">
        <f ca="1">RAND()</f>
        <v>0.32253717219732081</v>
      </c>
      <c r="B3521" s="1"/>
      <c r="C3521">
        <v>11</v>
      </c>
      <c r="D3521" t="s">
        <v>8476</v>
      </c>
      <c r="E3521" t="s">
        <v>31906</v>
      </c>
      <c r="F3521">
        <v>4</v>
      </c>
      <c r="G3521" t="s">
        <v>0</v>
      </c>
      <c r="H3521" t="s">
        <v>8477</v>
      </c>
      <c r="I3521" t="s">
        <v>30540</v>
      </c>
    </row>
    <row r="3522" spans="1:9">
      <c r="A3522" s="1">
        <f ca="1">RAND()</f>
        <v>1.5250297697014026E-2</v>
      </c>
      <c r="B3522" s="1"/>
      <c r="C3522">
        <v>6</v>
      </c>
      <c r="D3522" t="s">
        <v>8472</v>
      </c>
      <c r="E3522" t="s">
        <v>31906</v>
      </c>
      <c r="F3522">
        <v>4</v>
      </c>
      <c r="G3522" t="s">
        <v>2</v>
      </c>
      <c r="H3522" t="s">
        <v>8473</v>
      </c>
      <c r="I3522" t="s">
        <v>30540</v>
      </c>
    </row>
    <row r="3523" spans="1:9">
      <c r="A3523" s="1">
        <f ca="1">RAND()</f>
        <v>0.98417161246194562</v>
      </c>
      <c r="B3523" s="1"/>
      <c r="C3523">
        <v>1</v>
      </c>
      <c r="D3523" t="s">
        <v>8468</v>
      </c>
      <c r="E3523" t="s">
        <v>31906</v>
      </c>
      <c r="F3523">
        <v>3</v>
      </c>
      <c r="G3523" t="s">
        <v>14</v>
      </c>
      <c r="H3523" t="s">
        <v>8469</v>
      </c>
      <c r="I3523" t="s">
        <v>30540</v>
      </c>
    </row>
    <row r="3524" spans="1:9">
      <c r="A3524" s="1">
        <f ca="1">RAND()</f>
        <v>0.71803506053870492</v>
      </c>
      <c r="B3524" s="1"/>
      <c r="C3524">
        <v>14</v>
      </c>
      <c r="D3524" t="s">
        <v>8480</v>
      </c>
      <c r="E3524" t="s">
        <v>31906</v>
      </c>
      <c r="F3524">
        <v>2</v>
      </c>
      <c r="G3524" t="s">
        <v>9</v>
      </c>
      <c r="H3524" t="s">
        <v>8481</v>
      </c>
      <c r="I3524" t="s">
        <v>30540</v>
      </c>
    </row>
    <row r="3525" spans="1:9">
      <c r="A3525" s="1">
        <f ca="1">RAND()</f>
        <v>0.66884773240208573</v>
      </c>
      <c r="B3525" s="1"/>
      <c r="C3525">
        <v>4</v>
      </c>
      <c r="D3525" t="s">
        <v>8470</v>
      </c>
      <c r="E3525" t="s">
        <v>31906</v>
      </c>
      <c r="F3525">
        <v>2</v>
      </c>
      <c r="G3525" t="s">
        <v>10</v>
      </c>
      <c r="H3525" t="s">
        <v>8471</v>
      </c>
      <c r="I3525" t="s">
        <v>30540</v>
      </c>
    </row>
    <row r="3526" spans="1:9">
      <c r="A3526" s="1">
        <f ca="1">RAND()</f>
        <v>0.64270653773259578</v>
      </c>
      <c r="B3526" s="1"/>
      <c r="C3526">
        <v>19</v>
      </c>
      <c r="D3526" t="s">
        <v>8464</v>
      </c>
      <c r="E3526" t="s">
        <v>31907</v>
      </c>
      <c r="F3526">
        <v>5</v>
      </c>
      <c r="G3526" t="s">
        <v>0</v>
      </c>
      <c r="H3526" t="s">
        <v>8465</v>
      </c>
      <c r="I3526" t="s">
        <v>30540</v>
      </c>
    </row>
    <row r="3527" spans="1:9">
      <c r="A3527" s="1">
        <f ca="1">RAND()</f>
        <v>0.2929654420961485</v>
      </c>
      <c r="B3527" s="1"/>
      <c r="C3527">
        <v>12</v>
      </c>
      <c r="D3527" t="s">
        <v>8458</v>
      </c>
      <c r="E3527" t="s">
        <v>31907</v>
      </c>
      <c r="F3527">
        <v>4</v>
      </c>
      <c r="G3527" t="s">
        <v>0</v>
      </c>
      <c r="H3527" t="s">
        <v>8459</v>
      </c>
      <c r="I3527" t="s">
        <v>30540</v>
      </c>
    </row>
    <row r="3528" spans="1:9">
      <c r="A3528" s="1">
        <f ca="1">RAND()</f>
        <v>0.12483171343671373</v>
      </c>
      <c r="B3528" s="1"/>
      <c r="C3528">
        <v>16</v>
      </c>
      <c r="D3528" t="s">
        <v>8462</v>
      </c>
      <c r="E3528" t="s">
        <v>31907</v>
      </c>
      <c r="F3528">
        <v>4</v>
      </c>
      <c r="G3528" t="s">
        <v>0</v>
      </c>
      <c r="H3528" t="s">
        <v>8463</v>
      </c>
      <c r="I3528" t="s">
        <v>30540</v>
      </c>
    </row>
    <row r="3529" spans="1:9">
      <c r="A3529" s="1">
        <f ca="1">RAND()</f>
        <v>0.21673974149042929</v>
      </c>
      <c r="B3529" s="1"/>
      <c r="C3529">
        <v>20</v>
      </c>
      <c r="D3529" t="s">
        <v>8466</v>
      </c>
      <c r="E3529" t="s">
        <v>31907</v>
      </c>
      <c r="F3529">
        <v>4</v>
      </c>
      <c r="G3529" t="s">
        <v>0</v>
      </c>
      <c r="H3529" t="s">
        <v>8467</v>
      </c>
      <c r="I3529" t="s">
        <v>30540</v>
      </c>
    </row>
    <row r="3530" spans="1:9">
      <c r="A3530" s="1">
        <f ca="1">RAND()</f>
        <v>0.10487982154038311</v>
      </c>
      <c r="B3530" s="1"/>
      <c r="C3530">
        <v>14</v>
      </c>
      <c r="D3530" t="s">
        <v>8460</v>
      </c>
      <c r="E3530" t="s">
        <v>31907</v>
      </c>
      <c r="F3530">
        <v>2</v>
      </c>
      <c r="G3530" t="s">
        <v>0</v>
      </c>
      <c r="H3530" t="s">
        <v>8461</v>
      </c>
      <c r="I3530" t="s">
        <v>30540</v>
      </c>
    </row>
    <row r="3531" spans="1:9">
      <c r="A3531" s="1">
        <f ca="1">RAND()</f>
        <v>0.56747140697365672</v>
      </c>
      <c r="B3531" s="1"/>
      <c r="C3531">
        <v>4</v>
      </c>
      <c r="D3531" t="s">
        <v>8454</v>
      </c>
      <c r="E3531" t="s">
        <v>31908</v>
      </c>
      <c r="F3531">
        <v>4</v>
      </c>
      <c r="G3531" t="s">
        <v>0</v>
      </c>
      <c r="H3531" t="s">
        <v>8455</v>
      </c>
      <c r="I3531" t="s">
        <v>30540</v>
      </c>
    </row>
    <row r="3532" spans="1:9">
      <c r="A3532" s="1">
        <f ca="1">RAND()</f>
        <v>0.45572601263440704</v>
      </c>
      <c r="B3532" s="1"/>
      <c r="C3532">
        <v>7</v>
      </c>
      <c r="D3532" t="s">
        <v>8456</v>
      </c>
      <c r="E3532" t="s">
        <v>31908</v>
      </c>
      <c r="F3532">
        <v>4</v>
      </c>
      <c r="G3532" t="s">
        <v>0</v>
      </c>
      <c r="H3532" t="s">
        <v>8457</v>
      </c>
      <c r="I3532" t="s">
        <v>30540</v>
      </c>
    </row>
    <row r="3533" spans="1:9">
      <c r="A3533" s="1">
        <f ca="1">RAND()</f>
        <v>0.92322366861767158</v>
      </c>
      <c r="B3533" s="1"/>
      <c r="C3533">
        <v>2</v>
      </c>
      <c r="D3533" t="s">
        <v>8452</v>
      </c>
      <c r="E3533" t="s">
        <v>31908</v>
      </c>
      <c r="F3533">
        <v>2</v>
      </c>
      <c r="G3533" t="s">
        <v>0</v>
      </c>
      <c r="H3533" t="s">
        <v>8453</v>
      </c>
      <c r="I3533" t="s">
        <v>30540</v>
      </c>
    </row>
    <row r="3534" spans="1:9">
      <c r="A3534" s="1">
        <f ca="1">RAND()</f>
        <v>0.5386202226248511</v>
      </c>
      <c r="B3534" s="1"/>
      <c r="C3534">
        <v>13</v>
      </c>
      <c r="D3534" t="s">
        <v>8450</v>
      </c>
      <c r="E3534" t="s">
        <v>31909</v>
      </c>
      <c r="F3534">
        <v>4</v>
      </c>
      <c r="G3534" t="s">
        <v>0</v>
      </c>
      <c r="H3534" t="s">
        <v>8451</v>
      </c>
      <c r="I3534" t="s">
        <v>30540</v>
      </c>
    </row>
    <row r="3535" spans="1:9">
      <c r="A3535" s="1">
        <f ca="1">RAND()</f>
        <v>0.48645666936881438</v>
      </c>
      <c r="B3535" s="1"/>
      <c r="C3535">
        <v>7</v>
      </c>
      <c r="D3535" t="s">
        <v>8448</v>
      </c>
      <c r="E3535" t="s">
        <v>31909</v>
      </c>
      <c r="F3535">
        <v>3</v>
      </c>
      <c r="G3535" t="s">
        <v>14</v>
      </c>
      <c r="H3535" t="s">
        <v>8449</v>
      </c>
      <c r="I3535" t="s">
        <v>30540</v>
      </c>
    </row>
    <row r="3536" spans="1:9">
      <c r="A3536" s="1">
        <f ca="1">RAND()</f>
        <v>0.20652337664347609</v>
      </c>
      <c r="B3536" s="1"/>
      <c r="C3536">
        <v>14</v>
      </c>
      <c r="D3536" t="s">
        <v>8446</v>
      </c>
      <c r="E3536" t="s">
        <v>31910</v>
      </c>
      <c r="F3536">
        <v>5</v>
      </c>
      <c r="G3536" t="s">
        <v>10</v>
      </c>
      <c r="H3536" t="s">
        <v>8447</v>
      </c>
      <c r="I3536" t="s">
        <v>30540</v>
      </c>
    </row>
    <row r="3537" spans="1:9">
      <c r="A3537" s="1">
        <f ca="1">RAND()</f>
        <v>0.1706490787358147</v>
      </c>
      <c r="B3537" s="1"/>
      <c r="C3537">
        <v>9</v>
      </c>
      <c r="D3537" t="s">
        <v>8438</v>
      </c>
      <c r="E3537" t="s">
        <v>31910</v>
      </c>
      <c r="F3537">
        <v>5</v>
      </c>
      <c r="G3537" t="s">
        <v>0</v>
      </c>
      <c r="H3537" t="s">
        <v>8439</v>
      </c>
      <c r="I3537" t="s">
        <v>30540</v>
      </c>
    </row>
    <row r="3538" spans="1:9">
      <c r="A3538" s="1">
        <f ca="1">RAND()</f>
        <v>0.66303716848046645</v>
      </c>
      <c r="B3538" s="1"/>
      <c r="C3538">
        <v>10</v>
      </c>
      <c r="D3538" t="s">
        <v>8440</v>
      </c>
      <c r="E3538" t="s">
        <v>31910</v>
      </c>
      <c r="F3538">
        <v>4</v>
      </c>
      <c r="G3538" t="s">
        <v>0</v>
      </c>
      <c r="H3538" t="s">
        <v>8441</v>
      </c>
      <c r="I3538" t="s">
        <v>30540</v>
      </c>
    </row>
    <row r="3539" spans="1:9">
      <c r="A3539" s="1">
        <f ca="1">RAND()</f>
        <v>7.6792123914941723E-2</v>
      </c>
      <c r="B3539" s="1"/>
      <c r="C3539">
        <v>13</v>
      </c>
      <c r="D3539" t="s">
        <v>8444</v>
      </c>
      <c r="E3539" t="s">
        <v>31910</v>
      </c>
      <c r="F3539">
        <v>4</v>
      </c>
      <c r="G3539" t="s">
        <v>10</v>
      </c>
      <c r="H3539" t="s">
        <v>8445</v>
      </c>
      <c r="I3539" t="s">
        <v>30540</v>
      </c>
    </row>
    <row r="3540" spans="1:9">
      <c r="A3540" s="1">
        <f ca="1">RAND()</f>
        <v>0.42450937059935623</v>
      </c>
      <c r="B3540" s="1"/>
      <c r="C3540">
        <v>8</v>
      </c>
      <c r="D3540" t="s">
        <v>8436</v>
      </c>
      <c r="E3540" t="s">
        <v>31910</v>
      </c>
      <c r="F3540">
        <v>4</v>
      </c>
      <c r="G3540" t="s">
        <v>0</v>
      </c>
      <c r="H3540" t="s">
        <v>8437</v>
      </c>
      <c r="I3540" t="s">
        <v>30540</v>
      </c>
    </row>
    <row r="3541" spans="1:9">
      <c r="A3541" s="1">
        <f ca="1">RAND()</f>
        <v>0.33602447409671055</v>
      </c>
      <c r="B3541" s="1"/>
      <c r="C3541">
        <v>6</v>
      </c>
      <c r="D3541" t="s">
        <v>8434</v>
      </c>
      <c r="E3541" t="s">
        <v>31910</v>
      </c>
      <c r="F3541">
        <v>4</v>
      </c>
      <c r="G3541" t="s">
        <v>0</v>
      </c>
      <c r="H3541" t="s">
        <v>8435</v>
      </c>
      <c r="I3541" t="s">
        <v>30540</v>
      </c>
    </row>
    <row r="3542" spans="1:9">
      <c r="A3542" s="1">
        <f ca="1">RAND()</f>
        <v>9.2823510726174674E-2</v>
      </c>
      <c r="B3542" s="1"/>
      <c r="C3542">
        <v>12</v>
      </c>
      <c r="D3542" t="s">
        <v>8442</v>
      </c>
      <c r="E3542" t="s">
        <v>31910</v>
      </c>
      <c r="F3542">
        <v>4</v>
      </c>
      <c r="G3542" t="s">
        <v>0</v>
      </c>
      <c r="H3542" t="s">
        <v>8443</v>
      </c>
      <c r="I3542" t="s">
        <v>30540</v>
      </c>
    </row>
    <row r="3543" spans="1:9">
      <c r="A3543" s="1">
        <f ca="1">RAND()</f>
        <v>0.99274256329473576</v>
      </c>
      <c r="B3543" s="1"/>
      <c r="C3543">
        <v>4</v>
      </c>
      <c r="D3543" t="s">
        <v>8428</v>
      </c>
      <c r="E3543" t="s">
        <v>31911</v>
      </c>
      <c r="F3543">
        <v>5</v>
      </c>
      <c r="G3543" t="s">
        <v>14</v>
      </c>
      <c r="H3543" t="s">
        <v>8429</v>
      </c>
      <c r="I3543" t="s">
        <v>30540</v>
      </c>
    </row>
    <row r="3544" spans="1:9">
      <c r="A3544" s="1">
        <f ca="1">RAND()</f>
        <v>0.22834616432379828</v>
      </c>
      <c r="B3544" s="1"/>
      <c r="C3544">
        <v>11</v>
      </c>
      <c r="D3544" t="s">
        <v>8430</v>
      </c>
      <c r="E3544" t="s">
        <v>31911</v>
      </c>
      <c r="F3544">
        <v>4</v>
      </c>
      <c r="G3544" t="s">
        <v>14</v>
      </c>
      <c r="H3544" t="s">
        <v>8431</v>
      </c>
      <c r="I3544" t="s">
        <v>30540</v>
      </c>
    </row>
    <row r="3545" spans="1:9">
      <c r="A3545" s="1">
        <f ca="1">RAND()</f>
        <v>0.40925429991736928</v>
      </c>
      <c r="B3545" s="1"/>
      <c r="C3545">
        <v>13</v>
      </c>
      <c r="D3545" t="s">
        <v>8432</v>
      </c>
      <c r="E3545" t="s">
        <v>31911</v>
      </c>
      <c r="F3545">
        <v>4</v>
      </c>
      <c r="G3545" t="s">
        <v>2</v>
      </c>
      <c r="H3545" t="s">
        <v>8433</v>
      </c>
      <c r="I3545" t="s">
        <v>30540</v>
      </c>
    </row>
    <row r="3546" spans="1:9">
      <c r="A3546" s="1">
        <f ca="1">RAND()</f>
        <v>0.389243746918432</v>
      </c>
      <c r="B3546" s="1"/>
      <c r="C3546">
        <v>7</v>
      </c>
      <c r="D3546" t="s">
        <v>8422</v>
      </c>
      <c r="E3546" t="s">
        <v>31912</v>
      </c>
      <c r="F3546">
        <v>5</v>
      </c>
      <c r="G3546" t="s">
        <v>1</v>
      </c>
      <c r="H3546" t="s">
        <v>8423</v>
      </c>
      <c r="I3546" t="s">
        <v>30540</v>
      </c>
    </row>
    <row r="3547" spans="1:9">
      <c r="A3547" s="1">
        <f ca="1">RAND()</f>
        <v>0.6681146592297007</v>
      </c>
      <c r="B3547" s="1"/>
      <c r="C3547">
        <v>13</v>
      </c>
      <c r="D3547" t="s">
        <v>8426</v>
      </c>
      <c r="E3547" t="s">
        <v>31912</v>
      </c>
      <c r="F3547">
        <v>4</v>
      </c>
      <c r="G3547" t="s">
        <v>0</v>
      </c>
      <c r="H3547" t="s">
        <v>8427</v>
      </c>
      <c r="I3547" t="s">
        <v>30540</v>
      </c>
    </row>
    <row r="3548" spans="1:9">
      <c r="A3548" s="1">
        <f ca="1">RAND()</f>
        <v>0.70810039185275864</v>
      </c>
      <c r="B3548" s="1"/>
      <c r="C3548">
        <v>11</v>
      </c>
      <c r="D3548" t="s">
        <v>8424</v>
      </c>
      <c r="E3548" t="s">
        <v>31912</v>
      </c>
      <c r="F3548">
        <v>4</v>
      </c>
      <c r="G3548" t="s">
        <v>15</v>
      </c>
      <c r="H3548" t="s">
        <v>8425</v>
      </c>
      <c r="I3548" t="s">
        <v>30540</v>
      </c>
    </row>
    <row r="3549" spans="1:9">
      <c r="A3549" s="1">
        <f ca="1">RAND()</f>
        <v>0.11330798315253821</v>
      </c>
      <c r="B3549" s="1"/>
      <c r="C3549">
        <v>17</v>
      </c>
      <c r="D3549" t="s">
        <v>8418</v>
      </c>
      <c r="E3549" t="s">
        <v>31913</v>
      </c>
      <c r="F3549">
        <v>5</v>
      </c>
      <c r="G3549" t="s">
        <v>0</v>
      </c>
      <c r="H3549" t="s">
        <v>8419</v>
      </c>
      <c r="I3549" t="s">
        <v>30540</v>
      </c>
    </row>
    <row r="3550" spans="1:9">
      <c r="A3550" s="1">
        <f ca="1">RAND()</f>
        <v>3.8938475856522548E-2</v>
      </c>
      <c r="B3550" s="1"/>
      <c r="C3550">
        <v>6</v>
      </c>
      <c r="D3550" t="s">
        <v>8410</v>
      </c>
      <c r="E3550" t="s">
        <v>31913</v>
      </c>
      <c r="F3550">
        <v>5</v>
      </c>
      <c r="G3550" t="s">
        <v>774</v>
      </c>
      <c r="H3550" t="s">
        <v>8411</v>
      </c>
      <c r="I3550" t="s">
        <v>30540</v>
      </c>
    </row>
    <row r="3551" spans="1:9">
      <c r="A3551" s="1">
        <f ca="1">RAND()</f>
        <v>6.167080623376997E-2</v>
      </c>
      <c r="B3551" s="1"/>
      <c r="C3551">
        <v>20</v>
      </c>
      <c r="D3551" t="s">
        <v>8420</v>
      </c>
      <c r="E3551" t="s">
        <v>31913</v>
      </c>
      <c r="F3551">
        <v>5</v>
      </c>
      <c r="G3551" t="s">
        <v>0</v>
      </c>
      <c r="H3551" t="s">
        <v>8421</v>
      </c>
      <c r="I3551" t="s">
        <v>30540</v>
      </c>
    </row>
    <row r="3552" spans="1:9">
      <c r="A3552" s="1">
        <f ca="1">RAND()</f>
        <v>0.51982922830895684</v>
      </c>
      <c r="B3552" s="1"/>
      <c r="C3552">
        <v>15</v>
      </c>
      <c r="D3552" t="s">
        <v>8414</v>
      </c>
      <c r="E3552" t="s">
        <v>31913</v>
      </c>
      <c r="F3552">
        <v>5</v>
      </c>
      <c r="G3552" t="s">
        <v>0</v>
      </c>
      <c r="H3552" t="s">
        <v>8415</v>
      </c>
      <c r="I3552" t="s">
        <v>30540</v>
      </c>
    </row>
    <row r="3553" spans="1:9">
      <c r="A3553" s="1">
        <f ca="1">RAND()</f>
        <v>0.72254392393689804</v>
      </c>
      <c r="B3553" s="1"/>
      <c r="C3553">
        <v>12</v>
      </c>
      <c r="D3553" t="s">
        <v>8412</v>
      </c>
      <c r="E3553" t="s">
        <v>31913</v>
      </c>
      <c r="F3553">
        <v>4</v>
      </c>
      <c r="G3553" t="s">
        <v>2</v>
      </c>
      <c r="H3553" t="s">
        <v>8413</v>
      </c>
      <c r="I3553" t="s">
        <v>30540</v>
      </c>
    </row>
    <row r="3554" spans="1:9">
      <c r="A3554" s="1">
        <f ca="1">RAND()</f>
        <v>0.15128639564796575</v>
      </c>
      <c r="B3554" s="1"/>
      <c r="C3554">
        <v>16</v>
      </c>
      <c r="D3554" t="s">
        <v>8416</v>
      </c>
      <c r="E3554" t="s">
        <v>31913</v>
      </c>
      <c r="F3554">
        <v>4</v>
      </c>
      <c r="G3554" t="s">
        <v>0</v>
      </c>
      <c r="H3554" t="s">
        <v>8417</v>
      </c>
      <c r="I3554" t="s">
        <v>30540</v>
      </c>
    </row>
    <row r="3555" spans="1:9">
      <c r="A3555" s="1">
        <f ca="1">RAND()</f>
        <v>0.93059774630820424</v>
      </c>
      <c r="B3555" s="1"/>
      <c r="C3555">
        <v>2</v>
      </c>
      <c r="D3555" t="s">
        <v>8408</v>
      </c>
      <c r="E3555" t="s">
        <v>31913</v>
      </c>
      <c r="F3555">
        <v>4</v>
      </c>
      <c r="G3555" t="s">
        <v>15</v>
      </c>
      <c r="H3555" t="s">
        <v>8409</v>
      </c>
      <c r="I3555" t="s">
        <v>30540</v>
      </c>
    </row>
    <row r="3556" spans="1:9">
      <c r="A3556" s="1">
        <f ca="1">RAND()</f>
        <v>0.38054132457410272</v>
      </c>
      <c r="B3556" s="1"/>
      <c r="C3556">
        <v>20</v>
      </c>
      <c r="D3556" t="s">
        <v>8406</v>
      </c>
      <c r="E3556" t="s">
        <v>31914</v>
      </c>
      <c r="F3556">
        <v>4</v>
      </c>
      <c r="G3556" t="s">
        <v>9</v>
      </c>
      <c r="H3556" t="s">
        <v>8407</v>
      </c>
      <c r="I3556" t="s">
        <v>30540</v>
      </c>
    </row>
    <row r="3557" spans="1:9">
      <c r="A3557" s="1">
        <f ca="1">RAND()</f>
        <v>0.76190609072621918</v>
      </c>
      <c r="B3557" s="1"/>
      <c r="C3557">
        <v>19</v>
      </c>
      <c r="D3557" t="s">
        <v>8404</v>
      </c>
      <c r="E3557" t="s">
        <v>31914</v>
      </c>
      <c r="F3557">
        <v>4</v>
      </c>
      <c r="G3557" t="s">
        <v>10</v>
      </c>
      <c r="H3557" t="s">
        <v>8405</v>
      </c>
      <c r="I3557" t="s">
        <v>30540</v>
      </c>
    </row>
    <row r="3558" spans="1:9">
      <c r="A3558" s="1">
        <f ca="1">RAND()</f>
        <v>0.89305045150627849</v>
      </c>
      <c r="B3558" s="1"/>
      <c r="C3558">
        <v>6</v>
      </c>
      <c r="D3558" t="s">
        <v>8400</v>
      </c>
      <c r="E3558" t="s">
        <v>31914</v>
      </c>
      <c r="F3558">
        <v>2</v>
      </c>
      <c r="G3558" t="s">
        <v>0</v>
      </c>
      <c r="H3558" t="s">
        <v>8401</v>
      </c>
      <c r="I3558" t="s">
        <v>30540</v>
      </c>
    </row>
    <row r="3559" spans="1:9">
      <c r="A3559" s="1">
        <f ca="1">RAND()</f>
        <v>0.50510879963594935</v>
      </c>
      <c r="B3559" s="1"/>
      <c r="C3559">
        <v>18</v>
      </c>
      <c r="D3559" t="s">
        <v>8402</v>
      </c>
      <c r="E3559" t="s">
        <v>31914</v>
      </c>
      <c r="F3559">
        <v>1</v>
      </c>
      <c r="G3559" t="s">
        <v>0</v>
      </c>
      <c r="H3559" t="s">
        <v>8403</v>
      </c>
      <c r="I3559" t="s">
        <v>30540</v>
      </c>
    </row>
    <row r="3560" spans="1:9">
      <c r="A3560" s="1">
        <f ca="1">RAND()</f>
        <v>0.6481094766224752</v>
      </c>
      <c r="B3560" s="1"/>
      <c r="C3560">
        <v>8</v>
      </c>
      <c r="D3560" t="s">
        <v>8390</v>
      </c>
      <c r="E3560" t="s">
        <v>31915</v>
      </c>
      <c r="F3560">
        <v>5</v>
      </c>
      <c r="G3560" t="s">
        <v>14</v>
      </c>
      <c r="H3560" t="s">
        <v>8391</v>
      </c>
      <c r="I3560" t="s">
        <v>30540</v>
      </c>
    </row>
    <row r="3561" spans="1:9">
      <c r="A3561" s="1">
        <f ca="1">RAND()</f>
        <v>2.3403116204288699E-2</v>
      </c>
      <c r="B3561" s="1"/>
      <c r="C3561">
        <v>3</v>
      </c>
      <c r="D3561" t="s">
        <v>8388</v>
      </c>
      <c r="E3561" t="s">
        <v>31915</v>
      </c>
      <c r="F3561">
        <v>5</v>
      </c>
      <c r="G3561" t="s">
        <v>762</v>
      </c>
      <c r="H3561" t="s">
        <v>8389</v>
      </c>
      <c r="I3561" t="s">
        <v>30540</v>
      </c>
    </row>
    <row r="3562" spans="1:9">
      <c r="A3562" s="1">
        <f ca="1">RAND()</f>
        <v>0.10394615981830457</v>
      </c>
      <c r="B3562" s="1"/>
      <c r="C3562">
        <v>16</v>
      </c>
      <c r="D3562" t="s">
        <v>8396</v>
      </c>
      <c r="E3562" t="s">
        <v>31915</v>
      </c>
      <c r="F3562">
        <v>5</v>
      </c>
      <c r="G3562" t="s">
        <v>766</v>
      </c>
      <c r="H3562" t="s">
        <v>8397</v>
      </c>
      <c r="I3562" t="s">
        <v>30540</v>
      </c>
    </row>
    <row r="3563" spans="1:9">
      <c r="A3563" s="1">
        <f ca="1">RAND()</f>
        <v>0.97324110168864997</v>
      </c>
      <c r="B3563" s="1"/>
      <c r="C3563">
        <v>15</v>
      </c>
      <c r="D3563" t="s">
        <v>8394</v>
      </c>
      <c r="E3563" t="s">
        <v>31915</v>
      </c>
      <c r="F3563">
        <v>5</v>
      </c>
      <c r="G3563" t="s">
        <v>0</v>
      </c>
      <c r="H3563" t="s">
        <v>8395</v>
      </c>
      <c r="I3563" t="s">
        <v>30540</v>
      </c>
    </row>
    <row r="3564" spans="1:9">
      <c r="A3564" s="1">
        <f ca="1">RAND()</f>
        <v>0.99054741819928283</v>
      </c>
      <c r="B3564" s="1"/>
      <c r="C3564">
        <v>1</v>
      </c>
      <c r="D3564" t="s">
        <v>8386</v>
      </c>
      <c r="E3564" t="s">
        <v>31915</v>
      </c>
      <c r="F3564">
        <v>4</v>
      </c>
      <c r="G3564" t="s">
        <v>770</v>
      </c>
      <c r="H3564" t="s">
        <v>8387</v>
      </c>
      <c r="I3564" t="s">
        <v>30540</v>
      </c>
    </row>
    <row r="3565" spans="1:9">
      <c r="A3565" s="1">
        <f ca="1">RAND()</f>
        <v>0.15001961423527166</v>
      </c>
      <c r="B3565" s="1"/>
      <c r="C3565">
        <v>14</v>
      </c>
      <c r="D3565" t="s">
        <v>8392</v>
      </c>
      <c r="E3565" t="s">
        <v>31915</v>
      </c>
      <c r="F3565">
        <v>4</v>
      </c>
      <c r="G3565" t="s">
        <v>0</v>
      </c>
      <c r="H3565" t="s">
        <v>8393</v>
      </c>
      <c r="I3565" t="s">
        <v>30540</v>
      </c>
    </row>
    <row r="3566" spans="1:9">
      <c r="A3566" s="1">
        <f ca="1">RAND()</f>
        <v>0.71107144713286197</v>
      </c>
      <c r="B3566" s="1"/>
      <c r="C3566">
        <v>18</v>
      </c>
      <c r="D3566" t="s">
        <v>8398</v>
      </c>
      <c r="E3566" t="s">
        <v>31915</v>
      </c>
      <c r="F3566">
        <v>2</v>
      </c>
      <c r="G3566" t="s">
        <v>0</v>
      </c>
      <c r="H3566" t="s">
        <v>8399</v>
      </c>
      <c r="I3566" t="s">
        <v>30540</v>
      </c>
    </row>
    <row r="3567" spans="1:9">
      <c r="A3567" s="1">
        <f ca="1">RAND()</f>
        <v>0.75052918962217097</v>
      </c>
      <c r="B3567" s="1"/>
      <c r="C3567">
        <v>17</v>
      </c>
      <c r="D3567" t="s">
        <v>8384</v>
      </c>
      <c r="E3567" t="s">
        <v>31916</v>
      </c>
      <c r="F3567">
        <v>4</v>
      </c>
      <c r="G3567" t="s">
        <v>766</v>
      </c>
      <c r="H3567" t="s">
        <v>8385</v>
      </c>
      <c r="I3567" t="s">
        <v>30540</v>
      </c>
    </row>
    <row r="3568" spans="1:9">
      <c r="A3568" s="1">
        <f ca="1">RAND()</f>
        <v>0.79087459678008742</v>
      </c>
      <c r="B3568" s="1"/>
      <c r="C3568">
        <v>11</v>
      </c>
      <c r="D3568" t="s">
        <v>8382</v>
      </c>
      <c r="E3568" t="s">
        <v>31916</v>
      </c>
      <c r="F3568">
        <v>4</v>
      </c>
      <c r="G3568" t="s">
        <v>766</v>
      </c>
      <c r="H3568" t="s">
        <v>8383</v>
      </c>
      <c r="I3568" t="s">
        <v>30540</v>
      </c>
    </row>
    <row r="3569" spans="1:9">
      <c r="A3569" s="1">
        <f ca="1">RAND()</f>
        <v>0.93933713044152323</v>
      </c>
      <c r="B3569" s="1"/>
      <c r="C3569">
        <v>7</v>
      </c>
      <c r="D3569" t="s">
        <v>8378</v>
      </c>
      <c r="E3569" t="s">
        <v>31916</v>
      </c>
      <c r="F3569">
        <v>4</v>
      </c>
      <c r="G3569" t="s">
        <v>0</v>
      </c>
      <c r="H3569" t="s">
        <v>8379</v>
      </c>
      <c r="I3569" t="s">
        <v>30540</v>
      </c>
    </row>
    <row r="3570" spans="1:9">
      <c r="A3570" s="1">
        <f ca="1">RAND()</f>
        <v>0.15905119551163416</v>
      </c>
      <c r="B3570" s="1"/>
      <c r="C3570">
        <v>10</v>
      </c>
      <c r="D3570" t="s">
        <v>8380</v>
      </c>
      <c r="E3570" t="s">
        <v>31916</v>
      </c>
      <c r="F3570">
        <v>4</v>
      </c>
      <c r="G3570" t="s">
        <v>774</v>
      </c>
      <c r="H3570" t="s">
        <v>8381</v>
      </c>
      <c r="I3570" t="s">
        <v>30540</v>
      </c>
    </row>
    <row r="3571" spans="1:9">
      <c r="A3571" s="1">
        <f ca="1">RAND()</f>
        <v>0.94767253052587019</v>
      </c>
      <c r="B3571" s="1"/>
      <c r="C3571">
        <v>5</v>
      </c>
      <c r="D3571" t="s">
        <v>8376</v>
      </c>
      <c r="E3571" t="s">
        <v>31916</v>
      </c>
      <c r="F3571">
        <v>2</v>
      </c>
      <c r="G3571" t="s">
        <v>765</v>
      </c>
      <c r="H3571" t="s">
        <v>8377</v>
      </c>
      <c r="I3571" t="s">
        <v>30540</v>
      </c>
    </row>
    <row r="3572" spans="1:9">
      <c r="A3572" s="1">
        <f ca="1">RAND()</f>
        <v>0.57586638438954529</v>
      </c>
      <c r="B3572" s="1"/>
      <c r="C3572">
        <v>7</v>
      </c>
      <c r="D3572" t="s">
        <v>8368</v>
      </c>
      <c r="E3572" t="s">
        <v>31917</v>
      </c>
      <c r="F3572">
        <v>4</v>
      </c>
      <c r="G3572" t="s">
        <v>0</v>
      </c>
      <c r="H3572" t="s">
        <v>8369</v>
      </c>
      <c r="I3572" t="s">
        <v>30540</v>
      </c>
    </row>
    <row r="3573" spans="1:9">
      <c r="A3573" s="1">
        <f ca="1">RAND()</f>
        <v>0.1888028849179707</v>
      </c>
      <c r="B3573" s="1"/>
      <c r="C3573">
        <v>12</v>
      </c>
      <c r="D3573" t="s">
        <v>8370</v>
      </c>
      <c r="E3573" t="s">
        <v>31917</v>
      </c>
      <c r="F3573">
        <v>4</v>
      </c>
      <c r="G3573" t="s">
        <v>0</v>
      </c>
      <c r="H3573" t="s">
        <v>8371</v>
      </c>
      <c r="I3573" t="s">
        <v>30540</v>
      </c>
    </row>
    <row r="3574" spans="1:9">
      <c r="A3574" s="1">
        <f ca="1">RAND()</f>
        <v>0.82995216444191777</v>
      </c>
      <c r="B3574" s="1"/>
      <c r="C3574">
        <v>14</v>
      </c>
      <c r="D3574" t="s">
        <v>8372</v>
      </c>
      <c r="E3574" t="s">
        <v>31917</v>
      </c>
      <c r="F3574">
        <v>2</v>
      </c>
      <c r="G3574" t="s">
        <v>0</v>
      </c>
      <c r="H3574" t="s">
        <v>8373</v>
      </c>
      <c r="I3574" t="s">
        <v>30540</v>
      </c>
    </row>
    <row r="3575" spans="1:9">
      <c r="A3575" s="1">
        <f ca="1">RAND()</f>
        <v>0.697621515869706</v>
      </c>
      <c r="B3575" s="1"/>
      <c r="C3575">
        <v>15</v>
      </c>
      <c r="D3575" t="s">
        <v>8374</v>
      </c>
      <c r="E3575" t="s">
        <v>31917</v>
      </c>
      <c r="F3575">
        <v>2</v>
      </c>
      <c r="G3575" t="s">
        <v>0</v>
      </c>
      <c r="H3575" t="s">
        <v>8375</v>
      </c>
      <c r="I3575" t="s">
        <v>30540</v>
      </c>
    </row>
    <row r="3576" spans="1:9">
      <c r="A3576" s="1">
        <f ca="1">RAND()</f>
        <v>0.79675615398721866</v>
      </c>
      <c r="B3576" s="1"/>
      <c r="C3576">
        <v>13</v>
      </c>
      <c r="D3576" t="s">
        <v>8364</v>
      </c>
      <c r="E3576" t="s">
        <v>31918</v>
      </c>
      <c r="F3576">
        <v>5</v>
      </c>
      <c r="G3576" t="s">
        <v>765</v>
      </c>
      <c r="H3576" t="s">
        <v>8365</v>
      </c>
      <c r="I3576" t="s">
        <v>30540</v>
      </c>
    </row>
    <row r="3577" spans="1:9">
      <c r="A3577" s="1">
        <f ca="1">RAND()</f>
        <v>0.49803695407195792</v>
      </c>
      <c r="B3577" s="1"/>
      <c r="C3577">
        <v>5</v>
      </c>
      <c r="D3577" t="s">
        <v>8358</v>
      </c>
      <c r="E3577" t="s">
        <v>31918</v>
      </c>
      <c r="F3577">
        <v>4</v>
      </c>
      <c r="G3577" t="s">
        <v>0</v>
      </c>
      <c r="H3577" t="s">
        <v>8359</v>
      </c>
      <c r="I3577" t="s">
        <v>30540</v>
      </c>
    </row>
    <row r="3578" spans="1:9">
      <c r="A3578" s="1">
        <f ca="1">RAND()</f>
        <v>0.70355887455181787</v>
      </c>
      <c r="B3578" s="1"/>
      <c r="C3578">
        <v>15</v>
      </c>
      <c r="D3578" t="s">
        <v>8366</v>
      </c>
      <c r="E3578" t="s">
        <v>31918</v>
      </c>
      <c r="F3578">
        <v>4</v>
      </c>
      <c r="G3578" t="s">
        <v>9</v>
      </c>
      <c r="H3578" t="s">
        <v>8367</v>
      </c>
      <c r="I3578" t="s">
        <v>30540</v>
      </c>
    </row>
    <row r="3579" spans="1:9">
      <c r="A3579" s="1">
        <f ca="1">RAND()</f>
        <v>0.34352695443216397</v>
      </c>
      <c r="B3579" s="1"/>
      <c r="C3579">
        <v>9</v>
      </c>
      <c r="D3579" t="s">
        <v>8360</v>
      </c>
      <c r="E3579" t="s">
        <v>31918</v>
      </c>
      <c r="F3579">
        <v>4</v>
      </c>
      <c r="G3579" t="s">
        <v>2</v>
      </c>
      <c r="H3579" t="s">
        <v>8361</v>
      </c>
      <c r="I3579" t="s">
        <v>30540</v>
      </c>
    </row>
    <row r="3580" spans="1:9">
      <c r="A3580" s="1">
        <f ca="1">RAND()</f>
        <v>0.35286847999106807</v>
      </c>
      <c r="B3580" s="1"/>
      <c r="C3580">
        <v>10</v>
      </c>
      <c r="D3580" t="s">
        <v>8362</v>
      </c>
      <c r="E3580" t="s">
        <v>31918</v>
      </c>
      <c r="F3580">
        <v>4</v>
      </c>
      <c r="G3580" t="s">
        <v>0</v>
      </c>
      <c r="H3580" t="s">
        <v>8363</v>
      </c>
      <c r="I3580" t="s">
        <v>30540</v>
      </c>
    </row>
    <row r="3581" spans="1:9">
      <c r="A3581" s="1">
        <f ca="1">RAND()</f>
        <v>0.45093106040692121</v>
      </c>
      <c r="B3581" s="1"/>
      <c r="C3581">
        <v>1</v>
      </c>
      <c r="D3581" t="s">
        <v>8356</v>
      </c>
      <c r="E3581" t="s">
        <v>31919</v>
      </c>
      <c r="F3581">
        <v>4</v>
      </c>
      <c r="G3581" t="s">
        <v>0</v>
      </c>
      <c r="H3581" t="s">
        <v>8357</v>
      </c>
      <c r="I3581" t="s">
        <v>30540</v>
      </c>
    </row>
    <row r="3582" spans="1:9">
      <c r="A3582" s="1">
        <f ca="1">RAND()</f>
        <v>0.43560591308352958</v>
      </c>
      <c r="B3582" s="1"/>
      <c r="C3582">
        <v>18</v>
      </c>
      <c r="D3582" t="s">
        <v>8354</v>
      </c>
      <c r="E3582" t="s">
        <v>31920</v>
      </c>
      <c r="F3582">
        <v>5</v>
      </c>
      <c r="G3582" t="s">
        <v>0</v>
      </c>
      <c r="H3582" t="s">
        <v>8355</v>
      </c>
      <c r="I3582" t="s">
        <v>30540</v>
      </c>
    </row>
    <row r="3583" spans="1:9">
      <c r="A3583" s="1">
        <f ca="1">RAND()</f>
        <v>0.58056407849728953</v>
      </c>
      <c r="B3583" s="1"/>
      <c r="C3583">
        <v>15</v>
      </c>
      <c r="D3583" t="s">
        <v>8352</v>
      </c>
      <c r="E3583" t="s">
        <v>31920</v>
      </c>
      <c r="F3583">
        <v>5</v>
      </c>
      <c r="G3583" t="s">
        <v>0</v>
      </c>
      <c r="H3583" t="s">
        <v>8353</v>
      </c>
      <c r="I3583" t="s">
        <v>30540</v>
      </c>
    </row>
    <row r="3584" spans="1:9">
      <c r="A3584" s="1">
        <f ca="1">RAND()</f>
        <v>5.2065963354480216E-2</v>
      </c>
      <c r="B3584" s="1"/>
      <c r="C3584">
        <v>19</v>
      </c>
      <c r="D3584" t="s">
        <v>8350</v>
      </c>
      <c r="E3584" t="s">
        <v>31921</v>
      </c>
      <c r="F3584">
        <v>4</v>
      </c>
      <c r="G3584" t="s">
        <v>0</v>
      </c>
      <c r="H3584" t="s">
        <v>8351</v>
      </c>
      <c r="I3584" t="s">
        <v>30540</v>
      </c>
    </row>
    <row r="3585" spans="1:9">
      <c r="A3585" s="1">
        <f ca="1">RAND()</f>
        <v>0.98127306185483276</v>
      </c>
      <c r="B3585" s="1"/>
      <c r="C3585">
        <v>7</v>
      </c>
      <c r="D3585" t="s">
        <v>8348</v>
      </c>
      <c r="E3585" t="s">
        <v>31921</v>
      </c>
      <c r="F3585">
        <v>2</v>
      </c>
      <c r="G3585" t="s">
        <v>0</v>
      </c>
      <c r="H3585" t="s">
        <v>8349</v>
      </c>
      <c r="I3585" t="s">
        <v>30540</v>
      </c>
    </row>
    <row r="3586" spans="1:9">
      <c r="A3586" s="1">
        <f ca="1">RAND()</f>
        <v>0.10864850795172132</v>
      </c>
      <c r="B3586" s="1"/>
      <c r="C3586">
        <v>10</v>
      </c>
      <c r="D3586" t="s">
        <v>8344</v>
      </c>
      <c r="E3586" t="s">
        <v>31922</v>
      </c>
      <c r="F3586">
        <v>4</v>
      </c>
      <c r="G3586" t="s">
        <v>0</v>
      </c>
      <c r="H3586" t="s">
        <v>8345</v>
      </c>
      <c r="I3586" t="s">
        <v>30540</v>
      </c>
    </row>
    <row r="3587" spans="1:9">
      <c r="A3587" s="1">
        <f ca="1">RAND()</f>
        <v>3.3695521747358903E-2</v>
      </c>
      <c r="B3587" s="1"/>
      <c r="C3587">
        <v>12</v>
      </c>
      <c r="D3587" t="s">
        <v>8346</v>
      </c>
      <c r="E3587" t="s">
        <v>31922</v>
      </c>
      <c r="F3587">
        <v>2</v>
      </c>
      <c r="G3587" t="s">
        <v>774</v>
      </c>
      <c r="H3587" t="s">
        <v>8347</v>
      </c>
      <c r="I3587" t="s">
        <v>30540</v>
      </c>
    </row>
    <row r="3588" spans="1:9">
      <c r="A3588" s="1">
        <f ca="1">RAND()</f>
        <v>0.80344575164757981</v>
      </c>
      <c r="B3588" s="1"/>
      <c r="C3588">
        <v>9</v>
      </c>
      <c r="D3588" t="s">
        <v>8342</v>
      </c>
      <c r="E3588" t="s">
        <v>31922</v>
      </c>
      <c r="F3588">
        <v>2</v>
      </c>
      <c r="G3588" t="s">
        <v>765</v>
      </c>
      <c r="H3588" t="s">
        <v>8343</v>
      </c>
      <c r="I3588" t="s">
        <v>30540</v>
      </c>
    </row>
    <row r="3589" spans="1:9">
      <c r="A3589" s="1">
        <f ca="1">RAND()</f>
        <v>0.51054948194524474</v>
      </c>
      <c r="B3589" s="1"/>
      <c r="C3589">
        <v>5</v>
      </c>
      <c r="D3589" t="s">
        <v>8338</v>
      </c>
      <c r="E3589" t="s">
        <v>31923</v>
      </c>
      <c r="F3589">
        <v>5</v>
      </c>
      <c r="G3589" t="s">
        <v>1</v>
      </c>
      <c r="H3589" t="s">
        <v>8339</v>
      </c>
      <c r="I3589" t="s">
        <v>30540</v>
      </c>
    </row>
    <row r="3590" spans="1:9">
      <c r="A3590" s="1">
        <f ca="1">RAND()</f>
        <v>5.0256612325897176E-2</v>
      </c>
      <c r="B3590" s="1"/>
      <c r="C3590">
        <v>18</v>
      </c>
      <c r="D3590" t="s">
        <v>8340</v>
      </c>
      <c r="E3590" t="s">
        <v>31923</v>
      </c>
      <c r="F3590">
        <v>4</v>
      </c>
      <c r="G3590" t="s">
        <v>9</v>
      </c>
      <c r="H3590" t="s">
        <v>8341</v>
      </c>
      <c r="I3590" t="s">
        <v>30540</v>
      </c>
    </row>
    <row r="3591" spans="1:9">
      <c r="A3591" s="1">
        <f ca="1">RAND()</f>
        <v>0.33731190500972608</v>
      </c>
      <c r="B3591" s="1"/>
      <c r="C3591">
        <v>1</v>
      </c>
      <c r="D3591" t="s">
        <v>8336</v>
      </c>
      <c r="E3591" t="s">
        <v>31923</v>
      </c>
      <c r="F3591">
        <v>3</v>
      </c>
      <c r="G3591" t="s">
        <v>15</v>
      </c>
      <c r="H3591" t="s">
        <v>8337</v>
      </c>
      <c r="I3591" t="s">
        <v>30540</v>
      </c>
    </row>
    <row r="3592" spans="1:9">
      <c r="A3592" s="1">
        <f ca="1">RAND()</f>
        <v>0.33258615528395041</v>
      </c>
      <c r="B3592" s="1"/>
      <c r="C3592">
        <v>6</v>
      </c>
      <c r="D3592" t="s">
        <v>8332</v>
      </c>
      <c r="E3592" t="s">
        <v>31924</v>
      </c>
      <c r="F3592">
        <v>4</v>
      </c>
      <c r="G3592" t="s">
        <v>14</v>
      </c>
      <c r="H3592" t="s">
        <v>8333</v>
      </c>
      <c r="I3592" t="s">
        <v>30540</v>
      </c>
    </row>
    <row r="3593" spans="1:9">
      <c r="A3593" s="1">
        <f ca="1">RAND()</f>
        <v>6.7670996247939152E-2</v>
      </c>
      <c r="B3593" s="1"/>
      <c r="C3593">
        <v>4</v>
      </c>
      <c r="D3593" t="s">
        <v>8330</v>
      </c>
      <c r="E3593" t="s">
        <v>31924</v>
      </c>
      <c r="F3593">
        <v>4</v>
      </c>
      <c r="G3593" t="s">
        <v>765</v>
      </c>
      <c r="H3593" t="s">
        <v>8331</v>
      </c>
      <c r="I3593" t="s">
        <v>30540</v>
      </c>
    </row>
    <row r="3594" spans="1:9">
      <c r="A3594" s="1">
        <f ca="1">RAND()</f>
        <v>0.82919507584655849</v>
      </c>
      <c r="B3594" s="1"/>
      <c r="C3594">
        <v>18</v>
      </c>
      <c r="D3594" t="s">
        <v>8334</v>
      </c>
      <c r="E3594" t="s">
        <v>31924</v>
      </c>
      <c r="F3594">
        <v>4</v>
      </c>
      <c r="G3594" t="s">
        <v>15</v>
      </c>
      <c r="H3594" t="s">
        <v>8335</v>
      </c>
      <c r="I3594" t="s">
        <v>30540</v>
      </c>
    </row>
    <row r="3595" spans="1:9">
      <c r="A3595" s="1">
        <f ca="1">RAND()</f>
        <v>0.19816710392656323</v>
      </c>
      <c r="B3595" s="1"/>
      <c r="C3595">
        <v>3</v>
      </c>
      <c r="D3595" t="s">
        <v>8328</v>
      </c>
      <c r="E3595" t="s">
        <v>31924</v>
      </c>
      <c r="F3595">
        <v>3</v>
      </c>
      <c r="G3595" t="s">
        <v>0</v>
      </c>
      <c r="H3595" t="s">
        <v>8329</v>
      </c>
      <c r="I3595" t="s">
        <v>30540</v>
      </c>
    </row>
    <row r="3596" spans="1:9">
      <c r="A3596" s="1">
        <f ca="1">RAND()</f>
        <v>0.52247208589884808</v>
      </c>
      <c r="B3596" s="1"/>
      <c r="C3596">
        <v>1</v>
      </c>
      <c r="D3596" t="s">
        <v>8322</v>
      </c>
      <c r="E3596" t="s">
        <v>31925</v>
      </c>
      <c r="F3596">
        <v>4</v>
      </c>
      <c r="G3596" t="s">
        <v>0</v>
      </c>
      <c r="H3596" t="s">
        <v>8323</v>
      </c>
      <c r="I3596" t="s">
        <v>30540</v>
      </c>
    </row>
    <row r="3597" spans="1:9">
      <c r="A3597" s="1">
        <f ca="1">RAND()</f>
        <v>0.75539893431929916</v>
      </c>
      <c r="B3597" s="1"/>
      <c r="C3597">
        <v>7</v>
      </c>
      <c r="D3597" t="s">
        <v>8326</v>
      </c>
      <c r="E3597" t="s">
        <v>31925</v>
      </c>
      <c r="F3597">
        <v>4</v>
      </c>
      <c r="G3597" t="s">
        <v>14</v>
      </c>
      <c r="H3597" t="s">
        <v>8327</v>
      </c>
      <c r="I3597" t="s">
        <v>30540</v>
      </c>
    </row>
    <row r="3598" spans="1:9">
      <c r="A3598" s="1">
        <f ca="1">RAND()</f>
        <v>0.29865612212184767</v>
      </c>
      <c r="B3598" s="1"/>
      <c r="C3598">
        <v>6</v>
      </c>
      <c r="D3598" t="s">
        <v>8324</v>
      </c>
      <c r="E3598" t="s">
        <v>31925</v>
      </c>
      <c r="F3598">
        <v>2</v>
      </c>
      <c r="G3598" t="s">
        <v>0</v>
      </c>
      <c r="H3598" t="s">
        <v>8325</v>
      </c>
      <c r="I3598" t="s">
        <v>30540</v>
      </c>
    </row>
    <row r="3599" spans="1:9">
      <c r="A3599" s="1">
        <f ca="1">RAND()</f>
        <v>0.45571096105502362</v>
      </c>
      <c r="B3599" s="1"/>
      <c r="C3599">
        <v>4</v>
      </c>
      <c r="D3599" t="s">
        <v>8318</v>
      </c>
      <c r="E3599" t="s">
        <v>31926</v>
      </c>
      <c r="F3599">
        <v>4</v>
      </c>
      <c r="G3599" t="s">
        <v>770</v>
      </c>
      <c r="H3599" t="s">
        <v>8319</v>
      </c>
      <c r="I3599" t="s">
        <v>30540</v>
      </c>
    </row>
    <row r="3600" spans="1:9">
      <c r="A3600" s="1">
        <f ca="1">RAND()</f>
        <v>0.91016453922231988</v>
      </c>
      <c r="B3600" s="1"/>
      <c r="C3600">
        <v>3</v>
      </c>
      <c r="D3600" t="s">
        <v>8316</v>
      </c>
      <c r="E3600" t="s">
        <v>31926</v>
      </c>
      <c r="F3600">
        <v>4</v>
      </c>
      <c r="G3600" t="s">
        <v>770</v>
      </c>
      <c r="H3600" t="s">
        <v>8317</v>
      </c>
      <c r="I3600" t="s">
        <v>30540</v>
      </c>
    </row>
    <row r="3601" spans="1:9">
      <c r="A3601" s="1">
        <f ca="1">RAND()</f>
        <v>0.19197361338253216</v>
      </c>
      <c r="B3601" s="1"/>
      <c r="C3601">
        <v>20</v>
      </c>
      <c r="D3601" t="s">
        <v>8320</v>
      </c>
      <c r="E3601" t="s">
        <v>31926</v>
      </c>
      <c r="F3601">
        <v>3</v>
      </c>
      <c r="G3601" t="s">
        <v>10</v>
      </c>
      <c r="H3601" t="s">
        <v>8321</v>
      </c>
      <c r="I3601" t="s">
        <v>30540</v>
      </c>
    </row>
    <row r="3602" spans="1:9">
      <c r="A3602" s="1">
        <f ca="1">RAND()</f>
        <v>0.55514818960666001</v>
      </c>
      <c r="B3602" s="1"/>
      <c r="C3602">
        <v>12</v>
      </c>
      <c r="D3602" t="s">
        <v>8314</v>
      </c>
      <c r="E3602" t="s">
        <v>31927</v>
      </c>
      <c r="F3602">
        <v>5</v>
      </c>
      <c r="G3602" t="s">
        <v>0</v>
      </c>
      <c r="H3602" t="s">
        <v>8315</v>
      </c>
      <c r="I3602" t="s">
        <v>30540</v>
      </c>
    </row>
    <row r="3603" spans="1:9">
      <c r="A3603" s="1">
        <f ca="1">RAND()</f>
        <v>0.91307828257154366</v>
      </c>
      <c r="B3603" s="1"/>
      <c r="C3603">
        <v>5</v>
      </c>
      <c r="D3603" t="s">
        <v>8310</v>
      </c>
      <c r="E3603" t="s">
        <v>31927</v>
      </c>
      <c r="F3603">
        <v>4</v>
      </c>
      <c r="G3603" t="s">
        <v>2</v>
      </c>
      <c r="H3603" t="s">
        <v>8311</v>
      </c>
      <c r="I3603" t="s">
        <v>30540</v>
      </c>
    </row>
    <row r="3604" spans="1:9">
      <c r="A3604" s="1">
        <f ca="1">RAND()</f>
        <v>7.7678381271368391E-2</v>
      </c>
      <c r="B3604" s="1"/>
      <c r="C3604">
        <v>4</v>
      </c>
      <c r="D3604" t="s">
        <v>8308</v>
      </c>
      <c r="E3604" t="s">
        <v>31927</v>
      </c>
      <c r="F3604">
        <v>4</v>
      </c>
      <c r="G3604" t="s">
        <v>0</v>
      </c>
      <c r="H3604" t="s">
        <v>8309</v>
      </c>
      <c r="I3604" t="s">
        <v>30540</v>
      </c>
    </row>
    <row r="3605" spans="1:9">
      <c r="A3605" s="1">
        <f ca="1">RAND()</f>
        <v>0.75923410301487992</v>
      </c>
      <c r="B3605" s="1"/>
      <c r="C3605">
        <v>7</v>
      </c>
      <c r="D3605" t="s">
        <v>8312</v>
      </c>
      <c r="E3605" t="s">
        <v>31927</v>
      </c>
      <c r="F3605">
        <v>4</v>
      </c>
      <c r="G3605" t="s">
        <v>0</v>
      </c>
      <c r="H3605" t="s">
        <v>8313</v>
      </c>
      <c r="I3605" t="s">
        <v>30540</v>
      </c>
    </row>
    <row r="3606" spans="1:9">
      <c r="A3606" s="1">
        <f ca="1">RAND()</f>
        <v>0.75593557682300361</v>
      </c>
      <c r="B3606" s="1"/>
      <c r="C3606">
        <v>1</v>
      </c>
      <c r="D3606" t="s">
        <v>8306</v>
      </c>
      <c r="E3606" t="s">
        <v>31927</v>
      </c>
      <c r="F3606">
        <v>4</v>
      </c>
      <c r="G3606" t="s">
        <v>9</v>
      </c>
      <c r="H3606" t="s">
        <v>8307</v>
      </c>
      <c r="I3606" t="s">
        <v>30540</v>
      </c>
    </row>
    <row r="3607" spans="1:9">
      <c r="A3607" s="1">
        <f ca="1">RAND()</f>
        <v>0.89360527681308033</v>
      </c>
      <c r="B3607" s="1"/>
      <c r="C3607">
        <v>18</v>
      </c>
      <c r="D3607" t="s">
        <v>8302</v>
      </c>
      <c r="E3607" t="s">
        <v>31928</v>
      </c>
      <c r="F3607">
        <v>4</v>
      </c>
      <c r="G3607" t="s">
        <v>0</v>
      </c>
      <c r="H3607" t="s">
        <v>8303</v>
      </c>
      <c r="I3607" t="s">
        <v>30540</v>
      </c>
    </row>
    <row r="3608" spans="1:9">
      <c r="A3608" s="1">
        <f ca="1">RAND()</f>
        <v>0.53175436268978449</v>
      </c>
      <c r="B3608" s="1"/>
      <c r="C3608">
        <v>15</v>
      </c>
      <c r="D3608" t="s">
        <v>8298</v>
      </c>
      <c r="E3608" t="s">
        <v>31928</v>
      </c>
      <c r="F3608">
        <v>4</v>
      </c>
      <c r="G3608" t="s">
        <v>15</v>
      </c>
      <c r="H3608" t="s">
        <v>8299</v>
      </c>
      <c r="I3608" t="s">
        <v>30540</v>
      </c>
    </row>
    <row r="3609" spans="1:9">
      <c r="A3609" s="1">
        <f ca="1">RAND()</f>
        <v>0.2489433124800603</v>
      </c>
      <c r="B3609" s="1"/>
      <c r="C3609">
        <v>17</v>
      </c>
      <c r="D3609" t="s">
        <v>8300</v>
      </c>
      <c r="E3609" t="s">
        <v>31928</v>
      </c>
      <c r="F3609">
        <v>4</v>
      </c>
      <c r="G3609" t="s">
        <v>15</v>
      </c>
      <c r="H3609" t="s">
        <v>8301</v>
      </c>
      <c r="I3609" t="s">
        <v>30540</v>
      </c>
    </row>
    <row r="3610" spans="1:9">
      <c r="A3610" s="1">
        <f ca="1">RAND()</f>
        <v>0.82441740618454418</v>
      </c>
      <c r="B3610" s="1"/>
      <c r="C3610">
        <v>20</v>
      </c>
      <c r="D3610" t="s">
        <v>8304</v>
      </c>
      <c r="E3610" t="s">
        <v>31928</v>
      </c>
      <c r="F3610">
        <v>4</v>
      </c>
      <c r="G3610" t="s">
        <v>0</v>
      </c>
      <c r="H3610" t="s">
        <v>8305</v>
      </c>
      <c r="I3610" t="s">
        <v>30540</v>
      </c>
    </row>
    <row r="3611" spans="1:9">
      <c r="A3611" s="1">
        <f ca="1">RAND()</f>
        <v>0.47000291479869494</v>
      </c>
      <c r="B3611" s="1"/>
      <c r="C3611">
        <v>3</v>
      </c>
      <c r="D3611" t="s">
        <v>8296</v>
      </c>
      <c r="E3611" t="s">
        <v>31928</v>
      </c>
      <c r="F3611">
        <v>4</v>
      </c>
      <c r="G3611" t="s">
        <v>765</v>
      </c>
      <c r="H3611" t="s">
        <v>8297</v>
      </c>
      <c r="I3611" t="s">
        <v>30540</v>
      </c>
    </row>
    <row r="3612" spans="1:9">
      <c r="A3612" s="1">
        <f ca="1">RAND()</f>
        <v>0.56540929994412104</v>
      </c>
      <c r="B3612" s="1"/>
      <c r="C3612">
        <v>16</v>
      </c>
      <c r="D3612" t="s">
        <v>8292</v>
      </c>
      <c r="E3612" t="s">
        <v>31929</v>
      </c>
      <c r="F3612">
        <v>5</v>
      </c>
      <c r="G3612" t="s">
        <v>15</v>
      </c>
      <c r="H3612" t="s">
        <v>8293</v>
      </c>
      <c r="I3612" t="s">
        <v>30540</v>
      </c>
    </row>
    <row r="3613" spans="1:9">
      <c r="A3613" s="1">
        <f ca="1">RAND()</f>
        <v>0.89948422532496997</v>
      </c>
      <c r="B3613" s="1"/>
      <c r="C3613">
        <v>18</v>
      </c>
      <c r="D3613" t="s">
        <v>8294</v>
      </c>
      <c r="E3613" t="s">
        <v>31929</v>
      </c>
      <c r="F3613">
        <v>4</v>
      </c>
      <c r="G3613" t="s">
        <v>0</v>
      </c>
      <c r="H3613" t="s">
        <v>8295</v>
      </c>
      <c r="I3613" t="s">
        <v>30540</v>
      </c>
    </row>
    <row r="3614" spans="1:9">
      <c r="A3614" s="1">
        <f ca="1">RAND()</f>
        <v>0.12301808238192657</v>
      </c>
      <c r="B3614" s="1"/>
      <c r="C3614">
        <v>11</v>
      </c>
      <c r="D3614" t="s">
        <v>8288</v>
      </c>
      <c r="E3614" t="s">
        <v>31929</v>
      </c>
      <c r="F3614">
        <v>4</v>
      </c>
      <c r="G3614" t="s">
        <v>2</v>
      </c>
      <c r="H3614" t="s">
        <v>8289</v>
      </c>
      <c r="I3614" t="s">
        <v>30540</v>
      </c>
    </row>
    <row r="3615" spans="1:9">
      <c r="A3615" s="1">
        <f ca="1">RAND()</f>
        <v>0.13727302270115616</v>
      </c>
      <c r="B3615" s="1"/>
      <c r="C3615">
        <v>9</v>
      </c>
      <c r="D3615" t="s">
        <v>8286</v>
      </c>
      <c r="E3615" t="s">
        <v>31929</v>
      </c>
      <c r="F3615">
        <v>4</v>
      </c>
      <c r="G3615" t="s">
        <v>0</v>
      </c>
      <c r="H3615" t="s">
        <v>8287</v>
      </c>
      <c r="I3615" t="s">
        <v>30540</v>
      </c>
    </row>
    <row r="3616" spans="1:9">
      <c r="A3616" s="1">
        <f ca="1">RAND()</f>
        <v>0.22290099312462264</v>
      </c>
      <c r="B3616" s="1"/>
      <c r="C3616">
        <v>13</v>
      </c>
      <c r="D3616" t="s">
        <v>8290</v>
      </c>
      <c r="E3616" t="s">
        <v>31929</v>
      </c>
      <c r="F3616">
        <v>2</v>
      </c>
      <c r="G3616" t="s">
        <v>0</v>
      </c>
      <c r="H3616" t="s">
        <v>8291</v>
      </c>
      <c r="I3616" t="s">
        <v>30540</v>
      </c>
    </row>
    <row r="3617" spans="1:9">
      <c r="A3617" s="1">
        <f ca="1">RAND()</f>
        <v>0.40923778914332853</v>
      </c>
      <c r="B3617" s="1"/>
      <c r="C3617">
        <v>7</v>
      </c>
      <c r="D3617" t="s">
        <v>8284</v>
      </c>
      <c r="E3617" t="s">
        <v>31929</v>
      </c>
      <c r="F3617">
        <v>2</v>
      </c>
      <c r="G3617" t="s">
        <v>0</v>
      </c>
      <c r="H3617" t="s">
        <v>8285</v>
      </c>
      <c r="I3617" t="s">
        <v>30540</v>
      </c>
    </row>
    <row r="3618" spans="1:9">
      <c r="A3618" s="1">
        <f ca="1">RAND()</f>
        <v>0.85497778519834355</v>
      </c>
      <c r="B3618" s="1"/>
      <c r="C3618">
        <v>20</v>
      </c>
      <c r="D3618" t="s">
        <v>8282</v>
      </c>
      <c r="E3618" t="s">
        <v>31930</v>
      </c>
      <c r="F3618">
        <v>4</v>
      </c>
      <c r="G3618" t="s">
        <v>0</v>
      </c>
      <c r="H3618" t="s">
        <v>8283</v>
      </c>
      <c r="I3618" t="s">
        <v>30540</v>
      </c>
    </row>
    <row r="3619" spans="1:9">
      <c r="A3619" s="1">
        <f ca="1">RAND()</f>
        <v>0.69997993273042503</v>
      </c>
      <c r="B3619" s="1"/>
      <c r="C3619">
        <v>5</v>
      </c>
      <c r="D3619" t="s">
        <v>8276</v>
      </c>
      <c r="E3619" t="s">
        <v>31930</v>
      </c>
      <c r="F3619">
        <v>4</v>
      </c>
      <c r="G3619" t="s">
        <v>769</v>
      </c>
      <c r="H3619" t="s">
        <v>8277</v>
      </c>
      <c r="I3619" t="s">
        <v>30540</v>
      </c>
    </row>
    <row r="3620" spans="1:9">
      <c r="A3620" s="1">
        <f ca="1">RAND()</f>
        <v>0.31207485790530765</v>
      </c>
      <c r="B3620" s="1"/>
      <c r="C3620">
        <v>7</v>
      </c>
      <c r="D3620" t="s">
        <v>8278</v>
      </c>
      <c r="E3620" t="s">
        <v>31930</v>
      </c>
      <c r="F3620">
        <v>4</v>
      </c>
      <c r="G3620" t="s">
        <v>2</v>
      </c>
      <c r="H3620" t="s">
        <v>8279</v>
      </c>
      <c r="I3620" t="s">
        <v>30540</v>
      </c>
    </row>
    <row r="3621" spans="1:9">
      <c r="A3621" s="1">
        <f ca="1">RAND()</f>
        <v>0.90637685313240735</v>
      </c>
      <c r="B3621" s="1"/>
      <c r="C3621">
        <v>19</v>
      </c>
      <c r="D3621" t="s">
        <v>8280</v>
      </c>
      <c r="E3621" t="s">
        <v>31930</v>
      </c>
      <c r="F3621">
        <v>3</v>
      </c>
      <c r="G3621" t="s">
        <v>0</v>
      </c>
      <c r="H3621" t="s">
        <v>8281</v>
      </c>
      <c r="I3621" t="s">
        <v>30540</v>
      </c>
    </row>
    <row r="3622" spans="1:9">
      <c r="A3622" s="1">
        <f ca="1">RAND()</f>
        <v>0.69116823076927025</v>
      </c>
      <c r="B3622" s="1"/>
      <c r="C3622">
        <v>3</v>
      </c>
      <c r="D3622" t="s">
        <v>8272</v>
      </c>
      <c r="E3622" t="s">
        <v>31931</v>
      </c>
      <c r="F3622">
        <v>4</v>
      </c>
      <c r="G3622" t="s">
        <v>770</v>
      </c>
      <c r="H3622" t="s">
        <v>8273</v>
      </c>
      <c r="I3622" t="s">
        <v>30540</v>
      </c>
    </row>
    <row r="3623" spans="1:9">
      <c r="A3623" s="1">
        <f ca="1">RAND()</f>
        <v>0.84452662167317083</v>
      </c>
      <c r="B3623" s="1"/>
      <c r="C3623">
        <v>14</v>
      </c>
      <c r="D3623" t="s">
        <v>8274</v>
      </c>
      <c r="E3623" t="s">
        <v>31931</v>
      </c>
      <c r="F3623">
        <v>3</v>
      </c>
      <c r="G3623" t="s">
        <v>769</v>
      </c>
      <c r="H3623" t="s">
        <v>8275</v>
      </c>
      <c r="I3623" t="s">
        <v>30540</v>
      </c>
    </row>
    <row r="3624" spans="1:9">
      <c r="A3624" s="1">
        <f ca="1">RAND()</f>
        <v>0.52929252285425776</v>
      </c>
      <c r="B3624" s="1"/>
      <c r="C3624">
        <v>3</v>
      </c>
      <c r="D3624" t="s">
        <v>8260</v>
      </c>
      <c r="E3624" t="s">
        <v>31932</v>
      </c>
      <c r="F3624">
        <v>5</v>
      </c>
      <c r="G3624" t="s">
        <v>2</v>
      </c>
      <c r="H3624" t="s">
        <v>8261</v>
      </c>
      <c r="I3624" t="s">
        <v>30540</v>
      </c>
    </row>
    <row r="3625" spans="1:9">
      <c r="A3625" s="1">
        <f ca="1">RAND()</f>
        <v>0.85043726983656343</v>
      </c>
      <c r="B3625" s="1"/>
      <c r="C3625">
        <v>10</v>
      </c>
      <c r="D3625" t="s">
        <v>8264</v>
      </c>
      <c r="E3625" t="s">
        <v>31932</v>
      </c>
      <c r="F3625">
        <v>4</v>
      </c>
      <c r="G3625" t="s">
        <v>13</v>
      </c>
      <c r="H3625" t="s">
        <v>8265</v>
      </c>
      <c r="I3625" t="s">
        <v>30540</v>
      </c>
    </row>
    <row r="3626" spans="1:9">
      <c r="A3626" s="1">
        <f ca="1">RAND()</f>
        <v>0.52556588404978954</v>
      </c>
      <c r="B3626" s="1"/>
      <c r="C3626">
        <v>1</v>
      </c>
      <c r="D3626" t="s">
        <v>8258</v>
      </c>
      <c r="E3626" t="s">
        <v>31932</v>
      </c>
      <c r="F3626">
        <v>4</v>
      </c>
      <c r="G3626" t="s">
        <v>0</v>
      </c>
      <c r="H3626" t="s">
        <v>8259</v>
      </c>
      <c r="I3626" t="s">
        <v>30540</v>
      </c>
    </row>
    <row r="3627" spans="1:9">
      <c r="A3627" s="1">
        <f ca="1">RAND()</f>
        <v>0.63761500942822269</v>
      </c>
      <c r="B3627" s="1"/>
      <c r="C3627">
        <v>17</v>
      </c>
      <c r="D3627" t="s">
        <v>8268</v>
      </c>
      <c r="E3627" t="s">
        <v>31932</v>
      </c>
      <c r="F3627">
        <v>4</v>
      </c>
      <c r="G3627" t="s">
        <v>0</v>
      </c>
      <c r="H3627" t="s">
        <v>8269</v>
      </c>
      <c r="I3627" t="s">
        <v>30540</v>
      </c>
    </row>
    <row r="3628" spans="1:9">
      <c r="A3628" s="1">
        <f ca="1">RAND()</f>
        <v>0.43019379927684076</v>
      </c>
      <c r="B3628" s="1"/>
      <c r="C3628">
        <v>13</v>
      </c>
      <c r="D3628" t="s">
        <v>8266</v>
      </c>
      <c r="E3628" t="s">
        <v>31932</v>
      </c>
      <c r="F3628">
        <v>4</v>
      </c>
      <c r="G3628" t="s">
        <v>0</v>
      </c>
      <c r="H3628" t="s">
        <v>8267</v>
      </c>
      <c r="I3628" t="s">
        <v>30540</v>
      </c>
    </row>
    <row r="3629" spans="1:9">
      <c r="A3629" s="1">
        <f ca="1">RAND()</f>
        <v>0.84402001947950867</v>
      </c>
      <c r="B3629" s="1"/>
      <c r="C3629">
        <v>18</v>
      </c>
      <c r="D3629" t="s">
        <v>8270</v>
      </c>
      <c r="E3629" t="s">
        <v>31932</v>
      </c>
      <c r="F3629">
        <v>4</v>
      </c>
      <c r="G3629" t="s">
        <v>0</v>
      </c>
      <c r="H3629" t="s">
        <v>8271</v>
      </c>
      <c r="I3629" t="s">
        <v>30540</v>
      </c>
    </row>
    <row r="3630" spans="1:9">
      <c r="A3630" s="1">
        <f ca="1">RAND()</f>
        <v>0.16963060819816211</v>
      </c>
      <c r="B3630" s="1"/>
      <c r="C3630">
        <v>6</v>
      </c>
      <c r="D3630" t="s">
        <v>8262</v>
      </c>
      <c r="E3630" t="s">
        <v>31932</v>
      </c>
      <c r="F3630">
        <v>4</v>
      </c>
      <c r="G3630" t="s">
        <v>1</v>
      </c>
      <c r="H3630" t="s">
        <v>8263</v>
      </c>
      <c r="I3630" t="s">
        <v>30540</v>
      </c>
    </row>
    <row r="3631" spans="1:9">
      <c r="A3631" s="1">
        <f ca="1">RAND()</f>
        <v>0.14160548716773713</v>
      </c>
      <c r="B3631" s="1"/>
      <c r="C3631">
        <v>6</v>
      </c>
      <c r="D3631" t="s">
        <v>8246</v>
      </c>
      <c r="E3631" t="s">
        <v>31933</v>
      </c>
      <c r="F3631">
        <v>5</v>
      </c>
      <c r="G3631" t="s">
        <v>762</v>
      </c>
      <c r="H3631" t="s">
        <v>8247</v>
      </c>
      <c r="I3631" t="s">
        <v>30540</v>
      </c>
    </row>
    <row r="3632" spans="1:9">
      <c r="A3632" s="1">
        <f ca="1">RAND()</f>
        <v>0.57024881963643115</v>
      </c>
      <c r="B3632" s="1"/>
      <c r="C3632">
        <v>18</v>
      </c>
      <c r="D3632" t="s">
        <v>8252</v>
      </c>
      <c r="E3632" t="s">
        <v>31933</v>
      </c>
      <c r="F3632">
        <v>5</v>
      </c>
      <c r="G3632" t="s">
        <v>0</v>
      </c>
      <c r="H3632" t="s">
        <v>8253</v>
      </c>
      <c r="I3632" t="s">
        <v>30540</v>
      </c>
    </row>
    <row r="3633" spans="1:9">
      <c r="A3633" s="1">
        <f ca="1">RAND()</f>
        <v>0.22115532807050142</v>
      </c>
      <c r="B3633" s="1"/>
      <c r="C3633">
        <v>20</v>
      </c>
      <c r="D3633" t="s">
        <v>8256</v>
      </c>
      <c r="E3633" t="s">
        <v>31933</v>
      </c>
      <c r="F3633">
        <v>4</v>
      </c>
      <c r="G3633" t="s">
        <v>0</v>
      </c>
      <c r="H3633" t="s">
        <v>8257</v>
      </c>
      <c r="I3633" t="s">
        <v>30540</v>
      </c>
    </row>
    <row r="3634" spans="1:9">
      <c r="A3634" s="1">
        <f ca="1">RAND()</f>
        <v>0.33670155421969861</v>
      </c>
      <c r="B3634" s="1"/>
      <c r="C3634">
        <v>19</v>
      </c>
      <c r="D3634" t="s">
        <v>8254</v>
      </c>
      <c r="E3634" t="s">
        <v>31933</v>
      </c>
      <c r="F3634">
        <v>3</v>
      </c>
      <c r="G3634" t="s">
        <v>0</v>
      </c>
      <c r="H3634" t="s">
        <v>8255</v>
      </c>
      <c r="I3634" t="s">
        <v>30540</v>
      </c>
    </row>
    <row r="3635" spans="1:9">
      <c r="A3635" s="1">
        <f ca="1">RAND()</f>
        <v>0.20395197128328335</v>
      </c>
      <c r="B3635" s="1"/>
      <c r="C3635">
        <v>9</v>
      </c>
      <c r="D3635" t="s">
        <v>8248</v>
      </c>
      <c r="E3635" t="s">
        <v>31933</v>
      </c>
      <c r="F3635">
        <v>3</v>
      </c>
      <c r="G3635" t="s">
        <v>1295</v>
      </c>
      <c r="H3635" t="s">
        <v>8249</v>
      </c>
      <c r="I3635" t="s">
        <v>30540</v>
      </c>
    </row>
    <row r="3636" spans="1:9">
      <c r="A3636" s="1">
        <f ca="1">RAND()</f>
        <v>0.6497928342820527</v>
      </c>
      <c r="B3636" s="1"/>
      <c r="C3636">
        <v>11</v>
      </c>
      <c r="D3636" t="s">
        <v>8250</v>
      </c>
      <c r="E3636" t="s">
        <v>31933</v>
      </c>
      <c r="F3636">
        <v>2</v>
      </c>
      <c r="G3636" t="s">
        <v>9</v>
      </c>
      <c r="H3636" t="s">
        <v>8251</v>
      </c>
      <c r="I3636" t="s">
        <v>30540</v>
      </c>
    </row>
    <row r="3637" spans="1:9">
      <c r="A3637" s="1">
        <f ca="1">RAND()</f>
        <v>5.214765478370087E-2</v>
      </c>
      <c r="B3637" s="1"/>
      <c r="C3637">
        <v>11</v>
      </c>
      <c r="D3637" t="s">
        <v>8240</v>
      </c>
      <c r="E3637" t="s">
        <v>31934</v>
      </c>
      <c r="F3637">
        <v>4</v>
      </c>
      <c r="G3637" t="s">
        <v>0</v>
      </c>
      <c r="H3637" t="s">
        <v>8241</v>
      </c>
      <c r="I3637" t="s">
        <v>30540</v>
      </c>
    </row>
    <row r="3638" spans="1:9">
      <c r="A3638" s="1">
        <f ca="1">RAND()</f>
        <v>0.72873466248846197</v>
      </c>
      <c r="B3638" s="1"/>
      <c r="C3638">
        <v>8</v>
      </c>
      <c r="D3638" t="s">
        <v>8236</v>
      </c>
      <c r="E3638" t="s">
        <v>31934</v>
      </c>
      <c r="F3638">
        <v>4</v>
      </c>
      <c r="G3638" t="s">
        <v>0</v>
      </c>
      <c r="H3638" t="s">
        <v>8237</v>
      </c>
      <c r="I3638" t="s">
        <v>30540</v>
      </c>
    </row>
    <row r="3639" spans="1:9">
      <c r="A3639" s="1">
        <f ca="1">RAND()</f>
        <v>0.98533841114455778</v>
      </c>
      <c r="B3639" s="1"/>
      <c r="C3639">
        <v>6</v>
      </c>
      <c r="D3639" t="s">
        <v>8234</v>
      </c>
      <c r="E3639" t="s">
        <v>31934</v>
      </c>
      <c r="F3639">
        <v>4</v>
      </c>
      <c r="G3639" t="s">
        <v>0</v>
      </c>
      <c r="H3639" t="s">
        <v>8235</v>
      </c>
      <c r="I3639" t="s">
        <v>30540</v>
      </c>
    </row>
    <row r="3640" spans="1:9">
      <c r="A3640" s="1">
        <f ca="1">RAND()</f>
        <v>0.65826813361723857</v>
      </c>
      <c r="B3640" s="1"/>
      <c r="C3640">
        <v>18</v>
      </c>
      <c r="D3640" t="s">
        <v>8244</v>
      </c>
      <c r="E3640" t="s">
        <v>31934</v>
      </c>
      <c r="F3640">
        <v>4</v>
      </c>
      <c r="G3640" t="s">
        <v>10</v>
      </c>
      <c r="H3640" t="s">
        <v>8245</v>
      </c>
      <c r="I3640" t="s">
        <v>30540</v>
      </c>
    </row>
    <row r="3641" spans="1:9">
      <c r="A3641" s="1">
        <f ca="1">RAND()</f>
        <v>0.4039823609917097</v>
      </c>
      <c r="B3641" s="1"/>
      <c r="C3641">
        <v>12</v>
      </c>
      <c r="D3641" t="s">
        <v>8242</v>
      </c>
      <c r="E3641" t="s">
        <v>31934</v>
      </c>
      <c r="F3641">
        <v>2</v>
      </c>
      <c r="G3641" t="s">
        <v>0</v>
      </c>
      <c r="H3641" t="s">
        <v>8243</v>
      </c>
      <c r="I3641" t="s">
        <v>30540</v>
      </c>
    </row>
    <row r="3642" spans="1:9">
      <c r="A3642" s="1">
        <f ca="1">RAND()</f>
        <v>0.10480306431103026</v>
      </c>
      <c r="B3642" s="1"/>
      <c r="C3642">
        <v>10</v>
      </c>
      <c r="D3642" t="s">
        <v>8238</v>
      </c>
      <c r="E3642" t="s">
        <v>31934</v>
      </c>
      <c r="F3642">
        <v>1</v>
      </c>
      <c r="G3642" t="s">
        <v>15</v>
      </c>
      <c r="H3642" t="s">
        <v>8239</v>
      </c>
      <c r="I3642" t="s">
        <v>30540</v>
      </c>
    </row>
    <row r="3643" spans="1:9">
      <c r="A3643" s="1">
        <f ca="1">RAND()</f>
        <v>0.67775671336494192</v>
      </c>
      <c r="B3643" s="1"/>
      <c r="C3643">
        <v>17</v>
      </c>
      <c r="D3643" t="s">
        <v>8230</v>
      </c>
      <c r="E3643" t="s">
        <v>31935</v>
      </c>
      <c r="F3643">
        <v>4</v>
      </c>
      <c r="G3643" t="s">
        <v>0</v>
      </c>
      <c r="H3643" t="s">
        <v>8231</v>
      </c>
      <c r="I3643" t="s">
        <v>30540</v>
      </c>
    </row>
    <row r="3644" spans="1:9">
      <c r="A3644" s="1">
        <f ca="1">RAND()</f>
        <v>0.25865111011952591</v>
      </c>
      <c r="B3644" s="1"/>
      <c r="C3644">
        <v>9</v>
      </c>
      <c r="D3644" t="s">
        <v>8222</v>
      </c>
      <c r="E3644" t="s">
        <v>31935</v>
      </c>
      <c r="F3644">
        <v>4</v>
      </c>
      <c r="G3644" t="s">
        <v>10</v>
      </c>
      <c r="H3644" t="s">
        <v>8223</v>
      </c>
      <c r="I3644" t="s">
        <v>30540</v>
      </c>
    </row>
    <row r="3645" spans="1:9">
      <c r="A3645" s="1">
        <f ca="1">RAND()</f>
        <v>0.32137784695484628</v>
      </c>
      <c r="B3645" s="1"/>
      <c r="C3645">
        <v>5</v>
      </c>
      <c r="D3645" t="s">
        <v>8218</v>
      </c>
      <c r="E3645" t="s">
        <v>31935</v>
      </c>
      <c r="F3645">
        <v>4</v>
      </c>
      <c r="G3645" t="s">
        <v>765</v>
      </c>
      <c r="H3645" t="s">
        <v>8219</v>
      </c>
      <c r="I3645" t="s">
        <v>30540</v>
      </c>
    </row>
    <row r="3646" spans="1:9">
      <c r="A3646" s="1">
        <f ca="1">RAND()</f>
        <v>0.71572532906920971</v>
      </c>
      <c r="B3646" s="1"/>
      <c r="C3646">
        <v>18</v>
      </c>
      <c r="D3646" t="s">
        <v>8232</v>
      </c>
      <c r="E3646" t="s">
        <v>31935</v>
      </c>
      <c r="F3646">
        <v>4</v>
      </c>
      <c r="G3646" t="s">
        <v>0</v>
      </c>
      <c r="H3646" t="s">
        <v>8233</v>
      </c>
      <c r="I3646" t="s">
        <v>30540</v>
      </c>
    </row>
    <row r="3647" spans="1:9">
      <c r="A3647" s="1">
        <f ca="1">RAND()</f>
        <v>0.64910351136545663</v>
      </c>
      <c r="B3647" s="1"/>
      <c r="C3647">
        <v>16</v>
      </c>
      <c r="D3647" t="s">
        <v>8228</v>
      </c>
      <c r="E3647" t="s">
        <v>31935</v>
      </c>
      <c r="F3647">
        <v>4</v>
      </c>
      <c r="G3647" t="s">
        <v>15</v>
      </c>
      <c r="H3647" t="s">
        <v>8229</v>
      </c>
      <c r="I3647" t="s">
        <v>30540</v>
      </c>
    </row>
    <row r="3648" spans="1:9">
      <c r="A3648" s="1">
        <f ca="1">RAND()</f>
        <v>0.77745729534465102</v>
      </c>
      <c r="B3648" s="1"/>
      <c r="C3648">
        <v>6</v>
      </c>
      <c r="D3648" t="s">
        <v>8220</v>
      </c>
      <c r="E3648" t="s">
        <v>31935</v>
      </c>
      <c r="F3648">
        <v>3</v>
      </c>
      <c r="G3648" t="s">
        <v>15</v>
      </c>
      <c r="H3648" t="s">
        <v>8221</v>
      </c>
      <c r="I3648" t="s">
        <v>30540</v>
      </c>
    </row>
    <row r="3649" spans="1:9">
      <c r="A3649" s="1">
        <f ca="1">RAND()</f>
        <v>0.95313151516264771</v>
      </c>
      <c r="B3649" s="1"/>
      <c r="C3649">
        <v>13</v>
      </c>
      <c r="D3649" t="s">
        <v>8224</v>
      </c>
      <c r="E3649" t="s">
        <v>31935</v>
      </c>
      <c r="F3649">
        <v>2</v>
      </c>
      <c r="G3649" t="s">
        <v>0</v>
      </c>
      <c r="H3649" t="s">
        <v>8225</v>
      </c>
      <c r="I3649" t="s">
        <v>30540</v>
      </c>
    </row>
    <row r="3650" spans="1:9">
      <c r="A3650" s="1">
        <f ca="1">RAND()</f>
        <v>7.6888005765604284E-2</v>
      </c>
      <c r="B3650" s="1"/>
      <c r="C3650">
        <v>14</v>
      </c>
      <c r="D3650" t="s">
        <v>8226</v>
      </c>
      <c r="E3650" t="s">
        <v>31935</v>
      </c>
      <c r="F3650">
        <v>2</v>
      </c>
      <c r="G3650" t="s">
        <v>0</v>
      </c>
      <c r="H3650" t="s">
        <v>8227</v>
      </c>
      <c r="I3650" t="s">
        <v>30540</v>
      </c>
    </row>
    <row r="3651" spans="1:9">
      <c r="A3651" s="1">
        <f ca="1">RAND()</f>
        <v>0.70546843653914748</v>
      </c>
      <c r="B3651" s="1"/>
      <c r="C3651">
        <v>8</v>
      </c>
      <c r="D3651" t="s">
        <v>8214</v>
      </c>
      <c r="E3651" t="s">
        <v>31936</v>
      </c>
      <c r="F3651">
        <v>4</v>
      </c>
      <c r="G3651" t="s">
        <v>774</v>
      </c>
      <c r="H3651" t="s">
        <v>8215</v>
      </c>
      <c r="I3651" t="s">
        <v>30540</v>
      </c>
    </row>
    <row r="3652" spans="1:9">
      <c r="A3652" s="1">
        <f ca="1">RAND()</f>
        <v>0.44355153524947188</v>
      </c>
      <c r="B3652" s="1"/>
      <c r="C3652">
        <v>6</v>
      </c>
      <c r="D3652" t="s">
        <v>8212</v>
      </c>
      <c r="E3652" t="s">
        <v>31936</v>
      </c>
      <c r="F3652">
        <v>4</v>
      </c>
      <c r="G3652" t="s">
        <v>774</v>
      </c>
      <c r="H3652" t="s">
        <v>8213</v>
      </c>
      <c r="I3652" t="s">
        <v>30540</v>
      </c>
    </row>
    <row r="3653" spans="1:9">
      <c r="A3653" s="1">
        <f ca="1">RAND()</f>
        <v>6.9030983068052554E-2</v>
      </c>
      <c r="B3653" s="1"/>
      <c r="C3653">
        <v>3</v>
      </c>
      <c r="D3653" t="s">
        <v>8210</v>
      </c>
      <c r="E3653" t="s">
        <v>31936</v>
      </c>
      <c r="F3653">
        <v>2</v>
      </c>
      <c r="G3653" t="s">
        <v>1</v>
      </c>
      <c r="H3653" t="s">
        <v>8211</v>
      </c>
      <c r="I3653" t="s">
        <v>30540</v>
      </c>
    </row>
    <row r="3654" spans="1:9">
      <c r="A3654" s="1">
        <f ca="1">RAND()</f>
        <v>0.16101318644337181</v>
      </c>
      <c r="B3654" s="1"/>
      <c r="C3654">
        <v>19</v>
      </c>
      <c r="D3654" t="s">
        <v>8216</v>
      </c>
      <c r="E3654" t="s">
        <v>31936</v>
      </c>
      <c r="F3654">
        <v>2</v>
      </c>
      <c r="G3654" t="s">
        <v>10</v>
      </c>
      <c r="H3654" t="s">
        <v>8217</v>
      </c>
      <c r="I3654" t="s">
        <v>30540</v>
      </c>
    </row>
    <row r="3655" spans="1:9">
      <c r="A3655" s="1">
        <f ca="1">RAND()</f>
        <v>0.69224693431122108</v>
      </c>
      <c r="B3655" s="1"/>
      <c r="C3655">
        <v>13</v>
      </c>
      <c r="D3655" t="s">
        <v>8206</v>
      </c>
      <c r="E3655" t="s">
        <v>31937</v>
      </c>
      <c r="F3655">
        <v>4</v>
      </c>
      <c r="G3655" t="s">
        <v>0</v>
      </c>
      <c r="H3655" t="s">
        <v>8207</v>
      </c>
      <c r="I3655" t="s">
        <v>30540</v>
      </c>
    </row>
    <row r="3656" spans="1:9">
      <c r="A3656" s="1">
        <f ca="1">RAND()</f>
        <v>0.20082890670493314</v>
      </c>
      <c r="B3656" s="1"/>
      <c r="C3656">
        <v>11</v>
      </c>
      <c r="D3656" t="s">
        <v>8202</v>
      </c>
      <c r="E3656" t="s">
        <v>31937</v>
      </c>
      <c r="F3656">
        <v>4</v>
      </c>
      <c r="G3656" t="s">
        <v>0</v>
      </c>
      <c r="H3656" t="s">
        <v>8203</v>
      </c>
      <c r="I3656" t="s">
        <v>30540</v>
      </c>
    </row>
    <row r="3657" spans="1:9">
      <c r="A3657" s="1">
        <f ca="1">RAND()</f>
        <v>0.19284291538500009</v>
      </c>
      <c r="B3657" s="1"/>
      <c r="C3657">
        <v>10</v>
      </c>
      <c r="D3657" t="s">
        <v>8200</v>
      </c>
      <c r="E3657" t="s">
        <v>31937</v>
      </c>
      <c r="F3657">
        <v>4</v>
      </c>
      <c r="G3657" t="s">
        <v>0</v>
      </c>
      <c r="H3657" t="s">
        <v>8201</v>
      </c>
      <c r="I3657" t="s">
        <v>30540</v>
      </c>
    </row>
    <row r="3658" spans="1:9">
      <c r="A3658" s="1">
        <f ca="1">RAND()</f>
        <v>0.51145240130082681</v>
      </c>
      <c r="B3658" s="1"/>
      <c r="C3658">
        <v>12</v>
      </c>
      <c r="D3658" t="s">
        <v>8204</v>
      </c>
      <c r="E3658" t="s">
        <v>31937</v>
      </c>
      <c r="F3658">
        <v>4</v>
      </c>
      <c r="G3658" t="s">
        <v>0</v>
      </c>
      <c r="H3658" t="s">
        <v>8205</v>
      </c>
      <c r="I3658" t="s">
        <v>30540</v>
      </c>
    </row>
    <row r="3659" spans="1:9">
      <c r="A3659" s="1">
        <f ca="1">RAND()</f>
        <v>0.87626379540240873</v>
      </c>
      <c r="B3659" s="1"/>
      <c r="C3659">
        <v>17</v>
      </c>
      <c r="D3659" t="s">
        <v>8208</v>
      </c>
      <c r="E3659" t="s">
        <v>31937</v>
      </c>
      <c r="F3659">
        <v>2</v>
      </c>
      <c r="G3659" t="s">
        <v>15</v>
      </c>
      <c r="H3659" t="s">
        <v>8209</v>
      </c>
      <c r="I3659" t="s">
        <v>30540</v>
      </c>
    </row>
    <row r="3660" spans="1:9">
      <c r="A3660" s="1">
        <f ca="1">RAND()</f>
        <v>0.96320921756349775</v>
      </c>
      <c r="B3660" s="1"/>
      <c r="C3660">
        <v>6</v>
      </c>
      <c r="D3660" t="s">
        <v>8194</v>
      </c>
      <c r="E3660" t="s">
        <v>31938</v>
      </c>
      <c r="F3660">
        <v>4</v>
      </c>
      <c r="G3660" t="s">
        <v>769</v>
      </c>
      <c r="H3660" t="s">
        <v>8195</v>
      </c>
      <c r="I3660" t="s">
        <v>30540</v>
      </c>
    </row>
    <row r="3661" spans="1:9">
      <c r="A3661" s="1">
        <f ca="1">RAND()</f>
        <v>0.71897730558653161</v>
      </c>
      <c r="B3661" s="1"/>
      <c r="C3661">
        <v>19</v>
      </c>
      <c r="D3661" t="s">
        <v>8198</v>
      </c>
      <c r="E3661" t="s">
        <v>31938</v>
      </c>
      <c r="F3661">
        <v>4</v>
      </c>
      <c r="G3661" t="s">
        <v>762</v>
      </c>
      <c r="H3661" t="s">
        <v>8199</v>
      </c>
      <c r="I3661" t="s">
        <v>30540</v>
      </c>
    </row>
    <row r="3662" spans="1:9">
      <c r="A3662" s="1">
        <f ca="1">RAND()</f>
        <v>0.27752167804815153</v>
      </c>
      <c r="B3662" s="1"/>
      <c r="C3662">
        <v>8</v>
      </c>
      <c r="D3662" t="s">
        <v>8196</v>
      </c>
      <c r="E3662" t="s">
        <v>31938</v>
      </c>
      <c r="F3662">
        <v>2</v>
      </c>
      <c r="G3662" t="s">
        <v>0</v>
      </c>
      <c r="H3662" t="s">
        <v>8197</v>
      </c>
      <c r="I3662" t="s">
        <v>30540</v>
      </c>
    </row>
    <row r="3663" spans="1:9">
      <c r="A3663" s="1">
        <f ca="1">RAND()</f>
        <v>0.37663883113703833</v>
      </c>
      <c r="B3663" s="1"/>
      <c r="C3663">
        <v>12</v>
      </c>
      <c r="D3663" t="s">
        <v>8190</v>
      </c>
      <c r="E3663" t="s">
        <v>31939</v>
      </c>
      <c r="F3663">
        <v>5</v>
      </c>
      <c r="G3663" t="s">
        <v>0</v>
      </c>
      <c r="H3663" t="s">
        <v>8191</v>
      </c>
      <c r="I3663" t="s">
        <v>30540</v>
      </c>
    </row>
    <row r="3664" spans="1:9">
      <c r="A3664" s="1">
        <f ca="1">RAND()</f>
        <v>0.29015161352828234</v>
      </c>
      <c r="B3664" s="1"/>
      <c r="C3664">
        <v>5</v>
      </c>
      <c r="D3664" t="s">
        <v>8188</v>
      </c>
      <c r="E3664" t="s">
        <v>31939</v>
      </c>
      <c r="F3664">
        <v>4</v>
      </c>
      <c r="G3664" t="s">
        <v>15</v>
      </c>
      <c r="H3664" t="s">
        <v>8189</v>
      </c>
      <c r="I3664" t="s">
        <v>30540</v>
      </c>
    </row>
    <row r="3665" spans="1:9">
      <c r="A3665" s="1">
        <f ca="1">RAND()</f>
        <v>7.7128809826506051E-2</v>
      </c>
      <c r="B3665" s="1"/>
      <c r="C3665">
        <v>2</v>
      </c>
      <c r="D3665" t="s">
        <v>8184</v>
      </c>
      <c r="E3665" t="s">
        <v>31939</v>
      </c>
      <c r="F3665">
        <v>4</v>
      </c>
      <c r="G3665" t="s">
        <v>0</v>
      </c>
      <c r="H3665" t="s">
        <v>8185</v>
      </c>
      <c r="I3665" t="s">
        <v>30540</v>
      </c>
    </row>
    <row r="3666" spans="1:9">
      <c r="A3666" s="1">
        <f ca="1">RAND()</f>
        <v>0.10326641649687129</v>
      </c>
      <c r="B3666" s="1"/>
      <c r="C3666">
        <v>4</v>
      </c>
      <c r="D3666" t="s">
        <v>8186</v>
      </c>
      <c r="E3666" t="s">
        <v>31939</v>
      </c>
      <c r="F3666">
        <v>4</v>
      </c>
      <c r="G3666" t="s">
        <v>9</v>
      </c>
      <c r="H3666" t="s">
        <v>8187</v>
      </c>
      <c r="I3666" t="s">
        <v>30540</v>
      </c>
    </row>
    <row r="3667" spans="1:9">
      <c r="A3667" s="1">
        <f ca="1">RAND()</f>
        <v>0.10057536564319303</v>
      </c>
      <c r="B3667" s="1"/>
      <c r="C3667">
        <v>16</v>
      </c>
      <c r="D3667" t="s">
        <v>8192</v>
      </c>
      <c r="E3667" t="s">
        <v>31939</v>
      </c>
      <c r="F3667">
        <v>3</v>
      </c>
      <c r="G3667" t="s">
        <v>0</v>
      </c>
      <c r="H3667" t="s">
        <v>8193</v>
      </c>
      <c r="I3667" t="s">
        <v>30540</v>
      </c>
    </row>
    <row r="3668" spans="1:9">
      <c r="A3668" s="1">
        <f ca="1">RAND()</f>
        <v>0.90825618222303817</v>
      </c>
      <c r="B3668" s="1"/>
      <c r="C3668">
        <v>18</v>
      </c>
      <c r="D3668" t="s">
        <v>8180</v>
      </c>
      <c r="E3668" t="s">
        <v>31940</v>
      </c>
      <c r="F3668">
        <v>4</v>
      </c>
      <c r="G3668" t="s">
        <v>0</v>
      </c>
      <c r="H3668" t="s">
        <v>8181</v>
      </c>
      <c r="I3668" t="s">
        <v>30540</v>
      </c>
    </row>
    <row r="3669" spans="1:9">
      <c r="A3669" s="1">
        <f ca="1">RAND()</f>
        <v>0.82817767225323213</v>
      </c>
      <c r="B3669" s="1"/>
      <c r="C3669">
        <v>14</v>
      </c>
      <c r="D3669" t="s">
        <v>8176</v>
      </c>
      <c r="E3669" t="s">
        <v>31940</v>
      </c>
      <c r="F3669">
        <v>4</v>
      </c>
      <c r="G3669" t="s">
        <v>0</v>
      </c>
      <c r="H3669" t="s">
        <v>8177</v>
      </c>
      <c r="I3669" t="s">
        <v>30540</v>
      </c>
    </row>
    <row r="3670" spans="1:9">
      <c r="A3670" s="1">
        <f ca="1">RAND()</f>
        <v>0.70021142120744417</v>
      </c>
      <c r="B3670" s="1"/>
      <c r="C3670">
        <v>20</v>
      </c>
      <c r="D3670" t="s">
        <v>8182</v>
      </c>
      <c r="E3670" t="s">
        <v>31940</v>
      </c>
      <c r="F3670">
        <v>2</v>
      </c>
      <c r="G3670" t="s">
        <v>0</v>
      </c>
      <c r="H3670" t="s">
        <v>8183</v>
      </c>
      <c r="I3670" t="s">
        <v>30540</v>
      </c>
    </row>
    <row r="3671" spans="1:9">
      <c r="A3671" s="1">
        <f ca="1">RAND()</f>
        <v>0.3552141959417352</v>
      </c>
      <c r="B3671" s="1"/>
      <c r="C3671">
        <v>16</v>
      </c>
      <c r="D3671" t="s">
        <v>8178</v>
      </c>
      <c r="E3671" t="s">
        <v>31940</v>
      </c>
      <c r="F3671">
        <v>2</v>
      </c>
      <c r="G3671" t="s">
        <v>0</v>
      </c>
      <c r="H3671" t="s">
        <v>8179</v>
      </c>
      <c r="I3671" t="s">
        <v>30540</v>
      </c>
    </row>
    <row r="3672" spans="1:9">
      <c r="A3672" s="1">
        <f ca="1">RAND()</f>
        <v>0.51643380695217889</v>
      </c>
      <c r="B3672" s="1"/>
      <c r="C3672">
        <v>4</v>
      </c>
      <c r="D3672" t="s">
        <v>8172</v>
      </c>
      <c r="E3672" t="s">
        <v>31941</v>
      </c>
      <c r="F3672">
        <v>4</v>
      </c>
      <c r="G3672" t="s">
        <v>770</v>
      </c>
      <c r="H3672" t="s">
        <v>8173</v>
      </c>
      <c r="I3672" t="s">
        <v>30540</v>
      </c>
    </row>
    <row r="3673" spans="1:9">
      <c r="A3673" s="1">
        <f ca="1">RAND()</f>
        <v>8.4510930562831765E-2</v>
      </c>
      <c r="B3673" s="1"/>
      <c r="C3673">
        <v>2</v>
      </c>
      <c r="D3673" t="s">
        <v>8170</v>
      </c>
      <c r="E3673" t="s">
        <v>31941</v>
      </c>
      <c r="F3673">
        <v>4</v>
      </c>
      <c r="G3673" t="s">
        <v>1</v>
      </c>
      <c r="H3673" t="s">
        <v>8171</v>
      </c>
      <c r="I3673" t="s">
        <v>30540</v>
      </c>
    </row>
    <row r="3674" spans="1:9">
      <c r="A3674" s="1">
        <f ca="1">RAND()</f>
        <v>0.83663788890453672</v>
      </c>
      <c r="B3674" s="1"/>
      <c r="C3674">
        <v>19</v>
      </c>
      <c r="D3674" t="s">
        <v>8174</v>
      </c>
      <c r="E3674" t="s">
        <v>31941</v>
      </c>
      <c r="F3674">
        <v>3</v>
      </c>
      <c r="G3674" t="s">
        <v>762</v>
      </c>
      <c r="H3674" t="s">
        <v>8175</v>
      </c>
      <c r="I3674" t="s">
        <v>30540</v>
      </c>
    </row>
    <row r="3675" spans="1:9">
      <c r="A3675" s="1">
        <f ca="1">RAND()</f>
        <v>0.67068376653642758</v>
      </c>
      <c r="B3675" s="1"/>
      <c r="C3675">
        <v>7</v>
      </c>
      <c r="D3675" t="s">
        <v>8162</v>
      </c>
      <c r="E3675" t="s">
        <v>31942</v>
      </c>
      <c r="F3675">
        <v>4</v>
      </c>
      <c r="G3675" t="s">
        <v>2</v>
      </c>
      <c r="H3675" t="s">
        <v>8163</v>
      </c>
      <c r="I3675" t="s">
        <v>30540</v>
      </c>
    </row>
    <row r="3676" spans="1:9">
      <c r="A3676" s="1">
        <f ca="1">RAND()</f>
        <v>0.16657267825708144</v>
      </c>
      <c r="B3676" s="1"/>
      <c r="C3676">
        <v>4</v>
      </c>
      <c r="D3676" t="s">
        <v>8160</v>
      </c>
      <c r="E3676" t="s">
        <v>31942</v>
      </c>
      <c r="F3676">
        <v>4</v>
      </c>
      <c r="G3676" t="s">
        <v>2</v>
      </c>
      <c r="H3676" t="s">
        <v>8161</v>
      </c>
      <c r="I3676" t="s">
        <v>30540</v>
      </c>
    </row>
    <row r="3677" spans="1:9">
      <c r="A3677" s="1">
        <f ca="1">RAND()</f>
        <v>0.56352939920907075</v>
      </c>
      <c r="B3677" s="1"/>
      <c r="C3677">
        <v>12</v>
      </c>
      <c r="D3677" t="s">
        <v>8168</v>
      </c>
      <c r="E3677" t="s">
        <v>31942</v>
      </c>
      <c r="F3677">
        <v>3</v>
      </c>
      <c r="G3677" t="s">
        <v>10</v>
      </c>
      <c r="H3677" t="s">
        <v>8169</v>
      </c>
      <c r="I3677" t="s">
        <v>30540</v>
      </c>
    </row>
    <row r="3678" spans="1:9">
      <c r="A3678" s="1">
        <f ca="1">RAND()</f>
        <v>0.10926749742253894</v>
      </c>
      <c r="B3678" s="1"/>
      <c r="C3678">
        <v>9</v>
      </c>
      <c r="D3678" t="s">
        <v>8166</v>
      </c>
      <c r="E3678" t="s">
        <v>31942</v>
      </c>
      <c r="F3678">
        <v>2</v>
      </c>
      <c r="G3678" t="s">
        <v>2</v>
      </c>
      <c r="H3678" t="s">
        <v>8167</v>
      </c>
      <c r="I3678" t="s">
        <v>30540</v>
      </c>
    </row>
    <row r="3679" spans="1:9">
      <c r="A3679" s="1">
        <f ca="1">RAND()</f>
        <v>0.71217886020479026</v>
      </c>
      <c r="B3679" s="1"/>
      <c r="C3679">
        <v>8</v>
      </c>
      <c r="D3679" t="s">
        <v>8164</v>
      </c>
      <c r="E3679" t="s">
        <v>31942</v>
      </c>
      <c r="F3679">
        <v>1</v>
      </c>
      <c r="G3679" t="s">
        <v>0</v>
      </c>
      <c r="H3679" t="s">
        <v>8165</v>
      </c>
      <c r="I3679" t="s">
        <v>30540</v>
      </c>
    </row>
    <row r="3680" spans="1:9">
      <c r="A3680" s="1">
        <f ca="1">RAND()</f>
        <v>0.88868454878412917</v>
      </c>
      <c r="B3680" s="1"/>
      <c r="C3680">
        <v>12</v>
      </c>
      <c r="D3680" t="s">
        <v>8156</v>
      </c>
      <c r="E3680" t="s">
        <v>31943</v>
      </c>
      <c r="F3680">
        <v>5</v>
      </c>
      <c r="G3680" t="s">
        <v>0</v>
      </c>
      <c r="H3680" t="s">
        <v>8157</v>
      </c>
      <c r="I3680" t="s">
        <v>30540</v>
      </c>
    </row>
    <row r="3681" spans="1:9">
      <c r="A3681" s="1">
        <f ca="1">RAND()</f>
        <v>0.58409658391706543</v>
      </c>
      <c r="B3681" s="1"/>
      <c r="C3681">
        <v>13</v>
      </c>
      <c r="D3681" t="s">
        <v>8158</v>
      </c>
      <c r="E3681" t="s">
        <v>31943</v>
      </c>
      <c r="F3681">
        <v>4</v>
      </c>
      <c r="G3681" t="s">
        <v>1295</v>
      </c>
      <c r="H3681" t="s">
        <v>8159</v>
      </c>
      <c r="I3681" t="s">
        <v>30540</v>
      </c>
    </row>
    <row r="3682" spans="1:9">
      <c r="A3682" s="1">
        <f ca="1">RAND()</f>
        <v>0.93487539112561713</v>
      </c>
      <c r="B3682" s="1"/>
      <c r="C3682">
        <v>3</v>
      </c>
      <c r="D3682" t="s">
        <v>8152</v>
      </c>
      <c r="E3682" t="s">
        <v>31943</v>
      </c>
      <c r="F3682">
        <v>3</v>
      </c>
      <c r="G3682" t="s">
        <v>774</v>
      </c>
      <c r="H3682" t="s">
        <v>8153</v>
      </c>
      <c r="I3682" t="s">
        <v>30540</v>
      </c>
    </row>
    <row r="3683" spans="1:9">
      <c r="A3683" s="1">
        <f ca="1">RAND()</f>
        <v>0.5557157114434319</v>
      </c>
      <c r="B3683" s="1"/>
      <c r="C3683">
        <v>4</v>
      </c>
      <c r="D3683" t="s">
        <v>8154</v>
      </c>
      <c r="E3683" t="s">
        <v>31943</v>
      </c>
      <c r="F3683">
        <v>2</v>
      </c>
      <c r="G3683" t="s">
        <v>14</v>
      </c>
      <c r="H3683" t="s">
        <v>8155</v>
      </c>
      <c r="I3683" t="s">
        <v>30540</v>
      </c>
    </row>
    <row r="3684" spans="1:9">
      <c r="A3684" s="1">
        <f ca="1">RAND()</f>
        <v>0.25296188870159853</v>
      </c>
      <c r="B3684" s="1"/>
      <c r="C3684">
        <v>16</v>
      </c>
      <c r="D3684" t="s">
        <v>8148</v>
      </c>
      <c r="E3684" t="s">
        <v>31944</v>
      </c>
      <c r="F3684">
        <v>5</v>
      </c>
      <c r="G3684" t="s">
        <v>15</v>
      </c>
      <c r="H3684" t="s">
        <v>8149</v>
      </c>
      <c r="I3684" t="s">
        <v>30540</v>
      </c>
    </row>
    <row r="3685" spans="1:9">
      <c r="A3685" s="1">
        <f ca="1">RAND()</f>
        <v>0.62679140736237071</v>
      </c>
      <c r="B3685" s="1"/>
      <c r="C3685">
        <v>7</v>
      </c>
      <c r="D3685" t="s">
        <v>8146</v>
      </c>
      <c r="E3685" t="s">
        <v>31944</v>
      </c>
      <c r="F3685">
        <v>4</v>
      </c>
      <c r="G3685" t="s">
        <v>0</v>
      </c>
      <c r="H3685" t="s">
        <v>8147</v>
      </c>
      <c r="I3685" t="s">
        <v>30540</v>
      </c>
    </row>
    <row r="3686" spans="1:9">
      <c r="A3686" s="1">
        <f ca="1">RAND()</f>
        <v>0.279430172241524</v>
      </c>
      <c r="B3686" s="1"/>
      <c r="C3686">
        <v>4</v>
      </c>
      <c r="D3686" t="s">
        <v>8144</v>
      </c>
      <c r="E3686" t="s">
        <v>31944</v>
      </c>
      <c r="F3686">
        <v>4</v>
      </c>
      <c r="G3686" t="s">
        <v>0</v>
      </c>
      <c r="H3686" t="s">
        <v>8145</v>
      </c>
      <c r="I3686" t="s">
        <v>30540</v>
      </c>
    </row>
    <row r="3687" spans="1:9">
      <c r="A3687" s="1">
        <f ca="1">RAND()</f>
        <v>0.29822734814650387</v>
      </c>
      <c r="B3687" s="1"/>
      <c r="C3687">
        <v>17</v>
      </c>
      <c r="D3687" t="s">
        <v>8150</v>
      </c>
      <c r="E3687" t="s">
        <v>31944</v>
      </c>
      <c r="F3687">
        <v>1</v>
      </c>
      <c r="G3687" t="s">
        <v>0</v>
      </c>
      <c r="H3687" t="s">
        <v>8151</v>
      </c>
      <c r="I3687" t="s">
        <v>30540</v>
      </c>
    </row>
    <row r="3688" spans="1:9">
      <c r="A3688" s="1">
        <f ca="1">RAND()</f>
        <v>0.12082571508602369</v>
      </c>
      <c r="B3688" s="1"/>
      <c r="C3688">
        <v>20</v>
      </c>
      <c r="D3688" t="s">
        <v>8142</v>
      </c>
      <c r="E3688" t="s">
        <v>31945</v>
      </c>
      <c r="F3688">
        <v>5</v>
      </c>
      <c r="G3688" t="s">
        <v>2</v>
      </c>
      <c r="H3688" t="s">
        <v>8143</v>
      </c>
      <c r="I3688" t="s">
        <v>30540</v>
      </c>
    </row>
    <row r="3689" spans="1:9">
      <c r="A3689" s="1">
        <f ca="1">RAND()</f>
        <v>7.2955800193161502E-2</v>
      </c>
      <c r="B3689" s="1"/>
      <c r="C3689">
        <v>11</v>
      </c>
      <c r="D3689" t="s">
        <v>8138</v>
      </c>
      <c r="E3689" t="s">
        <v>31945</v>
      </c>
      <c r="F3689">
        <v>4</v>
      </c>
      <c r="G3689" t="s">
        <v>0</v>
      </c>
      <c r="H3689" t="s">
        <v>8139</v>
      </c>
      <c r="I3689" t="s">
        <v>30540</v>
      </c>
    </row>
    <row r="3690" spans="1:9">
      <c r="A3690" s="1">
        <f ca="1">RAND()</f>
        <v>0.33342209935310452</v>
      </c>
      <c r="B3690" s="1"/>
      <c r="C3690">
        <v>15</v>
      </c>
      <c r="D3690" t="s">
        <v>8140</v>
      </c>
      <c r="E3690" t="s">
        <v>31945</v>
      </c>
      <c r="F3690">
        <v>2</v>
      </c>
      <c r="G3690" t="s">
        <v>0</v>
      </c>
      <c r="H3690" t="s">
        <v>8141</v>
      </c>
      <c r="I3690" t="s">
        <v>30540</v>
      </c>
    </row>
    <row r="3691" spans="1:9">
      <c r="A3691" s="1">
        <f ca="1">RAND()</f>
        <v>0.40510992018334036</v>
      </c>
      <c r="B3691" s="1"/>
      <c r="C3691">
        <v>4</v>
      </c>
      <c r="D3691" t="s">
        <v>8126</v>
      </c>
      <c r="E3691" t="s">
        <v>31946</v>
      </c>
      <c r="F3691">
        <v>4</v>
      </c>
      <c r="G3691" t="s">
        <v>770</v>
      </c>
      <c r="H3691" t="s">
        <v>8127</v>
      </c>
      <c r="I3691" t="s">
        <v>30540</v>
      </c>
    </row>
    <row r="3692" spans="1:9">
      <c r="A3692" s="1">
        <f ca="1">RAND()</f>
        <v>3.41270829229946E-2</v>
      </c>
      <c r="B3692" s="1"/>
      <c r="C3692">
        <v>16</v>
      </c>
      <c r="D3692" t="s">
        <v>8134</v>
      </c>
      <c r="E3692" t="s">
        <v>31946</v>
      </c>
      <c r="F3692">
        <v>4</v>
      </c>
      <c r="G3692" t="s">
        <v>771</v>
      </c>
      <c r="H3692" t="s">
        <v>8135</v>
      </c>
      <c r="I3692" t="s">
        <v>30540</v>
      </c>
    </row>
    <row r="3693" spans="1:9">
      <c r="A3693" s="1">
        <f ca="1">RAND()</f>
        <v>0.92937471898697266</v>
      </c>
      <c r="B3693" s="1"/>
      <c r="C3693">
        <v>10</v>
      </c>
      <c r="D3693" t="s">
        <v>8130</v>
      </c>
      <c r="E3693" t="s">
        <v>31946</v>
      </c>
      <c r="F3693">
        <v>4</v>
      </c>
      <c r="G3693" t="s">
        <v>769</v>
      </c>
      <c r="H3693" t="s">
        <v>8131</v>
      </c>
      <c r="I3693" t="s">
        <v>30540</v>
      </c>
    </row>
    <row r="3694" spans="1:9">
      <c r="A3694" s="1">
        <f ca="1">RAND()</f>
        <v>0.27874802763007278</v>
      </c>
      <c r="B3694" s="1"/>
      <c r="C3694">
        <v>15</v>
      </c>
      <c r="D3694" t="s">
        <v>8132</v>
      </c>
      <c r="E3694" t="s">
        <v>31946</v>
      </c>
      <c r="F3694">
        <v>4</v>
      </c>
      <c r="G3694" t="s">
        <v>766</v>
      </c>
      <c r="H3694" t="s">
        <v>8133</v>
      </c>
      <c r="I3694" t="s">
        <v>30540</v>
      </c>
    </row>
    <row r="3695" spans="1:9">
      <c r="A3695" s="1">
        <f ca="1">RAND()</f>
        <v>0.98235016890099081</v>
      </c>
      <c r="B3695" s="1"/>
      <c r="C3695">
        <v>18</v>
      </c>
      <c r="D3695" t="s">
        <v>8136</v>
      </c>
      <c r="E3695" t="s">
        <v>31946</v>
      </c>
      <c r="F3695">
        <v>4</v>
      </c>
      <c r="G3695" t="s">
        <v>0</v>
      </c>
      <c r="H3695" t="s">
        <v>8137</v>
      </c>
      <c r="I3695" t="s">
        <v>30540</v>
      </c>
    </row>
    <row r="3696" spans="1:9">
      <c r="A3696" s="1">
        <f ca="1">RAND()</f>
        <v>0.74850781776124498</v>
      </c>
      <c r="B3696" s="1"/>
      <c r="C3696">
        <v>9</v>
      </c>
      <c r="D3696" t="s">
        <v>8128</v>
      </c>
      <c r="E3696" t="s">
        <v>31946</v>
      </c>
      <c r="F3696">
        <v>4</v>
      </c>
      <c r="G3696" t="s">
        <v>770</v>
      </c>
      <c r="H3696" t="s">
        <v>8129</v>
      </c>
      <c r="I3696" t="s">
        <v>30540</v>
      </c>
    </row>
    <row r="3697" spans="1:9">
      <c r="A3697" s="1">
        <f ca="1">RAND()</f>
        <v>0.38161603143722944</v>
      </c>
      <c r="B3697" s="1"/>
      <c r="C3697">
        <v>3</v>
      </c>
      <c r="D3697" t="s">
        <v>8124</v>
      </c>
      <c r="E3697" t="s">
        <v>31946</v>
      </c>
      <c r="F3697">
        <v>3</v>
      </c>
      <c r="G3697" t="s">
        <v>762</v>
      </c>
      <c r="H3697" t="s">
        <v>8125</v>
      </c>
      <c r="I3697" t="s">
        <v>30540</v>
      </c>
    </row>
    <row r="3698" spans="1:9">
      <c r="A3698" s="1">
        <f ca="1">RAND()</f>
        <v>8.5060049330924703E-2</v>
      </c>
      <c r="B3698" s="1"/>
      <c r="C3698">
        <v>10</v>
      </c>
      <c r="D3698" t="s">
        <v>8118</v>
      </c>
      <c r="E3698" t="s">
        <v>31947</v>
      </c>
      <c r="F3698">
        <v>4</v>
      </c>
      <c r="G3698" t="s">
        <v>0</v>
      </c>
      <c r="H3698" t="s">
        <v>8119</v>
      </c>
      <c r="I3698" t="s">
        <v>30540</v>
      </c>
    </row>
    <row r="3699" spans="1:9">
      <c r="A3699" s="1">
        <f ca="1">RAND()</f>
        <v>0.63410112139951269</v>
      </c>
      <c r="B3699" s="1"/>
      <c r="C3699">
        <v>3</v>
      </c>
      <c r="D3699" t="s">
        <v>8112</v>
      </c>
      <c r="E3699" t="s">
        <v>31947</v>
      </c>
      <c r="F3699">
        <v>4</v>
      </c>
      <c r="G3699" t="s">
        <v>9</v>
      </c>
      <c r="H3699" t="s">
        <v>8113</v>
      </c>
      <c r="I3699" t="s">
        <v>30540</v>
      </c>
    </row>
    <row r="3700" spans="1:9">
      <c r="A3700" s="1">
        <f ca="1">RAND()</f>
        <v>0.85351470015207864</v>
      </c>
      <c r="B3700" s="1"/>
      <c r="C3700">
        <v>8</v>
      </c>
      <c r="D3700" t="s">
        <v>8116</v>
      </c>
      <c r="E3700" t="s">
        <v>31947</v>
      </c>
      <c r="F3700">
        <v>4</v>
      </c>
      <c r="G3700" t="s">
        <v>0</v>
      </c>
      <c r="H3700" t="s">
        <v>8117</v>
      </c>
      <c r="I3700" t="s">
        <v>30540</v>
      </c>
    </row>
    <row r="3701" spans="1:9">
      <c r="A3701" s="1">
        <f ca="1">RAND()</f>
        <v>0.97053543698222966</v>
      </c>
      <c r="B3701" s="1"/>
      <c r="C3701">
        <v>7</v>
      </c>
      <c r="D3701" t="s">
        <v>8114</v>
      </c>
      <c r="E3701" t="s">
        <v>31947</v>
      </c>
      <c r="F3701">
        <v>3</v>
      </c>
      <c r="G3701" t="s">
        <v>2</v>
      </c>
      <c r="H3701" t="s">
        <v>8115</v>
      </c>
      <c r="I3701" t="s">
        <v>30540</v>
      </c>
    </row>
    <row r="3702" spans="1:9">
      <c r="A3702" s="1">
        <f ca="1">RAND()</f>
        <v>0.48422894642720837</v>
      </c>
      <c r="B3702" s="1"/>
      <c r="C3702">
        <v>11</v>
      </c>
      <c r="D3702" t="s">
        <v>8120</v>
      </c>
      <c r="E3702" t="s">
        <v>31947</v>
      </c>
      <c r="F3702">
        <v>2</v>
      </c>
      <c r="G3702" t="s">
        <v>0</v>
      </c>
      <c r="H3702" t="s">
        <v>8121</v>
      </c>
      <c r="I3702" t="s">
        <v>30540</v>
      </c>
    </row>
    <row r="3703" spans="1:9">
      <c r="A3703" s="1">
        <f ca="1">RAND()</f>
        <v>0.26668748512087681</v>
      </c>
      <c r="B3703" s="1"/>
      <c r="C3703">
        <v>15</v>
      </c>
      <c r="D3703" t="s">
        <v>8122</v>
      </c>
      <c r="E3703" t="s">
        <v>31947</v>
      </c>
      <c r="F3703">
        <v>2</v>
      </c>
      <c r="G3703" t="s">
        <v>0</v>
      </c>
      <c r="H3703" t="s">
        <v>8123</v>
      </c>
      <c r="I3703" t="s">
        <v>30540</v>
      </c>
    </row>
    <row r="3704" spans="1:9">
      <c r="A3704" s="1">
        <f ca="1">RAND()</f>
        <v>0.79551815342671406</v>
      </c>
      <c r="B3704" s="1"/>
      <c r="C3704">
        <v>16</v>
      </c>
      <c r="D3704" t="s">
        <v>8110</v>
      </c>
      <c r="E3704" t="s">
        <v>31948</v>
      </c>
      <c r="F3704">
        <v>5</v>
      </c>
      <c r="G3704" t="s">
        <v>1</v>
      </c>
      <c r="H3704" t="s">
        <v>8111</v>
      </c>
      <c r="I3704" t="s">
        <v>30540</v>
      </c>
    </row>
    <row r="3705" spans="1:9">
      <c r="A3705" s="1">
        <f ca="1">RAND()</f>
        <v>0.16330213228206858</v>
      </c>
      <c r="B3705" s="1"/>
      <c r="C3705">
        <v>4</v>
      </c>
      <c r="D3705" t="s">
        <v>8108</v>
      </c>
      <c r="E3705" t="s">
        <v>31948</v>
      </c>
      <c r="F3705">
        <v>4</v>
      </c>
      <c r="G3705" t="s">
        <v>9</v>
      </c>
      <c r="H3705" t="s">
        <v>8109</v>
      </c>
      <c r="I3705" t="s">
        <v>30540</v>
      </c>
    </row>
    <row r="3706" spans="1:9">
      <c r="A3706" s="1">
        <f ca="1">RAND()</f>
        <v>0.7068897885511648</v>
      </c>
      <c r="B3706" s="1"/>
      <c r="C3706">
        <v>1</v>
      </c>
      <c r="D3706" t="s">
        <v>8106</v>
      </c>
      <c r="E3706" t="s">
        <v>31948</v>
      </c>
      <c r="F3706">
        <v>4</v>
      </c>
      <c r="G3706" t="s">
        <v>10</v>
      </c>
      <c r="H3706" t="s">
        <v>8107</v>
      </c>
      <c r="I3706" t="s">
        <v>30540</v>
      </c>
    </row>
    <row r="3707" spans="1:9">
      <c r="A3707" s="1">
        <f ca="1">RAND()</f>
        <v>8.7445207982967954E-3</v>
      </c>
      <c r="B3707" s="1"/>
      <c r="C3707">
        <v>15</v>
      </c>
      <c r="D3707" t="s">
        <v>8104</v>
      </c>
      <c r="E3707" t="s">
        <v>31949</v>
      </c>
      <c r="F3707">
        <v>5</v>
      </c>
      <c r="G3707" t="s">
        <v>0</v>
      </c>
      <c r="H3707" t="s">
        <v>8105</v>
      </c>
      <c r="I3707" t="s">
        <v>30540</v>
      </c>
    </row>
    <row r="3708" spans="1:9">
      <c r="A3708" s="1">
        <f ca="1">RAND()</f>
        <v>0.78041806657293999</v>
      </c>
      <c r="B3708" s="1"/>
      <c r="C3708">
        <v>1</v>
      </c>
      <c r="D3708" t="s">
        <v>8102</v>
      </c>
      <c r="E3708" t="s">
        <v>31949</v>
      </c>
      <c r="F3708">
        <v>3</v>
      </c>
      <c r="G3708" t="s">
        <v>0</v>
      </c>
      <c r="H3708" t="s">
        <v>8103</v>
      </c>
      <c r="I3708" t="s">
        <v>30540</v>
      </c>
    </row>
    <row r="3709" spans="1:9">
      <c r="A3709" s="1">
        <f ca="1">RAND()</f>
        <v>0.14680335628427288</v>
      </c>
      <c r="B3709" s="1"/>
      <c r="C3709">
        <v>16</v>
      </c>
      <c r="D3709" t="s">
        <v>8096</v>
      </c>
      <c r="E3709" t="s">
        <v>31950</v>
      </c>
      <c r="F3709">
        <v>4</v>
      </c>
      <c r="G3709" t="s">
        <v>10</v>
      </c>
      <c r="H3709" t="s">
        <v>8097</v>
      </c>
      <c r="I3709" t="s">
        <v>30540</v>
      </c>
    </row>
    <row r="3710" spans="1:9">
      <c r="A3710" s="1">
        <f ca="1">RAND()</f>
        <v>0.28850439048321463</v>
      </c>
      <c r="B3710" s="1"/>
      <c r="C3710">
        <v>17</v>
      </c>
      <c r="D3710" t="s">
        <v>8098</v>
      </c>
      <c r="E3710" t="s">
        <v>31950</v>
      </c>
      <c r="F3710">
        <v>4</v>
      </c>
      <c r="G3710" t="s">
        <v>0</v>
      </c>
      <c r="H3710" t="s">
        <v>8099</v>
      </c>
      <c r="I3710" t="s">
        <v>30540</v>
      </c>
    </row>
    <row r="3711" spans="1:9">
      <c r="A3711" s="1">
        <f ca="1">RAND()</f>
        <v>0.26001729718351085</v>
      </c>
      <c r="B3711" s="1"/>
      <c r="C3711">
        <v>5</v>
      </c>
      <c r="D3711" t="s">
        <v>8092</v>
      </c>
      <c r="E3711" t="s">
        <v>31950</v>
      </c>
      <c r="F3711">
        <v>4</v>
      </c>
      <c r="G3711" t="s">
        <v>0</v>
      </c>
      <c r="H3711" t="s">
        <v>8093</v>
      </c>
      <c r="I3711" t="s">
        <v>30540</v>
      </c>
    </row>
    <row r="3712" spans="1:9">
      <c r="A3712" s="1">
        <f ca="1">RAND()</f>
        <v>0.87172172717716989</v>
      </c>
      <c r="B3712" s="1"/>
      <c r="C3712">
        <v>13</v>
      </c>
      <c r="D3712" t="s">
        <v>8094</v>
      </c>
      <c r="E3712" t="s">
        <v>31950</v>
      </c>
      <c r="F3712">
        <v>4</v>
      </c>
      <c r="G3712" t="s">
        <v>774</v>
      </c>
      <c r="H3712" t="s">
        <v>8095</v>
      </c>
      <c r="I3712" t="s">
        <v>30540</v>
      </c>
    </row>
    <row r="3713" spans="1:9">
      <c r="A3713" s="1">
        <f ca="1">RAND()</f>
        <v>0.44687676487070804</v>
      </c>
      <c r="B3713" s="1"/>
      <c r="C3713">
        <v>18</v>
      </c>
      <c r="D3713" t="s">
        <v>8100</v>
      </c>
      <c r="E3713" t="s">
        <v>31950</v>
      </c>
      <c r="F3713">
        <v>4</v>
      </c>
      <c r="G3713" t="s">
        <v>0</v>
      </c>
      <c r="H3713" t="s">
        <v>8101</v>
      </c>
      <c r="I3713" t="s">
        <v>30540</v>
      </c>
    </row>
    <row r="3714" spans="1:9">
      <c r="A3714" s="1">
        <f ca="1">RAND()</f>
        <v>0.47572803689737198</v>
      </c>
      <c r="B3714" s="1"/>
      <c r="C3714">
        <v>1</v>
      </c>
      <c r="D3714" t="s">
        <v>8090</v>
      </c>
      <c r="E3714" t="s">
        <v>31950</v>
      </c>
      <c r="F3714">
        <v>2</v>
      </c>
      <c r="G3714" t="s">
        <v>14</v>
      </c>
      <c r="H3714" t="s">
        <v>8091</v>
      </c>
      <c r="I3714" t="s">
        <v>30540</v>
      </c>
    </row>
    <row r="3715" spans="1:9">
      <c r="A3715" s="1">
        <f ca="1">RAND()</f>
        <v>0.88342552546057684</v>
      </c>
      <c r="B3715" s="1"/>
      <c r="C3715">
        <v>7</v>
      </c>
      <c r="D3715" t="s">
        <v>8088</v>
      </c>
      <c r="E3715" t="s">
        <v>31951</v>
      </c>
      <c r="F3715">
        <v>4</v>
      </c>
      <c r="G3715" t="s">
        <v>9</v>
      </c>
      <c r="H3715" t="s">
        <v>8089</v>
      </c>
      <c r="I3715" t="s">
        <v>30540</v>
      </c>
    </row>
    <row r="3716" spans="1:9">
      <c r="A3716" s="1">
        <f ca="1">RAND()</f>
        <v>0.26121531967509792</v>
      </c>
      <c r="B3716" s="1"/>
      <c r="C3716">
        <v>6</v>
      </c>
      <c r="D3716" t="s">
        <v>8086</v>
      </c>
      <c r="E3716" t="s">
        <v>31951</v>
      </c>
      <c r="F3716">
        <v>4</v>
      </c>
      <c r="G3716" t="s">
        <v>0</v>
      </c>
      <c r="H3716" t="s">
        <v>8087</v>
      </c>
      <c r="I3716" t="s">
        <v>30540</v>
      </c>
    </row>
    <row r="3717" spans="1:9">
      <c r="A3717" s="1">
        <f ca="1">RAND()</f>
        <v>0.15747368804177941</v>
      </c>
      <c r="B3717" s="1"/>
      <c r="C3717">
        <v>2</v>
      </c>
      <c r="D3717" t="s">
        <v>8084</v>
      </c>
      <c r="E3717" t="s">
        <v>31951</v>
      </c>
      <c r="F3717">
        <v>4</v>
      </c>
      <c r="G3717" t="s">
        <v>0</v>
      </c>
      <c r="H3717" t="s">
        <v>8085</v>
      </c>
      <c r="I3717" t="s">
        <v>30540</v>
      </c>
    </row>
    <row r="3718" spans="1:9">
      <c r="A3718" s="1">
        <f ca="1">RAND()</f>
        <v>0.67681795910068177</v>
      </c>
      <c r="B3718" s="1"/>
      <c r="C3718">
        <v>17</v>
      </c>
      <c r="D3718" t="s">
        <v>8082</v>
      </c>
      <c r="E3718" t="s">
        <v>31952</v>
      </c>
      <c r="F3718">
        <v>4</v>
      </c>
      <c r="G3718" t="s">
        <v>770</v>
      </c>
      <c r="H3718" t="s">
        <v>8083</v>
      </c>
      <c r="I3718" t="s">
        <v>30540</v>
      </c>
    </row>
    <row r="3719" spans="1:9">
      <c r="A3719" s="1">
        <f ca="1">RAND()</f>
        <v>8.1426361920155288E-2</v>
      </c>
      <c r="B3719" s="1"/>
      <c r="C3719">
        <v>15</v>
      </c>
      <c r="D3719" t="s">
        <v>8080</v>
      </c>
      <c r="E3719" t="s">
        <v>31952</v>
      </c>
      <c r="F3719">
        <v>3</v>
      </c>
      <c r="G3719" t="s">
        <v>771</v>
      </c>
      <c r="H3719" t="s">
        <v>8081</v>
      </c>
      <c r="I3719" t="s">
        <v>30540</v>
      </c>
    </row>
    <row r="3720" spans="1:9">
      <c r="A3720" s="1">
        <f ca="1">RAND()</f>
        <v>0.88763651766317431</v>
      </c>
      <c r="B3720" s="1"/>
      <c r="C3720">
        <v>9</v>
      </c>
      <c r="D3720" t="s">
        <v>8076</v>
      </c>
      <c r="E3720" t="s">
        <v>31952</v>
      </c>
      <c r="F3720">
        <v>2</v>
      </c>
      <c r="G3720" t="s">
        <v>0</v>
      </c>
      <c r="H3720" t="s">
        <v>8077</v>
      </c>
      <c r="I3720" t="s">
        <v>30540</v>
      </c>
    </row>
    <row r="3721" spans="1:9">
      <c r="A3721" s="1">
        <f ca="1">RAND()</f>
        <v>0.2004824395223912</v>
      </c>
      <c r="B3721" s="1"/>
      <c r="C3721">
        <v>14</v>
      </c>
      <c r="D3721" t="s">
        <v>8078</v>
      </c>
      <c r="E3721" t="s">
        <v>31952</v>
      </c>
      <c r="F3721">
        <v>2</v>
      </c>
      <c r="G3721" t="s">
        <v>9</v>
      </c>
      <c r="H3721" t="s">
        <v>8079</v>
      </c>
      <c r="I3721" t="s">
        <v>30540</v>
      </c>
    </row>
    <row r="3722" spans="1:9">
      <c r="A3722" s="1">
        <f ca="1">RAND()</f>
        <v>0.73095573812253789</v>
      </c>
      <c r="B3722" s="1"/>
      <c r="C3722">
        <v>5</v>
      </c>
      <c r="D3722" t="s">
        <v>8068</v>
      </c>
      <c r="E3722" t="s">
        <v>31953</v>
      </c>
      <c r="F3722">
        <v>5</v>
      </c>
      <c r="G3722" t="s">
        <v>14</v>
      </c>
      <c r="H3722" t="s">
        <v>8069</v>
      </c>
      <c r="I3722" t="s">
        <v>30540</v>
      </c>
    </row>
    <row r="3723" spans="1:9">
      <c r="A3723" s="1">
        <f ca="1">RAND()</f>
        <v>0.70339905098722288</v>
      </c>
      <c r="B3723" s="1"/>
      <c r="C3723">
        <v>2</v>
      </c>
      <c r="D3723" t="s">
        <v>8066</v>
      </c>
      <c r="E3723" t="s">
        <v>31953</v>
      </c>
      <c r="F3723">
        <v>4</v>
      </c>
      <c r="G3723" t="s">
        <v>0</v>
      </c>
      <c r="H3723" t="s">
        <v>8067</v>
      </c>
      <c r="I3723" t="s">
        <v>30540</v>
      </c>
    </row>
    <row r="3724" spans="1:9">
      <c r="A3724" s="1">
        <f ca="1">RAND()</f>
        <v>0.130388410947606</v>
      </c>
      <c r="B3724" s="1"/>
      <c r="C3724">
        <v>9</v>
      </c>
      <c r="D3724" t="s">
        <v>8070</v>
      </c>
      <c r="E3724" t="s">
        <v>31953</v>
      </c>
      <c r="F3724">
        <v>4</v>
      </c>
      <c r="G3724" t="s">
        <v>14</v>
      </c>
      <c r="H3724" t="s">
        <v>8071</v>
      </c>
      <c r="I3724" t="s">
        <v>30540</v>
      </c>
    </row>
    <row r="3725" spans="1:9">
      <c r="A3725" s="1">
        <f ca="1">RAND()</f>
        <v>0.71174799099769026</v>
      </c>
      <c r="B3725" s="1"/>
      <c r="C3725">
        <v>1</v>
      </c>
      <c r="D3725" t="s">
        <v>8064</v>
      </c>
      <c r="E3725" t="s">
        <v>31953</v>
      </c>
      <c r="F3725">
        <v>4</v>
      </c>
      <c r="G3725" t="s">
        <v>15</v>
      </c>
      <c r="H3725" t="s">
        <v>8065</v>
      </c>
      <c r="I3725" t="s">
        <v>30540</v>
      </c>
    </row>
    <row r="3726" spans="1:9">
      <c r="A3726" s="1">
        <f ca="1">RAND()</f>
        <v>2.1777066002844347E-2</v>
      </c>
      <c r="B3726" s="1"/>
      <c r="C3726">
        <v>13</v>
      </c>
      <c r="D3726" t="s">
        <v>8074</v>
      </c>
      <c r="E3726" t="s">
        <v>31953</v>
      </c>
      <c r="F3726">
        <v>4</v>
      </c>
      <c r="G3726" t="s">
        <v>0</v>
      </c>
      <c r="H3726" t="s">
        <v>8075</v>
      </c>
      <c r="I3726" t="s">
        <v>30540</v>
      </c>
    </row>
    <row r="3727" spans="1:9">
      <c r="A3727" s="1">
        <f ca="1">RAND()</f>
        <v>0.2898592210577019</v>
      </c>
      <c r="B3727" s="1"/>
      <c r="C3727">
        <v>12</v>
      </c>
      <c r="D3727" t="s">
        <v>8072</v>
      </c>
      <c r="E3727" t="s">
        <v>31953</v>
      </c>
      <c r="F3727">
        <v>4</v>
      </c>
      <c r="G3727" t="s">
        <v>0</v>
      </c>
      <c r="H3727" t="s">
        <v>8073</v>
      </c>
      <c r="I3727" t="s">
        <v>30540</v>
      </c>
    </row>
    <row r="3728" spans="1:9">
      <c r="A3728" s="1">
        <f ca="1">RAND()</f>
        <v>0.15617485534498388</v>
      </c>
      <c r="B3728" s="1"/>
      <c r="C3728">
        <v>19</v>
      </c>
      <c r="D3728" t="s">
        <v>8062</v>
      </c>
      <c r="E3728" t="s">
        <v>31954</v>
      </c>
      <c r="F3728">
        <v>5</v>
      </c>
      <c r="G3728" t="s">
        <v>0</v>
      </c>
      <c r="H3728" t="s">
        <v>8063</v>
      </c>
      <c r="I3728" t="s">
        <v>30540</v>
      </c>
    </row>
    <row r="3729" spans="1:9">
      <c r="A3729" s="1">
        <f ca="1">RAND()</f>
        <v>0.68611026504881056</v>
      </c>
      <c r="B3729" s="1"/>
      <c r="C3729">
        <v>14</v>
      </c>
      <c r="D3729" t="s">
        <v>8060</v>
      </c>
      <c r="E3729" t="s">
        <v>31954</v>
      </c>
      <c r="F3729">
        <v>4</v>
      </c>
      <c r="G3729" t="s">
        <v>9</v>
      </c>
      <c r="H3729" t="s">
        <v>8061</v>
      </c>
      <c r="I3729" t="s">
        <v>30540</v>
      </c>
    </row>
    <row r="3730" spans="1:9">
      <c r="A3730" s="1">
        <f ca="1">RAND()</f>
        <v>0.6014335502381194</v>
      </c>
      <c r="B3730" s="1"/>
      <c r="C3730">
        <v>12</v>
      </c>
      <c r="D3730" t="s">
        <v>8058</v>
      </c>
      <c r="E3730" t="s">
        <v>31954</v>
      </c>
      <c r="F3730">
        <v>4</v>
      </c>
      <c r="G3730" t="s">
        <v>15</v>
      </c>
      <c r="H3730" t="s">
        <v>8059</v>
      </c>
      <c r="I3730" t="s">
        <v>30540</v>
      </c>
    </row>
    <row r="3731" spans="1:9">
      <c r="A3731" s="1">
        <f ca="1">RAND()</f>
        <v>0.74995174627365657</v>
      </c>
      <c r="B3731" s="1"/>
      <c r="C3731">
        <v>10</v>
      </c>
      <c r="D3731" t="s">
        <v>8052</v>
      </c>
      <c r="E3731" t="s">
        <v>31955</v>
      </c>
      <c r="F3731">
        <v>4</v>
      </c>
      <c r="G3731" t="s">
        <v>2</v>
      </c>
      <c r="H3731" t="s">
        <v>8053</v>
      </c>
      <c r="I3731" t="s">
        <v>30540</v>
      </c>
    </row>
    <row r="3732" spans="1:9">
      <c r="A3732" s="1">
        <f ca="1">RAND()</f>
        <v>0.32784277578526555</v>
      </c>
      <c r="B3732" s="1"/>
      <c r="C3732">
        <v>12</v>
      </c>
      <c r="D3732" t="s">
        <v>8056</v>
      </c>
      <c r="E3732" t="s">
        <v>31955</v>
      </c>
      <c r="F3732">
        <v>4</v>
      </c>
      <c r="G3732" t="s">
        <v>0</v>
      </c>
      <c r="H3732" t="s">
        <v>8057</v>
      </c>
      <c r="I3732" t="s">
        <v>30540</v>
      </c>
    </row>
    <row r="3733" spans="1:9">
      <c r="A3733" s="1">
        <f ca="1">RAND()</f>
        <v>0.1400418714496442</v>
      </c>
      <c r="B3733" s="1"/>
      <c r="C3733">
        <v>11</v>
      </c>
      <c r="D3733" t="s">
        <v>8054</v>
      </c>
      <c r="E3733" t="s">
        <v>31955</v>
      </c>
      <c r="F3733">
        <v>4</v>
      </c>
      <c r="G3733" t="s">
        <v>769</v>
      </c>
      <c r="H3733" t="s">
        <v>8055</v>
      </c>
      <c r="I3733" t="s">
        <v>30540</v>
      </c>
    </row>
    <row r="3734" spans="1:9">
      <c r="A3734" s="1">
        <f ca="1">RAND()</f>
        <v>0.3614861414317172</v>
      </c>
      <c r="B3734" s="1"/>
      <c r="C3734">
        <v>8</v>
      </c>
      <c r="D3734" t="s">
        <v>8050</v>
      </c>
      <c r="E3734" t="s">
        <v>31955</v>
      </c>
      <c r="F3734">
        <v>3</v>
      </c>
      <c r="G3734" t="s">
        <v>0</v>
      </c>
      <c r="H3734" t="s">
        <v>8051</v>
      </c>
      <c r="I3734" t="s">
        <v>30540</v>
      </c>
    </row>
    <row r="3735" spans="1:9">
      <c r="A3735" s="1">
        <f ca="1">RAND()</f>
        <v>0.79244483829293832</v>
      </c>
      <c r="B3735" s="1"/>
      <c r="C3735">
        <v>5</v>
      </c>
      <c r="D3735" t="s">
        <v>8046</v>
      </c>
      <c r="E3735" t="s">
        <v>31956</v>
      </c>
      <c r="F3735">
        <v>5</v>
      </c>
      <c r="G3735" t="s">
        <v>1</v>
      </c>
      <c r="H3735" t="s">
        <v>8047</v>
      </c>
      <c r="I3735" t="s">
        <v>30540</v>
      </c>
    </row>
    <row r="3736" spans="1:9">
      <c r="A3736" s="1">
        <f ca="1">RAND()</f>
        <v>0.63744291657381658</v>
      </c>
      <c r="B3736" s="1"/>
      <c r="C3736">
        <v>3</v>
      </c>
      <c r="D3736" t="s">
        <v>8044</v>
      </c>
      <c r="E3736" t="s">
        <v>31956</v>
      </c>
      <c r="F3736">
        <v>4</v>
      </c>
      <c r="G3736" t="s">
        <v>0</v>
      </c>
      <c r="H3736" t="s">
        <v>8045</v>
      </c>
      <c r="I3736" t="s">
        <v>30540</v>
      </c>
    </row>
    <row r="3737" spans="1:9">
      <c r="A3737" s="1">
        <f ca="1">RAND()</f>
        <v>0.58074850001283529</v>
      </c>
      <c r="B3737" s="1"/>
      <c r="C3737">
        <v>7</v>
      </c>
      <c r="D3737" t="s">
        <v>8048</v>
      </c>
      <c r="E3737" t="s">
        <v>31956</v>
      </c>
      <c r="F3737">
        <v>3</v>
      </c>
      <c r="G3737" t="s">
        <v>15</v>
      </c>
      <c r="H3737" t="s">
        <v>8049</v>
      </c>
      <c r="I3737" t="s">
        <v>30540</v>
      </c>
    </row>
    <row r="3738" spans="1:9">
      <c r="A3738" s="1">
        <f ca="1">RAND()</f>
        <v>0.53940250249809985</v>
      </c>
      <c r="B3738" s="1"/>
      <c r="C3738">
        <v>9</v>
      </c>
      <c r="D3738" t="s">
        <v>8042</v>
      </c>
      <c r="E3738" t="s">
        <v>31957</v>
      </c>
      <c r="F3738">
        <v>5</v>
      </c>
      <c r="G3738" t="s">
        <v>9</v>
      </c>
      <c r="H3738" t="s">
        <v>8043</v>
      </c>
      <c r="I3738" t="s">
        <v>30540</v>
      </c>
    </row>
    <row r="3739" spans="1:9">
      <c r="A3739" s="1">
        <f ca="1">RAND()</f>
        <v>0.25049858205634035</v>
      </c>
      <c r="B3739" s="1"/>
      <c r="C3739">
        <v>1</v>
      </c>
      <c r="D3739" t="s">
        <v>8040</v>
      </c>
      <c r="E3739" t="s">
        <v>31957</v>
      </c>
      <c r="F3739">
        <v>4</v>
      </c>
      <c r="G3739" t="s">
        <v>770</v>
      </c>
      <c r="H3739" t="s">
        <v>8041</v>
      </c>
      <c r="I3739" t="s">
        <v>30540</v>
      </c>
    </row>
    <row r="3740" spans="1:9">
      <c r="A3740" s="1">
        <f ca="1">RAND()</f>
        <v>0.86708775588890485</v>
      </c>
      <c r="B3740" s="1"/>
      <c r="C3740">
        <v>11</v>
      </c>
      <c r="D3740" t="s">
        <v>8036</v>
      </c>
      <c r="E3740" t="s">
        <v>31958</v>
      </c>
      <c r="F3740">
        <v>4</v>
      </c>
      <c r="G3740" t="s">
        <v>0</v>
      </c>
      <c r="H3740" t="s">
        <v>8037</v>
      </c>
      <c r="I3740" t="s">
        <v>30540</v>
      </c>
    </row>
    <row r="3741" spans="1:9">
      <c r="A3741" s="1">
        <f ca="1">RAND()</f>
        <v>0.24330220104977518</v>
      </c>
      <c r="B3741" s="1"/>
      <c r="C3741">
        <v>2</v>
      </c>
      <c r="D3741" t="s">
        <v>8034</v>
      </c>
      <c r="E3741" t="s">
        <v>31958</v>
      </c>
      <c r="F3741">
        <v>4</v>
      </c>
      <c r="G3741" t="s">
        <v>2</v>
      </c>
      <c r="H3741" t="s">
        <v>8035</v>
      </c>
      <c r="I3741" t="s">
        <v>30540</v>
      </c>
    </row>
    <row r="3742" spans="1:9">
      <c r="A3742" s="1">
        <f ca="1">RAND()</f>
        <v>0.17579375098659777</v>
      </c>
      <c r="B3742" s="1"/>
      <c r="C3742">
        <v>13</v>
      </c>
      <c r="D3742" t="s">
        <v>8038</v>
      </c>
      <c r="E3742" t="s">
        <v>31958</v>
      </c>
      <c r="F3742">
        <v>3</v>
      </c>
      <c r="G3742" t="s">
        <v>15</v>
      </c>
      <c r="H3742" t="s">
        <v>8039</v>
      </c>
      <c r="I3742" t="s">
        <v>30540</v>
      </c>
    </row>
    <row r="3743" spans="1:9">
      <c r="A3743" s="1">
        <f ca="1">RAND()</f>
        <v>0.32939221348465864</v>
      </c>
      <c r="B3743" s="1"/>
      <c r="C3743">
        <v>15</v>
      </c>
      <c r="D3743" t="s">
        <v>8030</v>
      </c>
      <c r="E3743" t="s">
        <v>31959</v>
      </c>
      <c r="F3743">
        <v>5</v>
      </c>
      <c r="G3743" t="s">
        <v>762</v>
      </c>
      <c r="H3743" t="s">
        <v>8031</v>
      </c>
      <c r="I3743" t="s">
        <v>30540</v>
      </c>
    </row>
    <row r="3744" spans="1:9">
      <c r="A3744" s="1">
        <f ca="1">RAND()</f>
        <v>0.48802306563934839</v>
      </c>
      <c r="B3744" s="1"/>
      <c r="C3744">
        <v>20</v>
      </c>
      <c r="D3744" t="s">
        <v>8032</v>
      </c>
      <c r="E3744" t="s">
        <v>31959</v>
      </c>
      <c r="F3744">
        <v>5</v>
      </c>
      <c r="G3744" t="s">
        <v>774</v>
      </c>
      <c r="H3744" t="s">
        <v>8033</v>
      </c>
      <c r="I3744" t="s">
        <v>30540</v>
      </c>
    </row>
    <row r="3745" spans="1:9">
      <c r="A3745" s="1">
        <f ca="1">RAND()</f>
        <v>0.37963197726644371</v>
      </c>
      <c r="B3745" s="1"/>
      <c r="C3745">
        <v>11</v>
      </c>
      <c r="D3745" t="s">
        <v>8024</v>
      </c>
      <c r="E3745" t="s">
        <v>31960</v>
      </c>
      <c r="F3745">
        <v>4</v>
      </c>
      <c r="G3745" t="s">
        <v>0</v>
      </c>
      <c r="H3745" t="s">
        <v>8025</v>
      </c>
      <c r="I3745" t="s">
        <v>30540</v>
      </c>
    </row>
    <row r="3746" spans="1:9">
      <c r="A3746" s="1">
        <f ca="1">RAND()</f>
        <v>0.8051109037075882</v>
      </c>
      <c r="B3746" s="1"/>
      <c r="C3746">
        <v>12</v>
      </c>
      <c r="D3746" t="s">
        <v>8026</v>
      </c>
      <c r="E3746" t="s">
        <v>31960</v>
      </c>
      <c r="F3746">
        <v>4</v>
      </c>
      <c r="G3746" t="s">
        <v>770</v>
      </c>
      <c r="H3746" t="s">
        <v>8027</v>
      </c>
      <c r="I3746" t="s">
        <v>30540</v>
      </c>
    </row>
    <row r="3747" spans="1:9">
      <c r="A3747" s="1">
        <f ca="1">RAND()</f>
        <v>9.117031404860565E-2</v>
      </c>
      <c r="B3747" s="1"/>
      <c r="C3747">
        <v>19</v>
      </c>
      <c r="D3747" t="s">
        <v>8028</v>
      </c>
      <c r="E3747" t="s">
        <v>31960</v>
      </c>
      <c r="F3747">
        <v>4</v>
      </c>
      <c r="G3747" t="s">
        <v>2</v>
      </c>
      <c r="H3747" t="s">
        <v>8029</v>
      </c>
      <c r="I3747" t="s">
        <v>30540</v>
      </c>
    </row>
    <row r="3748" spans="1:9">
      <c r="A3748" s="1">
        <f ca="1">RAND()</f>
        <v>1.0057630349024183E-2</v>
      </c>
      <c r="B3748" s="1"/>
      <c r="C3748">
        <v>5</v>
      </c>
      <c r="D3748" t="s">
        <v>8022</v>
      </c>
      <c r="E3748" t="s">
        <v>31960</v>
      </c>
      <c r="F3748">
        <v>4</v>
      </c>
      <c r="G3748" t="s">
        <v>15</v>
      </c>
      <c r="H3748" t="s">
        <v>8023</v>
      </c>
      <c r="I3748" t="s">
        <v>30540</v>
      </c>
    </row>
    <row r="3749" spans="1:9">
      <c r="A3749" s="1">
        <f ca="1">RAND()</f>
        <v>0.34975974041815416</v>
      </c>
      <c r="B3749" s="1"/>
      <c r="C3749">
        <v>2</v>
      </c>
      <c r="D3749" t="s">
        <v>8016</v>
      </c>
      <c r="E3749" t="s">
        <v>31960</v>
      </c>
      <c r="F3749">
        <v>4</v>
      </c>
      <c r="G3749" t="s">
        <v>14</v>
      </c>
      <c r="H3749" t="s">
        <v>8017</v>
      </c>
      <c r="I3749" t="s">
        <v>30540</v>
      </c>
    </row>
    <row r="3750" spans="1:9">
      <c r="A3750" s="1">
        <f ca="1">RAND()</f>
        <v>6.7596816831471673E-2</v>
      </c>
      <c r="B3750" s="1"/>
      <c r="C3750">
        <v>3</v>
      </c>
      <c r="D3750" t="s">
        <v>8018</v>
      </c>
      <c r="E3750" t="s">
        <v>31960</v>
      </c>
      <c r="F3750">
        <v>4</v>
      </c>
      <c r="G3750" t="s">
        <v>774</v>
      </c>
      <c r="H3750" t="s">
        <v>8019</v>
      </c>
      <c r="I3750" t="s">
        <v>30540</v>
      </c>
    </row>
    <row r="3751" spans="1:9">
      <c r="A3751" s="1">
        <f ca="1">RAND()</f>
        <v>0.9863150647879898</v>
      </c>
      <c r="B3751" s="1"/>
      <c r="C3751">
        <v>4</v>
      </c>
      <c r="D3751" t="s">
        <v>8020</v>
      </c>
      <c r="E3751" t="s">
        <v>31960</v>
      </c>
      <c r="F3751">
        <v>4</v>
      </c>
      <c r="G3751" t="s">
        <v>770</v>
      </c>
      <c r="H3751" t="s">
        <v>8021</v>
      </c>
      <c r="I3751" t="s">
        <v>30540</v>
      </c>
    </row>
    <row r="3752" spans="1:9">
      <c r="A3752" s="1">
        <f ca="1">RAND()</f>
        <v>5.9456685662535258E-2</v>
      </c>
      <c r="B3752" s="1"/>
      <c r="C3752">
        <v>12</v>
      </c>
      <c r="D3752" t="s">
        <v>8014</v>
      </c>
      <c r="E3752" t="s">
        <v>31961</v>
      </c>
      <c r="F3752">
        <v>5</v>
      </c>
      <c r="G3752" t="s">
        <v>0</v>
      </c>
      <c r="H3752" t="s">
        <v>8015</v>
      </c>
      <c r="I3752" t="s">
        <v>30540</v>
      </c>
    </row>
    <row r="3753" spans="1:9">
      <c r="A3753" s="1">
        <f ca="1">RAND()</f>
        <v>0.26402585702296766</v>
      </c>
      <c r="B3753" s="1"/>
      <c r="C3753">
        <v>6</v>
      </c>
      <c r="D3753" t="s">
        <v>8010</v>
      </c>
      <c r="E3753" t="s">
        <v>31961</v>
      </c>
      <c r="F3753">
        <v>4</v>
      </c>
      <c r="G3753" t="s">
        <v>0</v>
      </c>
      <c r="H3753" t="s">
        <v>8011</v>
      </c>
      <c r="I3753" t="s">
        <v>30540</v>
      </c>
    </row>
    <row r="3754" spans="1:9">
      <c r="A3754" s="1">
        <f ca="1">RAND()</f>
        <v>0.8597688756905395</v>
      </c>
      <c r="B3754" s="1"/>
      <c r="C3754">
        <v>11</v>
      </c>
      <c r="D3754" t="s">
        <v>8012</v>
      </c>
      <c r="E3754" t="s">
        <v>31961</v>
      </c>
      <c r="F3754">
        <v>4</v>
      </c>
      <c r="G3754" t="s">
        <v>0</v>
      </c>
      <c r="H3754" t="s">
        <v>8013</v>
      </c>
      <c r="I3754" t="s">
        <v>30540</v>
      </c>
    </row>
    <row r="3755" spans="1:9">
      <c r="A3755" s="1">
        <f ca="1">RAND()</f>
        <v>0.21219889668135916</v>
      </c>
      <c r="B3755" s="1"/>
      <c r="C3755">
        <v>2</v>
      </c>
      <c r="D3755" t="s">
        <v>8004</v>
      </c>
      <c r="E3755" t="s">
        <v>31962</v>
      </c>
      <c r="F3755">
        <v>4</v>
      </c>
      <c r="G3755" t="s">
        <v>770</v>
      </c>
      <c r="H3755" t="s">
        <v>8005</v>
      </c>
      <c r="I3755" t="s">
        <v>30540</v>
      </c>
    </row>
    <row r="3756" spans="1:9">
      <c r="A3756" s="1">
        <f ca="1">RAND()</f>
        <v>0.82655746890172088</v>
      </c>
      <c r="B3756" s="1"/>
      <c r="C3756">
        <v>7</v>
      </c>
      <c r="D3756" t="s">
        <v>8006</v>
      </c>
      <c r="E3756" t="s">
        <v>31962</v>
      </c>
      <c r="F3756">
        <v>4</v>
      </c>
      <c r="G3756" t="s">
        <v>15</v>
      </c>
      <c r="H3756" t="s">
        <v>8007</v>
      </c>
      <c r="I3756" t="s">
        <v>30540</v>
      </c>
    </row>
    <row r="3757" spans="1:9">
      <c r="A3757" s="1">
        <f ca="1">RAND()</f>
        <v>0.73398498038065196</v>
      </c>
      <c r="B3757" s="1"/>
      <c r="C3757">
        <v>16</v>
      </c>
      <c r="D3757" t="s">
        <v>8008</v>
      </c>
      <c r="E3757" t="s">
        <v>31962</v>
      </c>
      <c r="F3757">
        <v>4</v>
      </c>
      <c r="G3757" t="s">
        <v>0</v>
      </c>
      <c r="H3757" t="s">
        <v>8009</v>
      </c>
      <c r="I3757" t="s">
        <v>30540</v>
      </c>
    </row>
    <row r="3758" spans="1:9">
      <c r="A3758" s="1">
        <f ca="1">RAND()</f>
        <v>0.1369620939655799</v>
      </c>
      <c r="B3758" s="1"/>
      <c r="C3758">
        <v>3</v>
      </c>
      <c r="D3758" t="s">
        <v>7996</v>
      </c>
      <c r="E3758" t="s">
        <v>31963</v>
      </c>
      <c r="F3758">
        <v>5</v>
      </c>
      <c r="G3758" t="s">
        <v>9</v>
      </c>
      <c r="H3758" t="s">
        <v>7997</v>
      </c>
      <c r="I3758" t="s">
        <v>30540</v>
      </c>
    </row>
    <row r="3759" spans="1:9">
      <c r="A3759" s="1">
        <f ca="1">RAND()</f>
        <v>0.4927621303798807</v>
      </c>
      <c r="B3759" s="1"/>
      <c r="C3759">
        <v>11</v>
      </c>
      <c r="D3759" t="s">
        <v>8002</v>
      </c>
      <c r="E3759" t="s">
        <v>31963</v>
      </c>
      <c r="F3759">
        <v>4</v>
      </c>
      <c r="G3759" t="s">
        <v>0</v>
      </c>
      <c r="H3759" t="s">
        <v>8003</v>
      </c>
      <c r="I3759" t="s">
        <v>30540</v>
      </c>
    </row>
    <row r="3760" spans="1:9">
      <c r="A3760" s="1">
        <f ca="1">RAND()</f>
        <v>0.30071627745288454</v>
      </c>
      <c r="B3760" s="1"/>
      <c r="C3760">
        <v>8</v>
      </c>
      <c r="D3760" t="s">
        <v>8000</v>
      </c>
      <c r="E3760" t="s">
        <v>31963</v>
      </c>
      <c r="F3760">
        <v>4</v>
      </c>
      <c r="G3760" t="s">
        <v>9</v>
      </c>
      <c r="H3760" t="s">
        <v>8001</v>
      </c>
      <c r="I3760" t="s">
        <v>30540</v>
      </c>
    </row>
    <row r="3761" spans="1:9">
      <c r="A3761" s="1">
        <f ca="1">RAND()</f>
        <v>2.2231667030361502E-2</v>
      </c>
      <c r="B3761" s="1"/>
      <c r="C3761">
        <v>4</v>
      </c>
      <c r="D3761" t="s">
        <v>7998</v>
      </c>
      <c r="E3761" t="s">
        <v>31963</v>
      </c>
      <c r="F3761">
        <v>2</v>
      </c>
      <c r="G3761" t="s">
        <v>1</v>
      </c>
      <c r="H3761" t="s">
        <v>7999</v>
      </c>
      <c r="I3761" t="s">
        <v>30540</v>
      </c>
    </row>
    <row r="3762" spans="1:9">
      <c r="A3762" s="1">
        <f ca="1">RAND()</f>
        <v>0.17933634146210553</v>
      </c>
      <c r="B3762" s="1"/>
      <c r="C3762">
        <v>9</v>
      </c>
      <c r="D3762" t="s">
        <v>7990</v>
      </c>
      <c r="E3762" t="s">
        <v>31964</v>
      </c>
      <c r="F3762">
        <v>5</v>
      </c>
      <c r="G3762" t="s">
        <v>0</v>
      </c>
      <c r="H3762" t="s">
        <v>7991</v>
      </c>
      <c r="I3762" t="s">
        <v>30540</v>
      </c>
    </row>
    <row r="3763" spans="1:9">
      <c r="A3763" s="1">
        <f ca="1">RAND()</f>
        <v>0.61096804618968881</v>
      </c>
      <c r="B3763" s="1"/>
      <c r="C3763">
        <v>16</v>
      </c>
      <c r="D3763" t="s">
        <v>7992</v>
      </c>
      <c r="E3763" t="s">
        <v>31964</v>
      </c>
      <c r="F3763">
        <v>4</v>
      </c>
      <c r="G3763" t="s">
        <v>9</v>
      </c>
      <c r="H3763" t="s">
        <v>7993</v>
      </c>
      <c r="I3763" t="s">
        <v>30540</v>
      </c>
    </row>
    <row r="3764" spans="1:9">
      <c r="A3764" s="1">
        <f ca="1">RAND()</f>
        <v>0.39667951882072316</v>
      </c>
      <c r="B3764" s="1"/>
      <c r="C3764">
        <v>17</v>
      </c>
      <c r="D3764" t="s">
        <v>7994</v>
      </c>
      <c r="E3764" t="s">
        <v>31964</v>
      </c>
      <c r="F3764">
        <v>3</v>
      </c>
      <c r="G3764" t="s">
        <v>0</v>
      </c>
      <c r="H3764" t="s">
        <v>7995</v>
      </c>
      <c r="I3764" t="s">
        <v>30540</v>
      </c>
    </row>
    <row r="3765" spans="1:9">
      <c r="A3765" s="1">
        <f ca="1">RAND()</f>
        <v>0.95545636795770594</v>
      </c>
      <c r="B3765" s="1"/>
      <c r="C3765">
        <v>20</v>
      </c>
      <c r="D3765" t="s">
        <v>7988</v>
      </c>
      <c r="E3765" t="s">
        <v>31965</v>
      </c>
      <c r="F3765">
        <v>5</v>
      </c>
      <c r="G3765" t="s">
        <v>0</v>
      </c>
      <c r="H3765" t="s">
        <v>7989</v>
      </c>
      <c r="I3765" t="s">
        <v>30540</v>
      </c>
    </row>
    <row r="3766" spans="1:9">
      <c r="A3766" s="1">
        <f ca="1">RAND()</f>
        <v>0.36598147188492614</v>
      </c>
      <c r="B3766" s="1"/>
      <c r="C3766">
        <v>5</v>
      </c>
      <c r="D3766" t="s">
        <v>7986</v>
      </c>
      <c r="E3766" t="s">
        <v>31965</v>
      </c>
      <c r="F3766">
        <v>4</v>
      </c>
      <c r="G3766" t="s">
        <v>770</v>
      </c>
      <c r="H3766" t="s">
        <v>7987</v>
      </c>
      <c r="I3766" t="s">
        <v>30540</v>
      </c>
    </row>
    <row r="3767" spans="1:9">
      <c r="A3767" s="1">
        <f ca="1">RAND()</f>
        <v>0.74899938116204812</v>
      </c>
      <c r="B3767" s="1"/>
      <c r="C3767">
        <v>6</v>
      </c>
      <c r="D3767" t="s">
        <v>7978</v>
      </c>
      <c r="E3767" t="s">
        <v>31966</v>
      </c>
      <c r="F3767">
        <v>4</v>
      </c>
      <c r="G3767" t="s">
        <v>13</v>
      </c>
      <c r="H3767" t="s">
        <v>7979</v>
      </c>
      <c r="I3767" t="s">
        <v>30540</v>
      </c>
    </row>
    <row r="3768" spans="1:9">
      <c r="A3768" s="1">
        <f ca="1">RAND()</f>
        <v>0.47447931885566486</v>
      </c>
      <c r="B3768" s="1"/>
      <c r="C3768">
        <v>12</v>
      </c>
      <c r="D3768" t="s">
        <v>7982</v>
      </c>
      <c r="E3768" t="s">
        <v>31966</v>
      </c>
      <c r="F3768">
        <v>4</v>
      </c>
      <c r="G3768" t="s">
        <v>2</v>
      </c>
      <c r="H3768" t="s">
        <v>7983</v>
      </c>
      <c r="I3768" t="s">
        <v>30540</v>
      </c>
    </row>
    <row r="3769" spans="1:9">
      <c r="A3769" s="1">
        <f ca="1">RAND()</f>
        <v>0.42307838496968087</v>
      </c>
      <c r="B3769" s="1"/>
      <c r="C3769">
        <v>14</v>
      </c>
      <c r="D3769" t="s">
        <v>7984</v>
      </c>
      <c r="E3769" t="s">
        <v>31966</v>
      </c>
      <c r="F3769">
        <v>3</v>
      </c>
      <c r="G3769" t="s">
        <v>0</v>
      </c>
      <c r="H3769" t="s">
        <v>7985</v>
      </c>
      <c r="I3769" t="s">
        <v>30540</v>
      </c>
    </row>
    <row r="3770" spans="1:9">
      <c r="A3770" s="1">
        <f ca="1">RAND()</f>
        <v>0.76822814960397889</v>
      </c>
      <c r="B3770" s="1"/>
      <c r="C3770">
        <v>7</v>
      </c>
      <c r="D3770" t="s">
        <v>7980</v>
      </c>
      <c r="E3770" t="s">
        <v>31966</v>
      </c>
      <c r="F3770">
        <v>2</v>
      </c>
      <c r="G3770" t="s">
        <v>0</v>
      </c>
      <c r="H3770" t="s">
        <v>7981</v>
      </c>
      <c r="I3770" t="s">
        <v>30540</v>
      </c>
    </row>
    <row r="3771" spans="1:9">
      <c r="A3771" s="1">
        <f ca="1">RAND()</f>
        <v>0.132510671615931</v>
      </c>
      <c r="B3771" s="1"/>
      <c r="C3771">
        <v>3</v>
      </c>
      <c r="D3771" t="s">
        <v>7972</v>
      </c>
      <c r="E3771" t="s">
        <v>31967</v>
      </c>
      <c r="F3771">
        <v>4</v>
      </c>
      <c r="G3771" t="s">
        <v>15</v>
      </c>
      <c r="H3771" t="s">
        <v>7973</v>
      </c>
      <c r="I3771" t="s">
        <v>30540</v>
      </c>
    </row>
    <row r="3772" spans="1:9">
      <c r="A3772" s="1">
        <f ca="1">RAND()</f>
        <v>0.3739297310321692</v>
      </c>
      <c r="B3772" s="1"/>
      <c r="C3772">
        <v>16</v>
      </c>
      <c r="D3772" t="s">
        <v>7976</v>
      </c>
      <c r="E3772" t="s">
        <v>31967</v>
      </c>
      <c r="F3772">
        <v>4</v>
      </c>
      <c r="G3772" t="s">
        <v>0</v>
      </c>
      <c r="H3772" t="s">
        <v>7977</v>
      </c>
      <c r="I3772" t="s">
        <v>30540</v>
      </c>
    </row>
    <row r="3773" spans="1:9">
      <c r="A3773" s="1">
        <f ca="1">RAND()</f>
        <v>0.46294373823619039</v>
      </c>
      <c r="B3773" s="1"/>
      <c r="C3773">
        <v>10</v>
      </c>
      <c r="D3773" t="s">
        <v>7974</v>
      </c>
      <c r="E3773" t="s">
        <v>31967</v>
      </c>
      <c r="F3773">
        <v>2</v>
      </c>
      <c r="G3773" t="s">
        <v>765</v>
      </c>
      <c r="H3773" t="s">
        <v>7975</v>
      </c>
      <c r="I3773" t="s">
        <v>30540</v>
      </c>
    </row>
    <row r="3774" spans="1:9">
      <c r="A3774" s="1">
        <f ca="1">RAND()</f>
        <v>6.1804057895311404E-2</v>
      </c>
      <c r="B3774" s="1"/>
      <c r="C3774">
        <v>17</v>
      </c>
      <c r="D3774" t="s">
        <v>7968</v>
      </c>
      <c r="E3774" t="s">
        <v>31968</v>
      </c>
      <c r="F3774">
        <v>5</v>
      </c>
      <c r="G3774" t="s">
        <v>0</v>
      </c>
      <c r="H3774" t="s">
        <v>7969</v>
      </c>
      <c r="I3774" t="s">
        <v>30540</v>
      </c>
    </row>
    <row r="3775" spans="1:9">
      <c r="A3775" s="1">
        <f ca="1">RAND()</f>
        <v>0.49240431247038186</v>
      </c>
      <c r="B3775" s="1"/>
      <c r="C3775">
        <v>5</v>
      </c>
      <c r="D3775" t="s">
        <v>7960</v>
      </c>
      <c r="E3775" t="s">
        <v>31968</v>
      </c>
      <c r="F3775">
        <v>4</v>
      </c>
      <c r="G3775" t="s">
        <v>0</v>
      </c>
      <c r="H3775" t="s">
        <v>7961</v>
      </c>
      <c r="I3775" t="s">
        <v>30540</v>
      </c>
    </row>
    <row r="3776" spans="1:9">
      <c r="A3776" s="1">
        <f ca="1">RAND()</f>
        <v>0.40334282324463888</v>
      </c>
      <c r="B3776" s="1"/>
      <c r="C3776">
        <v>20</v>
      </c>
      <c r="D3776" t="s">
        <v>7970</v>
      </c>
      <c r="E3776" t="s">
        <v>31968</v>
      </c>
      <c r="F3776">
        <v>4</v>
      </c>
      <c r="G3776" t="s">
        <v>10</v>
      </c>
      <c r="H3776" t="s">
        <v>7971</v>
      </c>
      <c r="I3776" t="s">
        <v>30540</v>
      </c>
    </row>
    <row r="3777" spans="1:9">
      <c r="A3777" s="1">
        <f ca="1">RAND()</f>
        <v>2.9028250378811848E-2</v>
      </c>
      <c r="B3777" s="1"/>
      <c r="C3777">
        <v>8</v>
      </c>
      <c r="D3777" t="s">
        <v>7962</v>
      </c>
      <c r="E3777" t="s">
        <v>31968</v>
      </c>
      <c r="F3777">
        <v>4</v>
      </c>
      <c r="G3777" t="s">
        <v>2</v>
      </c>
      <c r="H3777" t="s">
        <v>7963</v>
      </c>
      <c r="I3777" t="s">
        <v>30540</v>
      </c>
    </row>
    <row r="3778" spans="1:9">
      <c r="A3778" s="1">
        <f ca="1">RAND()</f>
        <v>9.6116446135392164E-2</v>
      </c>
      <c r="B3778" s="1"/>
      <c r="C3778">
        <v>14</v>
      </c>
      <c r="D3778" t="s">
        <v>7966</v>
      </c>
      <c r="E3778" t="s">
        <v>31968</v>
      </c>
      <c r="F3778">
        <v>4</v>
      </c>
      <c r="G3778" t="s">
        <v>0</v>
      </c>
      <c r="H3778" t="s">
        <v>7967</v>
      </c>
      <c r="I3778" t="s">
        <v>30540</v>
      </c>
    </row>
    <row r="3779" spans="1:9">
      <c r="A3779" s="1">
        <f ca="1">RAND()</f>
        <v>0.76983466966489988</v>
      </c>
      <c r="B3779" s="1"/>
      <c r="C3779">
        <v>2</v>
      </c>
      <c r="D3779" t="s">
        <v>7958</v>
      </c>
      <c r="E3779" t="s">
        <v>31968</v>
      </c>
      <c r="F3779">
        <v>2</v>
      </c>
      <c r="G3779" t="s">
        <v>1</v>
      </c>
      <c r="H3779" t="s">
        <v>7959</v>
      </c>
      <c r="I3779" t="s">
        <v>30540</v>
      </c>
    </row>
    <row r="3780" spans="1:9">
      <c r="A3780" s="1">
        <f ca="1">RAND()</f>
        <v>0.86335126662595052</v>
      </c>
      <c r="B3780" s="1"/>
      <c r="C3780">
        <v>12</v>
      </c>
      <c r="D3780" t="s">
        <v>7964</v>
      </c>
      <c r="E3780" t="s">
        <v>31968</v>
      </c>
      <c r="F3780">
        <v>1</v>
      </c>
      <c r="G3780" t="s">
        <v>2</v>
      </c>
      <c r="H3780" t="s">
        <v>7965</v>
      </c>
      <c r="I3780" t="s">
        <v>30540</v>
      </c>
    </row>
    <row r="3781" spans="1:9">
      <c r="A3781" s="1">
        <f ca="1">RAND()</f>
        <v>0.97427828040520681</v>
      </c>
      <c r="B3781" s="1"/>
      <c r="C3781">
        <v>6</v>
      </c>
      <c r="D3781" t="s">
        <v>7948</v>
      </c>
      <c r="E3781" t="s">
        <v>31969</v>
      </c>
      <c r="F3781">
        <v>4</v>
      </c>
      <c r="G3781" t="s">
        <v>774</v>
      </c>
      <c r="H3781" t="s">
        <v>7949</v>
      </c>
      <c r="I3781" t="s">
        <v>30540</v>
      </c>
    </row>
    <row r="3782" spans="1:9">
      <c r="A3782" s="1">
        <f ca="1">RAND()</f>
        <v>0.84547970022149521</v>
      </c>
      <c r="B3782" s="1"/>
      <c r="C3782">
        <v>10</v>
      </c>
      <c r="D3782" t="s">
        <v>7950</v>
      </c>
      <c r="E3782" t="s">
        <v>31969</v>
      </c>
      <c r="F3782">
        <v>4</v>
      </c>
      <c r="G3782" t="s">
        <v>1295</v>
      </c>
      <c r="H3782" t="s">
        <v>7951</v>
      </c>
      <c r="I3782" t="s">
        <v>30540</v>
      </c>
    </row>
    <row r="3783" spans="1:9">
      <c r="A3783" s="1">
        <f ca="1">RAND()</f>
        <v>0.29491837596761195</v>
      </c>
      <c r="B3783" s="1"/>
      <c r="C3783">
        <v>18</v>
      </c>
      <c r="D3783" t="s">
        <v>7954</v>
      </c>
      <c r="E3783" t="s">
        <v>31969</v>
      </c>
      <c r="F3783">
        <v>4</v>
      </c>
      <c r="G3783" t="s">
        <v>10</v>
      </c>
      <c r="H3783" t="s">
        <v>7955</v>
      </c>
      <c r="I3783" t="s">
        <v>30540</v>
      </c>
    </row>
    <row r="3784" spans="1:9">
      <c r="A3784" s="1">
        <f ca="1">RAND()</f>
        <v>5.2795062317705366E-2</v>
      </c>
      <c r="B3784" s="1"/>
      <c r="C3784">
        <v>15</v>
      </c>
      <c r="D3784" t="s">
        <v>7952</v>
      </c>
      <c r="E3784" t="s">
        <v>31969</v>
      </c>
      <c r="F3784">
        <v>3</v>
      </c>
      <c r="G3784" t="s">
        <v>9</v>
      </c>
      <c r="H3784" t="s">
        <v>7953</v>
      </c>
      <c r="I3784" t="s">
        <v>30540</v>
      </c>
    </row>
    <row r="3785" spans="1:9">
      <c r="A3785" s="1">
        <f ca="1">RAND()</f>
        <v>9.7231211855313027E-2</v>
      </c>
      <c r="B3785" s="1"/>
      <c r="C3785">
        <v>19</v>
      </c>
      <c r="D3785" t="s">
        <v>7956</v>
      </c>
      <c r="E3785" t="s">
        <v>31969</v>
      </c>
      <c r="F3785">
        <v>2</v>
      </c>
      <c r="G3785" t="s">
        <v>0</v>
      </c>
      <c r="H3785" t="s">
        <v>7957</v>
      </c>
      <c r="I3785" t="s">
        <v>30540</v>
      </c>
    </row>
    <row r="3786" spans="1:9">
      <c r="A3786" s="1">
        <f ca="1">RAND()</f>
        <v>0.22507211638938962</v>
      </c>
      <c r="B3786" s="1"/>
      <c r="C3786">
        <v>14</v>
      </c>
      <c r="D3786" t="s">
        <v>7942</v>
      </c>
      <c r="E3786" t="s">
        <v>31970</v>
      </c>
      <c r="F3786">
        <v>5</v>
      </c>
      <c r="G3786" t="s">
        <v>0</v>
      </c>
      <c r="H3786" t="s">
        <v>7943</v>
      </c>
      <c r="I3786" t="s">
        <v>30540</v>
      </c>
    </row>
    <row r="3787" spans="1:9">
      <c r="A3787" s="1">
        <f ca="1">RAND()</f>
        <v>0.73461841496540559</v>
      </c>
      <c r="B3787" s="1"/>
      <c r="C3787">
        <v>17</v>
      </c>
      <c r="D3787" t="s">
        <v>7946</v>
      </c>
      <c r="E3787" t="s">
        <v>31970</v>
      </c>
      <c r="F3787">
        <v>5</v>
      </c>
      <c r="G3787" t="s">
        <v>0</v>
      </c>
      <c r="H3787" t="s">
        <v>7947</v>
      </c>
      <c r="I3787" t="s">
        <v>30540</v>
      </c>
    </row>
    <row r="3788" spans="1:9">
      <c r="A3788" s="1">
        <f ca="1">RAND()</f>
        <v>0.51317357802419239</v>
      </c>
      <c r="B3788" s="1"/>
      <c r="C3788">
        <v>15</v>
      </c>
      <c r="D3788" t="s">
        <v>7944</v>
      </c>
      <c r="E3788" t="s">
        <v>31970</v>
      </c>
      <c r="F3788">
        <v>5</v>
      </c>
      <c r="G3788" t="s">
        <v>0</v>
      </c>
      <c r="H3788" t="s">
        <v>7945</v>
      </c>
      <c r="I3788" t="s">
        <v>30540</v>
      </c>
    </row>
    <row r="3789" spans="1:9">
      <c r="A3789" s="1">
        <f ca="1">RAND()</f>
        <v>7.5420964990466466E-2</v>
      </c>
      <c r="B3789" s="1"/>
      <c r="C3789">
        <v>4</v>
      </c>
      <c r="D3789" t="s">
        <v>7938</v>
      </c>
      <c r="E3789" t="s">
        <v>31970</v>
      </c>
      <c r="F3789">
        <v>4</v>
      </c>
      <c r="G3789" t="s">
        <v>770</v>
      </c>
      <c r="H3789" t="s">
        <v>7939</v>
      </c>
      <c r="I3789" t="s">
        <v>30540</v>
      </c>
    </row>
    <row r="3790" spans="1:9">
      <c r="A3790" s="1">
        <f ca="1">RAND()</f>
        <v>0.71285210493958318</v>
      </c>
      <c r="B3790" s="1"/>
      <c r="C3790">
        <v>3</v>
      </c>
      <c r="D3790" t="s">
        <v>7936</v>
      </c>
      <c r="E3790" t="s">
        <v>31970</v>
      </c>
      <c r="F3790">
        <v>2</v>
      </c>
      <c r="G3790" t="s">
        <v>774</v>
      </c>
      <c r="H3790" t="s">
        <v>7937</v>
      </c>
      <c r="I3790" t="s">
        <v>30540</v>
      </c>
    </row>
    <row r="3791" spans="1:9">
      <c r="A3791" s="1">
        <f ca="1">RAND()</f>
        <v>0.88297298348742348</v>
      </c>
      <c r="B3791" s="1"/>
      <c r="C3791">
        <v>6</v>
      </c>
      <c r="D3791" t="s">
        <v>7940</v>
      </c>
      <c r="E3791" t="s">
        <v>31970</v>
      </c>
      <c r="F3791">
        <v>2</v>
      </c>
      <c r="G3791" t="s">
        <v>15</v>
      </c>
      <c r="H3791" t="s">
        <v>7941</v>
      </c>
      <c r="I3791" t="s">
        <v>30540</v>
      </c>
    </row>
    <row r="3792" spans="1:9">
      <c r="A3792" s="1">
        <f ca="1">RAND()</f>
        <v>0.83395752246877974</v>
      </c>
      <c r="B3792" s="1"/>
      <c r="C3792">
        <v>6</v>
      </c>
      <c r="D3792" t="s">
        <v>7928</v>
      </c>
      <c r="E3792" t="s">
        <v>31971</v>
      </c>
      <c r="F3792">
        <v>5</v>
      </c>
      <c r="G3792" t="s">
        <v>0</v>
      </c>
      <c r="H3792" t="s">
        <v>7929</v>
      </c>
      <c r="I3792" t="s">
        <v>30540</v>
      </c>
    </row>
    <row r="3793" spans="1:9">
      <c r="A3793" s="1">
        <f ca="1">RAND()</f>
        <v>0.13699430079467045</v>
      </c>
      <c r="B3793" s="1"/>
      <c r="C3793">
        <v>4</v>
      </c>
      <c r="D3793" t="s">
        <v>7926</v>
      </c>
      <c r="E3793" t="s">
        <v>31971</v>
      </c>
      <c r="F3793">
        <v>5</v>
      </c>
      <c r="G3793" t="s">
        <v>0</v>
      </c>
      <c r="H3793" t="s">
        <v>7927</v>
      </c>
      <c r="I3793" t="s">
        <v>30540</v>
      </c>
    </row>
    <row r="3794" spans="1:9">
      <c r="A3794" s="1">
        <f ca="1">RAND()</f>
        <v>9.3100246019586774E-2</v>
      </c>
      <c r="B3794" s="1"/>
      <c r="C3794">
        <v>20</v>
      </c>
      <c r="D3794" t="s">
        <v>7934</v>
      </c>
      <c r="E3794" t="s">
        <v>31971</v>
      </c>
      <c r="F3794">
        <v>4</v>
      </c>
      <c r="G3794" t="s">
        <v>10</v>
      </c>
      <c r="H3794" t="s">
        <v>7935</v>
      </c>
      <c r="I3794" t="s">
        <v>30540</v>
      </c>
    </row>
    <row r="3795" spans="1:9">
      <c r="A3795" s="1">
        <f ca="1">RAND()</f>
        <v>0.52568297999537472</v>
      </c>
      <c r="B3795" s="1"/>
      <c r="C3795">
        <v>14</v>
      </c>
      <c r="D3795" t="s">
        <v>7930</v>
      </c>
      <c r="E3795" t="s">
        <v>31971</v>
      </c>
      <c r="F3795">
        <v>4</v>
      </c>
      <c r="G3795" t="s">
        <v>15</v>
      </c>
      <c r="H3795" t="s">
        <v>7931</v>
      </c>
      <c r="I3795" t="s">
        <v>30540</v>
      </c>
    </row>
    <row r="3796" spans="1:9">
      <c r="A3796" s="1">
        <f ca="1">RAND()</f>
        <v>0.18711268308921514</v>
      </c>
      <c r="B3796" s="1"/>
      <c r="C3796">
        <v>17</v>
      </c>
      <c r="D3796" t="s">
        <v>7932</v>
      </c>
      <c r="E3796" t="s">
        <v>31971</v>
      </c>
      <c r="F3796">
        <v>4</v>
      </c>
      <c r="G3796" t="s">
        <v>0</v>
      </c>
      <c r="H3796" t="s">
        <v>7933</v>
      </c>
      <c r="I3796" t="s">
        <v>30540</v>
      </c>
    </row>
    <row r="3797" spans="1:9">
      <c r="A3797" s="1">
        <f ca="1">RAND()</f>
        <v>0.66835024486632377</v>
      </c>
      <c r="B3797" s="1"/>
      <c r="C3797">
        <v>5</v>
      </c>
      <c r="D3797" t="s">
        <v>7920</v>
      </c>
      <c r="E3797" t="s">
        <v>31972</v>
      </c>
      <c r="F3797">
        <v>5</v>
      </c>
      <c r="G3797" t="s">
        <v>0</v>
      </c>
      <c r="H3797" t="s">
        <v>7921</v>
      </c>
      <c r="I3797" t="s">
        <v>30540</v>
      </c>
    </row>
    <row r="3798" spans="1:9">
      <c r="A3798" s="1">
        <f ca="1">RAND()</f>
        <v>0.45114985563624266</v>
      </c>
      <c r="B3798" s="1"/>
      <c r="C3798">
        <v>7</v>
      </c>
      <c r="D3798" t="s">
        <v>7922</v>
      </c>
      <c r="E3798" t="s">
        <v>31972</v>
      </c>
      <c r="F3798">
        <v>5</v>
      </c>
      <c r="G3798" t="s">
        <v>1295</v>
      </c>
      <c r="H3798" t="s">
        <v>7923</v>
      </c>
      <c r="I3798" t="s">
        <v>30540</v>
      </c>
    </row>
    <row r="3799" spans="1:9">
      <c r="A3799" s="1">
        <f ca="1">RAND()</f>
        <v>0.88886281355974406</v>
      </c>
      <c r="B3799" s="1"/>
      <c r="C3799">
        <v>15</v>
      </c>
      <c r="D3799" t="s">
        <v>7924</v>
      </c>
      <c r="E3799" t="s">
        <v>31972</v>
      </c>
      <c r="F3799">
        <v>4</v>
      </c>
      <c r="G3799" t="s">
        <v>0</v>
      </c>
      <c r="H3799" t="s">
        <v>7925</v>
      </c>
      <c r="I3799" t="s">
        <v>30540</v>
      </c>
    </row>
    <row r="3800" spans="1:9">
      <c r="A3800" s="1">
        <f ca="1">RAND()</f>
        <v>0.79345601813684941</v>
      </c>
      <c r="B3800" s="1"/>
      <c r="C3800">
        <v>2</v>
      </c>
      <c r="D3800" t="s">
        <v>7918</v>
      </c>
      <c r="E3800" t="s">
        <v>31972</v>
      </c>
      <c r="F3800">
        <v>2</v>
      </c>
      <c r="G3800" t="s">
        <v>15</v>
      </c>
      <c r="H3800" t="s">
        <v>7919</v>
      </c>
      <c r="I3800" t="s">
        <v>30540</v>
      </c>
    </row>
    <row r="3801" spans="1:9">
      <c r="A3801" s="1">
        <f ca="1">RAND()</f>
        <v>0.84724014006694626</v>
      </c>
      <c r="B3801" s="1"/>
      <c r="C3801">
        <v>15</v>
      </c>
      <c r="D3801" t="s">
        <v>7910</v>
      </c>
      <c r="E3801" t="s">
        <v>31973</v>
      </c>
      <c r="F3801">
        <v>5</v>
      </c>
      <c r="G3801" t="s">
        <v>0</v>
      </c>
      <c r="H3801" t="s">
        <v>7911</v>
      </c>
      <c r="I3801" t="s">
        <v>30540</v>
      </c>
    </row>
    <row r="3802" spans="1:9">
      <c r="A3802" s="1">
        <f ca="1">RAND()</f>
        <v>0.67596089354124578</v>
      </c>
      <c r="B3802" s="1"/>
      <c r="C3802">
        <v>20</v>
      </c>
      <c r="D3802" t="s">
        <v>7916</v>
      </c>
      <c r="E3802" t="s">
        <v>31973</v>
      </c>
      <c r="F3802">
        <v>5</v>
      </c>
      <c r="G3802" t="s">
        <v>10</v>
      </c>
      <c r="H3802" t="s">
        <v>7917</v>
      </c>
      <c r="I3802" t="s">
        <v>30540</v>
      </c>
    </row>
    <row r="3803" spans="1:9">
      <c r="A3803" s="1">
        <f ca="1">RAND()</f>
        <v>0.22600189422920669</v>
      </c>
      <c r="B3803" s="1"/>
      <c r="C3803">
        <v>5</v>
      </c>
      <c r="D3803" t="s">
        <v>7904</v>
      </c>
      <c r="E3803" t="s">
        <v>31973</v>
      </c>
      <c r="F3803">
        <v>5</v>
      </c>
      <c r="G3803" t="s">
        <v>0</v>
      </c>
      <c r="H3803" t="s">
        <v>7905</v>
      </c>
      <c r="I3803" t="s">
        <v>30540</v>
      </c>
    </row>
    <row r="3804" spans="1:9">
      <c r="A3804" s="1">
        <f ca="1">RAND()</f>
        <v>0.18052339097901904</v>
      </c>
      <c r="B3804" s="1"/>
      <c r="C3804">
        <v>7</v>
      </c>
      <c r="D3804" t="s">
        <v>7906</v>
      </c>
      <c r="E3804" t="s">
        <v>31973</v>
      </c>
      <c r="F3804">
        <v>4</v>
      </c>
      <c r="G3804" t="s">
        <v>9</v>
      </c>
      <c r="H3804" t="s">
        <v>7907</v>
      </c>
      <c r="I3804" t="s">
        <v>30540</v>
      </c>
    </row>
    <row r="3805" spans="1:9">
      <c r="A3805" s="1">
        <f ca="1">RAND()</f>
        <v>0.82822100658980968</v>
      </c>
      <c r="B3805" s="1"/>
      <c r="C3805">
        <v>18</v>
      </c>
      <c r="D3805" t="s">
        <v>7914</v>
      </c>
      <c r="E3805" t="s">
        <v>31973</v>
      </c>
      <c r="F3805">
        <v>3</v>
      </c>
      <c r="G3805" t="s">
        <v>0</v>
      </c>
      <c r="H3805" t="s">
        <v>7915</v>
      </c>
      <c r="I3805" t="s">
        <v>30540</v>
      </c>
    </row>
    <row r="3806" spans="1:9">
      <c r="A3806" s="1">
        <f ca="1">RAND()</f>
        <v>0.38515741237381584</v>
      </c>
      <c r="B3806" s="1"/>
      <c r="C3806">
        <v>9</v>
      </c>
      <c r="D3806" t="s">
        <v>7908</v>
      </c>
      <c r="E3806" t="s">
        <v>31973</v>
      </c>
      <c r="F3806">
        <v>2</v>
      </c>
      <c r="G3806" t="s">
        <v>0</v>
      </c>
      <c r="H3806" t="s">
        <v>7909</v>
      </c>
      <c r="I3806" t="s">
        <v>30540</v>
      </c>
    </row>
    <row r="3807" spans="1:9">
      <c r="A3807" s="1">
        <f ca="1">RAND()</f>
        <v>0.19328449347003662</v>
      </c>
      <c r="B3807" s="1"/>
      <c r="C3807">
        <v>3</v>
      </c>
      <c r="D3807" t="s">
        <v>7902</v>
      </c>
      <c r="E3807" t="s">
        <v>31973</v>
      </c>
      <c r="F3807">
        <v>2</v>
      </c>
      <c r="G3807" t="s">
        <v>0</v>
      </c>
      <c r="H3807" t="s">
        <v>7903</v>
      </c>
      <c r="I3807" t="s">
        <v>30540</v>
      </c>
    </row>
    <row r="3808" spans="1:9">
      <c r="A3808" s="1">
        <f ca="1">RAND()</f>
        <v>0.40972501946533935</v>
      </c>
      <c r="B3808" s="1"/>
      <c r="C3808">
        <v>17</v>
      </c>
      <c r="D3808" t="s">
        <v>7912</v>
      </c>
      <c r="E3808" t="s">
        <v>31973</v>
      </c>
      <c r="F3808">
        <v>1</v>
      </c>
      <c r="G3808" t="s">
        <v>1</v>
      </c>
      <c r="H3808" t="s">
        <v>7913</v>
      </c>
      <c r="I3808" t="s">
        <v>30540</v>
      </c>
    </row>
    <row r="3809" spans="1:9">
      <c r="A3809" s="1">
        <f ca="1">RAND()</f>
        <v>0.96063732161454896</v>
      </c>
      <c r="B3809" s="1"/>
      <c r="C3809">
        <v>17</v>
      </c>
      <c r="D3809" t="s">
        <v>7898</v>
      </c>
      <c r="E3809" t="s">
        <v>31974</v>
      </c>
      <c r="F3809">
        <v>5</v>
      </c>
      <c r="G3809" t="s">
        <v>0</v>
      </c>
      <c r="H3809" t="s">
        <v>7899</v>
      </c>
      <c r="I3809" t="s">
        <v>30540</v>
      </c>
    </row>
    <row r="3810" spans="1:9">
      <c r="A3810" s="1">
        <f ca="1">RAND()</f>
        <v>0.8979233745545705</v>
      </c>
      <c r="B3810" s="1"/>
      <c r="C3810">
        <v>20</v>
      </c>
      <c r="D3810" t="s">
        <v>7900</v>
      </c>
      <c r="E3810" t="s">
        <v>31974</v>
      </c>
      <c r="F3810">
        <v>5</v>
      </c>
      <c r="G3810" t="s">
        <v>762</v>
      </c>
      <c r="H3810" t="s">
        <v>7901</v>
      </c>
      <c r="I3810" t="s">
        <v>30540</v>
      </c>
    </row>
    <row r="3811" spans="1:9">
      <c r="A3811" s="1">
        <f ca="1">RAND()</f>
        <v>0.4139440376370227</v>
      </c>
      <c r="B3811" s="1"/>
      <c r="C3811">
        <v>16</v>
      </c>
      <c r="D3811" t="s">
        <v>7896</v>
      </c>
      <c r="E3811" t="s">
        <v>31974</v>
      </c>
      <c r="F3811">
        <v>4</v>
      </c>
      <c r="G3811" t="s">
        <v>0</v>
      </c>
      <c r="H3811" t="s">
        <v>7897</v>
      </c>
      <c r="I3811" t="s">
        <v>30540</v>
      </c>
    </row>
    <row r="3812" spans="1:9">
      <c r="A3812" s="1">
        <f ca="1">RAND()</f>
        <v>0.86860557324995191</v>
      </c>
      <c r="B3812" s="1"/>
      <c r="C3812">
        <v>2</v>
      </c>
      <c r="D3812" t="s">
        <v>7894</v>
      </c>
      <c r="E3812" t="s">
        <v>31974</v>
      </c>
      <c r="F3812">
        <v>4</v>
      </c>
      <c r="G3812" t="s">
        <v>774</v>
      </c>
      <c r="H3812" t="s">
        <v>7895</v>
      </c>
      <c r="I3812" t="s">
        <v>30540</v>
      </c>
    </row>
    <row r="3813" spans="1:9">
      <c r="A3813" s="1">
        <f ca="1">RAND()</f>
        <v>0.63156917724061024</v>
      </c>
      <c r="B3813" s="1"/>
      <c r="C3813">
        <v>7</v>
      </c>
      <c r="D3813" t="s">
        <v>7884</v>
      </c>
      <c r="E3813" t="s">
        <v>31975</v>
      </c>
      <c r="F3813">
        <v>5</v>
      </c>
      <c r="G3813" t="s">
        <v>0</v>
      </c>
      <c r="H3813" t="s">
        <v>7885</v>
      </c>
      <c r="I3813" t="s">
        <v>30540</v>
      </c>
    </row>
    <row r="3814" spans="1:9">
      <c r="A3814" s="1">
        <f ca="1">RAND()</f>
        <v>0.19023513455294017</v>
      </c>
      <c r="B3814" s="1"/>
      <c r="C3814">
        <v>6</v>
      </c>
      <c r="D3814" t="s">
        <v>7882</v>
      </c>
      <c r="E3814" t="s">
        <v>31975</v>
      </c>
      <c r="F3814">
        <v>4</v>
      </c>
      <c r="G3814" t="s">
        <v>0</v>
      </c>
      <c r="H3814" t="s">
        <v>7883</v>
      </c>
      <c r="I3814" t="s">
        <v>30540</v>
      </c>
    </row>
    <row r="3815" spans="1:9">
      <c r="A3815" s="1">
        <f ca="1">RAND()</f>
        <v>0.46964988900308946</v>
      </c>
      <c r="B3815" s="1"/>
      <c r="C3815">
        <v>9</v>
      </c>
      <c r="D3815" t="s">
        <v>7886</v>
      </c>
      <c r="E3815" t="s">
        <v>31975</v>
      </c>
      <c r="F3815">
        <v>4</v>
      </c>
      <c r="G3815" t="s">
        <v>0</v>
      </c>
      <c r="H3815" t="s">
        <v>7887</v>
      </c>
      <c r="I3815" t="s">
        <v>30540</v>
      </c>
    </row>
    <row r="3816" spans="1:9">
      <c r="A3816" s="1">
        <f ca="1">RAND()</f>
        <v>2.1940881414392432E-2</v>
      </c>
      <c r="B3816" s="1"/>
      <c r="C3816">
        <v>3</v>
      </c>
      <c r="D3816" t="s">
        <v>7880</v>
      </c>
      <c r="E3816" t="s">
        <v>31975</v>
      </c>
      <c r="F3816">
        <v>4</v>
      </c>
      <c r="G3816" t="s">
        <v>0</v>
      </c>
      <c r="H3816" t="s">
        <v>7881</v>
      </c>
      <c r="I3816" t="s">
        <v>30540</v>
      </c>
    </row>
    <row r="3817" spans="1:9">
      <c r="A3817" s="1">
        <f ca="1">RAND()</f>
        <v>0.45526812025062946</v>
      </c>
      <c r="B3817" s="1"/>
      <c r="C3817">
        <v>12</v>
      </c>
      <c r="D3817" t="s">
        <v>7892</v>
      </c>
      <c r="E3817" t="s">
        <v>31975</v>
      </c>
      <c r="F3817">
        <v>4</v>
      </c>
      <c r="G3817" t="s">
        <v>2</v>
      </c>
      <c r="H3817" t="s">
        <v>7893</v>
      </c>
      <c r="I3817" t="s">
        <v>30540</v>
      </c>
    </row>
    <row r="3818" spans="1:9">
      <c r="A3818" s="1">
        <f ca="1">RAND()</f>
        <v>0.78788477129887435</v>
      </c>
      <c r="B3818" s="1"/>
      <c r="C3818">
        <v>11</v>
      </c>
      <c r="D3818" t="s">
        <v>7890</v>
      </c>
      <c r="E3818" t="s">
        <v>31975</v>
      </c>
      <c r="F3818">
        <v>4</v>
      </c>
      <c r="G3818" t="s">
        <v>9</v>
      </c>
      <c r="H3818" t="s">
        <v>7891</v>
      </c>
      <c r="I3818" t="s">
        <v>30540</v>
      </c>
    </row>
    <row r="3819" spans="1:9">
      <c r="A3819" s="1">
        <f ca="1">RAND()</f>
        <v>0.92226391247238482</v>
      </c>
      <c r="B3819" s="1"/>
      <c r="C3819">
        <v>10</v>
      </c>
      <c r="D3819" t="s">
        <v>7888</v>
      </c>
      <c r="E3819" t="s">
        <v>31975</v>
      </c>
      <c r="F3819">
        <v>3</v>
      </c>
      <c r="G3819" t="s">
        <v>13</v>
      </c>
      <c r="H3819" t="s">
        <v>7889</v>
      </c>
      <c r="I3819" t="s">
        <v>30540</v>
      </c>
    </row>
    <row r="3820" spans="1:9">
      <c r="A3820" s="1">
        <f ca="1">RAND()</f>
        <v>0.43041514054402352</v>
      </c>
      <c r="B3820" s="1"/>
      <c r="C3820">
        <v>15</v>
      </c>
      <c r="D3820" t="s">
        <v>7872</v>
      </c>
      <c r="E3820" t="s">
        <v>31976</v>
      </c>
      <c r="F3820">
        <v>5</v>
      </c>
      <c r="G3820" t="s">
        <v>9</v>
      </c>
      <c r="H3820" t="s">
        <v>7873</v>
      </c>
      <c r="I3820" t="s">
        <v>30540</v>
      </c>
    </row>
    <row r="3821" spans="1:9">
      <c r="A3821" s="1">
        <f ca="1">RAND()</f>
        <v>0.36606968724611977</v>
      </c>
      <c r="B3821" s="1"/>
      <c r="C3821">
        <v>20</v>
      </c>
      <c r="D3821" t="s">
        <v>7878</v>
      </c>
      <c r="E3821" t="s">
        <v>31976</v>
      </c>
      <c r="F3821">
        <v>5</v>
      </c>
      <c r="G3821" t="s">
        <v>0</v>
      </c>
      <c r="H3821" t="s">
        <v>7879</v>
      </c>
      <c r="I3821" t="s">
        <v>30540</v>
      </c>
    </row>
    <row r="3822" spans="1:9">
      <c r="A3822" s="1">
        <f ca="1">RAND()</f>
        <v>0.29454565704281788</v>
      </c>
      <c r="B3822" s="1"/>
      <c r="C3822">
        <v>3</v>
      </c>
      <c r="D3822" t="s">
        <v>7868</v>
      </c>
      <c r="E3822" t="s">
        <v>31976</v>
      </c>
      <c r="F3822">
        <v>4</v>
      </c>
      <c r="G3822" t="s">
        <v>9</v>
      </c>
      <c r="H3822" t="s">
        <v>7869</v>
      </c>
      <c r="I3822" t="s">
        <v>30540</v>
      </c>
    </row>
    <row r="3823" spans="1:9">
      <c r="A3823" s="1">
        <f ca="1">RAND()</f>
        <v>0.23795550805755816</v>
      </c>
      <c r="B3823" s="1"/>
      <c r="C3823">
        <v>18</v>
      </c>
      <c r="D3823" t="s">
        <v>7874</v>
      </c>
      <c r="E3823" t="s">
        <v>31976</v>
      </c>
      <c r="F3823">
        <v>4</v>
      </c>
      <c r="G3823" t="s">
        <v>771</v>
      </c>
      <c r="H3823" t="s">
        <v>7875</v>
      </c>
      <c r="I3823" t="s">
        <v>30540</v>
      </c>
    </row>
    <row r="3824" spans="1:9">
      <c r="A3824" s="1">
        <f ca="1">RAND()</f>
        <v>0.44759767078780932</v>
      </c>
      <c r="B3824" s="1"/>
      <c r="C3824">
        <v>19</v>
      </c>
      <c r="D3824" t="s">
        <v>7876</v>
      </c>
      <c r="E3824" t="s">
        <v>31976</v>
      </c>
      <c r="F3824">
        <v>4</v>
      </c>
      <c r="G3824" t="s">
        <v>0</v>
      </c>
      <c r="H3824" t="s">
        <v>7877</v>
      </c>
      <c r="I3824" t="s">
        <v>30540</v>
      </c>
    </row>
    <row r="3825" spans="1:9">
      <c r="A3825" s="1">
        <f ca="1">RAND()</f>
        <v>0.98924330942691296</v>
      </c>
      <c r="B3825" s="1"/>
      <c r="C3825">
        <v>10</v>
      </c>
      <c r="D3825" t="s">
        <v>7870</v>
      </c>
      <c r="E3825" t="s">
        <v>31976</v>
      </c>
      <c r="F3825">
        <v>2</v>
      </c>
      <c r="G3825" t="s">
        <v>774</v>
      </c>
      <c r="H3825" t="s">
        <v>7871</v>
      </c>
      <c r="I3825" t="s">
        <v>30540</v>
      </c>
    </row>
    <row r="3826" spans="1:9">
      <c r="A3826" s="1">
        <f ca="1">RAND()</f>
        <v>0.82232876050839221</v>
      </c>
      <c r="B3826" s="1"/>
      <c r="C3826">
        <v>12</v>
      </c>
      <c r="D3826" t="s">
        <v>7860</v>
      </c>
      <c r="E3826" t="s">
        <v>31977</v>
      </c>
      <c r="F3826">
        <v>4</v>
      </c>
      <c r="G3826" t="s">
        <v>0</v>
      </c>
      <c r="H3826" t="s">
        <v>7861</v>
      </c>
      <c r="I3826" t="s">
        <v>30540</v>
      </c>
    </row>
    <row r="3827" spans="1:9">
      <c r="A3827" s="1">
        <f ca="1">RAND()</f>
        <v>0.84170841182441536</v>
      </c>
      <c r="B3827" s="1"/>
      <c r="C3827">
        <v>8</v>
      </c>
      <c r="D3827" t="s">
        <v>7858</v>
      </c>
      <c r="E3827" t="s">
        <v>31977</v>
      </c>
      <c r="F3827">
        <v>4</v>
      </c>
      <c r="G3827" t="s">
        <v>0</v>
      </c>
      <c r="H3827" t="s">
        <v>7859</v>
      </c>
      <c r="I3827" t="s">
        <v>30540</v>
      </c>
    </row>
    <row r="3828" spans="1:9">
      <c r="A3828" s="1">
        <f ca="1">RAND()</f>
        <v>0.64925361123219349</v>
      </c>
      <c r="B3828" s="1"/>
      <c r="C3828">
        <v>15</v>
      </c>
      <c r="D3828" t="s">
        <v>7864</v>
      </c>
      <c r="E3828" t="s">
        <v>31977</v>
      </c>
      <c r="F3828">
        <v>4</v>
      </c>
      <c r="G3828" t="s">
        <v>0</v>
      </c>
      <c r="H3828" t="s">
        <v>7865</v>
      </c>
      <c r="I3828" t="s">
        <v>30540</v>
      </c>
    </row>
    <row r="3829" spans="1:9">
      <c r="A3829" s="1">
        <f ca="1">RAND()</f>
        <v>0.8592573138220686</v>
      </c>
      <c r="B3829" s="1"/>
      <c r="C3829">
        <v>16</v>
      </c>
      <c r="D3829" t="s">
        <v>7866</v>
      </c>
      <c r="E3829" t="s">
        <v>31977</v>
      </c>
      <c r="F3829">
        <v>3</v>
      </c>
      <c r="G3829" t="s">
        <v>10</v>
      </c>
      <c r="H3829" t="s">
        <v>7867</v>
      </c>
      <c r="I3829" t="s">
        <v>30540</v>
      </c>
    </row>
    <row r="3830" spans="1:9">
      <c r="A3830" s="1">
        <f ca="1">RAND()</f>
        <v>0.63785605675385681</v>
      </c>
      <c r="B3830" s="1"/>
      <c r="C3830">
        <v>14</v>
      </c>
      <c r="D3830" t="s">
        <v>7862</v>
      </c>
      <c r="E3830" t="s">
        <v>31977</v>
      </c>
      <c r="F3830">
        <v>2</v>
      </c>
      <c r="G3830" t="s">
        <v>15</v>
      </c>
      <c r="H3830" t="s">
        <v>7863</v>
      </c>
      <c r="I3830" t="s">
        <v>30540</v>
      </c>
    </row>
    <row r="3831" spans="1:9">
      <c r="A3831" s="1">
        <f ca="1">RAND()</f>
        <v>0.52272952003241069</v>
      </c>
      <c r="B3831" s="1"/>
      <c r="C3831">
        <v>5</v>
      </c>
      <c r="D3831" t="s">
        <v>7856</v>
      </c>
      <c r="E3831" t="s">
        <v>31977</v>
      </c>
      <c r="F3831">
        <v>2</v>
      </c>
      <c r="G3831" t="s">
        <v>14</v>
      </c>
      <c r="H3831" t="s">
        <v>7857</v>
      </c>
      <c r="I3831" t="s">
        <v>30540</v>
      </c>
    </row>
    <row r="3832" spans="1:9">
      <c r="A3832" s="1">
        <f ca="1">RAND()</f>
        <v>0.54903507869247192</v>
      </c>
      <c r="B3832" s="1"/>
      <c r="C3832">
        <v>19</v>
      </c>
      <c r="D3832" t="s">
        <v>7854</v>
      </c>
      <c r="E3832" t="s">
        <v>31978</v>
      </c>
      <c r="F3832">
        <v>5</v>
      </c>
      <c r="G3832" t="s">
        <v>0</v>
      </c>
      <c r="H3832" t="s">
        <v>7855</v>
      </c>
      <c r="I3832" t="s">
        <v>30540</v>
      </c>
    </row>
    <row r="3833" spans="1:9">
      <c r="A3833" s="1">
        <f ca="1">RAND()</f>
        <v>0.722423928301407</v>
      </c>
      <c r="B3833" s="1"/>
      <c r="C3833">
        <v>11</v>
      </c>
      <c r="D3833" t="s">
        <v>7844</v>
      </c>
      <c r="E3833" t="s">
        <v>31978</v>
      </c>
      <c r="F3833">
        <v>5</v>
      </c>
      <c r="G3833" t="s">
        <v>2</v>
      </c>
      <c r="H3833" t="s">
        <v>7845</v>
      </c>
      <c r="I3833" t="s">
        <v>30540</v>
      </c>
    </row>
    <row r="3834" spans="1:9">
      <c r="A3834" s="1">
        <f ca="1">RAND()</f>
        <v>0.14385253110942409</v>
      </c>
      <c r="B3834" s="1"/>
      <c r="C3834">
        <v>14</v>
      </c>
      <c r="D3834" t="s">
        <v>7848</v>
      </c>
      <c r="E3834" t="s">
        <v>31978</v>
      </c>
      <c r="F3834">
        <v>4</v>
      </c>
      <c r="G3834" t="s">
        <v>9</v>
      </c>
      <c r="H3834" t="s">
        <v>7849</v>
      </c>
      <c r="I3834" t="s">
        <v>30540</v>
      </c>
    </row>
    <row r="3835" spans="1:9">
      <c r="A3835" s="1">
        <f ca="1">RAND()</f>
        <v>0.16577445621573039</v>
      </c>
      <c r="B3835" s="1"/>
      <c r="C3835">
        <v>2</v>
      </c>
      <c r="D3835" t="s">
        <v>7840</v>
      </c>
      <c r="E3835" t="s">
        <v>31978</v>
      </c>
      <c r="F3835">
        <v>3</v>
      </c>
      <c r="G3835" t="s">
        <v>762</v>
      </c>
      <c r="H3835" t="s">
        <v>7841</v>
      </c>
      <c r="I3835" t="s">
        <v>30540</v>
      </c>
    </row>
    <row r="3836" spans="1:9">
      <c r="A3836" s="1">
        <f ca="1">RAND()</f>
        <v>0.24661151926898872</v>
      </c>
      <c r="B3836" s="1"/>
      <c r="C3836">
        <v>16</v>
      </c>
      <c r="D3836" t="s">
        <v>7850</v>
      </c>
      <c r="E3836" t="s">
        <v>31978</v>
      </c>
      <c r="F3836">
        <v>3</v>
      </c>
      <c r="G3836" t="s">
        <v>0</v>
      </c>
      <c r="H3836" t="s">
        <v>7851</v>
      </c>
      <c r="I3836" t="s">
        <v>30540</v>
      </c>
    </row>
    <row r="3837" spans="1:9">
      <c r="A3837" s="1">
        <f ca="1">RAND()</f>
        <v>0.94850656540519929</v>
      </c>
      <c r="B3837" s="1"/>
      <c r="C3837">
        <v>13</v>
      </c>
      <c r="D3837" t="s">
        <v>7846</v>
      </c>
      <c r="E3837" t="s">
        <v>31978</v>
      </c>
      <c r="F3837">
        <v>2</v>
      </c>
      <c r="G3837" t="s">
        <v>0</v>
      </c>
      <c r="H3837" t="s">
        <v>7847</v>
      </c>
      <c r="I3837" t="s">
        <v>30540</v>
      </c>
    </row>
    <row r="3838" spans="1:9">
      <c r="A3838" s="1">
        <f ca="1">RAND()</f>
        <v>0.59272223430341575</v>
      </c>
      <c r="B3838" s="1"/>
      <c r="C3838">
        <v>17</v>
      </c>
      <c r="D3838" t="s">
        <v>7852</v>
      </c>
      <c r="E3838" t="s">
        <v>31978</v>
      </c>
      <c r="F3838">
        <v>2</v>
      </c>
      <c r="G3838" t="s">
        <v>769</v>
      </c>
      <c r="H3838" t="s">
        <v>7853</v>
      </c>
      <c r="I3838" t="s">
        <v>30540</v>
      </c>
    </row>
    <row r="3839" spans="1:9">
      <c r="A3839" s="1">
        <f ca="1">RAND()</f>
        <v>0.62455913037775168</v>
      </c>
      <c r="B3839" s="1"/>
      <c r="C3839">
        <v>9</v>
      </c>
      <c r="D3839" t="s">
        <v>7842</v>
      </c>
      <c r="E3839" t="s">
        <v>31978</v>
      </c>
      <c r="F3839">
        <v>2</v>
      </c>
      <c r="G3839" t="s">
        <v>0</v>
      </c>
      <c r="H3839" t="s">
        <v>7843</v>
      </c>
      <c r="I3839" t="s">
        <v>30540</v>
      </c>
    </row>
    <row r="3840" spans="1:9">
      <c r="A3840" s="1">
        <f ca="1">RAND()</f>
        <v>0.61061568107875475</v>
      </c>
      <c r="B3840" s="1"/>
      <c r="C3840">
        <v>7</v>
      </c>
      <c r="D3840" t="s">
        <v>7838</v>
      </c>
      <c r="E3840" t="s">
        <v>31979</v>
      </c>
      <c r="F3840">
        <v>4</v>
      </c>
      <c r="G3840" t="s">
        <v>0</v>
      </c>
      <c r="H3840" t="s">
        <v>7839</v>
      </c>
      <c r="I3840" t="s">
        <v>30540</v>
      </c>
    </row>
    <row r="3841" spans="1:9">
      <c r="A3841" s="1">
        <f ca="1">RAND()</f>
        <v>0.72241195016666981</v>
      </c>
      <c r="B3841" s="1"/>
      <c r="C3841">
        <v>4</v>
      </c>
      <c r="D3841" t="s">
        <v>7836</v>
      </c>
      <c r="E3841" t="s">
        <v>31979</v>
      </c>
      <c r="F3841">
        <v>4</v>
      </c>
      <c r="G3841" t="s">
        <v>770</v>
      </c>
      <c r="H3841" t="s">
        <v>7837</v>
      </c>
      <c r="I3841" t="s">
        <v>30540</v>
      </c>
    </row>
    <row r="3842" spans="1:9">
      <c r="A3842" s="1">
        <f ca="1">RAND()</f>
        <v>0.77027714450997653</v>
      </c>
      <c r="B3842" s="1"/>
      <c r="C3842">
        <v>10</v>
      </c>
      <c r="D3842" t="s">
        <v>7830</v>
      </c>
      <c r="E3842" t="s">
        <v>31980</v>
      </c>
      <c r="F3842">
        <v>4</v>
      </c>
      <c r="G3842" t="s">
        <v>13</v>
      </c>
      <c r="H3842" t="s">
        <v>7831</v>
      </c>
      <c r="I3842" t="s">
        <v>30540</v>
      </c>
    </row>
    <row r="3843" spans="1:9">
      <c r="A3843" s="1">
        <f ca="1">RAND()</f>
        <v>0.84717484782570951</v>
      </c>
      <c r="B3843" s="1"/>
      <c r="C3843">
        <v>11</v>
      </c>
      <c r="D3843" t="s">
        <v>7832</v>
      </c>
      <c r="E3843" t="s">
        <v>31980</v>
      </c>
      <c r="F3843">
        <v>4</v>
      </c>
      <c r="G3843" t="s">
        <v>10</v>
      </c>
      <c r="H3843" t="s">
        <v>7833</v>
      </c>
      <c r="I3843" t="s">
        <v>30540</v>
      </c>
    </row>
    <row r="3844" spans="1:9">
      <c r="A3844" s="1">
        <f ca="1">RAND()</f>
        <v>0.409239002895874</v>
      </c>
      <c r="B3844" s="1"/>
      <c r="C3844">
        <v>15</v>
      </c>
      <c r="D3844" t="s">
        <v>7834</v>
      </c>
      <c r="E3844" t="s">
        <v>31980</v>
      </c>
      <c r="F3844">
        <v>4</v>
      </c>
      <c r="G3844" t="s">
        <v>10</v>
      </c>
      <c r="H3844" t="s">
        <v>7835</v>
      </c>
      <c r="I3844" t="s">
        <v>30540</v>
      </c>
    </row>
    <row r="3845" spans="1:9">
      <c r="A3845" s="1">
        <f ca="1">RAND()</f>
        <v>0.85596329278951366</v>
      </c>
      <c r="B3845" s="1"/>
      <c r="C3845">
        <v>5</v>
      </c>
      <c r="D3845" t="s">
        <v>7824</v>
      </c>
      <c r="E3845" t="s">
        <v>31981</v>
      </c>
      <c r="F3845">
        <v>4</v>
      </c>
      <c r="G3845" t="s">
        <v>774</v>
      </c>
      <c r="H3845" t="s">
        <v>7825</v>
      </c>
      <c r="I3845" t="s">
        <v>30540</v>
      </c>
    </row>
    <row r="3846" spans="1:9">
      <c r="A3846" s="1">
        <f ca="1">RAND()</f>
        <v>0.93595847535782017</v>
      </c>
      <c r="B3846" s="1"/>
      <c r="C3846">
        <v>18</v>
      </c>
      <c r="D3846" t="s">
        <v>7828</v>
      </c>
      <c r="E3846" t="s">
        <v>31981</v>
      </c>
      <c r="F3846">
        <v>4</v>
      </c>
      <c r="G3846" t="s">
        <v>762</v>
      </c>
      <c r="H3846" t="s">
        <v>7829</v>
      </c>
      <c r="I3846" t="s">
        <v>30540</v>
      </c>
    </row>
    <row r="3847" spans="1:9">
      <c r="A3847" s="1">
        <f ca="1">RAND()</f>
        <v>0.58279194994588135</v>
      </c>
      <c r="B3847" s="1"/>
      <c r="C3847">
        <v>13</v>
      </c>
      <c r="D3847" t="s">
        <v>7826</v>
      </c>
      <c r="E3847" t="s">
        <v>31981</v>
      </c>
      <c r="F3847">
        <v>3</v>
      </c>
      <c r="G3847" t="s">
        <v>10</v>
      </c>
      <c r="H3847" t="s">
        <v>7827</v>
      </c>
      <c r="I3847" t="s">
        <v>30540</v>
      </c>
    </row>
    <row r="3848" spans="1:9">
      <c r="A3848" s="1">
        <f ca="1">RAND()</f>
        <v>0.26464820597058991</v>
      </c>
      <c r="B3848" s="1"/>
      <c r="C3848">
        <v>18</v>
      </c>
      <c r="D3848" t="s">
        <v>7822</v>
      </c>
      <c r="E3848" t="s">
        <v>31982</v>
      </c>
      <c r="F3848">
        <v>5</v>
      </c>
      <c r="G3848" t="s">
        <v>0</v>
      </c>
      <c r="H3848" t="s">
        <v>7823</v>
      </c>
      <c r="I3848" t="s">
        <v>30540</v>
      </c>
    </row>
    <row r="3849" spans="1:9">
      <c r="A3849" s="1">
        <f ca="1">RAND()</f>
        <v>0.58917491594641047</v>
      </c>
      <c r="B3849" s="1"/>
      <c r="C3849">
        <v>17</v>
      </c>
      <c r="D3849" t="s">
        <v>7820</v>
      </c>
      <c r="E3849" t="s">
        <v>31982</v>
      </c>
      <c r="F3849">
        <v>4</v>
      </c>
      <c r="G3849" t="s">
        <v>9</v>
      </c>
      <c r="H3849" t="s">
        <v>7821</v>
      </c>
      <c r="I3849" t="s">
        <v>30540</v>
      </c>
    </row>
    <row r="3850" spans="1:9">
      <c r="A3850" s="1">
        <f ca="1">RAND()</f>
        <v>0.28765543329406396</v>
      </c>
      <c r="B3850" s="1"/>
      <c r="C3850">
        <v>10</v>
      </c>
      <c r="D3850" t="s">
        <v>7814</v>
      </c>
      <c r="E3850" t="s">
        <v>31982</v>
      </c>
      <c r="F3850">
        <v>4</v>
      </c>
      <c r="G3850" t="s">
        <v>0</v>
      </c>
      <c r="H3850" t="s">
        <v>7815</v>
      </c>
      <c r="I3850" t="s">
        <v>30540</v>
      </c>
    </row>
    <row r="3851" spans="1:9">
      <c r="A3851" s="1">
        <f ca="1">RAND()</f>
        <v>0.89335211460949415</v>
      </c>
      <c r="B3851" s="1"/>
      <c r="C3851">
        <v>5</v>
      </c>
      <c r="D3851" t="s">
        <v>7812</v>
      </c>
      <c r="E3851" t="s">
        <v>31982</v>
      </c>
      <c r="F3851">
        <v>4</v>
      </c>
      <c r="G3851" t="s">
        <v>15</v>
      </c>
      <c r="H3851" t="s">
        <v>7813</v>
      </c>
      <c r="I3851" t="s">
        <v>30540</v>
      </c>
    </row>
    <row r="3852" spans="1:9">
      <c r="A3852" s="1">
        <f ca="1">RAND()</f>
        <v>0.39947153218819875</v>
      </c>
      <c r="B3852" s="1"/>
      <c r="C3852">
        <v>11</v>
      </c>
      <c r="D3852" t="s">
        <v>7816</v>
      </c>
      <c r="E3852" t="s">
        <v>31982</v>
      </c>
      <c r="F3852">
        <v>4</v>
      </c>
      <c r="G3852" t="s">
        <v>0</v>
      </c>
      <c r="H3852" t="s">
        <v>7817</v>
      </c>
      <c r="I3852" t="s">
        <v>30540</v>
      </c>
    </row>
    <row r="3853" spans="1:9">
      <c r="A3853" s="1">
        <f ca="1">RAND()</f>
        <v>4.3025334172793417E-2</v>
      </c>
      <c r="B3853" s="1"/>
      <c r="C3853">
        <v>4</v>
      </c>
      <c r="D3853" t="s">
        <v>7810</v>
      </c>
      <c r="E3853" t="s">
        <v>31982</v>
      </c>
      <c r="F3853">
        <v>4</v>
      </c>
      <c r="G3853" t="s">
        <v>0</v>
      </c>
      <c r="H3853" t="s">
        <v>7811</v>
      </c>
      <c r="I3853" t="s">
        <v>30540</v>
      </c>
    </row>
    <row r="3854" spans="1:9">
      <c r="A3854" s="1">
        <f ca="1">RAND()</f>
        <v>0.45938689646853503</v>
      </c>
      <c r="B3854" s="1"/>
      <c r="C3854">
        <v>13</v>
      </c>
      <c r="D3854" t="s">
        <v>7818</v>
      </c>
      <c r="E3854" t="s">
        <v>31982</v>
      </c>
      <c r="F3854">
        <v>4</v>
      </c>
      <c r="G3854" t="s">
        <v>0</v>
      </c>
      <c r="H3854" t="s">
        <v>7819</v>
      </c>
      <c r="I3854" t="s">
        <v>30540</v>
      </c>
    </row>
    <row r="3855" spans="1:9">
      <c r="A3855" s="1">
        <f ca="1">RAND()</f>
        <v>0.501444909153831</v>
      </c>
      <c r="B3855" s="1"/>
      <c r="C3855">
        <v>1</v>
      </c>
      <c r="D3855" t="s">
        <v>7808</v>
      </c>
      <c r="E3855" t="s">
        <v>31982</v>
      </c>
      <c r="F3855">
        <v>3</v>
      </c>
      <c r="G3855" t="s">
        <v>9</v>
      </c>
      <c r="H3855" t="s">
        <v>7809</v>
      </c>
      <c r="I3855" t="s">
        <v>30540</v>
      </c>
    </row>
    <row r="3856" spans="1:9">
      <c r="A3856" s="1">
        <f ca="1">RAND()</f>
        <v>7.0509045985588381E-2</v>
      </c>
      <c r="B3856" s="1"/>
      <c r="C3856">
        <v>3</v>
      </c>
      <c r="D3856" t="s">
        <v>7802</v>
      </c>
      <c r="E3856" t="s">
        <v>31983</v>
      </c>
      <c r="F3856">
        <v>5</v>
      </c>
      <c r="G3856" t="s">
        <v>774</v>
      </c>
      <c r="H3856" t="s">
        <v>7803</v>
      </c>
      <c r="I3856" t="s">
        <v>30540</v>
      </c>
    </row>
    <row r="3857" spans="1:9">
      <c r="A3857" s="1">
        <f ca="1">RAND()</f>
        <v>0.14766071339513054</v>
      </c>
      <c r="B3857" s="1"/>
      <c r="C3857">
        <v>13</v>
      </c>
      <c r="D3857" t="s">
        <v>7804</v>
      </c>
      <c r="E3857" t="s">
        <v>31983</v>
      </c>
      <c r="F3857">
        <v>4</v>
      </c>
      <c r="G3857" t="s">
        <v>14</v>
      </c>
      <c r="H3857" t="s">
        <v>7805</v>
      </c>
      <c r="I3857" t="s">
        <v>30540</v>
      </c>
    </row>
    <row r="3858" spans="1:9">
      <c r="A3858" s="1">
        <f ca="1">RAND()</f>
        <v>0.64212098891035918</v>
      </c>
      <c r="B3858" s="1"/>
      <c r="C3858">
        <v>14</v>
      </c>
      <c r="D3858" t="s">
        <v>7806</v>
      </c>
      <c r="E3858" t="s">
        <v>31983</v>
      </c>
      <c r="F3858">
        <v>4</v>
      </c>
      <c r="G3858" t="s">
        <v>0</v>
      </c>
      <c r="H3858" t="s">
        <v>7807</v>
      </c>
      <c r="I3858" t="s">
        <v>30540</v>
      </c>
    </row>
    <row r="3859" spans="1:9">
      <c r="A3859" s="1">
        <f ca="1">RAND()</f>
        <v>0.91412750888819205</v>
      </c>
      <c r="B3859" s="1"/>
      <c r="C3859">
        <v>16</v>
      </c>
      <c r="D3859" t="s">
        <v>7800</v>
      </c>
      <c r="E3859" t="s">
        <v>31984</v>
      </c>
      <c r="F3859">
        <v>4</v>
      </c>
      <c r="G3859" t="s">
        <v>0</v>
      </c>
      <c r="H3859" t="s">
        <v>7801</v>
      </c>
      <c r="I3859" t="s">
        <v>30540</v>
      </c>
    </row>
    <row r="3860" spans="1:9">
      <c r="A3860" s="1">
        <f ca="1">RAND()</f>
        <v>0.93685681364282847</v>
      </c>
      <c r="B3860" s="1"/>
      <c r="C3860">
        <v>2</v>
      </c>
      <c r="D3860" t="s">
        <v>7798</v>
      </c>
      <c r="E3860" t="s">
        <v>31984</v>
      </c>
      <c r="F3860">
        <v>2</v>
      </c>
      <c r="G3860" t="s">
        <v>2</v>
      </c>
      <c r="H3860" t="s">
        <v>7799</v>
      </c>
      <c r="I3860" t="s">
        <v>30540</v>
      </c>
    </row>
    <row r="3861" spans="1:9">
      <c r="A3861" s="1">
        <f ca="1">RAND()</f>
        <v>0.77764270166972638</v>
      </c>
      <c r="B3861" s="1"/>
      <c r="C3861">
        <v>1</v>
      </c>
      <c r="D3861" t="s">
        <v>7792</v>
      </c>
      <c r="E3861" t="s">
        <v>31985</v>
      </c>
      <c r="F3861">
        <v>4</v>
      </c>
      <c r="G3861" t="s">
        <v>1</v>
      </c>
      <c r="H3861" t="s">
        <v>7793</v>
      </c>
      <c r="I3861" t="s">
        <v>30540</v>
      </c>
    </row>
    <row r="3862" spans="1:9">
      <c r="A3862" s="1">
        <f ca="1">RAND()</f>
        <v>0.47737503749170973</v>
      </c>
      <c r="B3862" s="1"/>
      <c r="C3862">
        <v>15</v>
      </c>
      <c r="D3862" t="s">
        <v>7796</v>
      </c>
      <c r="E3862" t="s">
        <v>31985</v>
      </c>
      <c r="F3862">
        <v>4</v>
      </c>
      <c r="G3862" t="s">
        <v>15</v>
      </c>
      <c r="H3862" t="s">
        <v>7797</v>
      </c>
      <c r="I3862" t="s">
        <v>30540</v>
      </c>
    </row>
    <row r="3863" spans="1:9">
      <c r="A3863" s="1">
        <f ca="1">RAND()</f>
        <v>0.25233340712600372</v>
      </c>
      <c r="B3863" s="1"/>
      <c r="C3863">
        <v>8</v>
      </c>
      <c r="D3863" t="s">
        <v>7794</v>
      </c>
      <c r="E3863" t="s">
        <v>31985</v>
      </c>
      <c r="F3863">
        <v>4</v>
      </c>
      <c r="G3863" t="s">
        <v>9</v>
      </c>
      <c r="H3863" t="s">
        <v>7795</v>
      </c>
      <c r="I3863" t="s">
        <v>30540</v>
      </c>
    </row>
    <row r="3864" spans="1:9">
      <c r="A3864" s="1">
        <f ca="1">RAND()</f>
        <v>0.5526614231182555</v>
      </c>
      <c r="B3864" s="1"/>
      <c r="C3864">
        <v>1</v>
      </c>
      <c r="D3864" t="s">
        <v>7784</v>
      </c>
      <c r="E3864" t="s">
        <v>31986</v>
      </c>
      <c r="F3864">
        <v>4</v>
      </c>
      <c r="G3864" t="s">
        <v>771</v>
      </c>
      <c r="H3864" t="s">
        <v>7785</v>
      </c>
      <c r="I3864" t="s">
        <v>30540</v>
      </c>
    </row>
    <row r="3865" spans="1:9">
      <c r="A3865" s="1">
        <f ca="1">RAND()</f>
        <v>0.80074026334169512</v>
      </c>
      <c r="B3865" s="1"/>
      <c r="C3865">
        <v>10</v>
      </c>
      <c r="D3865" t="s">
        <v>7790</v>
      </c>
      <c r="E3865" t="s">
        <v>31986</v>
      </c>
      <c r="F3865">
        <v>4</v>
      </c>
      <c r="G3865" t="s">
        <v>9</v>
      </c>
      <c r="H3865" t="s">
        <v>7791</v>
      </c>
      <c r="I3865" t="s">
        <v>30540</v>
      </c>
    </row>
    <row r="3866" spans="1:9">
      <c r="A3866" s="1">
        <f ca="1">RAND()</f>
        <v>0.3803260611785485</v>
      </c>
      <c r="B3866" s="1"/>
      <c r="C3866">
        <v>5</v>
      </c>
      <c r="D3866" t="s">
        <v>7788</v>
      </c>
      <c r="E3866" t="s">
        <v>31986</v>
      </c>
      <c r="F3866">
        <v>4</v>
      </c>
      <c r="G3866" t="s">
        <v>0</v>
      </c>
      <c r="H3866" t="s">
        <v>7789</v>
      </c>
      <c r="I3866" t="s">
        <v>30540</v>
      </c>
    </row>
    <row r="3867" spans="1:9">
      <c r="A3867" s="1">
        <f ca="1">RAND()</f>
        <v>0.8539640417250921</v>
      </c>
      <c r="B3867" s="1"/>
      <c r="C3867">
        <v>2</v>
      </c>
      <c r="D3867" t="s">
        <v>7786</v>
      </c>
      <c r="E3867" t="s">
        <v>31986</v>
      </c>
      <c r="F3867">
        <v>4</v>
      </c>
      <c r="G3867" t="s">
        <v>14</v>
      </c>
      <c r="H3867" t="s">
        <v>7787</v>
      </c>
      <c r="I3867" t="s">
        <v>30540</v>
      </c>
    </row>
    <row r="3868" spans="1:9">
      <c r="A3868" s="1">
        <f ca="1">RAND()</f>
        <v>0.32945270585757847</v>
      </c>
      <c r="B3868" s="1"/>
      <c r="C3868">
        <v>20</v>
      </c>
      <c r="D3868" t="s">
        <v>7782</v>
      </c>
      <c r="E3868" t="s">
        <v>31987</v>
      </c>
      <c r="F3868">
        <v>5</v>
      </c>
      <c r="G3868" t="s">
        <v>0</v>
      </c>
      <c r="H3868" t="s">
        <v>7783</v>
      </c>
      <c r="I3868" t="s">
        <v>30540</v>
      </c>
    </row>
    <row r="3869" spans="1:9">
      <c r="A3869" s="1">
        <f ca="1">RAND()</f>
        <v>0.9469716593665396</v>
      </c>
      <c r="B3869" s="1"/>
      <c r="C3869">
        <v>12</v>
      </c>
      <c r="D3869" t="s">
        <v>7778</v>
      </c>
      <c r="E3869" t="s">
        <v>31987</v>
      </c>
      <c r="F3869">
        <v>5</v>
      </c>
      <c r="G3869" t="s">
        <v>0</v>
      </c>
      <c r="H3869" t="s">
        <v>7779</v>
      </c>
      <c r="I3869" t="s">
        <v>30540</v>
      </c>
    </row>
    <row r="3870" spans="1:9">
      <c r="A3870" s="1">
        <f ca="1">RAND()</f>
        <v>0.8187221655249205</v>
      </c>
      <c r="B3870" s="1"/>
      <c r="C3870">
        <v>18</v>
      </c>
      <c r="D3870" t="s">
        <v>7780</v>
      </c>
      <c r="E3870" t="s">
        <v>31987</v>
      </c>
      <c r="F3870">
        <v>4</v>
      </c>
      <c r="G3870" t="s">
        <v>0</v>
      </c>
      <c r="H3870" t="s">
        <v>7781</v>
      </c>
      <c r="I3870" t="s">
        <v>30540</v>
      </c>
    </row>
    <row r="3871" spans="1:9">
      <c r="A3871" s="1">
        <f ca="1">RAND()</f>
        <v>0.47011601072997067</v>
      </c>
      <c r="B3871" s="1"/>
      <c r="C3871">
        <v>20</v>
      </c>
      <c r="D3871" t="s">
        <v>7776</v>
      </c>
      <c r="E3871" t="s">
        <v>31988</v>
      </c>
      <c r="F3871">
        <v>4</v>
      </c>
      <c r="G3871" t="s">
        <v>0</v>
      </c>
      <c r="H3871" t="s">
        <v>7777</v>
      </c>
      <c r="I3871" t="s">
        <v>30540</v>
      </c>
    </row>
    <row r="3872" spans="1:9">
      <c r="A3872" s="1">
        <f ca="1">RAND()</f>
        <v>0.93035721577222985</v>
      </c>
      <c r="B3872" s="1"/>
      <c r="C3872">
        <v>18</v>
      </c>
      <c r="D3872" t="s">
        <v>7774</v>
      </c>
      <c r="E3872" t="s">
        <v>31988</v>
      </c>
      <c r="F3872">
        <v>4</v>
      </c>
      <c r="G3872" t="s">
        <v>0</v>
      </c>
      <c r="H3872" t="s">
        <v>7775</v>
      </c>
      <c r="I3872" t="s">
        <v>30540</v>
      </c>
    </row>
    <row r="3873" spans="1:9">
      <c r="A3873" s="1">
        <f ca="1">RAND()</f>
        <v>0.87908862955340827</v>
      </c>
      <c r="B3873" s="1"/>
      <c r="C3873">
        <v>12</v>
      </c>
      <c r="D3873" t="s">
        <v>7772</v>
      </c>
      <c r="E3873" t="s">
        <v>31988</v>
      </c>
      <c r="F3873">
        <v>2</v>
      </c>
      <c r="G3873" t="s">
        <v>0</v>
      </c>
      <c r="H3873" t="s">
        <v>7773</v>
      </c>
      <c r="I3873" t="s">
        <v>30540</v>
      </c>
    </row>
    <row r="3874" spans="1:9">
      <c r="A3874" s="1">
        <f ca="1">RAND()</f>
        <v>7.3189058572498578E-2</v>
      </c>
      <c r="B3874" s="1"/>
      <c r="C3874">
        <v>16</v>
      </c>
      <c r="D3874" t="s">
        <v>7770</v>
      </c>
      <c r="E3874" t="s">
        <v>31989</v>
      </c>
      <c r="F3874">
        <v>5</v>
      </c>
      <c r="G3874" t="s">
        <v>0</v>
      </c>
      <c r="H3874" t="s">
        <v>7771</v>
      </c>
      <c r="I3874" t="s">
        <v>30540</v>
      </c>
    </row>
    <row r="3875" spans="1:9">
      <c r="A3875" s="1">
        <f ca="1">RAND()</f>
        <v>0.16400587572365866</v>
      </c>
      <c r="B3875" s="1"/>
      <c r="C3875">
        <v>1</v>
      </c>
      <c r="D3875" t="s">
        <v>7764</v>
      </c>
      <c r="E3875" t="s">
        <v>31989</v>
      </c>
      <c r="F3875">
        <v>4</v>
      </c>
      <c r="G3875" t="s">
        <v>769</v>
      </c>
      <c r="H3875" t="s">
        <v>7765</v>
      </c>
      <c r="I3875" t="s">
        <v>30540</v>
      </c>
    </row>
    <row r="3876" spans="1:9">
      <c r="A3876" s="1">
        <f ca="1">RAND()</f>
        <v>0.88355824330720767</v>
      </c>
      <c r="B3876" s="1"/>
      <c r="C3876">
        <v>5</v>
      </c>
      <c r="D3876" t="s">
        <v>7766</v>
      </c>
      <c r="E3876" t="s">
        <v>31989</v>
      </c>
      <c r="F3876">
        <v>4</v>
      </c>
      <c r="G3876" t="s">
        <v>774</v>
      </c>
      <c r="H3876" t="s">
        <v>7767</v>
      </c>
      <c r="I3876" t="s">
        <v>30540</v>
      </c>
    </row>
    <row r="3877" spans="1:9">
      <c r="A3877" s="1">
        <f ca="1">RAND()</f>
        <v>0.32415306437391112</v>
      </c>
      <c r="B3877" s="1"/>
      <c r="C3877">
        <v>12</v>
      </c>
      <c r="D3877" t="s">
        <v>7768</v>
      </c>
      <c r="E3877" t="s">
        <v>31989</v>
      </c>
      <c r="F3877">
        <v>3</v>
      </c>
      <c r="G3877" t="s">
        <v>0</v>
      </c>
      <c r="H3877" t="s">
        <v>7769</v>
      </c>
      <c r="I3877" t="s">
        <v>30540</v>
      </c>
    </row>
    <row r="3878" spans="1:9">
      <c r="A3878" s="1">
        <f ca="1">RAND()</f>
        <v>0.48943055838284355</v>
      </c>
      <c r="B3878" s="1"/>
      <c r="C3878">
        <v>13</v>
      </c>
      <c r="D3878" t="s">
        <v>7762</v>
      </c>
      <c r="E3878" t="s">
        <v>31990</v>
      </c>
      <c r="F3878">
        <v>5</v>
      </c>
      <c r="G3878" t="s">
        <v>0</v>
      </c>
      <c r="H3878" t="s">
        <v>7763</v>
      </c>
      <c r="I3878" t="s">
        <v>30540</v>
      </c>
    </row>
    <row r="3879" spans="1:9">
      <c r="A3879" s="1">
        <f ca="1">RAND()</f>
        <v>0.86148839733007931</v>
      </c>
      <c r="B3879" s="1"/>
      <c r="C3879">
        <v>6</v>
      </c>
      <c r="D3879" t="s">
        <v>7756</v>
      </c>
      <c r="E3879" t="s">
        <v>31990</v>
      </c>
      <c r="F3879">
        <v>5</v>
      </c>
      <c r="G3879" t="s">
        <v>14</v>
      </c>
      <c r="H3879" t="s">
        <v>7757</v>
      </c>
      <c r="I3879" t="s">
        <v>30540</v>
      </c>
    </row>
    <row r="3880" spans="1:9">
      <c r="A3880" s="1">
        <f ca="1">RAND()</f>
        <v>4.2206464228877749E-3</v>
      </c>
      <c r="B3880" s="1"/>
      <c r="C3880">
        <v>12</v>
      </c>
      <c r="D3880" t="s">
        <v>7760</v>
      </c>
      <c r="E3880" t="s">
        <v>31990</v>
      </c>
      <c r="F3880">
        <v>4</v>
      </c>
      <c r="G3880" t="s">
        <v>0</v>
      </c>
      <c r="H3880" t="s">
        <v>7761</v>
      </c>
      <c r="I3880" t="s">
        <v>30540</v>
      </c>
    </row>
    <row r="3881" spans="1:9">
      <c r="A3881" s="1">
        <f ca="1">RAND()</f>
        <v>0.50276807949953217</v>
      </c>
      <c r="B3881" s="1"/>
      <c r="C3881">
        <v>10</v>
      </c>
      <c r="D3881" t="s">
        <v>7758</v>
      </c>
      <c r="E3881" t="s">
        <v>31990</v>
      </c>
      <c r="F3881">
        <v>4</v>
      </c>
      <c r="G3881" t="s">
        <v>0</v>
      </c>
      <c r="H3881" t="s">
        <v>7759</v>
      </c>
      <c r="I3881" t="s">
        <v>30540</v>
      </c>
    </row>
    <row r="3882" spans="1:9">
      <c r="A3882" s="1">
        <f ca="1">RAND()</f>
        <v>0.97787659848288833</v>
      </c>
      <c r="B3882" s="1"/>
      <c r="C3882">
        <v>4</v>
      </c>
      <c r="D3882" t="s">
        <v>7754</v>
      </c>
      <c r="E3882" t="s">
        <v>31990</v>
      </c>
      <c r="F3882">
        <v>4</v>
      </c>
      <c r="G3882" t="s">
        <v>0</v>
      </c>
      <c r="H3882" t="s">
        <v>7755</v>
      </c>
      <c r="I3882" t="s">
        <v>30540</v>
      </c>
    </row>
    <row r="3883" spans="1:9">
      <c r="A3883" s="1">
        <f ca="1">RAND()</f>
        <v>0.5093215299931555</v>
      </c>
      <c r="B3883" s="1"/>
      <c r="C3883">
        <v>17</v>
      </c>
      <c r="D3883" t="s">
        <v>7752</v>
      </c>
      <c r="E3883" t="s">
        <v>31991</v>
      </c>
      <c r="F3883">
        <v>4</v>
      </c>
      <c r="G3883" t="s">
        <v>1295</v>
      </c>
      <c r="H3883" t="s">
        <v>7753</v>
      </c>
      <c r="I3883" t="s">
        <v>30540</v>
      </c>
    </row>
    <row r="3884" spans="1:9">
      <c r="A3884" s="1">
        <f ca="1">RAND()</f>
        <v>0.37692363949074525</v>
      </c>
      <c r="B3884" s="1"/>
      <c r="C3884">
        <v>13</v>
      </c>
      <c r="D3884" t="s">
        <v>7748</v>
      </c>
      <c r="E3884" t="s">
        <v>31991</v>
      </c>
      <c r="F3884">
        <v>2</v>
      </c>
      <c r="G3884" t="s">
        <v>2</v>
      </c>
      <c r="H3884" t="s">
        <v>7749</v>
      </c>
      <c r="I3884" t="s">
        <v>30540</v>
      </c>
    </row>
    <row r="3885" spans="1:9">
      <c r="A3885" s="1">
        <f ca="1">RAND()</f>
        <v>0.4447217293181821</v>
      </c>
      <c r="B3885" s="1"/>
      <c r="C3885">
        <v>15</v>
      </c>
      <c r="D3885" t="s">
        <v>7750</v>
      </c>
      <c r="E3885" t="s">
        <v>31991</v>
      </c>
      <c r="F3885">
        <v>2</v>
      </c>
      <c r="G3885" t="s">
        <v>774</v>
      </c>
      <c r="H3885" t="s">
        <v>7751</v>
      </c>
      <c r="I3885" t="s">
        <v>30540</v>
      </c>
    </row>
    <row r="3886" spans="1:9">
      <c r="A3886" s="1">
        <f ca="1">RAND()</f>
        <v>0.55395113789975303</v>
      </c>
      <c r="B3886" s="1"/>
      <c r="C3886">
        <v>18</v>
      </c>
      <c r="D3886" t="s">
        <v>7746</v>
      </c>
      <c r="E3886" t="s">
        <v>31992</v>
      </c>
      <c r="F3886">
        <v>4</v>
      </c>
      <c r="G3886" t="s">
        <v>10</v>
      </c>
      <c r="H3886" t="s">
        <v>7747</v>
      </c>
      <c r="I3886" t="s">
        <v>30540</v>
      </c>
    </row>
    <row r="3887" spans="1:9">
      <c r="A3887" s="1">
        <f ca="1">RAND()</f>
        <v>9.8156206626350828E-2</v>
      </c>
      <c r="B3887" s="1"/>
      <c r="C3887">
        <v>3</v>
      </c>
      <c r="D3887" t="s">
        <v>7740</v>
      </c>
      <c r="E3887" t="s">
        <v>31992</v>
      </c>
      <c r="F3887">
        <v>4</v>
      </c>
      <c r="G3887" t="s">
        <v>0</v>
      </c>
      <c r="H3887" t="s">
        <v>7741</v>
      </c>
      <c r="I3887" t="s">
        <v>30540</v>
      </c>
    </row>
    <row r="3888" spans="1:9">
      <c r="A3888" s="1">
        <f ca="1">RAND()</f>
        <v>0.4956271016696544</v>
      </c>
      <c r="B3888" s="1"/>
      <c r="C3888">
        <v>7</v>
      </c>
      <c r="D3888" t="s">
        <v>7742</v>
      </c>
      <c r="E3888" t="s">
        <v>31992</v>
      </c>
      <c r="F3888">
        <v>4</v>
      </c>
      <c r="G3888" t="s">
        <v>0</v>
      </c>
      <c r="H3888" t="s">
        <v>7743</v>
      </c>
      <c r="I3888" t="s">
        <v>30540</v>
      </c>
    </row>
    <row r="3889" spans="1:9">
      <c r="A3889" s="1">
        <f ca="1">RAND()</f>
        <v>4.5271399010495816E-3</v>
      </c>
      <c r="B3889" s="1"/>
      <c r="C3889">
        <v>12</v>
      </c>
      <c r="D3889" t="s">
        <v>7744</v>
      </c>
      <c r="E3889" t="s">
        <v>31992</v>
      </c>
      <c r="F3889">
        <v>2</v>
      </c>
      <c r="G3889" t="s">
        <v>0</v>
      </c>
      <c r="H3889" t="s">
        <v>7745</v>
      </c>
      <c r="I3889" t="s">
        <v>30540</v>
      </c>
    </row>
    <row r="3890" spans="1:9">
      <c r="A3890" s="1">
        <f ca="1">RAND()</f>
        <v>1.9659675387440512E-2</v>
      </c>
      <c r="B3890" s="1"/>
      <c r="C3890">
        <v>14</v>
      </c>
      <c r="D3890" t="s">
        <v>7736</v>
      </c>
      <c r="E3890" t="s">
        <v>31993</v>
      </c>
      <c r="F3890">
        <v>5</v>
      </c>
      <c r="G3890" t="s">
        <v>14</v>
      </c>
      <c r="H3890" t="s">
        <v>7737</v>
      </c>
      <c r="I3890" t="s">
        <v>30540</v>
      </c>
    </row>
    <row r="3891" spans="1:9">
      <c r="A3891" s="1">
        <f ca="1">RAND()</f>
        <v>8.990138258186442E-2</v>
      </c>
      <c r="B3891" s="1"/>
      <c r="C3891">
        <v>11</v>
      </c>
      <c r="D3891" t="s">
        <v>7734</v>
      </c>
      <c r="E3891" t="s">
        <v>31993</v>
      </c>
      <c r="F3891">
        <v>5</v>
      </c>
      <c r="G3891" t="s">
        <v>766</v>
      </c>
      <c r="H3891" t="s">
        <v>7735</v>
      </c>
      <c r="I3891" t="s">
        <v>30540</v>
      </c>
    </row>
    <row r="3892" spans="1:9">
      <c r="A3892" s="1">
        <f ca="1">RAND()</f>
        <v>2.1267509893750924E-2</v>
      </c>
      <c r="B3892" s="1"/>
      <c r="C3892">
        <v>4</v>
      </c>
      <c r="D3892" t="s">
        <v>7732</v>
      </c>
      <c r="E3892" t="s">
        <v>31993</v>
      </c>
      <c r="F3892">
        <v>3</v>
      </c>
      <c r="G3892" t="s">
        <v>14</v>
      </c>
      <c r="H3892" t="s">
        <v>7733</v>
      </c>
      <c r="I3892" t="s">
        <v>30540</v>
      </c>
    </row>
    <row r="3893" spans="1:9">
      <c r="A3893" s="1">
        <f ca="1">RAND()</f>
        <v>0.68980008449653551</v>
      </c>
      <c r="B3893" s="1"/>
      <c r="C3893">
        <v>20</v>
      </c>
      <c r="D3893" t="s">
        <v>7738</v>
      </c>
      <c r="E3893" t="s">
        <v>31993</v>
      </c>
      <c r="F3893">
        <v>2</v>
      </c>
      <c r="G3893" t="s">
        <v>9</v>
      </c>
      <c r="H3893" t="s">
        <v>7739</v>
      </c>
      <c r="I3893" t="s">
        <v>30540</v>
      </c>
    </row>
    <row r="3894" spans="1:9">
      <c r="A3894" s="1">
        <f ca="1">RAND()</f>
        <v>3.3766157706596078E-2</v>
      </c>
      <c r="B3894" s="1"/>
      <c r="C3894">
        <v>17</v>
      </c>
      <c r="D3894" t="s">
        <v>7730</v>
      </c>
      <c r="E3894" t="s">
        <v>31994</v>
      </c>
      <c r="F3894">
        <v>5</v>
      </c>
      <c r="G3894" t="s">
        <v>0</v>
      </c>
      <c r="H3894" t="s">
        <v>7731</v>
      </c>
      <c r="I3894" t="s">
        <v>30540</v>
      </c>
    </row>
    <row r="3895" spans="1:9">
      <c r="A3895" s="1">
        <f ca="1">RAND()</f>
        <v>0.45723121907361652</v>
      </c>
      <c r="B3895" s="1"/>
      <c r="C3895">
        <v>10</v>
      </c>
      <c r="D3895" t="s">
        <v>7726</v>
      </c>
      <c r="E3895" t="s">
        <v>31994</v>
      </c>
      <c r="F3895">
        <v>4</v>
      </c>
      <c r="G3895" t="s">
        <v>15</v>
      </c>
      <c r="H3895" t="s">
        <v>7727</v>
      </c>
      <c r="I3895" t="s">
        <v>30540</v>
      </c>
    </row>
    <row r="3896" spans="1:9">
      <c r="A3896" s="1">
        <f ca="1">RAND()</f>
        <v>0.21842450107360034</v>
      </c>
      <c r="B3896" s="1"/>
      <c r="C3896">
        <v>13</v>
      </c>
      <c r="D3896" t="s">
        <v>7728</v>
      </c>
      <c r="E3896" t="s">
        <v>31994</v>
      </c>
      <c r="F3896">
        <v>2</v>
      </c>
      <c r="G3896" t="s">
        <v>9</v>
      </c>
      <c r="H3896" t="s">
        <v>7729</v>
      </c>
      <c r="I3896" t="s">
        <v>30540</v>
      </c>
    </row>
    <row r="3897" spans="1:9">
      <c r="A3897" s="1">
        <f ca="1">RAND()</f>
        <v>0.12575675346089854</v>
      </c>
      <c r="B3897" s="1"/>
      <c r="C3897">
        <v>17</v>
      </c>
      <c r="D3897" t="s">
        <v>7722</v>
      </c>
      <c r="E3897" t="s">
        <v>31995</v>
      </c>
      <c r="F3897">
        <v>5</v>
      </c>
      <c r="G3897" t="s">
        <v>10</v>
      </c>
      <c r="H3897" t="s">
        <v>7723</v>
      </c>
      <c r="I3897" t="s">
        <v>30540</v>
      </c>
    </row>
    <row r="3898" spans="1:9">
      <c r="A3898" s="1">
        <f ca="1">RAND()</f>
        <v>0.3144649253127928</v>
      </c>
      <c r="B3898" s="1"/>
      <c r="C3898">
        <v>6</v>
      </c>
      <c r="D3898" t="s">
        <v>7710</v>
      </c>
      <c r="E3898" t="s">
        <v>31995</v>
      </c>
      <c r="F3898">
        <v>5</v>
      </c>
      <c r="G3898" t="s">
        <v>0</v>
      </c>
      <c r="H3898" t="s">
        <v>7711</v>
      </c>
      <c r="I3898" t="s">
        <v>30540</v>
      </c>
    </row>
    <row r="3899" spans="1:9">
      <c r="A3899" s="1">
        <f ca="1">RAND()</f>
        <v>0.78550564461267514</v>
      </c>
      <c r="B3899" s="1"/>
      <c r="C3899">
        <v>3</v>
      </c>
      <c r="D3899" t="s">
        <v>7708</v>
      </c>
      <c r="E3899" t="s">
        <v>31995</v>
      </c>
      <c r="F3899">
        <v>4</v>
      </c>
      <c r="G3899" t="s">
        <v>2</v>
      </c>
      <c r="H3899" t="s">
        <v>7709</v>
      </c>
      <c r="I3899" t="s">
        <v>30540</v>
      </c>
    </row>
    <row r="3900" spans="1:9">
      <c r="A3900" s="1">
        <f ca="1">RAND()</f>
        <v>0.65416924982193292</v>
      </c>
      <c r="B3900" s="1"/>
      <c r="C3900">
        <v>16</v>
      </c>
      <c r="D3900" t="s">
        <v>7720</v>
      </c>
      <c r="E3900" t="s">
        <v>31995</v>
      </c>
      <c r="F3900">
        <v>4</v>
      </c>
      <c r="G3900" t="s">
        <v>0</v>
      </c>
      <c r="H3900" t="s">
        <v>7721</v>
      </c>
      <c r="I3900" t="s">
        <v>30540</v>
      </c>
    </row>
    <row r="3901" spans="1:9">
      <c r="A3901" s="1">
        <f ca="1">RAND()</f>
        <v>0.76065016646777184</v>
      </c>
      <c r="B3901" s="1"/>
      <c r="C3901">
        <v>1</v>
      </c>
      <c r="D3901" t="s">
        <v>7706</v>
      </c>
      <c r="E3901" t="s">
        <v>31995</v>
      </c>
      <c r="F3901">
        <v>4</v>
      </c>
      <c r="G3901" t="s">
        <v>9</v>
      </c>
      <c r="H3901" t="s">
        <v>7707</v>
      </c>
      <c r="I3901" t="s">
        <v>30540</v>
      </c>
    </row>
    <row r="3902" spans="1:9">
      <c r="A3902" s="1">
        <f ca="1">RAND()</f>
        <v>0.80065162869493578</v>
      </c>
      <c r="B3902" s="1"/>
      <c r="C3902">
        <v>19</v>
      </c>
      <c r="D3902" t="s">
        <v>7724</v>
      </c>
      <c r="E3902" t="s">
        <v>31995</v>
      </c>
      <c r="F3902">
        <v>3</v>
      </c>
      <c r="G3902" t="s">
        <v>0</v>
      </c>
      <c r="H3902" t="s">
        <v>7725</v>
      </c>
      <c r="I3902" t="s">
        <v>30540</v>
      </c>
    </row>
    <row r="3903" spans="1:9">
      <c r="A3903" s="1">
        <f ca="1">RAND()</f>
        <v>0.23220623394126583</v>
      </c>
      <c r="B3903" s="1"/>
      <c r="C3903">
        <v>9</v>
      </c>
      <c r="D3903" t="s">
        <v>7714</v>
      </c>
      <c r="E3903" t="s">
        <v>31995</v>
      </c>
      <c r="F3903">
        <v>3</v>
      </c>
      <c r="G3903" t="s">
        <v>0</v>
      </c>
      <c r="H3903" t="s">
        <v>7715</v>
      </c>
      <c r="I3903" t="s">
        <v>30540</v>
      </c>
    </row>
    <row r="3904" spans="1:9">
      <c r="A3904" s="1">
        <f ca="1">RAND()</f>
        <v>0.92314243505143323</v>
      </c>
      <c r="B3904" s="1"/>
      <c r="C3904">
        <v>7</v>
      </c>
      <c r="D3904" t="s">
        <v>7712</v>
      </c>
      <c r="E3904" t="s">
        <v>31995</v>
      </c>
      <c r="F3904">
        <v>3</v>
      </c>
      <c r="G3904" t="s">
        <v>0</v>
      </c>
      <c r="H3904" t="s">
        <v>7713</v>
      </c>
      <c r="I3904" t="s">
        <v>30540</v>
      </c>
    </row>
    <row r="3905" spans="1:9">
      <c r="A3905" s="1">
        <f ca="1">RAND()</f>
        <v>0.7711569440045688</v>
      </c>
      <c r="B3905" s="1"/>
      <c r="C3905">
        <v>15</v>
      </c>
      <c r="D3905" t="s">
        <v>7718</v>
      </c>
      <c r="E3905" t="s">
        <v>31995</v>
      </c>
      <c r="F3905">
        <v>3</v>
      </c>
      <c r="G3905" t="s">
        <v>0</v>
      </c>
      <c r="H3905" t="s">
        <v>7719</v>
      </c>
      <c r="I3905" t="s">
        <v>30540</v>
      </c>
    </row>
    <row r="3906" spans="1:9">
      <c r="A3906" s="1">
        <f ca="1">RAND()</f>
        <v>0.39588653668576912</v>
      </c>
      <c r="B3906" s="1"/>
      <c r="C3906">
        <v>11</v>
      </c>
      <c r="D3906" t="s">
        <v>7716</v>
      </c>
      <c r="E3906" t="s">
        <v>31995</v>
      </c>
      <c r="F3906">
        <v>2</v>
      </c>
      <c r="G3906" t="s">
        <v>9</v>
      </c>
      <c r="H3906" t="s">
        <v>7717</v>
      </c>
      <c r="I3906" t="s">
        <v>30540</v>
      </c>
    </row>
    <row r="3907" spans="1:9">
      <c r="A3907" s="1">
        <f ca="1">RAND()</f>
        <v>0.9326785341975532</v>
      </c>
      <c r="B3907" s="1"/>
      <c r="C3907">
        <v>12</v>
      </c>
      <c r="D3907" t="s">
        <v>7700</v>
      </c>
      <c r="E3907" t="s">
        <v>31996</v>
      </c>
      <c r="F3907">
        <v>4</v>
      </c>
      <c r="G3907" t="s">
        <v>15</v>
      </c>
      <c r="H3907" t="s">
        <v>7701</v>
      </c>
      <c r="I3907" t="s">
        <v>30540</v>
      </c>
    </row>
    <row r="3908" spans="1:9">
      <c r="A3908" s="1">
        <f ca="1">RAND()</f>
        <v>0.50930588228342355</v>
      </c>
      <c r="B3908" s="1"/>
      <c r="C3908">
        <v>14</v>
      </c>
      <c r="D3908" t="s">
        <v>7702</v>
      </c>
      <c r="E3908" t="s">
        <v>31996</v>
      </c>
      <c r="F3908">
        <v>4</v>
      </c>
      <c r="G3908" t="s">
        <v>770</v>
      </c>
      <c r="H3908" t="s">
        <v>7703</v>
      </c>
      <c r="I3908" t="s">
        <v>30540</v>
      </c>
    </row>
    <row r="3909" spans="1:9">
      <c r="A3909" s="1">
        <f ca="1">RAND()</f>
        <v>0.40207593109407203</v>
      </c>
      <c r="B3909" s="1"/>
      <c r="C3909">
        <v>11</v>
      </c>
      <c r="D3909" t="s">
        <v>7698</v>
      </c>
      <c r="E3909" t="s">
        <v>31996</v>
      </c>
      <c r="F3909">
        <v>3</v>
      </c>
      <c r="G3909" t="s">
        <v>15</v>
      </c>
      <c r="H3909" t="s">
        <v>7699</v>
      </c>
      <c r="I3909" t="s">
        <v>30540</v>
      </c>
    </row>
    <row r="3910" spans="1:9">
      <c r="A3910" s="1">
        <f ca="1">RAND()</f>
        <v>3.4319366420218933E-2</v>
      </c>
      <c r="B3910" s="1"/>
      <c r="C3910">
        <v>18</v>
      </c>
      <c r="D3910" t="s">
        <v>7704</v>
      </c>
      <c r="E3910" t="s">
        <v>31996</v>
      </c>
      <c r="F3910">
        <v>1</v>
      </c>
      <c r="G3910" t="s">
        <v>0</v>
      </c>
      <c r="H3910" t="s">
        <v>7705</v>
      </c>
      <c r="I3910" t="s">
        <v>30540</v>
      </c>
    </row>
    <row r="3911" spans="1:9">
      <c r="A3911" s="1">
        <f ca="1">RAND()</f>
        <v>0.83372307138009838</v>
      </c>
      <c r="B3911" s="1"/>
      <c r="C3911">
        <v>19</v>
      </c>
      <c r="D3911" t="s">
        <v>7694</v>
      </c>
      <c r="E3911" t="s">
        <v>31997</v>
      </c>
      <c r="F3911">
        <v>5</v>
      </c>
      <c r="G3911" t="s">
        <v>0</v>
      </c>
      <c r="H3911" t="s">
        <v>7695</v>
      </c>
      <c r="I3911" t="s">
        <v>30540</v>
      </c>
    </row>
    <row r="3912" spans="1:9">
      <c r="A3912" s="1">
        <f ca="1">RAND()</f>
        <v>0.81760706988432941</v>
      </c>
      <c r="B3912" s="1"/>
      <c r="C3912">
        <v>12</v>
      </c>
      <c r="D3912" t="s">
        <v>7692</v>
      </c>
      <c r="E3912" t="s">
        <v>31997</v>
      </c>
      <c r="F3912">
        <v>4</v>
      </c>
      <c r="G3912" t="s">
        <v>0</v>
      </c>
      <c r="H3912" t="s">
        <v>7693</v>
      </c>
      <c r="I3912" t="s">
        <v>30540</v>
      </c>
    </row>
    <row r="3913" spans="1:9">
      <c r="A3913" s="1">
        <f ca="1">RAND()</f>
        <v>0.7568774684208639</v>
      </c>
      <c r="B3913" s="1"/>
      <c r="C3913">
        <v>20</v>
      </c>
      <c r="D3913" t="s">
        <v>7696</v>
      </c>
      <c r="E3913" t="s">
        <v>31997</v>
      </c>
      <c r="F3913">
        <v>4</v>
      </c>
      <c r="G3913" t="s">
        <v>0</v>
      </c>
      <c r="H3913" t="s">
        <v>7697</v>
      </c>
      <c r="I3913" t="s">
        <v>30540</v>
      </c>
    </row>
    <row r="3914" spans="1:9">
      <c r="A3914" s="1">
        <f ca="1">RAND()</f>
        <v>0.69070738957936539</v>
      </c>
      <c r="B3914" s="1"/>
      <c r="C3914">
        <v>10</v>
      </c>
      <c r="D3914" t="s">
        <v>7690</v>
      </c>
      <c r="E3914" t="s">
        <v>31997</v>
      </c>
      <c r="F3914">
        <v>2</v>
      </c>
      <c r="G3914" t="s">
        <v>0</v>
      </c>
      <c r="H3914" t="s">
        <v>7691</v>
      </c>
      <c r="I3914" t="s">
        <v>30540</v>
      </c>
    </row>
    <row r="3915" spans="1:9">
      <c r="A3915" s="1">
        <f ca="1">RAND()</f>
        <v>0.65216200361368193</v>
      </c>
      <c r="B3915" s="1"/>
      <c r="C3915">
        <v>8</v>
      </c>
      <c r="D3915" t="s">
        <v>7686</v>
      </c>
      <c r="E3915" t="s">
        <v>31998</v>
      </c>
      <c r="F3915">
        <v>4</v>
      </c>
      <c r="G3915" t="s">
        <v>2</v>
      </c>
      <c r="H3915" t="s">
        <v>7687</v>
      </c>
      <c r="I3915" t="s">
        <v>30540</v>
      </c>
    </row>
    <row r="3916" spans="1:9">
      <c r="A3916" s="1">
        <f ca="1">RAND()</f>
        <v>0.3206838614250459</v>
      </c>
      <c r="B3916" s="1"/>
      <c r="C3916">
        <v>2</v>
      </c>
      <c r="D3916" t="s">
        <v>7682</v>
      </c>
      <c r="E3916" t="s">
        <v>31998</v>
      </c>
      <c r="F3916">
        <v>4</v>
      </c>
      <c r="G3916" t="s">
        <v>15</v>
      </c>
      <c r="H3916" t="s">
        <v>7683</v>
      </c>
      <c r="I3916" t="s">
        <v>30540</v>
      </c>
    </row>
    <row r="3917" spans="1:9">
      <c r="A3917" s="1">
        <f ca="1">RAND()</f>
        <v>0.21533241421986538</v>
      </c>
      <c r="B3917" s="1"/>
      <c r="C3917">
        <v>19</v>
      </c>
      <c r="D3917" t="s">
        <v>7688</v>
      </c>
      <c r="E3917" t="s">
        <v>31998</v>
      </c>
      <c r="F3917">
        <v>4</v>
      </c>
      <c r="G3917" t="s">
        <v>770</v>
      </c>
      <c r="H3917" t="s">
        <v>7689</v>
      </c>
      <c r="I3917" t="s">
        <v>30540</v>
      </c>
    </row>
    <row r="3918" spans="1:9">
      <c r="A3918" s="1">
        <f ca="1">RAND()</f>
        <v>0.6168896796617005</v>
      </c>
      <c r="B3918" s="1"/>
      <c r="C3918">
        <v>7</v>
      </c>
      <c r="D3918" t="s">
        <v>7684</v>
      </c>
      <c r="E3918" t="s">
        <v>31998</v>
      </c>
      <c r="F3918">
        <v>1</v>
      </c>
      <c r="G3918" t="s">
        <v>762</v>
      </c>
      <c r="H3918" t="s">
        <v>7685</v>
      </c>
      <c r="I3918" t="s">
        <v>30540</v>
      </c>
    </row>
    <row r="3919" spans="1:9">
      <c r="A3919" s="1">
        <f ca="1">RAND()</f>
        <v>0.87685947467336822</v>
      </c>
      <c r="B3919" s="1"/>
      <c r="C3919">
        <v>20</v>
      </c>
      <c r="D3919" t="s">
        <v>7680</v>
      </c>
      <c r="E3919" t="s">
        <v>31999</v>
      </c>
      <c r="F3919">
        <v>4</v>
      </c>
      <c r="G3919" t="s">
        <v>1</v>
      </c>
      <c r="H3919" t="s">
        <v>7681</v>
      </c>
      <c r="I3919" t="s">
        <v>30540</v>
      </c>
    </row>
    <row r="3920" spans="1:9">
      <c r="A3920" s="1">
        <f ca="1">RAND()</f>
        <v>0.97224346422350905</v>
      </c>
      <c r="B3920" s="1"/>
      <c r="C3920">
        <v>11</v>
      </c>
      <c r="D3920" t="s">
        <v>7674</v>
      </c>
      <c r="E3920" t="s">
        <v>31999</v>
      </c>
      <c r="F3920">
        <v>4</v>
      </c>
      <c r="G3920" t="s">
        <v>0</v>
      </c>
      <c r="H3920" t="s">
        <v>7675</v>
      </c>
      <c r="I3920" t="s">
        <v>30540</v>
      </c>
    </row>
    <row r="3921" spans="1:9">
      <c r="A3921" s="1">
        <f ca="1">RAND()</f>
        <v>0.95226572861448211</v>
      </c>
      <c r="B3921" s="1"/>
      <c r="C3921">
        <v>13</v>
      </c>
      <c r="D3921" t="s">
        <v>7676</v>
      </c>
      <c r="E3921" t="s">
        <v>31999</v>
      </c>
      <c r="F3921">
        <v>4</v>
      </c>
      <c r="G3921" t="s">
        <v>15</v>
      </c>
      <c r="H3921" t="s">
        <v>7677</v>
      </c>
      <c r="I3921" t="s">
        <v>30540</v>
      </c>
    </row>
    <row r="3922" spans="1:9">
      <c r="A3922" s="1">
        <f ca="1">RAND()</f>
        <v>0.86550443339703753</v>
      </c>
      <c r="B3922" s="1"/>
      <c r="C3922">
        <v>5</v>
      </c>
      <c r="D3922" t="s">
        <v>7672</v>
      </c>
      <c r="E3922" t="s">
        <v>31999</v>
      </c>
      <c r="F3922">
        <v>2</v>
      </c>
      <c r="G3922" t="s">
        <v>1</v>
      </c>
      <c r="H3922" t="s">
        <v>7673</v>
      </c>
      <c r="I3922" t="s">
        <v>30540</v>
      </c>
    </row>
    <row r="3923" spans="1:9">
      <c r="A3923" s="1">
        <f ca="1">RAND()</f>
        <v>0.80075666304780557</v>
      </c>
      <c r="B3923" s="1"/>
      <c r="C3923">
        <v>19</v>
      </c>
      <c r="D3923" t="s">
        <v>7678</v>
      </c>
      <c r="E3923" t="s">
        <v>31999</v>
      </c>
      <c r="F3923">
        <v>2</v>
      </c>
      <c r="G3923" t="s">
        <v>0</v>
      </c>
      <c r="H3923" t="s">
        <v>7679</v>
      </c>
      <c r="I3923" t="s">
        <v>30540</v>
      </c>
    </row>
    <row r="3924" spans="1:9">
      <c r="A3924" s="1">
        <f ca="1">RAND()</f>
        <v>0.41343075677547481</v>
      </c>
      <c r="B3924" s="1"/>
      <c r="C3924">
        <v>10</v>
      </c>
      <c r="D3924" t="s">
        <v>7670</v>
      </c>
      <c r="E3924" t="s">
        <v>32000</v>
      </c>
      <c r="F3924">
        <v>4</v>
      </c>
      <c r="G3924" t="s">
        <v>2</v>
      </c>
      <c r="H3924" t="s">
        <v>7671</v>
      </c>
      <c r="I3924" t="s">
        <v>30540</v>
      </c>
    </row>
    <row r="3925" spans="1:9">
      <c r="A3925" s="1">
        <f ca="1">RAND()</f>
        <v>0.28317514604467242</v>
      </c>
      <c r="B3925" s="1"/>
      <c r="C3925">
        <v>13</v>
      </c>
      <c r="D3925" t="s">
        <v>7666</v>
      </c>
      <c r="E3925" t="s">
        <v>32001</v>
      </c>
      <c r="F3925">
        <v>4</v>
      </c>
      <c r="G3925" t="s">
        <v>15</v>
      </c>
      <c r="H3925" t="s">
        <v>7667</v>
      </c>
      <c r="I3925" t="s">
        <v>30540</v>
      </c>
    </row>
    <row r="3926" spans="1:9">
      <c r="A3926" s="1">
        <f ca="1">RAND()</f>
        <v>3.1210094931368171E-2</v>
      </c>
      <c r="B3926" s="1"/>
      <c r="C3926">
        <v>18</v>
      </c>
      <c r="D3926" t="s">
        <v>7668</v>
      </c>
      <c r="E3926" t="s">
        <v>32001</v>
      </c>
      <c r="F3926">
        <v>4</v>
      </c>
      <c r="G3926" t="s">
        <v>0</v>
      </c>
      <c r="H3926" t="s">
        <v>7669</v>
      </c>
      <c r="I3926" t="s">
        <v>30540</v>
      </c>
    </row>
    <row r="3927" spans="1:9">
      <c r="A3927" s="1">
        <f ca="1">RAND()</f>
        <v>0.65211423542793023</v>
      </c>
      <c r="B3927" s="1"/>
      <c r="C3927">
        <v>4</v>
      </c>
      <c r="D3927" t="s">
        <v>7664</v>
      </c>
      <c r="E3927" t="s">
        <v>32001</v>
      </c>
      <c r="F3927">
        <v>2</v>
      </c>
      <c r="G3927" t="s">
        <v>2</v>
      </c>
      <c r="H3927" t="s">
        <v>7665</v>
      </c>
      <c r="I3927" t="s">
        <v>30540</v>
      </c>
    </row>
    <row r="3928" spans="1:9">
      <c r="A3928" s="1">
        <f ca="1">RAND()</f>
        <v>0.4769005760724031</v>
      </c>
      <c r="B3928" s="1"/>
      <c r="C3928">
        <v>15</v>
      </c>
      <c r="D3928" t="s">
        <v>7660</v>
      </c>
      <c r="E3928" t="s">
        <v>32002</v>
      </c>
      <c r="F3928">
        <v>4</v>
      </c>
      <c r="G3928" t="s">
        <v>0</v>
      </c>
      <c r="H3928" t="s">
        <v>7661</v>
      </c>
      <c r="I3928" t="s">
        <v>30540</v>
      </c>
    </row>
    <row r="3929" spans="1:9">
      <c r="A3929" s="1">
        <f ca="1">RAND()</f>
        <v>0.74854756832912794</v>
      </c>
      <c r="B3929" s="1"/>
      <c r="C3929">
        <v>9</v>
      </c>
      <c r="D3929" t="s">
        <v>7656</v>
      </c>
      <c r="E3929" t="s">
        <v>32002</v>
      </c>
      <c r="F3929">
        <v>4</v>
      </c>
      <c r="G3929" t="s">
        <v>2</v>
      </c>
      <c r="H3929" t="s">
        <v>7657</v>
      </c>
      <c r="I3929" t="s">
        <v>30540</v>
      </c>
    </row>
    <row r="3930" spans="1:9">
      <c r="A3930" s="1">
        <f ca="1">RAND()</f>
        <v>0.80834594338831778</v>
      </c>
      <c r="B3930" s="1"/>
      <c r="C3930">
        <v>19</v>
      </c>
      <c r="D3930" t="s">
        <v>7662</v>
      </c>
      <c r="E3930" t="s">
        <v>32002</v>
      </c>
      <c r="F3930">
        <v>4</v>
      </c>
      <c r="G3930" t="s">
        <v>10</v>
      </c>
      <c r="H3930" t="s">
        <v>7663</v>
      </c>
      <c r="I3930" t="s">
        <v>30540</v>
      </c>
    </row>
    <row r="3931" spans="1:9">
      <c r="A3931" s="1">
        <f ca="1">RAND()</f>
        <v>0.83987222692306918</v>
      </c>
      <c r="B3931" s="1"/>
      <c r="C3931">
        <v>10</v>
      </c>
      <c r="D3931" t="s">
        <v>7658</v>
      </c>
      <c r="E3931" t="s">
        <v>32002</v>
      </c>
      <c r="F3931">
        <v>4</v>
      </c>
      <c r="G3931" t="s">
        <v>0</v>
      </c>
      <c r="H3931" t="s">
        <v>7659</v>
      </c>
      <c r="I3931" t="s">
        <v>30540</v>
      </c>
    </row>
    <row r="3932" spans="1:9">
      <c r="A3932" s="1">
        <f ca="1">RAND()</f>
        <v>0.31867257302478469</v>
      </c>
      <c r="B3932" s="1"/>
      <c r="C3932">
        <v>1</v>
      </c>
      <c r="D3932" t="s">
        <v>7652</v>
      </c>
      <c r="E3932" t="s">
        <v>32002</v>
      </c>
      <c r="F3932">
        <v>4</v>
      </c>
      <c r="G3932" t="s">
        <v>14</v>
      </c>
      <c r="H3932" t="s">
        <v>7653</v>
      </c>
      <c r="I3932" t="s">
        <v>30540</v>
      </c>
    </row>
    <row r="3933" spans="1:9">
      <c r="A3933" s="1">
        <f ca="1">RAND()</f>
        <v>0.68679811708007588</v>
      </c>
      <c r="B3933" s="1"/>
      <c r="C3933">
        <v>8</v>
      </c>
      <c r="D3933" t="s">
        <v>7654</v>
      </c>
      <c r="E3933" t="s">
        <v>32002</v>
      </c>
      <c r="F3933">
        <v>3</v>
      </c>
      <c r="G3933" t="s">
        <v>0</v>
      </c>
      <c r="H3933" t="s">
        <v>7655</v>
      </c>
      <c r="I3933" t="s">
        <v>30540</v>
      </c>
    </row>
    <row r="3934" spans="1:9">
      <c r="A3934" s="1">
        <f ca="1">RAND()</f>
        <v>0.57750878633526259</v>
      </c>
      <c r="B3934" s="1"/>
      <c r="C3934">
        <v>19</v>
      </c>
      <c r="D3934" t="s">
        <v>7650</v>
      </c>
      <c r="E3934" t="s">
        <v>32003</v>
      </c>
      <c r="F3934">
        <v>4</v>
      </c>
      <c r="G3934" t="s">
        <v>0</v>
      </c>
      <c r="H3934" t="s">
        <v>7651</v>
      </c>
      <c r="I3934" t="s">
        <v>30540</v>
      </c>
    </row>
    <row r="3935" spans="1:9">
      <c r="A3935" s="1">
        <f ca="1">RAND()</f>
        <v>0.17552002222596541</v>
      </c>
      <c r="B3935" s="1"/>
      <c r="C3935">
        <v>14</v>
      </c>
      <c r="D3935" t="s">
        <v>7648</v>
      </c>
      <c r="E3935" t="s">
        <v>32003</v>
      </c>
      <c r="F3935">
        <v>4</v>
      </c>
      <c r="G3935" t="s">
        <v>771</v>
      </c>
      <c r="H3935" t="s">
        <v>7649</v>
      </c>
      <c r="I3935" t="s">
        <v>30540</v>
      </c>
    </row>
    <row r="3936" spans="1:9">
      <c r="A3936" s="1">
        <f ca="1">RAND()</f>
        <v>0.62837602916747615</v>
      </c>
      <c r="B3936" s="1"/>
      <c r="C3936">
        <v>6</v>
      </c>
      <c r="D3936" t="s">
        <v>7646</v>
      </c>
      <c r="E3936" t="s">
        <v>32003</v>
      </c>
      <c r="F3936">
        <v>3</v>
      </c>
      <c r="G3936" t="s">
        <v>14</v>
      </c>
      <c r="H3936" t="s">
        <v>7647</v>
      </c>
      <c r="I3936" t="s">
        <v>30540</v>
      </c>
    </row>
    <row r="3937" spans="1:9">
      <c r="A3937" s="1">
        <f ca="1">RAND()</f>
        <v>5.591348764223969E-2</v>
      </c>
      <c r="B3937" s="1"/>
      <c r="C3937">
        <v>20</v>
      </c>
      <c r="D3937" t="s">
        <v>7644</v>
      </c>
      <c r="E3937" t="s">
        <v>32004</v>
      </c>
      <c r="F3937">
        <v>4</v>
      </c>
      <c r="G3937" t="s">
        <v>9</v>
      </c>
      <c r="H3937" t="s">
        <v>7645</v>
      </c>
      <c r="I3937" t="s">
        <v>30540</v>
      </c>
    </row>
    <row r="3938" spans="1:9">
      <c r="A3938" s="1">
        <f ca="1">RAND()</f>
        <v>0.86338801736126203</v>
      </c>
      <c r="B3938" s="1"/>
      <c r="C3938">
        <v>19</v>
      </c>
      <c r="D3938" t="s">
        <v>7642</v>
      </c>
      <c r="E3938" t="s">
        <v>32004</v>
      </c>
      <c r="F3938">
        <v>1</v>
      </c>
      <c r="G3938" t="s">
        <v>15</v>
      </c>
      <c r="H3938" t="s">
        <v>7643</v>
      </c>
      <c r="I3938" t="s">
        <v>30540</v>
      </c>
    </row>
    <row r="3939" spans="1:9">
      <c r="A3939" s="1">
        <f ca="1">RAND()</f>
        <v>0.69551533706812851</v>
      </c>
      <c r="B3939" s="1"/>
      <c r="C3939">
        <v>2</v>
      </c>
      <c r="D3939" t="s">
        <v>7630</v>
      </c>
      <c r="E3939" t="s">
        <v>32005</v>
      </c>
      <c r="F3939">
        <v>4</v>
      </c>
      <c r="G3939" t="s">
        <v>15</v>
      </c>
      <c r="H3939" t="s">
        <v>7631</v>
      </c>
      <c r="I3939" t="s">
        <v>30540</v>
      </c>
    </row>
    <row r="3940" spans="1:9">
      <c r="A3940" s="1">
        <f ca="1">RAND()</f>
        <v>0.29466010330745729</v>
      </c>
      <c r="B3940" s="1"/>
      <c r="C3940">
        <v>13</v>
      </c>
      <c r="D3940" t="s">
        <v>7640</v>
      </c>
      <c r="E3940" t="s">
        <v>32005</v>
      </c>
      <c r="F3940">
        <v>4</v>
      </c>
      <c r="G3940" t="s">
        <v>10</v>
      </c>
      <c r="H3940" t="s">
        <v>7641</v>
      </c>
      <c r="I3940" t="s">
        <v>30540</v>
      </c>
    </row>
    <row r="3941" spans="1:9">
      <c r="A3941" s="1">
        <f ca="1">RAND()</f>
        <v>0.25567310753338124</v>
      </c>
      <c r="B3941" s="1"/>
      <c r="C3941">
        <v>3</v>
      </c>
      <c r="D3941" t="s">
        <v>7632</v>
      </c>
      <c r="E3941" t="s">
        <v>32005</v>
      </c>
      <c r="F3941">
        <v>4</v>
      </c>
      <c r="G3941" t="s">
        <v>0</v>
      </c>
      <c r="H3941" t="s">
        <v>7633</v>
      </c>
      <c r="I3941" t="s">
        <v>30540</v>
      </c>
    </row>
    <row r="3942" spans="1:9">
      <c r="A3942" s="1">
        <f ca="1">RAND()</f>
        <v>0.9426602383219147</v>
      </c>
      <c r="B3942" s="1"/>
      <c r="C3942">
        <v>7</v>
      </c>
      <c r="D3942" t="s">
        <v>7634</v>
      </c>
      <c r="E3942" t="s">
        <v>32005</v>
      </c>
      <c r="F3942">
        <v>4</v>
      </c>
      <c r="G3942" t="s">
        <v>0</v>
      </c>
      <c r="H3942" t="s">
        <v>7635</v>
      </c>
      <c r="I3942" t="s">
        <v>30540</v>
      </c>
    </row>
    <row r="3943" spans="1:9">
      <c r="A3943" s="1">
        <f ca="1">RAND()</f>
        <v>0.29278403034348677</v>
      </c>
      <c r="B3943" s="1"/>
      <c r="C3943">
        <v>9</v>
      </c>
      <c r="D3943" t="s">
        <v>7636</v>
      </c>
      <c r="E3943" t="s">
        <v>32005</v>
      </c>
      <c r="F3943">
        <v>3</v>
      </c>
      <c r="G3943" t="s">
        <v>14</v>
      </c>
      <c r="H3943" t="s">
        <v>7637</v>
      </c>
      <c r="I3943" t="s">
        <v>30540</v>
      </c>
    </row>
    <row r="3944" spans="1:9">
      <c r="A3944" s="1">
        <f ca="1">RAND()</f>
        <v>0.63334383137364469</v>
      </c>
      <c r="B3944" s="1"/>
      <c r="C3944">
        <v>10</v>
      </c>
      <c r="D3944" t="s">
        <v>7638</v>
      </c>
      <c r="E3944" t="s">
        <v>32005</v>
      </c>
      <c r="F3944">
        <v>1</v>
      </c>
      <c r="G3944" t="s">
        <v>0</v>
      </c>
      <c r="H3944" t="s">
        <v>7639</v>
      </c>
      <c r="I3944" t="s">
        <v>30540</v>
      </c>
    </row>
    <row r="3945" spans="1:9">
      <c r="A3945" s="1">
        <f ca="1">RAND()</f>
        <v>6.1090458768263689E-3</v>
      </c>
      <c r="B3945" s="1"/>
      <c r="C3945">
        <v>8</v>
      </c>
      <c r="D3945" t="s">
        <v>7628</v>
      </c>
      <c r="E3945" t="s">
        <v>32006</v>
      </c>
      <c r="F3945">
        <v>3</v>
      </c>
      <c r="G3945" t="s">
        <v>0</v>
      </c>
      <c r="H3945" t="s">
        <v>7629</v>
      </c>
      <c r="I3945" t="s">
        <v>30540</v>
      </c>
    </row>
    <row r="3946" spans="1:9">
      <c r="A3946" s="1">
        <f ca="1">RAND()</f>
        <v>0.31390479995468334</v>
      </c>
      <c r="B3946" s="1"/>
      <c r="C3946">
        <v>2</v>
      </c>
      <c r="D3946" t="s">
        <v>7622</v>
      </c>
      <c r="E3946" t="s">
        <v>32007</v>
      </c>
      <c r="F3946">
        <v>4</v>
      </c>
      <c r="G3946" t="s">
        <v>0</v>
      </c>
      <c r="H3946" t="s">
        <v>7623</v>
      </c>
      <c r="I3946" t="s">
        <v>30540</v>
      </c>
    </row>
    <row r="3947" spans="1:9">
      <c r="A3947" s="1">
        <f ca="1">RAND()</f>
        <v>0.40526235648309838</v>
      </c>
      <c r="B3947" s="1"/>
      <c r="C3947">
        <v>11</v>
      </c>
      <c r="D3947" t="s">
        <v>7624</v>
      </c>
      <c r="E3947" t="s">
        <v>32007</v>
      </c>
      <c r="F3947">
        <v>4</v>
      </c>
      <c r="G3947" t="s">
        <v>0</v>
      </c>
      <c r="H3947" t="s">
        <v>7625</v>
      </c>
      <c r="I3947" t="s">
        <v>30540</v>
      </c>
    </row>
    <row r="3948" spans="1:9">
      <c r="A3948" s="1">
        <f ca="1">RAND()</f>
        <v>0.26230795603610924</v>
      </c>
      <c r="B3948" s="1"/>
      <c r="C3948">
        <v>14</v>
      </c>
      <c r="D3948" t="s">
        <v>7626</v>
      </c>
      <c r="E3948" t="s">
        <v>32007</v>
      </c>
      <c r="F3948">
        <v>4</v>
      </c>
      <c r="G3948" t="s">
        <v>10</v>
      </c>
      <c r="H3948" t="s">
        <v>7627</v>
      </c>
      <c r="I3948" t="s">
        <v>30540</v>
      </c>
    </row>
    <row r="3949" spans="1:9">
      <c r="A3949" s="1">
        <f ca="1">RAND()</f>
        <v>0.82697716153882095</v>
      </c>
      <c r="B3949" s="1"/>
      <c r="C3949">
        <v>16</v>
      </c>
      <c r="D3949" t="s">
        <v>7620</v>
      </c>
      <c r="E3949" t="s">
        <v>32008</v>
      </c>
      <c r="F3949">
        <v>4</v>
      </c>
      <c r="G3949" t="s">
        <v>769</v>
      </c>
      <c r="H3949" t="s">
        <v>7621</v>
      </c>
      <c r="I3949" t="s">
        <v>30540</v>
      </c>
    </row>
    <row r="3950" spans="1:9">
      <c r="A3950" s="1">
        <f ca="1">RAND()</f>
        <v>0.393394455020874</v>
      </c>
      <c r="B3950" s="1"/>
      <c r="C3950">
        <v>14</v>
      </c>
      <c r="D3950" t="s">
        <v>7618</v>
      </c>
      <c r="E3950" t="s">
        <v>32009</v>
      </c>
      <c r="F3950">
        <v>4</v>
      </c>
      <c r="G3950" t="s">
        <v>0</v>
      </c>
      <c r="H3950" t="s">
        <v>7619</v>
      </c>
      <c r="I3950" t="s">
        <v>30540</v>
      </c>
    </row>
    <row r="3951" spans="1:9">
      <c r="A3951" s="1">
        <f ca="1">RAND()</f>
        <v>0.40771109388746485</v>
      </c>
      <c r="B3951" s="1"/>
      <c r="C3951">
        <v>4</v>
      </c>
      <c r="D3951" t="s">
        <v>7610</v>
      </c>
      <c r="E3951" t="s">
        <v>32010</v>
      </c>
      <c r="F3951">
        <v>5</v>
      </c>
      <c r="G3951" t="s">
        <v>9</v>
      </c>
      <c r="H3951" t="s">
        <v>7611</v>
      </c>
      <c r="I3951" t="s">
        <v>30540</v>
      </c>
    </row>
    <row r="3952" spans="1:9">
      <c r="A3952" s="1">
        <f ca="1">RAND()</f>
        <v>0.69939736126919405</v>
      </c>
      <c r="B3952" s="1"/>
      <c r="C3952">
        <v>7</v>
      </c>
      <c r="D3952" t="s">
        <v>7612</v>
      </c>
      <c r="E3952" t="s">
        <v>32010</v>
      </c>
      <c r="F3952">
        <v>4</v>
      </c>
      <c r="G3952" t="s">
        <v>2</v>
      </c>
      <c r="H3952" t="s">
        <v>7613</v>
      </c>
      <c r="I3952" t="s">
        <v>30540</v>
      </c>
    </row>
    <row r="3953" spans="1:9">
      <c r="A3953" s="1">
        <f ca="1">RAND()</f>
        <v>0.46642443334474082</v>
      </c>
      <c r="B3953" s="1"/>
      <c r="C3953">
        <v>11</v>
      </c>
      <c r="D3953" t="s">
        <v>7614</v>
      </c>
      <c r="E3953" t="s">
        <v>32010</v>
      </c>
      <c r="F3953">
        <v>4</v>
      </c>
      <c r="G3953" t="s">
        <v>0</v>
      </c>
      <c r="H3953" t="s">
        <v>7615</v>
      </c>
      <c r="I3953" t="s">
        <v>30540</v>
      </c>
    </row>
    <row r="3954" spans="1:9">
      <c r="A3954" s="1">
        <f ca="1">RAND()</f>
        <v>0.29420050421689448</v>
      </c>
      <c r="B3954" s="1"/>
      <c r="C3954">
        <v>2</v>
      </c>
      <c r="D3954" t="s">
        <v>7606</v>
      </c>
      <c r="E3954" t="s">
        <v>32010</v>
      </c>
      <c r="F3954">
        <v>4</v>
      </c>
      <c r="G3954" t="s">
        <v>13</v>
      </c>
      <c r="H3954" t="s">
        <v>7607</v>
      </c>
      <c r="I3954" t="s">
        <v>30540</v>
      </c>
    </row>
    <row r="3955" spans="1:9">
      <c r="A3955" s="1">
        <f ca="1">RAND()</f>
        <v>0.50673481244121454</v>
      </c>
      <c r="B3955" s="1"/>
      <c r="C3955">
        <v>13</v>
      </c>
      <c r="D3955" t="s">
        <v>7616</v>
      </c>
      <c r="E3955" t="s">
        <v>32010</v>
      </c>
      <c r="F3955">
        <v>4</v>
      </c>
      <c r="G3955" t="s">
        <v>10</v>
      </c>
      <c r="H3955" t="s">
        <v>7617</v>
      </c>
      <c r="I3955" t="s">
        <v>30540</v>
      </c>
    </row>
    <row r="3956" spans="1:9">
      <c r="A3956" s="1">
        <f ca="1">RAND()</f>
        <v>0.42293581705283623</v>
      </c>
      <c r="B3956" s="1"/>
      <c r="C3956">
        <v>3</v>
      </c>
      <c r="D3956" t="s">
        <v>7608</v>
      </c>
      <c r="E3956" t="s">
        <v>32010</v>
      </c>
      <c r="F3956">
        <v>2</v>
      </c>
      <c r="G3956" t="s">
        <v>0</v>
      </c>
      <c r="H3956" t="s">
        <v>7609</v>
      </c>
      <c r="I3956" t="s">
        <v>30540</v>
      </c>
    </row>
    <row r="3957" spans="1:9">
      <c r="A3957" s="1">
        <f ca="1">RAND()</f>
        <v>5.6424170807622964E-3</v>
      </c>
      <c r="B3957" s="1"/>
      <c r="C3957">
        <v>14</v>
      </c>
      <c r="D3957" t="s">
        <v>7602</v>
      </c>
      <c r="E3957" t="s">
        <v>32011</v>
      </c>
      <c r="F3957">
        <v>5</v>
      </c>
      <c r="G3957" t="s">
        <v>1295</v>
      </c>
      <c r="H3957" t="s">
        <v>7603</v>
      </c>
      <c r="I3957" t="s">
        <v>30540</v>
      </c>
    </row>
    <row r="3958" spans="1:9">
      <c r="A3958" s="1">
        <f ca="1">RAND()</f>
        <v>0.73244739340189835</v>
      </c>
      <c r="B3958" s="1"/>
      <c r="C3958">
        <v>13</v>
      </c>
      <c r="D3958" t="s">
        <v>7600</v>
      </c>
      <c r="E3958" t="s">
        <v>32011</v>
      </c>
      <c r="F3958">
        <v>5</v>
      </c>
      <c r="G3958" t="s">
        <v>769</v>
      </c>
      <c r="H3958" t="s">
        <v>7601</v>
      </c>
      <c r="I3958" t="s">
        <v>30540</v>
      </c>
    </row>
    <row r="3959" spans="1:9">
      <c r="A3959" s="1">
        <f ca="1">RAND()</f>
        <v>8.8336632703662321E-2</v>
      </c>
      <c r="B3959" s="1"/>
      <c r="C3959">
        <v>20</v>
      </c>
      <c r="D3959" t="s">
        <v>7604</v>
      </c>
      <c r="E3959" t="s">
        <v>32011</v>
      </c>
      <c r="F3959">
        <v>4</v>
      </c>
      <c r="G3959" t="s">
        <v>0</v>
      </c>
      <c r="H3959" t="s">
        <v>7605</v>
      </c>
      <c r="I3959" t="s">
        <v>30540</v>
      </c>
    </row>
    <row r="3960" spans="1:9">
      <c r="A3960" s="1">
        <f ca="1">RAND()</f>
        <v>2.9984977646719924E-2</v>
      </c>
      <c r="B3960" s="1"/>
      <c r="C3960">
        <v>8</v>
      </c>
      <c r="D3960" t="s">
        <v>7598</v>
      </c>
      <c r="E3960" t="s">
        <v>32011</v>
      </c>
      <c r="F3960">
        <v>2</v>
      </c>
      <c r="G3960" t="s">
        <v>15</v>
      </c>
      <c r="H3960" t="s">
        <v>7599</v>
      </c>
      <c r="I3960" t="s">
        <v>30540</v>
      </c>
    </row>
    <row r="3961" spans="1:9">
      <c r="A3961" s="1">
        <f ca="1">RAND()</f>
        <v>0.34183779181799012</v>
      </c>
      <c r="B3961" s="1"/>
      <c r="C3961">
        <v>17</v>
      </c>
      <c r="D3961" t="s">
        <v>7596</v>
      </c>
      <c r="E3961" t="s">
        <v>32012</v>
      </c>
      <c r="F3961">
        <v>4</v>
      </c>
      <c r="G3961" t="s">
        <v>10</v>
      </c>
      <c r="H3961" t="s">
        <v>7597</v>
      </c>
      <c r="I3961" t="s">
        <v>30540</v>
      </c>
    </row>
    <row r="3962" spans="1:9">
      <c r="A3962" s="1">
        <f ca="1">RAND()</f>
        <v>0.2366948303978299</v>
      </c>
      <c r="B3962" s="1"/>
      <c r="C3962">
        <v>12</v>
      </c>
      <c r="D3962" t="s">
        <v>7592</v>
      </c>
      <c r="E3962" t="s">
        <v>32012</v>
      </c>
      <c r="F3962">
        <v>4</v>
      </c>
      <c r="G3962" t="s">
        <v>0</v>
      </c>
      <c r="H3962" t="s">
        <v>7593</v>
      </c>
      <c r="I3962" t="s">
        <v>30540</v>
      </c>
    </row>
    <row r="3963" spans="1:9">
      <c r="A3963" s="1">
        <f ca="1">RAND()</f>
        <v>0.71680486939433397</v>
      </c>
      <c r="B3963" s="1"/>
      <c r="C3963">
        <v>13</v>
      </c>
      <c r="D3963" t="s">
        <v>7594</v>
      </c>
      <c r="E3963" t="s">
        <v>32012</v>
      </c>
      <c r="F3963">
        <v>4</v>
      </c>
      <c r="G3963" t="s">
        <v>0</v>
      </c>
      <c r="H3963" t="s">
        <v>7595</v>
      </c>
      <c r="I3963" t="s">
        <v>30540</v>
      </c>
    </row>
    <row r="3964" spans="1:9">
      <c r="A3964" s="1">
        <f ca="1">RAND()</f>
        <v>0.67858982219416408</v>
      </c>
      <c r="B3964" s="1"/>
      <c r="C3964">
        <v>3</v>
      </c>
      <c r="D3964" t="s">
        <v>7590</v>
      </c>
      <c r="E3964" t="s">
        <v>32013</v>
      </c>
      <c r="F3964">
        <v>3</v>
      </c>
      <c r="G3964" t="s">
        <v>15</v>
      </c>
      <c r="H3964" t="s">
        <v>7591</v>
      </c>
      <c r="I3964" t="s">
        <v>30540</v>
      </c>
    </row>
    <row r="3965" spans="1:9">
      <c r="A3965" s="1">
        <f ca="1">RAND()</f>
        <v>0.34722260689409667</v>
      </c>
      <c r="B3965" s="1"/>
      <c r="C3965">
        <v>11</v>
      </c>
      <c r="D3965" t="s">
        <v>7584</v>
      </c>
      <c r="E3965" t="s">
        <v>32014</v>
      </c>
      <c r="F3965">
        <v>5</v>
      </c>
      <c r="G3965" t="s">
        <v>765</v>
      </c>
      <c r="H3965" t="s">
        <v>7585</v>
      </c>
      <c r="I3965" t="s">
        <v>30540</v>
      </c>
    </row>
    <row r="3966" spans="1:9">
      <c r="A3966" s="1">
        <f ca="1">RAND()</f>
        <v>0.18010238737678497</v>
      </c>
      <c r="B3966" s="1"/>
      <c r="C3966">
        <v>16</v>
      </c>
      <c r="D3966" t="s">
        <v>7586</v>
      </c>
      <c r="E3966" t="s">
        <v>32014</v>
      </c>
      <c r="F3966">
        <v>4</v>
      </c>
      <c r="G3966" t="s">
        <v>0</v>
      </c>
      <c r="H3966" t="s">
        <v>7587</v>
      </c>
      <c r="I3966" t="s">
        <v>30540</v>
      </c>
    </row>
    <row r="3967" spans="1:9">
      <c r="A3967" s="1">
        <f ca="1">RAND()</f>
        <v>0.86777231784736841</v>
      </c>
      <c r="B3967" s="1"/>
      <c r="C3967">
        <v>1</v>
      </c>
      <c r="D3967" t="s">
        <v>7582</v>
      </c>
      <c r="E3967" t="s">
        <v>32014</v>
      </c>
      <c r="F3967">
        <v>4</v>
      </c>
      <c r="G3967" t="s">
        <v>0</v>
      </c>
      <c r="H3967" t="s">
        <v>7583</v>
      </c>
      <c r="I3967" t="s">
        <v>30540</v>
      </c>
    </row>
    <row r="3968" spans="1:9">
      <c r="A3968" s="1">
        <f ca="1">RAND()</f>
        <v>0.74887660266934786</v>
      </c>
      <c r="B3968" s="1"/>
      <c r="C3968">
        <v>20</v>
      </c>
      <c r="D3968" t="s">
        <v>7588</v>
      </c>
      <c r="E3968" t="s">
        <v>32014</v>
      </c>
      <c r="F3968">
        <v>3</v>
      </c>
      <c r="G3968" t="s">
        <v>10</v>
      </c>
      <c r="H3968" t="s">
        <v>7589</v>
      </c>
      <c r="I3968" t="s">
        <v>30540</v>
      </c>
    </row>
    <row r="3969" spans="1:9">
      <c r="A3969" s="1">
        <f ca="1">RAND()</f>
        <v>0.3530762159673132</v>
      </c>
      <c r="B3969" s="1"/>
      <c r="C3969">
        <v>4</v>
      </c>
      <c r="D3969" t="s">
        <v>7567</v>
      </c>
      <c r="E3969" t="s">
        <v>32015</v>
      </c>
      <c r="F3969">
        <v>5</v>
      </c>
      <c r="G3969" t="s">
        <v>2</v>
      </c>
      <c r="H3969" t="s">
        <v>7568</v>
      </c>
      <c r="I3969" t="s">
        <v>30540</v>
      </c>
    </row>
    <row r="3970" spans="1:9">
      <c r="A3970" s="1">
        <f ca="1">RAND()</f>
        <v>0.80765372881246977</v>
      </c>
      <c r="B3970" s="1"/>
      <c r="C3970">
        <v>11</v>
      </c>
      <c r="D3970" t="s">
        <v>7573</v>
      </c>
      <c r="E3970" t="s">
        <v>32015</v>
      </c>
      <c r="F3970">
        <v>4</v>
      </c>
      <c r="G3970" t="s">
        <v>0</v>
      </c>
      <c r="H3970" t="s">
        <v>7574</v>
      </c>
      <c r="I3970" t="s">
        <v>30540</v>
      </c>
    </row>
    <row r="3971" spans="1:9">
      <c r="A3971" s="1">
        <f ca="1">RAND()</f>
        <v>0.99423563746663368</v>
      </c>
      <c r="B3971" s="1"/>
      <c r="C3971">
        <v>9</v>
      </c>
      <c r="D3971" t="s">
        <v>7571</v>
      </c>
      <c r="E3971" t="s">
        <v>32015</v>
      </c>
      <c r="F3971">
        <v>4</v>
      </c>
      <c r="G3971" t="s">
        <v>0</v>
      </c>
      <c r="H3971" t="s">
        <v>7572</v>
      </c>
      <c r="I3971" t="s">
        <v>30540</v>
      </c>
    </row>
    <row r="3972" spans="1:9">
      <c r="A3972" s="1">
        <f ca="1">RAND()</f>
        <v>0.53733138918168943</v>
      </c>
      <c r="B3972" s="1"/>
      <c r="C3972">
        <v>18</v>
      </c>
      <c r="D3972" t="s">
        <v>6988</v>
      </c>
      <c r="E3972" t="s">
        <v>32015</v>
      </c>
      <c r="F3972">
        <v>4</v>
      </c>
      <c r="G3972" t="s">
        <v>10</v>
      </c>
      <c r="H3972" t="s">
        <v>7581</v>
      </c>
      <c r="I3972" t="s">
        <v>30540</v>
      </c>
    </row>
    <row r="3973" spans="1:9">
      <c r="A3973" s="1">
        <f ca="1">RAND()</f>
        <v>0.30806028187496826</v>
      </c>
      <c r="B3973" s="1"/>
      <c r="C3973">
        <v>13</v>
      </c>
      <c r="D3973" t="s">
        <v>7577</v>
      </c>
      <c r="E3973" t="s">
        <v>32015</v>
      </c>
      <c r="F3973">
        <v>4</v>
      </c>
      <c r="G3973" t="s">
        <v>0</v>
      </c>
      <c r="H3973" t="s">
        <v>7578</v>
      </c>
      <c r="I3973" t="s">
        <v>30540</v>
      </c>
    </row>
    <row r="3974" spans="1:9">
      <c r="A3974" s="1">
        <f ca="1">RAND()</f>
        <v>0.93141031207855252</v>
      </c>
      <c r="B3974" s="1"/>
      <c r="C3974">
        <v>12</v>
      </c>
      <c r="D3974" t="s">
        <v>7575</v>
      </c>
      <c r="E3974" t="s">
        <v>32015</v>
      </c>
      <c r="F3974">
        <v>4</v>
      </c>
      <c r="G3974" t="s">
        <v>0</v>
      </c>
      <c r="H3974" t="s">
        <v>7576</v>
      </c>
      <c r="I3974" t="s">
        <v>30540</v>
      </c>
    </row>
    <row r="3975" spans="1:9">
      <c r="A3975" s="1">
        <f ca="1">RAND()</f>
        <v>0.77003819475351765</v>
      </c>
      <c r="B3975" s="1"/>
      <c r="C3975">
        <v>14</v>
      </c>
      <c r="D3975" t="s">
        <v>7579</v>
      </c>
      <c r="E3975" t="s">
        <v>32015</v>
      </c>
      <c r="F3975">
        <v>4</v>
      </c>
      <c r="G3975" t="s">
        <v>0</v>
      </c>
      <c r="H3975" t="s">
        <v>7580</v>
      </c>
      <c r="I3975" t="s">
        <v>30540</v>
      </c>
    </row>
    <row r="3976" spans="1:9">
      <c r="A3976" s="1">
        <f ca="1">RAND()</f>
        <v>0.44815406119000312</v>
      </c>
      <c r="B3976" s="1"/>
      <c r="C3976">
        <v>8</v>
      </c>
      <c r="D3976" t="s">
        <v>7569</v>
      </c>
      <c r="E3976" t="s">
        <v>32015</v>
      </c>
      <c r="F3976">
        <v>3</v>
      </c>
      <c r="G3976" t="s">
        <v>0</v>
      </c>
      <c r="H3976" t="s">
        <v>7570</v>
      </c>
      <c r="I3976" t="s">
        <v>30540</v>
      </c>
    </row>
    <row r="3977" spans="1:9">
      <c r="A3977" s="1">
        <f ca="1">RAND()</f>
        <v>0.86765472029191448</v>
      </c>
      <c r="B3977" s="1"/>
      <c r="C3977">
        <v>17</v>
      </c>
      <c r="D3977" t="s">
        <v>7565</v>
      </c>
      <c r="E3977" t="s">
        <v>32016</v>
      </c>
      <c r="F3977">
        <v>4</v>
      </c>
      <c r="G3977" t="s">
        <v>0</v>
      </c>
      <c r="H3977" t="s">
        <v>7566</v>
      </c>
      <c r="I3977" t="s">
        <v>30540</v>
      </c>
    </row>
    <row r="3978" spans="1:9">
      <c r="A3978" s="1">
        <f ca="1">RAND()</f>
        <v>0.26570566786329664</v>
      </c>
      <c r="B3978" s="1"/>
      <c r="C3978">
        <v>11</v>
      </c>
      <c r="D3978" t="s">
        <v>7563</v>
      </c>
      <c r="E3978" t="s">
        <v>32016</v>
      </c>
      <c r="F3978">
        <v>4</v>
      </c>
      <c r="G3978" t="s">
        <v>766</v>
      </c>
      <c r="H3978" t="s">
        <v>7564</v>
      </c>
      <c r="I3978" t="s">
        <v>30540</v>
      </c>
    </row>
    <row r="3979" spans="1:9">
      <c r="A3979" s="1">
        <f ca="1">RAND()</f>
        <v>0.34369249795721724</v>
      </c>
      <c r="B3979" s="1"/>
      <c r="C3979">
        <v>3</v>
      </c>
      <c r="D3979" t="s">
        <v>7559</v>
      </c>
      <c r="E3979" t="s">
        <v>32016</v>
      </c>
      <c r="F3979">
        <v>2</v>
      </c>
      <c r="G3979" t="s">
        <v>766</v>
      </c>
      <c r="H3979" t="s">
        <v>7560</v>
      </c>
      <c r="I3979" t="s">
        <v>30540</v>
      </c>
    </row>
    <row r="3980" spans="1:9">
      <c r="A3980" s="1">
        <f ca="1">RAND()</f>
        <v>0.8755125489143557</v>
      </c>
      <c r="B3980" s="1"/>
      <c r="C3980">
        <v>9</v>
      </c>
      <c r="D3980" t="s">
        <v>7561</v>
      </c>
      <c r="E3980" t="s">
        <v>32016</v>
      </c>
      <c r="F3980">
        <v>1</v>
      </c>
      <c r="G3980" t="s">
        <v>770</v>
      </c>
      <c r="H3980" t="s">
        <v>7562</v>
      </c>
      <c r="I3980" t="s">
        <v>30540</v>
      </c>
    </row>
    <row r="3981" spans="1:9">
      <c r="A3981" s="1">
        <f ca="1">RAND()</f>
        <v>0.30340357629962045</v>
      </c>
      <c r="B3981" s="1"/>
      <c r="C3981">
        <v>17</v>
      </c>
      <c r="D3981" t="s">
        <v>7555</v>
      </c>
      <c r="E3981" t="s">
        <v>32017</v>
      </c>
      <c r="F3981">
        <v>4</v>
      </c>
      <c r="G3981" t="s">
        <v>15</v>
      </c>
      <c r="H3981" t="s">
        <v>7556</v>
      </c>
      <c r="I3981" t="s">
        <v>30540</v>
      </c>
    </row>
    <row r="3982" spans="1:9">
      <c r="A3982" s="1">
        <f ca="1">RAND()</f>
        <v>0.31111480897387522</v>
      </c>
      <c r="B3982" s="1"/>
      <c r="C3982">
        <v>18</v>
      </c>
      <c r="D3982" t="s">
        <v>7557</v>
      </c>
      <c r="E3982" t="s">
        <v>32017</v>
      </c>
      <c r="F3982">
        <v>4</v>
      </c>
      <c r="G3982" t="s">
        <v>0</v>
      </c>
      <c r="H3982" t="s">
        <v>7558</v>
      </c>
      <c r="I3982" t="s">
        <v>30540</v>
      </c>
    </row>
    <row r="3983" spans="1:9">
      <c r="A3983" s="1">
        <f ca="1">RAND()</f>
        <v>0.80588939749486521</v>
      </c>
      <c r="B3983" s="1"/>
      <c r="C3983">
        <v>14</v>
      </c>
      <c r="D3983" t="s">
        <v>7553</v>
      </c>
      <c r="E3983" t="s">
        <v>32017</v>
      </c>
      <c r="F3983">
        <v>4</v>
      </c>
      <c r="G3983" t="s">
        <v>0</v>
      </c>
      <c r="H3983" t="s">
        <v>7554</v>
      </c>
      <c r="I3983" t="s">
        <v>30540</v>
      </c>
    </row>
    <row r="3984" spans="1:9">
      <c r="A3984" s="1">
        <f ca="1">RAND()</f>
        <v>0.49656948567020598</v>
      </c>
      <c r="B3984" s="1"/>
      <c r="C3984">
        <v>12</v>
      </c>
      <c r="D3984" t="s">
        <v>7551</v>
      </c>
      <c r="E3984" t="s">
        <v>32017</v>
      </c>
      <c r="F3984">
        <v>4</v>
      </c>
      <c r="G3984" t="s">
        <v>0</v>
      </c>
      <c r="H3984" t="s">
        <v>7552</v>
      </c>
      <c r="I3984" t="s">
        <v>30540</v>
      </c>
    </row>
    <row r="3985" spans="1:9">
      <c r="A3985" s="1">
        <f ca="1">RAND()</f>
        <v>0.89362678431436438</v>
      </c>
      <c r="B3985" s="1"/>
      <c r="C3985">
        <v>11</v>
      </c>
      <c r="D3985" t="s">
        <v>7549</v>
      </c>
      <c r="E3985" t="s">
        <v>32017</v>
      </c>
      <c r="F3985">
        <v>4</v>
      </c>
      <c r="G3985" t="s">
        <v>0</v>
      </c>
      <c r="H3985" t="s">
        <v>7550</v>
      </c>
      <c r="I3985" t="s">
        <v>30540</v>
      </c>
    </row>
    <row r="3986" spans="1:9">
      <c r="A3986" s="1">
        <f ca="1">RAND()</f>
        <v>0.88371862812360358</v>
      </c>
      <c r="B3986" s="1"/>
      <c r="C3986">
        <v>2</v>
      </c>
      <c r="D3986" t="s">
        <v>7547</v>
      </c>
      <c r="E3986" t="s">
        <v>32017</v>
      </c>
      <c r="F3986">
        <v>4</v>
      </c>
      <c r="G3986" t="s">
        <v>0</v>
      </c>
      <c r="H3986" t="s">
        <v>7548</v>
      </c>
      <c r="I3986" t="s">
        <v>30540</v>
      </c>
    </row>
    <row r="3987" spans="1:9">
      <c r="A3987" s="1">
        <f ca="1">RAND()</f>
        <v>0.75896329994541112</v>
      </c>
      <c r="B3987" s="1"/>
      <c r="C3987">
        <v>6</v>
      </c>
      <c r="D3987" t="s">
        <v>7541</v>
      </c>
      <c r="E3987" t="s">
        <v>32018</v>
      </c>
      <c r="F3987">
        <v>4</v>
      </c>
      <c r="G3987" t="s">
        <v>15</v>
      </c>
      <c r="H3987" t="s">
        <v>7542</v>
      </c>
      <c r="I3987" t="s">
        <v>30540</v>
      </c>
    </row>
    <row r="3988" spans="1:9">
      <c r="A3988" s="1">
        <f ca="1">RAND()</f>
        <v>0.18189084759123553</v>
      </c>
      <c r="B3988" s="1"/>
      <c r="C3988">
        <v>9</v>
      </c>
      <c r="D3988" t="s">
        <v>7543</v>
      </c>
      <c r="E3988" t="s">
        <v>32018</v>
      </c>
      <c r="F3988">
        <v>4</v>
      </c>
      <c r="G3988" t="s">
        <v>9</v>
      </c>
      <c r="H3988" t="s">
        <v>7544</v>
      </c>
      <c r="I3988" t="s">
        <v>30540</v>
      </c>
    </row>
    <row r="3989" spans="1:9">
      <c r="A3989" s="1">
        <f ca="1">RAND()</f>
        <v>0.14608494942830019</v>
      </c>
      <c r="B3989" s="1"/>
      <c r="C3989">
        <v>12</v>
      </c>
      <c r="D3989" t="s">
        <v>7545</v>
      </c>
      <c r="E3989" t="s">
        <v>32018</v>
      </c>
      <c r="F3989">
        <v>4</v>
      </c>
      <c r="G3989" t="s">
        <v>15</v>
      </c>
      <c r="H3989" t="s">
        <v>7546</v>
      </c>
      <c r="I3989" t="s">
        <v>30540</v>
      </c>
    </row>
    <row r="3990" spans="1:9">
      <c r="A3990" s="1">
        <f ca="1">RAND()</f>
        <v>0.6904962023820499</v>
      </c>
      <c r="B3990" s="1"/>
      <c r="C3990">
        <v>4</v>
      </c>
      <c r="D3990" t="s">
        <v>7539</v>
      </c>
      <c r="E3990" t="s">
        <v>32018</v>
      </c>
      <c r="F3990">
        <v>3</v>
      </c>
      <c r="G3990" t="s">
        <v>0</v>
      </c>
      <c r="H3990" t="s">
        <v>7540</v>
      </c>
      <c r="I3990" t="s">
        <v>30540</v>
      </c>
    </row>
    <row r="3991" spans="1:9">
      <c r="A3991" s="1">
        <f ca="1">RAND()</f>
        <v>0.87087925438495828</v>
      </c>
      <c r="B3991" s="1"/>
      <c r="C3991">
        <v>12</v>
      </c>
      <c r="D3991" t="s">
        <v>7537</v>
      </c>
      <c r="E3991" t="s">
        <v>32019</v>
      </c>
      <c r="F3991">
        <v>4</v>
      </c>
      <c r="G3991" t="s">
        <v>1295</v>
      </c>
      <c r="H3991" t="s">
        <v>7538</v>
      </c>
      <c r="I3991" t="s">
        <v>30540</v>
      </c>
    </row>
    <row r="3992" spans="1:9">
      <c r="A3992" s="1">
        <f ca="1">RAND()</f>
        <v>0.81006677214662792</v>
      </c>
      <c r="B3992" s="1"/>
      <c r="C3992">
        <v>2</v>
      </c>
      <c r="D3992" t="s">
        <v>7535</v>
      </c>
      <c r="E3992" t="s">
        <v>32019</v>
      </c>
      <c r="F3992">
        <v>4</v>
      </c>
      <c r="G3992" t="s">
        <v>765</v>
      </c>
      <c r="H3992" t="s">
        <v>7536</v>
      </c>
      <c r="I3992" t="s">
        <v>30540</v>
      </c>
    </row>
    <row r="3993" spans="1:9">
      <c r="A3993" s="1">
        <f ca="1">RAND()</f>
        <v>0.59181452521793909</v>
      </c>
      <c r="B3993" s="1"/>
      <c r="C3993">
        <v>7</v>
      </c>
      <c r="D3993" t="s">
        <v>7525</v>
      </c>
      <c r="E3993" t="s">
        <v>32020</v>
      </c>
      <c r="F3993">
        <v>5</v>
      </c>
      <c r="G3993" t="s">
        <v>0</v>
      </c>
      <c r="H3993" t="s">
        <v>7526</v>
      </c>
      <c r="I3993" t="s">
        <v>30540</v>
      </c>
    </row>
    <row r="3994" spans="1:9">
      <c r="A3994" s="1">
        <f ca="1">RAND()</f>
        <v>8.4182238992430714E-2</v>
      </c>
      <c r="B3994" s="1"/>
      <c r="C3994">
        <v>9</v>
      </c>
      <c r="D3994" t="s">
        <v>7527</v>
      </c>
      <c r="E3994" t="s">
        <v>32020</v>
      </c>
      <c r="F3994">
        <v>4</v>
      </c>
      <c r="G3994" t="s">
        <v>0</v>
      </c>
      <c r="H3994" t="s">
        <v>7528</v>
      </c>
      <c r="I3994" t="s">
        <v>30540</v>
      </c>
    </row>
    <row r="3995" spans="1:9">
      <c r="A3995" s="1">
        <f ca="1">RAND()</f>
        <v>0.81061942248264096</v>
      </c>
      <c r="B3995" s="1"/>
      <c r="C3995">
        <v>13</v>
      </c>
      <c r="D3995" t="s">
        <v>7531</v>
      </c>
      <c r="E3995" t="s">
        <v>32020</v>
      </c>
      <c r="F3995">
        <v>4</v>
      </c>
      <c r="G3995" t="s">
        <v>0</v>
      </c>
      <c r="H3995" t="s">
        <v>7532</v>
      </c>
      <c r="I3995" t="s">
        <v>30540</v>
      </c>
    </row>
    <row r="3996" spans="1:9">
      <c r="A3996" s="1">
        <f ca="1">RAND()</f>
        <v>0.76017059348305749</v>
      </c>
      <c r="B3996" s="1"/>
      <c r="C3996">
        <v>19</v>
      </c>
      <c r="D3996" t="s">
        <v>7533</v>
      </c>
      <c r="E3996" t="s">
        <v>32020</v>
      </c>
      <c r="F3996">
        <v>4</v>
      </c>
      <c r="G3996" t="s">
        <v>10</v>
      </c>
      <c r="H3996" t="s">
        <v>7534</v>
      </c>
      <c r="I3996" t="s">
        <v>30540</v>
      </c>
    </row>
    <row r="3997" spans="1:9">
      <c r="A3997" s="1">
        <f ca="1">RAND()</f>
        <v>0.8334752302982158</v>
      </c>
      <c r="B3997" s="1"/>
      <c r="C3997">
        <v>11</v>
      </c>
      <c r="D3997" t="s">
        <v>7529</v>
      </c>
      <c r="E3997" t="s">
        <v>32020</v>
      </c>
      <c r="F3997">
        <v>2</v>
      </c>
      <c r="G3997" t="s">
        <v>9</v>
      </c>
      <c r="H3997" t="s">
        <v>7530</v>
      </c>
      <c r="I3997" t="s">
        <v>30540</v>
      </c>
    </row>
    <row r="3998" spans="1:9">
      <c r="A3998" s="1">
        <f ca="1">RAND()</f>
        <v>0.13449132304982925</v>
      </c>
      <c r="B3998" s="1"/>
      <c r="C3998">
        <v>8</v>
      </c>
      <c r="D3998" t="s">
        <v>7521</v>
      </c>
      <c r="E3998" t="s">
        <v>32021</v>
      </c>
      <c r="F3998">
        <v>4</v>
      </c>
      <c r="G3998" t="s">
        <v>0</v>
      </c>
      <c r="H3998" t="s">
        <v>7522</v>
      </c>
      <c r="I3998" t="s">
        <v>30540</v>
      </c>
    </row>
    <row r="3999" spans="1:9">
      <c r="A3999" s="1">
        <f ca="1">RAND()</f>
        <v>0.71014832967833474</v>
      </c>
      <c r="B3999" s="1"/>
      <c r="C3999">
        <v>10</v>
      </c>
      <c r="D3999" t="s">
        <v>7523</v>
      </c>
      <c r="E3999" t="s">
        <v>32021</v>
      </c>
      <c r="F3999">
        <v>4</v>
      </c>
      <c r="G3999" t="s">
        <v>14</v>
      </c>
      <c r="H3999" t="s">
        <v>7524</v>
      </c>
      <c r="I3999" t="s">
        <v>30540</v>
      </c>
    </row>
    <row r="4000" spans="1:9">
      <c r="A4000" s="1">
        <f ca="1">RAND()</f>
        <v>0.47248086140163092</v>
      </c>
      <c r="B4000" s="1"/>
      <c r="C4000">
        <v>9</v>
      </c>
      <c r="D4000" t="s">
        <v>7513</v>
      </c>
      <c r="E4000" t="s">
        <v>32022</v>
      </c>
      <c r="F4000">
        <v>4</v>
      </c>
      <c r="G4000" t="s">
        <v>0</v>
      </c>
      <c r="H4000" t="s">
        <v>7514</v>
      </c>
      <c r="I4000" t="s">
        <v>30540</v>
      </c>
    </row>
    <row r="4001" spans="1:9">
      <c r="A4001" s="1">
        <f ca="1">RAND()</f>
        <v>0.13726810589795924</v>
      </c>
      <c r="B4001" s="1"/>
      <c r="C4001">
        <v>8</v>
      </c>
      <c r="D4001" t="s">
        <v>7511</v>
      </c>
      <c r="E4001" t="s">
        <v>32022</v>
      </c>
      <c r="F4001">
        <v>4</v>
      </c>
      <c r="G4001" t="s">
        <v>0</v>
      </c>
      <c r="H4001" t="s">
        <v>7512</v>
      </c>
      <c r="I4001" t="s">
        <v>30540</v>
      </c>
    </row>
    <row r="4002" spans="1:9">
      <c r="A4002" s="1">
        <f ca="1">RAND()</f>
        <v>0.31244547233424591</v>
      </c>
      <c r="B4002" s="1"/>
      <c r="C4002">
        <v>17</v>
      </c>
      <c r="D4002" t="s">
        <v>7515</v>
      </c>
      <c r="E4002" t="s">
        <v>32022</v>
      </c>
      <c r="F4002">
        <v>4</v>
      </c>
      <c r="G4002" t="s">
        <v>0</v>
      </c>
      <c r="H4002" t="s">
        <v>7516</v>
      </c>
      <c r="I4002" t="s">
        <v>30540</v>
      </c>
    </row>
    <row r="4003" spans="1:9">
      <c r="A4003" s="1">
        <f ca="1">RAND()</f>
        <v>0.21221792678711193</v>
      </c>
      <c r="B4003" s="1"/>
      <c r="C4003">
        <v>19</v>
      </c>
      <c r="D4003" t="s">
        <v>7517</v>
      </c>
      <c r="E4003" t="s">
        <v>32022</v>
      </c>
      <c r="F4003">
        <v>4</v>
      </c>
      <c r="G4003" t="s">
        <v>10</v>
      </c>
      <c r="H4003" t="s">
        <v>7518</v>
      </c>
      <c r="I4003" t="s">
        <v>30540</v>
      </c>
    </row>
    <row r="4004" spans="1:9">
      <c r="A4004" s="1">
        <f ca="1">RAND()</f>
        <v>0.97775807182110996</v>
      </c>
      <c r="B4004" s="1"/>
      <c r="C4004">
        <v>2</v>
      </c>
      <c r="D4004" t="s">
        <v>7509</v>
      </c>
      <c r="E4004" t="s">
        <v>32022</v>
      </c>
      <c r="F4004">
        <v>2</v>
      </c>
      <c r="G4004" t="s">
        <v>2</v>
      </c>
      <c r="H4004" t="s">
        <v>7510</v>
      </c>
      <c r="I4004" t="s">
        <v>30540</v>
      </c>
    </row>
    <row r="4005" spans="1:9">
      <c r="A4005" s="1">
        <f ca="1">RAND()</f>
        <v>0.86914466533147328</v>
      </c>
      <c r="B4005" s="1"/>
      <c r="C4005">
        <v>20</v>
      </c>
      <c r="D4005" t="s">
        <v>7519</v>
      </c>
      <c r="E4005" t="s">
        <v>32022</v>
      </c>
      <c r="F4005">
        <v>2</v>
      </c>
      <c r="G4005" t="s">
        <v>9</v>
      </c>
      <c r="H4005" t="s">
        <v>7520</v>
      </c>
      <c r="I4005" t="s">
        <v>30540</v>
      </c>
    </row>
    <row r="4006" spans="1:9">
      <c r="A4006" s="1">
        <f ca="1">RAND()</f>
        <v>0.12050651871565976</v>
      </c>
      <c r="B4006" s="1"/>
      <c r="C4006">
        <v>20</v>
      </c>
      <c r="D4006" t="s">
        <v>7507</v>
      </c>
      <c r="E4006" t="s">
        <v>32023</v>
      </c>
      <c r="F4006">
        <v>5</v>
      </c>
      <c r="G4006" t="s">
        <v>0</v>
      </c>
      <c r="H4006" t="s">
        <v>7508</v>
      </c>
      <c r="I4006" t="s">
        <v>30540</v>
      </c>
    </row>
    <row r="4007" spans="1:9">
      <c r="A4007" s="1">
        <f ca="1">RAND()</f>
        <v>0.81259787533411576</v>
      </c>
      <c r="B4007" s="1"/>
      <c r="C4007">
        <v>7</v>
      </c>
      <c r="D4007" t="s">
        <v>7505</v>
      </c>
      <c r="E4007" t="s">
        <v>32023</v>
      </c>
      <c r="F4007">
        <v>4</v>
      </c>
      <c r="G4007" t="s">
        <v>2</v>
      </c>
      <c r="H4007" t="s">
        <v>7506</v>
      </c>
      <c r="I4007" t="s">
        <v>30540</v>
      </c>
    </row>
    <row r="4008" spans="1:9">
      <c r="A4008" s="1">
        <f ca="1">RAND()</f>
        <v>0.9798310306624991</v>
      </c>
      <c r="B4008" s="1"/>
      <c r="C4008">
        <v>3</v>
      </c>
      <c r="D4008" t="s">
        <v>7503</v>
      </c>
      <c r="E4008" t="s">
        <v>32023</v>
      </c>
      <c r="F4008">
        <v>4</v>
      </c>
      <c r="G4008" t="s">
        <v>762</v>
      </c>
      <c r="H4008" t="s">
        <v>7504</v>
      </c>
      <c r="I4008" t="s">
        <v>30540</v>
      </c>
    </row>
    <row r="4009" spans="1:9">
      <c r="A4009" s="1">
        <f ca="1">RAND()</f>
        <v>0.26396561671503627</v>
      </c>
      <c r="B4009" s="1"/>
      <c r="C4009">
        <v>1</v>
      </c>
      <c r="D4009" t="s">
        <v>7501</v>
      </c>
      <c r="E4009" t="s">
        <v>32023</v>
      </c>
      <c r="F4009">
        <v>3</v>
      </c>
      <c r="G4009" t="s">
        <v>14</v>
      </c>
      <c r="H4009" t="s">
        <v>7502</v>
      </c>
      <c r="I4009" t="s">
        <v>30540</v>
      </c>
    </row>
    <row r="4010" spans="1:9">
      <c r="A4010" s="1">
        <f ca="1">RAND()</f>
        <v>0.95077273116968652</v>
      </c>
      <c r="B4010" s="1"/>
      <c r="C4010">
        <v>20</v>
      </c>
      <c r="D4010" t="s">
        <v>7499</v>
      </c>
      <c r="E4010" t="s">
        <v>32024</v>
      </c>
      <c r="F4010">
        <v>5</v>
      </c>
      <c r="G4010" t="s">
        <v>0</v>
      </c>
      <c r="H4010" t="s">
        <v>7500</v>
      </c>
      <c r="I4010" t="s">
        <v>30540</v>
      </c>
    </row>
    <row r="4011" spans="1:9">
      <c r="A4011" s="1">
        <f ca="1">RAND()</f>
        <v>7.6231801368324081E-2</v>
      </c>
      <c r="B4011" s="1"/>
      <c r="C4011">
        <v>4</v>
      </c>
      <c r="D4011" t="s">
        <v>7491</v>
      </c>
      <c r="E4011" t="s">
        <v>32024</v>
      </c>
      <c r="F4011">
        <v>4</v>
      </c>
      <c r="G4011" t="s">
        <v>0</v>
      </c>
      <c r="H4011" t="s">
        <v>7492</v>
      </c>
      <c r="I4011" t="s">
        <v>30540</v>
      </c>
    </row>
    <row r="4012" spans="1:9">
      <c r="A4012" s="1">
        <f ca="1">RAND()</f>
        <v>0.16036843845328808</v>
      </c>
      <c r="B4012" s="1"/>
      <c r="C4012">
        <v>7</v>
      </c>
      <c r="D4012" t="s">
        <v>7495</v>
      </c>
      <c r="E4012" t="s">
        <v>32024</v>
      </c>
      <c r="F4012">
        <v>2</v>
      </c>
      <c r="G4012" t="s">
        <v>9</v>
      </c>
      <c r="H4012" t="s">
        <v>7496</v>
      </c>
      <c r="I4012" t="s">
        <v>30540</v>
      </c>
    </row>
    <row r="4013" spans="1:9">
      <c r="A4013" s="1">
        <f ca="1">RAND()</f>
        <v>0.60903033580043586</v>
      </c>
      <c r="B4013" s="1"/>
      <c r="C4013">
        <v>1</v>
      </c>
      <c r="D4013" t="s">
        <v>7489</v>
      </c>
      <c r="E4013" t="s">
        <v>32024</v>
      </c>
      <c r="F4013">
        <v>2</v>
      </c>
      <c r="G4013" t="s">
        <v>0</v>
      </c>
      <c r="H4013" t="s">
        <v>7490</v>
      </c>
      <c r="I4013" t="s">
        <v>30540</v>
      </c>
    </row>
    <row r="4014" spans="1:9">
      <c r="A4014" s="1">
        <f ca="1">RAND()</f>
        <v>0.87279083392683676</v>
      </c>
      <c r="B4014" s="1"/>
      <c r="C4014">
        <v>5</v>
      </c>
      <c r="D4014" t="s">
        <v>7493</v>
      </c>
      <c r="E4014" t="s">
        <v>32024</v>
      </c>
      <c r="F4014">
        <v>2</v>
      </c>
      <c r="G4014" t="s">
        <v>13</v>
      </c>
      <c r="H4014" t="s">
        <v>7494</v>
      </c>
      <c r="I4014" t="s">
        <v>30540</v>
      </c>
    </row>
    <row r="4015" spans="1:9">
      <c r="A4015" s="1">
        <f ca="1">RAND()</f>
        <v>0.32337858721167578</v>
      </c>
      <c r="B4015" s="1"/>
      <c r="C4015">
        <v>14</v>
      </c>
      <c r="D4015" t="s">
        <v>7497</v>
      </c>
      <c r="E4015" t="s">
        <v>32024</v>
      </c>
      <c r="F4015">
        <v>1</v>
      </c>
      <c r="G4015" t="s">
        <v>770</v>
      </c>
      <c r="H4015" t="s">
        <v>7498</v>
      </c>
      <c r="I4015" t="s">
        <v>30540</v>
      </c>
    </row>
    <row r="4016" spans="1:9">
      <c r="A4016" s="1">
        <f ca="1">RAND()</f>
        <v>6.2030656841378096E-2</v>
      </c>
      <c r="B4016" s="1"/>
      <c r="C4016">
        <v>12</v>
      </c>
      <c r="D4016" t="s">
        <v>7483</v>
      </c>
      <c r="E4016" t="s">
        <v>32025</v>
      </c>
      <c r="F4016">
        <v>5</v>
      </c>
      <c r="G4016" t="s">
        <v>0</v>
      </c>
      <c r="H4016" t="s">
        <v>7484</v>
      </c>
      <c r="I4016" t="s">
        <v>30540</v>
      </c>
    </row>
    <row r="4017" spans="1:9">
      <c r="A4017" s="1">
        <f ca="1">RAND()</f>
        <v>0.57083103479058572</v>
      </c>
      <c r="B4017" s="1"/>
      <c r="C4017">
        <v>3</v>
      </c>
      <c r="D4017" t="s">
        <v>7477</v>
      </c>
      <c r="E4017" t="s">
        <v>32025</v>
      </c>
      <c r="F4017">
        <v>5</v>
      </c>
      <c r="G4017" t="s">
        <v>0</v>
      </c>
      <c r="H4017" t="s">
        <v>7478</v>
      </c>
      <c r="I4017" t="s">
        <v>30540</v>
      </c>
    </row>
    <row r="4018" spans="1:9">
      <c r="A4018" s="1">
        <f ca="1">RAND()</f>
        <v>0.11164466589768374</v>
      </c>
      <c r="B4018" s="1"/>
      <c r="C4018">
        <v>20</v>
      </c>
      <c r="D4018" t="s">
        <v>7487</v>
      </c>
      <c r="E4018" t="s">
        <v>32025</v>
      </c>
      <c r="F4018">
        <v>4</v>
      </c>
      <c r="G4018" t="s">
        <v>10</v>
      </c>
      <c r="H4018" t="s">
        <v>7488</v>
      </c>
      <c r="I4018" t="s">
        <v>30540</v>
      </c>
    </row>
    <row r="4019" spans="1:9">
      <c r="A4019" s="1">
        <f ca="1">RAND()</f>
        <v>0.55786637676930517</v>
      </c>
      <c r="B4019" s="1"/>
      <c r="C4019">
        <v>2</v>
      </c>
      <c r="D4019" t="s">
        <v>7475</v>
      </c>
      <c r="E4019" t="s">
        <v>32025</v>
      </c>
      <c r="F4019">
        <v>4</v>
      </c>
      <c r="G4019" t="s">
        <v>2</v>
      </c>
      <c r="H4019" t="s">
        <v>7476</v>
      </c>
      <c r="I4019" t="s">
        <v>30540</v>
      </c>
    </row>
    <row r="4020" spans="1:9">
      <c r="A4020" s="1">
        <f ca="1">RAND()</f>
        <v>0.64941350495015626</v>
      </c>
      <c r="B4020" s="1"/>
      <c r="C4020">
        <v>16</v>
      </c>
      <c r="D4020" t="s">
        <v>7485</v>
      </c>
      <c r="E4020" t="s">
        <v>32025</v>
      </c>
      <c r="F4020">
        <v>4</v>
      </c>
      <c r="G4020" t="s">
        <v>1</v>
      </c>
      <c r="H4020" t="s">
        <v>7486</v>
      </c>
      <c r="I4020" t="s">
        <v>30540</v>
      </c>
    </row>
    <row r="4021" spans="1:9">
      <c r="A4021" s="1">
        <f ca="1">RAND()</f>
        <v>0.92429099434400219</v>
      </c>
      <c r="B4021" s="1"/>
      <c r="C4021">
        <v>8</v>
      </c>
      <c r="D4021" t="s">
        <v>7481</v>
      </c>
      <c r="E4021" t="s">
        <v>32025</v>
      </c>
      <c r="F4021">
        <v>4</v>
      </c>
      <c r="G4021" t="s">
        <v>1</v>
      </c>
      <c r="H4021" t="s">
        <v>7482</v>
      </c>
      <c r="I4021" t="s">
        <v>30540</v>
      </c>
    </row>
    <row r="4022" spans="1:9">
      <c r="A4022" s="1">
        <f ca="1">RAND()</f>
        <v>0.20214324742067424</v>
      </c>
      <c r="B4022" s="1"/>
      <c r="C4022">
        <v>4</v>
      </c>
      <c r="D4022" t="s">
        <v>7479</v>
      </c>
      <c r="E4022" t="s">
        <v>32025</v>
      </c>
      <c r="F4022">
        <v>3</v>
      </c>
      <c r="G4022" t="s">
        <v>0</v>
      </c>
      <c r="H4022" t="s">
        <v>7480</v>
      </c>
      <c r="I4022" t="s">
        <v>30540</v>
      </c>
    </row>
    <row r="4023" spans="1:9">
      <c r="A4023" s="1">
        <f ca="1">RAND()</f>
        <v>0.93738270466288143</v>
      </c>
      <c r="B4023" s="1"/>
      <c r="C4023">
        <v>13</v>
      </c>
      <c r="D4023" t="s">
        <v>7467</v>
      </c>
      <c r="E4023" t="s">
        <v>32026</v>
      </c>
      <c r="F4023">
        <v>5</v>
      </c>
      <c r="G4023" t="s">
        <v>771</v>
      </c>
      <c r="H4023" t="s">
        <v>7468</v>
      </c>
      <c r="I4023" t="s">
        <v>30540</v>
      </c>
    </row>
    <row r="4024" spans="1:9">
      <c r="A4024" s="1">
        <f ca="1">RAND()</f>
        <v>0.32811802981032923</v>
      </c>
      <c r="B4024" s="1"/>
      <c r="C4024">
        <v>9</v>
      </c>
      <c r="D4024" t="s">
        <v>7465</v>
      </c>
      <c r="E4024" t="s">
        <v>32026</v>
      </c>
      <c r="F4024">
        <v>4</v>
      </c>
      <c r="G4024" t="s">
        <v>9</v>
      </c>
      <c r="H4024" t="s">
        <v>7466</v>
      </c>
      <c r="I4024" t="s">
        <v>30540</v>
      </c>
    </row>
    <row r="4025" spans="1:9">
      <c r="A4025" s="1">
        <f ca="1">RAND()</f>
        <v>0.97023453482931199</v>
      </c>
      <c r="B4025" s="1"/>
      <c r="C4025">
        <v>15</v>
      </c>
      <c r="D4025" t="s">
        <v>7469</v>
      </c>
      <c r="E4025" t="s">
        <v>32026</v>
      </c>
      <c r="F4025">
        <v>4</v>
      </c>
      <c r="G4025" t="s">
        <v>771</v>
      </c>
      <c r="H4025" t="s">
        <v>7470</v>
      </c>
      <c r="I4025" t="s">
        <v>30540</v>
      </c>
    </row>
    <row r="4026" spans="1:9">
      <c r="A4026" s="1">
        <f ca="1">RAND()</f>
        <v>0.72367091742080603</v>
      </c>
      <c r="B4026" s="1"/>
      <c r="C4026">
        <v>19</v>
      </c>
      <c r="D4026" t="s">
        <v>7471</v>
      </c>
      <c r="E4026" t="s">
        <v>32026</v>
      </c>
      <c r="F4026">
        <v>4</v>
      </c>
      <c r="G4026" t="s">
        <v>15</v>
      </c>
      <c r="H4026" t="s">
        <v>7472</v>
      </c>
      <c r="I4026" t="s">
        <v>30540</v>
      </c>
    </row>
    <row r="4027" spans="1:9">
      <c r="A4027" s="1">
        <f ca="1">RAND()</f>
        <v>0.93605168078267253</v>
      </c>
      <c r="B4027" s="1"/>
      <c r="C4027">
        <v>20</v>
      </c>
      <c r="D4027" t="s">
        <v>7473</v>
      </c>
      <c r="E4027" t="s">
        <v>32026</v>
      </c>
      <c r="F4027">
        <v>4</v>
      </c>
      <c r="G4027" t="s">
        <v>0</v>
      </c>
      <c r="H4027" t="s">
        <v>7474</v>
      </c>
      <c r="I4027" t="s">
        <v>30540</v>
      </c>
    </row>
    <row r="4028" spans="1:9">
      <c r="A4028" s="1">
        <f ca="1">RAND()</f>
        <v>0.51780361228511729</v>
      </c>
      <c r="B4028" s="1"/>
      <c r="C4028">
        <v>6</v>
      </c>
      <c r="D4028" t="s">
        <v>7463</v>
      </c>
      <c r="E4028" t="s">
        <v>32026</v>
      </c>
      <c r="F4028">
        <v>4</v>
      </c>
      <c r="G4028" t="s">
        <v>13</v>
      </c>
      <c r="H4028" t="s">
        <v>7464</v>
      </c>
      <c r="I4028" t="s">
        <v>30540</v>
      </c>
    </row>
    <row r="4029" spans="1:9">
      <c r="A4029" s="1">
        <f ca="1">RAND()</f>
        <v>0.25218233949186875</v>
      </c>
      <c r="B4029" s="1"/>
      <c r="C4029">
        <v>3</v>
      </c>
      <c r="D4029" t="s">
        <v>7455</v>
      </c>
      <c r="E4029" t="s">
        <v>32027</v>
      </c>
      <c r="F4029">
        <v>5</v>
      </c>
      <c r="G4029" t="s">
        <v>13</v>
      </c>
      <c r="H4029" t="s">
        <v>7456</v>
      </c>
      <c r="I4029" t="s">
        <v>30540</v>
      </c>
    </row>
    <row r="4030" spans="1:9">
      <c r="A4030" s="1">
        <f ca="1">RAND()</f>
        <v>0.71736223755910544</v>
      </c>
      <c r="B4030" s="1"/>
      <c r="C4030">
        <v>17</v>
      </c>
      <c r="D4030" t="s">
        <v>7461</v>
      </c>
      <c r="E4030" t="s">
        <v>32027</v>
      </c>
      <c r="F4030">
        <v>4</v>
      </c>
      <c r="G4030" t="s">
        <v>0</v>
      </c>
      <c r="H4030" t="s">
        <v>7462</v>
      </c>
      <c r="I4030" t="s">
        <v>30540</v>
      </c>
    </row>
    <row r="4031" spans="1:9">
      <c r="A4031" s="1">
        <f ca="1">RAND()</f>
        <v>0.71225042121343529</v>
      </c>
      <c r="B4031" s="1"/>
      <c r="C4031">
        <v>13</v>
      </c>
      <c r="D4031" t="s">
        <v>7459</v>
      </c>
      <c r="E4031" t="s">
        <v>32027</v>
      </c>
      <c r="F4031">
        <v>4</v>
      </c>
      <c r="G4031" t="s">
        <v>0</v>
      </c>
      <c r="H4031" t="s">
        <v>7460</v>
      </c>
      <c r="I4031" t="s">
        <v>30540</v>
      </c>
    </row>
    <row r="4032" spans="1:9">
      <c r="A4032" s="1">
        <f ca="1">RAND()</f>
        <v>0.87062492212405429</v>
      </c>
      <c r="B4032" s="1"/>
      <c r="C4032">
        <v>12</v>
      </c>
      <c r="D4032" t="s">
        <v>7457</v>
      </c>
      <c r="E4032" t="s">
        <v>32027</v>
      </c>
      <c r="F4032">
        <v>4</v>
      </c>
      <c r="G4032" t="s">
        <v>0</v>
      </c>
      <c r="H4032" t="s">
        <v>7458</v>
      </c>
      <c r="I4032" t="s">
        <v>30540</v>
      </c>
    </row>
    <row r="4033" spans="1:9">
      <c r="A4033" s="1">
        <f ca="1">RAND()</f>
        <v>0.60166515437716084</v>
      </c>
      <c r="B4033" s="1"/>
      <c r="C4033">
        <v>6</v>
      </c>
      <c r="D4033" t="s">
        <v>7451</v>
      </c>
      <c r="E4033" t="s">
        <v>32028</v>
      </c>
      <c r="F4033">
        <v>5</v>
      </c>
      <c r="G4033" t="s">
        <v>15</v>
      </c>
      <c r="H4033" t="s">
        <v>7452</v>
      </c>
      <c r="I4033" t="s">
        <v>30540</v>
      </c>
    </row>
    <row r="4034" spans="1:9">
      <c r="A4034" s="1">
        <f ca="1">RAND()</f>
        <v>0.56382453326494431</v>
      </c>
      <c r="B4034" s="1"/>
      <c r="C4034">
        <v>10</v>
      </c>
      <c r="D4034" t="s">
        <v>7453</v>
      </c>
      <c r="E4034" t="s">
        <v>32028</v>
      </c>
      <c r="F4034">
        <v>5</v>
      </c>
      <c r="G4034" t="s">
        <v>9</v>
      </c>
      <c r="H4034" t="s">
        <v>7454</v>
      </c>
      <c r="I4034" t="s">
        <v>30540</v>
      </c>
    </row>
    <row r="4035" spans="1:9">
      <c r="A4035" s="1">
        <f ca="1">RAND()</f>
        <v>0.61967154794452406</v>
      </c>
      <c r="B4035" s="1"/>
      <c r="C4035">
        <v>4</v>
      </c>
      <c r="D4035" t="s">
        <v>7449</v>
      </c>
      <c r="E4035" t="s">
        <v>32028</v>
      </c>
      <c r="F4035">
        <v>4</v>
      </c>
      <c r="G4035" t="s">
        <v>1295</v>
      </c>
      <c r="H4035" t="s">
        <v>7450</v>
      </c>
      <c r="I4035" t="s">
        <v>30540</v>
      </c>
    </row>
    <row r="4036" spans="1:9">
      <c r="A4036" s="1">
        <f ca="1">RAND()</f>
        <v>0.96029995847618088</v>
      </c>
      <c r="B4036" s="1"/>
      <c r="C4036">
        <v>2</v>
      </c>
      <c r="D4036" t="s">
        <v>7447</v>
      </c>
      <c r="E4036" t="s">
        <v>32028</v>
      </c>
      <c r="F4036">
        <v>4</v>
      </c>
      <c r="G4036" t="s">
        <v>0</v>
      </c>
      <c r="H4036" t="s">
        <v>7448</v>
      </c>
      <c r="I4036" t="s">
        <v>30540</v>
      </c>
    </row>
    <row r="4037" spans="1:9">
      <c r="A4037" s="1">
        <f ca="1">RAND()</f>
        <v>0.5379951907440006</v>
      </c>
      <c r="B4037" s="1"/>
      <c r="C4037">
        <v>2</v>
      </c>
      <c r="D4037" t="s">
        <v>7427</v>
      </c>
      <c r="E4037" t="s">
        <v>32029</v>
      </c>
      <c r="F4037">
        <v>5</v>
      </c>
      <c r="G4037" t="s">
        <v>14</v>
      </c>
      <c r="H4037" t="s">
        <v>7428</v>
      </c>
      <c r="I4037" t="s">
        <v>30540</v>
      </c>
    </row>
    <row r="4038" spans="1:9">
      <c r="A4038" s="1">
        <f ca="1">RAND()</f>
        <v>0.7468334173414537</v>
      </c>
      <c r="B4038" s="1"/>
      <c r="C4038">
        <v>15</v>
      </c>
      <c r="D4038" t="s">
        <v>7441</v>
      </c>
      <c r="E4038" t="s">
        <v>32029</v>
      </c>
      <c r="F4038">
        <v>4</v>
      </c>
      <c r="G4038" t="s">
        <v>0</v>
      </c>
      <c r="H4038" t="s">
        <v>7442</v>
      </c>
      <c r="I4038" t="s">
        <v>30540</v>
      </c>
    </row>
    <row r="4039" spans="1:9">
      <c r="A4039" s="1">
        <f ca="1">RAND()</f>
        <v>0.72204820675825487</v>
      </c>
      <c r="B4039" s="1"/>
      <c r="C4039">
        <v>10</v>
      </c>
      <c r="D4039" t="s">
        <v>7433</v>
      </c>
      <c r="E4039" t="s">
        <v>32029</v>
      </c>
      <c r="F4039">
        <v>4</v>
      </c>
      <c r="G4039" t="s">
        <v>0</v>
      </c>
      <c r="H4039" t="s">
        <v>7434</v>
      </c>
      <c r="I4039" t="s">
        <v>30540</v>
      </c>
    </row>
    <row r="4040" spans="1:9">
      <c r="A4040" s="1">
        <f ca="1">RAND()</f>
        <v>0.12113143375618529</v>
      </c>
      <c r="B4040" s="1"/>
      <c r="C4040">
        <v>4</v>
      </c>
      <c r="D4040" t="s">
        <v>7429</v>
      </c>
      <c r="E4040" t="s">
        <v>32029</v>
      </c>
      <c r="F4040">
        <v>4</v>
      </c>
      <c r="G4040" t="s">
        <v>0</v>
      </c>
      <c r="H4040" t="s">
        <v>7430</v>
      </c>
      <c r="I4040" t="s">
        <v>30540</v>
      </c>
    </row>
    <row r="4041" spans="1:9">
      <c r="A4041" s="1">
        <f ca="1">RAND()</f>
        <v>0.70340256646439547</v>
      </c>
      <c r="B4041" s="1"/>
      <c r="C4041">
        <v>16</v>
      </c>
      <c r="D4041" t="s">
        <v>7443</v>
      </c>
      <c r="E4041" t="s">
        <v>32029</v>
      </c>
      <c r="F4041">
        <v>4</v>
      </c>
      <c r="G4041" t="s">
        <v>0</v>
      </c>
      <c r="H4041" t="s">
        <v>7444</v>
      </c>
      <c r="I4041" t="s">
        <v>30540</v>
      </c>
    </row>
    <row r="4042" spans="1:9">
      <c r="A4042" s="1">
        <f ca="1">RAND()</f>
        <v>0.25509455583561114</v>
      </c>
      <c r="B4042" s="1"/>
      <c r="C4042">
        <v>14</v>
      </c>
      <c r="D4042" t="s">
        <v>7439</v>
      </c>
      <c r="E4042" t="s">
        <v>32029</v>
      </c>
      <c r="F4042">
        <v>4</v>
      </c>
      <c r="G4042" t="s">
        <v>0</v>
      </c>
      <c r="H4042" t="s">
        <v>7440</v>
      </c>
      <c r="I4042" t="s">
        <v>30540</v>
      </c>
    </row>
    <row r="4043" spans="1:9">
      <c r="A4043" s="1">
        <f ca="1">RAND()</f>
        <v>9.3446776581810553E-2</v>
      </c>
      <c r="B4043" s="1"/>
      <c r="C4043">
        <v>12</v>
      </c>
      <c r="D4043" t="s">
        <v>7435</v>
      </c>
      <c r="E4043" t="s">
        <v>32029</v>
      </c>
      <c r="F4043">
        <v>4</v>
      </c>
      <c r="G4043" t="s">
        <v>0</v>
      </c>
      <c r="H4043" t="s">
        <v>7436</v>
      </c>
      <c r="I4043" t="s">
        <v>30540</v>
      </c>
    </row>
    <row r="4044" spans="1:9">
      <c r="A4044" s="1">
        <f ca="1">RAND()</f>
        <v>0.65226787035051681</v>
      </c>
      <c r="B4044" s="1"/>
      <c r="C4044">
        <v>8</v>
      </c>
      <c r="D4044" t="s">
        <v>7431</v>
      </c>
      <c r="E4044" t="s">
        <v>32029</v>
      </c>
      <c r="F4044">
        <v>4</v>
      </c>
      <c r="G4044" t="s">
        <v>9</v>
      </c>
      <c r="H4044" t="s">
        <v>7432</v>
      </c>
      <c r="I4044" t="s">
        <v>30540</v>
      </c>
    </row>
    <row r="4045" spans="1:9">
      <c r="A4045" s="1">
        <f ca="1">RAND()</f>
        <v>0.9299025581490733</v>
      </c>
      <c r="B4045" s="1"/>
      <c r="C4045">
        <v>19</v>
      </c>
      <c r="D4045" t="s">
        <v>7445</v>
      </c>
      <c r="E4045" t="s">
        <v>32029</v>
      </c>
      <c r="F4045">
        <v>3</v>
      </c>
      <c r="G4045" t="s">
        <v>0</v>
      </c>
      <c r="H4045" t="s">
        <v>7446</v>
      </c>
      <c r="I4045" t="s">
        <v>30540</v>
      </c>
    </row>
    <row r="4046" spans="1:9">
      <c r="A4046" s="1">
        <f ca="1">RAND()</f>
        <v>0.60961115553742518</v>
      </c>
      <c r="B4046" s="1"/>
      <c r="C4046">
        <v>13</v>
      </c>
      <c r="D4046" t="s">
        <v>7437</v>
      </c>
      <c r="E4046" t="s">
        <v>32029</v>
      </c>
      <c r="F4046">
        <v>2</v>
      </c>
      <c r="G4046" t="s">
        <v>9</v>
      </c>
      <c r="H4046" t="s">
        <v>7438</v>
      </c>
      <c r="I4046" t="s">
        <v>30540</v>
      </c>
    </row>
    <row r="4047" spans="1:9">
      <c r="A4047" s="1">
        <f ca="1">RAND()</f>
        <v>7.1518232545415339E-2</v>
      </c>
      <c r="B4047" s="1"/>
      <c r="C4047">
        <v>14</v>
      </c>
      <c r="D4047" t="s">
        <v>7423</v>
      </c>
      <c r="E4047" t="s">
        <v>32030</v>
      </c>
      <c r="F4047">
        <v>5</v>
      </c>
      <c r="G4047" t="s">
        <v>0</v>
      </c>
      <c r="H4047" t="s">
        <v>7424</v>
      </c>
      <c r="I4047" t="s">
        <v>30540</v>
      </c>
    </row>
    <row r="4048" spans="1:9">
      <c r="A4048" s="1">
        <f ca="1">RAND()</f>
        <v>0.19108652271796467</v>
      </c>
      <c r="B4048" s="1"/>
      <c r="C4048">
        <v>19</v>
      </c>
      <c r="D4048" t="s">
        <v>7425</v>
      </c>
      <c r="E4048" t="s">
        <v>32030</v>
      </c>
      <c r="F4048">
        <v>2</v>
      </c>
      <c r="G4048" t="s">
        <v>0</v>
      </c>
      <c r="H4048" t="s">
        <v>7426</v>
      </c>
      <c r="I4048" t="s">
        <v>30540</v>
      </c>
    </row>
    <row r="4049" spans="1:9">
      <c r="A4049" s="1">
        <f ca="1">RAND()</f>
        <v>0.49881733866794076</v>
      </c>
      <c r="B4049" s="1"/>
      <c r="C4049">
        <v>8</v>
      </c>
      <c r="D4049" t="s">
        <v>7421</v>
      </c>
      <c r="E4049" t="s">
        <v>32031</v>
      </c>
      <c r="F4049">
        <v>5</v>
      </c>
      <c r="G4049" t="s">
        <v>0</v>
      </c>
      <c r="H4049" t="s">
        <v>7422</v>
      </c>
      <c r="I4049" t="s">
        <v>30540</v>
      </c>
    </row>
    <row r="4050" spans="1:9">
      <c r="A4050" s="1">
        <f ca="1">RAND()</f>
        <v>0.10163639247208156</v>
      </c>
      <c r="B4050" s="1"/>
      <c r="C4050">
        <v>6</v>
      </c>
      <c r="D4050" t="s">
        <v>7419</v>
      </c>
      <c r="E4050" t="s">
        <v>32031</v>
      </c>
      <c r="F4050">
        <v>4</v>
      </c>
      <c r="G4050" t="s">
        <v>0</v>
      </c>
      <c r="H4050" t="s">
        <v>7420</v>
      </c>
      <c r="I4050" t="s">
        <v>30540</v>
      </c>
    </row>
    <row r="4051" spans="1:9">
      <c r="A4051" s="1">
        <f ca="1">RAND()</f>
        <v>0.53106309530161655</v>
      </c>
      <c r="B4051" s="1"/>
      <c r="C4051">
        <v>3</v>
      </c>
      <c r="D4051" t="s">
        <v>7417</v>
      </c>
      <c r="E4051" t="s">
        <v>32031</v>
      </c>
      <c r="F4051">
        <v>3</v>
      </c>
      <c r="G4051" t="s">
        <v>0</v>
      </c>
      <c r="H4051" t="s">
        <v>7418</v>
      </c>
      <c r="I4051" t="s">
        <v>30540</v>
      </c>
    </row>
    <row r="4052" spans="1:9">
      <c r="A4052" s="1">
        <f ca="1">RAND()</f>
        <v>4.4164121170967574E-2</v>
      </c>
      <c r="B4052" s="1"/>
      <c r="C4052">
        <v>12</v>
      </c>
      <c r="D4052" t="s">
        <v>7413</v>
      </c>
      <c r="E4052" t="s">
        <v>32032</v>
      </c>
      <c r="F4052">
        <v>4</v>
      </c>
      <c r="G4052" t="s">
        <v>0</v>
      </c>
      <c r="H4052" t="s">
        <v>7414</v>
      </c>
      <c r="I4052" t="s">
        <v>30540</v>
      </c>
    </row>
    <row r="4053" spans="1:9">
      <c r="A4053" s="1">
        <f ca="1">RAND()</f>
        <v>0.7547756143567742</v>
      </c>
      <c r="B4053" s="1"/>
      <c r="C4053">
        <v>2</v>
      </c>
      <c r="D4053" t="s">
        <v>7409</v>
      </c>
      <c r="E4053" t="s">
        <v>32032</v>
      </c>
      <c r="F4053">
        <v>4</v>
      </c>
      <c r="G4053" t="s">
        <v>0</v>
      </c>
      <c r="H4053" t="s">
        <v>7410</v>
      </c>
      <c r="I4053" t="s">
        <v>30540</v>
      </c>
    </row>
    <row r="4054" spans="1:9">
      <c r="A4054" s="1">
        <f ca="1">RAND()</f>
        <v>0.72330172108700952</v>
      </c>
      <c r="B4054" s="1"/>
      <c r="C4054">
        <v>13</v>
      </c>
      <c r="D4054" t="s">
        <v>7415</v>
      </c>
      <c r="E4054" t="s">
        <v>32032</v>
      </c>
      <c r="F4054">
        <v>4</v>
      </c>
      <c r="G4054" t="s">
        <v>774</v>
      </c>
      <c r="H4054" t="s">
        <v>7416</v>
      </c>
      <c r="I4054" t="s">
        <v>30540</v>
      </c>
    </row>
    <row r="4055" spans="1:9">
      <c r="A4055" s="1">
        <f ca="1">RAND()</f>
        <v>0.80458902000643773</v>
      </c>
      <c r="B4055" s="1"/>
      <c r="C4055">
        <v>3</v>
      </c>
      <c r="D4055" t="s">
        <v>7411</v>
      </c>
      <c r="E4055" t="s">
        <v>32032</v>
      </c>
      <c r="F4055">
        <v>2</v>
      </c>
      <c r="G4055" t="s">
        <v>2</v>
      </c>
      <c r="H4055" t="s">
        <v>7412</v>
      </c>
      <c r="I4055" t="s">
        <v>30540</v>
      </c>
    </row>
    <row r="4056" spans="1:9">
      <c r="A4056" s="1">
        <f ca="1">RAND()</f>
        <v>0.43014116488578247</v>
      </c>
      <c r="B4056" s="1"/>
      <c r="C4056">
        <v>20</v>
      </c>
      <c r="D4056" t="s">
        <v>7407</v>
      </c>
      <c r="E4056" t="s">
        <v>32033</v>
      </c>
      <c r="F4056">
        <v>4</v>
      </c>
      <c r="G4056" t="s">
        <v>0</v>
      </c>
      <c r="H4056" t="s">
        <v>7408</v>
      </c>
      <c r="I4056" t="s">
        <v>30540</v>
      </c>
    </row>
    <row r="4057" spans="1:9">
      <c r="A4057" s="1">
        <f ca="1">RAND()</f>
        <v>0.10958633439737619</v>
      </c>
      <c r="B4057" s="1"/>
      <c r="C4057">
        <v>13</v>
      </c>
      <c r="D4057" t="s">
        <v>7405</v>
      </c>
      <c r="E4057" t="s">
        <v>32033</v>
      </c>
      <c r="F4057">
        <v>3</v>
      </c>
      <c r="G4057" t="s">
        <v>770</v>
      </c>
      <c r="H4057" t="s">
        <v>7406</v>
      </c>
      <c r="I4057" t="s">
        <v>30540</v>
      </c>
    </row>
    <row r="4058" spans="1:9">
      <c r="A4058" s="1">
        <f ca="1">RAND()</f>
        <v>0.55501279494942946</v>
      </c>
      <c r="B4058" s="1"/>
      <c r="C4058">
        <v>10</v>
      </c>
      <c r="D4058" t="s">
        <v>7403</v>
      </c>
      <c r="E4058" t="s">
        <v>32034</v>
      </c>
      <c r="F4058">
        <v>5</v>
      </c>
      <c r="G4058" t="s">
        <v>10</v>
      </c>
      <c r="H4058" t="s">
        <v>7404</v>
      </c>
      <c r="I4058" t="s">
        <v>30540</v>
      </c>
    </row>
    <row r="4059" spans="1:9">
      <c r="A4059" s="1">
        <f ca="1">RAND()</f>
        <v>0.37977702769358368</v>
      </c>
      <c r="B4059" s="1"/>
      <c r="C4059">
        <v>9</v>
      </c>
      <c r="D4059" t="s">
        <v>7401</v>
      </c>
      <c r="E4059" t="s">
        <v>32034</v>
      </c>
      <c r="F4059">
        <v>4</v>
      </c>
      <c r="G4059" t="s">
        <v>13</v>
      </c>
      <c r="H4059" t="s">
        <v>7402</v>
      </c>
      <c r="I4059" t="s">
        <v>30540</v>
      </c>
    </row>
    <row r="4060" spans="1:9">
      <c r="A4060" s="1">
        <f ca="1">RAND()</f>
        <v>0.98241233069835032</v>
      </c>
      <c r="B4060" s="1"/>
      <c r="C4060">
        <v>7</v>
      </c>
      <c r="D4060" t="s">
        <v>7399</v>
      </c>
      <c r="E4060" t="s">
        <v>32034</v>
      </c>
      <c r="F4060">
        <v>2</v>
      </c>
      <c r="G4060" t="s">
        <v>2</v>
      </c>
      <c r="H4060" t="s">
        <v>7400</v>
      </c>
      <c r="I4060" t="s">
        <v>30540</v>
      </c>
    </row>
    <row r="4061" spans="1:9">
      <c r="A4061" s="1">
        <f ca="1">RAND()</f>
        <v>0.85011232978421114</v>
      </c>
      <c r="B4061" s="1"/>
      <c r="C4061">
        <v>16</v>
      </c>
      <c r="D4061" t="s">
        <v>7395</v>
      </c>
      <c r="E4061" t="s">
        <v>32035</v>
      </c>
      <c r="F4061">
        <v>4</v>
      </c>
      <c r="G4061" t="s">
        <v>770</v>
      </c>
      <c r="H4061" t="s">
        <v>7396</v>
      </c>
      <c r="I4061" t="s">
        <v>30540</v>
      </c>
    </row>
    <row r="4062" spans="1:9">
      <c r="A4062" s="1">
        <f ca="1">RAND()</f>
        <v>0.21419796338872865</v>
      </c>
      <c r="B4062" s="1"/>
      <c r="C4062">
        <v>17</v>
      </c>
      <c r="D4062" t="s">
        <v>7397</v>
      </c>
      <c r="E4062" t="s">
        <v>32035</v>
      </c>
      <c r="F4062">
        <v>4</v>
      </c>
      <c r="G4062" t="s">
        <v>9</v>
      </c>
      <c r="H4062" t="s">
        <v>7398</v>
      </c>
      <c r="I4062" t="s">
        <v>30540</v>
      </c>
    </row>
    <row r="4063" spans="1:9">
      <c r="A4063" s="1">
        <f ca="1">RAND()</f>
        <v>0.18938783885882715</v>
      </c>
      <c r="B4063" s="1"/>
      <c r="C4063">
        <v>8</v>
      </c>
      <c r="D4063" t="s">
        <v>7387</v>
      </c>
      <c r="E4063" t="s">
        <v>32036</v>
      </c>
      <c r="F4063">
        <v>5</v>
      </c>
      <c r="G4063" t="s">
        <v>0</v>
      </c>
      <c r="H4063" t="s">
        <v>7388</v>
      </c>
      <c r="I4063" t="s">
        <v>30540</v>
      </c>
    </row>
    <row r="4064" spans="1:9">
      <c r="A4064" s="1">
        <f ca="1">RAND()</f>
        <v>0.83606138276983866</v>
      </c>
      <c r="B4064" s="1"/>
      <c r="C4064">
        <v>7</v>
      </c>
      <c r="D4064" t="s">
        <v>7385</v>
      </c>
      <c r="E4064" t="s">
        <v>32036</v>
      </c>
      <c r="F4064">
        <v>4</v>
      </c>
      <c r="G4064" t="s">
        <v>0</v>
      </c>
      <c r="H4064" t="s">
        <v>7386</v>
      </c>
      <c r="I4064" t="s">
        <v>30540</v>
      </c>
    </row>
    <row r="4065" spans="1:9">
      <c r="A4065" s="1">
        <f ca="1">RAND()</f>
        <v>0.71715376964536903</v>
      </c>
      <c r="B4065" s="1"/>
      <c r="C4065">
        <v>9</v>
      </c>
      <c r="D4065" t="s">
        <v>7389</v>
      </c>
      <c r="E4065" t="s">
        <v>32036</v>
      </c>
      <c r="F4065">
        <v>4</v>
      </c>
      <c r="G4065" t="s">
        <v>0</v>
      </c>
      <c r="H4065" t="s">
        <v>7390</v>
      </c>
      <c r="I4065" t="s">
        <v>30540</v>
      </c>
    </row>
    <row r="4066" spans="1:9">
      <c r="A4066" s="1">
        <f ca="1">RAND()</f>
        <v>0.72683063235904344</v>
      </c>
      <c r="B4066" s="1"/>
      <c r="C4066">
        <v>16</v>
      </c>
      <c r="D4066" t="s">
        <v>7393</v>
      </c>
      <c r="E4066" t="s">
        <v>32036</v>
      </c>
      <c r="F4066">
        <v>4</v>
      </c>
      <c r="G4066" t="s">
        <v>0</v>
      </c>
      <c r="H4066" t="s">
        <v>7394</v>
      </c>
      <c r="I4066" t="s">
        <v>30540</v>
      </c>
    </row>
    <row r="4067" spans="1:9">
      <c r="A4067" s="1">
        <f ca="1">RAND()</f>
        <v>0.73862749235472536</v>
      </c>
      <c r="B4067" s="1"/>
      <c r="C4067">
        <v>10</v>
      </c>
      <c r="D4067" t="s">
        <v>7391</v>
      </c>
      <c r="E4067" t="s">
        <v>32036</v>
      </c>
      <c r="F4067">
        <v>4</v>
      </c>
      <c r="G4067" t="s">
        <v>0</v>
      </c>
      <c r="H4067" t="s">
        <v>7392</v>
      </c>
      <c r="I4067" t="s">
        <v>30540</v>
      </c>
    </row>
    <row r="4068" spans="1:9">
      <c r="A4068" s="1">
        <f ca="1">RAND()</f>
        <v>0.1077454292563389</v>
      </c>
      <c r="B4068" s="1"/>
      <c r="C4068">
        <v>1</v>
      </c>
      <c r="D4068" t="s">
        <v>7375</v>
      </c>
      <c r="E4068" t="s">
        <v>32037</v>
      </c>
      <c r="F4068">
        <v>5</v>
      </c>
      <c r="G4068" t="s">
        <v>1295</v>
      </c>
      <c r="H4068" t="s">
        <v>7376</v>
      </c>
      <c r="I4068" t="s">
        <v>30540</v>
      </c>
    </row>
    <row r="4069" spans="1:9">
      <c r="A4069" s="1">
        <f ca="1">RAND()</f>
        <v>0.37842718507495587</v>
      </c>
      <c r="B4069" s="1"/>
      <c r="C4069">
        <v>10</v>
      </c>
      <c r="D4069" t="s">
        <v>7379</v>
      </c>
      <c r="E4069" t="s">
        <v>32037</v>
      </c>
      <c r="F4069">
        <v>5</v>
      </c>
      <c r="G4069" t="s">
        <v>9</v>
      </c>
      <c r="H4069" t="s">
        <v>7380</v>
      </c>
      <c r="I4069" t="s">
        <v>30540</v>
      </c>
    </row>
    <row r="4070" spans="1:9">
      <c r="A4070" s="1">
        <f ca="1">RAND()</f>
        <v>7.8327634359676157E-2</v>
      </c>
      <c r="B4070" s="1"/>
      <c r="C4070">
        <v>6</v>
      </c>
      <c r="D4070" t="s">
        <v>7377</v>
      </c>
      <c r="E4070" t="s">
        <v>32037</v>
      </c>
      <c r="F4070">
        <v>4</v>
      </c>
      <c r="G4070" t="s">
        <v>1</v>
      </c>
      <c r="H4070" t="s">
        <v>7378</v>
      </c>
      <c r="I4070" t="s">
        <v>30540</v>
      </c>
    </row>
    <row r="4071" spans="1:9">
      <c r="A4071" s="1">
        <f ca="1">RAND()</f>
        <v>0.29008426842718404</v>
      </c>
      <c r="B4071" s="1"/>
      <c r="C4071">
        <v>14</v>
      </c>
      <c r="D4071" t="s">
        <v>7381</v>
      </c>
      <c r="E4071" t="s">
        <v>32037</v>
      </c>
      <c r="F4071">
        <v>4</v>
      </c>
      <c r="G4071" t="s">
        <v>0</v>
      </c>
      <c r="H4071" t="s">
        <v>7382</v>
      </c>
      <c r="I4071" t="s">
        <v>30540</v>
      </c>
    </row>
    <row r="4072" spans="1:9">
      <c r="A4072" s="1">
        <f ca="1">RAND()</f>
        <v>0.41339786826741531</v>
      </c>
      <c r="B4072" s="1"/>
      <c r="C4072">
        <v>19</v>
      </c>
      <c r="D4072" t="s">
        <v>7383</v>
      </c>
      <c r="E4072" t="s">
        <v>32037</v>
      </c>
      <c r="F4072">
        <v>3</v>
      </c>
      <c r="G4072" t="s">
        <v>765</v>
      </c>
      <c r="H4072" t="s">
        <v>7384</v>
      </c>
      <c r="I4072" t="s">
        <v>30540</v>
      </c>
    </row>
    <row r="4073" spans="1:9">
      <c r="A4073" s="1">
        <f ca="1">RAND()</f>
        <v>0.22147772807452493</v>
      </c>
      <c r="B4073" s="1"/>
      <c r="C4073">
        <v>6</v>
      </c>
      <c r="D4073" t="s">
        <v>7369</v>
      </c>
      <c r="E4073" t="s">
        <v>32038</v>
      </c>
      <c r="F4073">
        <v>5</v>
      </c>
      <c r="G4073" t="s">
        <v>765</v>
      </c>
      <c r="H4073" t="s">
        <v>7370</v>
      </c>
      <c r="I4073" t="s">
        <v>30540</v>
      </c>
    </row>
    <row r="4074" spans="1:9">
      <c r="A4074" s="1">
        <f ca="1">RAND()</f>
        <v>0.44628799609746572</v>
      </c>
      <c r="B4074" s="1"/>
      <c r="C4074">
        <v>18</v>
      </c>
      <c r="D4074" t="s">
        <v>7373</v>
      </c>
      <c r="E4074" t="s">
        <v>32038</v>
      </c>
      <c r="F4074">
        <v>4</v>
      </c>
      <c r="G4074" t="s">
        <v>0</v>
      </c>
      <c r="H4074" t="s">
        <v>7374</v>
      </c>
      <c r="I4074" t="s">
        <v>30540</v>
      </c>
    </row>
    <row r="4075" spans="1:9">
      <c r="A4075" s="1">
        <f ca="1">RAND()</f>
        <v>0.32373724405927962</v>
      </c>
      <c r="B4075" s="1"/>
      <c r="C4075">
        <v>14</v>
      </c>
      <c r="D4075" t="s">
        <v>7371</v>
      </c>
      <c r="E4075" t="s">
        <v>32038</v>
      </c>
      <c r="F4075">
        <v>3</v>
      </c>
      <c r="G4075" t="s">
        <v>2</v>
      </c>
      <c r="H4075" t="s">
        <v>7372</v>
      </c>
      <c r="I4075" t="s">
        <v>30540</v>
      </c>
    </row>
    <row r="4076" spans="1:9">
      <c r="A4076" s="1">
        <f ca="1">RAND()</f>
        <v>0.85510140748627528</v>
      </c>
      <c r="B4076" s="1"/>
      <c r="C4076">
        <v>11</v>
      </c>
      <c r="D4076" t="s">
        <v>7365</v>
      </c>
      <c r="E4076" t="s">
        <v>32039</v>
      </c>
      <c r="F4076">
        <v>4</v>
      </c>
      <c r="G4076" t="s">
        <v>0</v>
      </c>
      <c r="H4076" t="s">
        <v>7366</v>
      </c>
      <c r="I4076" t="s">
        <v>30540</v>
      </c>
    </row>
    <row r="4077" spans="1:9">
      <c r="A4077" s="1">
        <f ca="1">RAND()</f>
        <v>0.72389675757484184</v>
      </c>
      <c r="B4077" s="1"/>
      <c r="C4077">
        <v>10</v>
      </c>
      <c r="D4077" t="s">
        <v>7363</v>
      </c>
      <c r="E4077" t="s">
        <v>32039</v>
      </c>
      <c r="F4077">
        <v>4</v>
      </c>
      <c r="G4077" t="s">
        <v>0</v>
      </c>
      <c r="H4077" t="s">
        <v>7364</v>
      </c>
      <c r="I4077" t="s">
        <v>30540</v>
      </c>
    </row>
    <row r="4078" spans="1:9">
      <c r="A4078" s="1">
        <f ca="1">RAND()</f>
        <v>7.4945577774610084E-2</v>
      </c>
      <c r="B4078" s="1"/>
      <c r="C4078">
        <v>8</v>
      </c>
      <c r="D4078" t="s">
        <v>7361</v>
      </c>
      <c r="E4078" t="s">
        <v>32039</v>
      </c>
      <c r="F4078">
        <v>4</v>
      </c>
      <c r="G4078" t="s">
        <v>2</v>
      </c>
      <c r="H4078" t="s">
        <v>7362</v>
      </c>
      <c r="I4078" t="s">
        <v>30540</v>
      </c>
    </row>
    <row r="4079" spans="1:9">
      <c r="A4079" s="1">
        <f ca="1">RAND()</f>
        <v>0.91996084060416394</v>
      </c>
      <c r="B4079" s="1"/>
      <c r="C4079">
        <v>3</v>
      </c>
      <c r="D4079" t="s">
        <v>7359</v>
      </c>
      <c r="E4079" t="s">
        <v>32039</v>
      </c>
      <c r="F4079">
        <v>4</v>
      </c>
      <c r="G4079" t="s">
        <v>9</v>
      </c>
      <c r="H4079" t="s">
        <v>7360</v>
      </c>
      <c r="I4079" t="s">
        <v>30540</v>
      </c>
    </row>
    <row r="4080" spans="1:9">
      <c r="A4080" s="1">
        <f ca="1">RAND()</f>
        <v>0.60944097404087316</v>
      </c>
      <c r="B4080" s="1"/>
      <c r="C4080">
        <v>15</v>
      </c>
      <c r="D4080" t="s">
        <v>7367</v>
      </c>
      <c r="E4080" t="s">
        <v>32039</v>
      </c>
      <c r="F4080">
        <v>3</v>
      </c>
      <c r="G4080" t="s">
        <v>0</v>
      </c>
      <c r="H4080" t="s">
        <v>7368</v>
      </c>
      <c r="I4080" t="s">
        <v>30540</v>
      </c>
    </row>
    <row r="4081" spans="1:9">
      <c r="A4081" s="1">
        <f ca="1">RAND()</f>
        <v>0.47262890047747053</v>
      </c>
      <c r="B4081" s="1"/>
      <c r="C4081">
        <v>18</v>
      </c>
      <c r="D4081" t="s">
        <v>7357</v>
      </c>
      <c r="E4081" t="s">
        <v>32040</v>
      </c>
      <c r="F4081">
        <v>4</v>
      </c>
      <c r="G4081" t="s">
        <v>774</v>
      </c>
      <c r="H4081" t="s">
        <v>7358</v>
      </c>
      <c r="I4081" t="s">
        <v>30540</v>
      </c>
    </row>
    <row r="4082" spans="1:9">
      <c r="A4082" s="1">
        <f ca="1">RAND()</f>
        <v>0.34801132033639082</v>
      </c>
      <c r="B4082" s="1"/>
      <c r="C4082">
        <v>12</v>
      </c>
      <c r="D4082" t="s">
        <v>7355</v>
      </c>
      <c r="E4082" t="s">
        <v>32040</v>
      </c>
      <c r="F4082">
        <v>2</v>
      </c>
      <c r="G4082" t="s">
        <v>769</v>
      </c>
      <c r="H4082" t="s">
        <v>7356</v>
      </c>
      <c r="I4082" t="s">
        <v>30540</v>
      </c>
    </row>
    <row r="4083" spans="1:9">
      <c r="A4083" s="1">
        <f ca="1">RAND()</f>
        <v>0.45942420432494213</v>
      </c>
      <c r="B4083" s="1"/>
      <c r="C4083">
        <v>4</v>
      </c>
      <c r="D4083" t="s">
        <v>7349</v>
      </c>
      <c r="E4083" t="s">
        <v>32041</v>
      </c>
      <c r="F4083">
        <v>4</v>
      </c>
      <c r="G4083" t="s">
        <v>0</v>
      </c>
      <c r="H4083" t="s">
        <v>7350</v>
      </c>
      <c r="I4083" t="s">
        <v>30540</v>
      </c>
    </row>
    <row r="4084" spans="1:9">
      <c r="A4084" s="1">
        <f ca="1">RAND()</f>
        <v>0.96441607293314935</v>
      </c>
      <c r="B4084" s="1"/>
      <c r="C4084">
        <v>10</v>
      </c>
      <c r="D4084" t="s">
        <v>7353</v>
      </c>
      <c r="E4084" t="s">
        <v>32041</v>
      </c>
      <c r="F4084">
        <v>4</v>
      </c>
      <c r="G4084" t="s">
        <v>0</v>
      </c>
      <c r="H4084" t="s">
        <v>7354</v>
      </c>
      <c r="I4084" t="s">
        <v>30540</v>
      </c>
    </row>
    <row r="4085" spans="1:9">
      <c r="A4085" s="1">
        <f ca="1">RAND()</f>
        <v>2.068662255464937E-2</v>
      </c>
      <c r="B4085" s="1"/>
      <c r="C4085">
        <v>9</v>
      </c>
      <c r="D4085" t="s">
        <v>7351</v>
      </c>
      <c r="E4085" t="s">
        <v>32041</v>
      </c>
      <c r="F4085">
        <v>4</v>
      </c>
      <c r="G4085" t="s">
        <v>0</v>
      </c>
      <c r="H4085" t="s">
        <v>7352</v>
      </c>
      <c r="I4085" t="s">
        <v>30540</v>
      </c>
    </row>
    <row r="4086" spans="1:9">
      <c r="A4086" s="1">
        <f ca="1">RAND()</f>
        <v>0.16082561753067015</v>
      </c>
      <c r="B4086" s="1"/>
      <c r="C4086">
        <v>17</v>
      </c>
      <c r="D4086" t="s">
        <v>7345</v>
      </c>
      <c r="E4086" t="s">
        <v>32042</v>
      </c>
      <c r="F4086">
        <v>4</v>
      </c>
      <c r="G4086" t="s">
        <v>0</v>
      </c>
      <c r="H4086" t="s">
        <v>7346</v>
      </c>
      <c r="I4086" t="s">
        <v>30540</v>
      </c>
    </row>
    <row r="4087" spans="1:9">
      <c r="A4087" s="1">
        <f ca="1">RAND()</f>
        <v>0.34205988927584285</v>
      </c>
      <c r="B4087" s="1"/>
      <c r="C4087">
        <v>20</v>
      </c>
      <c r="D4087" t="s">
        <v>7347</v>
      </c>
      <c r="E4087" t="s">
        <v>32042</v>
      </c>
      <c r="F4087">
        <v>4</v>
      </c>
      <c r="G4087" t="s">
        <v>770</v>
      </c>
      <c r="H4087" t="s">
        <v>7348</v>
      </c>
      <c r="I4087" t="s">
        <v>30540</v>
      </c>
    </row>
    <row r="4088" spans="1:9">
      <c r="A4088" s="1">
        <f ca="1">RAND()</f>
        <v>0.93959143618759833</v>
      </c>
      <c r="B4088" s="1"/>
      <c r="C4088">
        <v>11</v>
      </c>
      <c r="D4088" t="s">
        <v>7341</v>
      </c>
      <c r="E4088" t="s">
        <v>32042</v>
      </c>
      <c r="F4088">
        <v>4</v>
      </c>
      <c r="G4088" t="s">
        <v>762</v>
      </c>
      <c r="H4088" t="s">
        <v>7342</v>
      </c>
      <c r="I4088" t="s">
        <v>30540</v>
      </c>
    </row>
    <row r="4089" spans="1:9">
      <c r="A4089" s="1">
        <f ca="1">RAND()</f>
        <v>0.95336097384044505</v>
      </c>
      <c r="B4089" s="1"/>
      <c r="C4089">
        <v>3</v>
      </c>
      <c r="D4089" t="s">
        <v>7339</v>
      </c>
      <c r="E4089" t="s">
        <v>32042</v>
      </c>
      <c r="F4089">
        <v>3</v>
      </c>
      <c r="G4089" t="s">
        <v>774</v>
      </c>
      <c r="H4089" t="s">
        <v>7340</v>
      </c>
      <c r="I4089" t="s">
        <v>30540</v>
      </c>
    </row>
    <row r="4090" spans="1:9">
      <c r="A4090" s="1">
        <f ca="1">RAND()</f>
        <v>0.70730940318396385</v>
      </c>
      <c r="B4090" s="1"/>
      <c r="C4090">
        <v>15</v>
      </c>
      <c r="D4090" t="s">
        <v>7343</v>
      </c>
      <c r="E4090" t="s">
        <v>32042</v>
      </c>
      <c r="F4090">
        <v>3</v>
      </c>
      <c r="G4090" t="s">
        <v>0</v>
      </c>
      <c r="H4090" t="s">
        <v>7344</v>
      </c>
      <c r="I4090" t="s">
        <v>30540</v>
      </c>
    </row>
    <row r="4091" spans="1:9">
      <c r="A4091" s="1">
        <f ca="1">RAND()</f>
        <v>0.59960863320898483</v>
      </c>
      <c r="B4091" s="1"/>
      <c r="C4091">
        <v>4</v>
      </c>
      <c r="D4091" t="s">
        <v>7333</v>
      </c>
      <c r="E4091" t="s">
        <v>32043</v>
      </c>
      <c r="F4091">
        <v>5</v>
      </c>
      <c r="G4091" t="s">
        <v>765</v>
      </c>
      <c r="H4091" t="s">
        <v>7334</v>
      </c>
      <c r="I4091" t="s">
        <v>30540</v>
      </c>
    </row>
    <row r="4092" spans="1:9">
      <c r="A4092" s="1">
        <f ca="1">RAND()</f>
        <v>0.73704101737943506</v>
      </c>
      <c r="B4092" s="1"/>
      <c r="C4092">
        <v>10</v>
      </c>
      <c r="D4092" t="s">
        <v>7335</v>
      </c>
      <c r="E4092" t="s">
        <v>32043</v>
      </c>
      <c r="F4092">
        <v>4</v>
      </c>
      <c r="G4092" t="s">
        <v>0</v>
      </c>
      <c r="H4092" t="s">
        <v>7336</v>
      </c>
      <c r="I4092" t="s">
        <v>30540</v>
      </c>
    </row>
    <row r="4093" spans="1:9">
      <c r="A4093" s="1">
        <f ca="1">RAND()</f>
        <v>0.69793533247969797</v>
      </c>
      <c r="B4093" s="1"/>
      <c r="C4093">
        <v>16</v>
      </c>
      <c r="D4093" t="s">
        <v>7337</v>
      </c>
      <c r="E4093" t="s">
        <v>32043</v>
      </c>
      <c r="F4093">
        <v>4</v>
      </c>
      <c r="G4093" t="s">
        <v>0</v>
      </c>
      <c r="H4093" t="s">
        <v>7338</v>
      </c>
      <c r="I4093" t="s">
        <v>30540</v>
      </c>
    </row>
    <row r="4094" spans="1:9">
      <c r="A4094" s="1">
        <f ca="1">RAND()</f>
        <v>0.66986389518310563</v>
      </c>
      <c r="B4094" s="1"/>
      <c r="C4094">
        <v>6</v>
      </c>
      <c r="D4094" t="s">
        <v>7331</v>
      </c>
      <c r="E4094" t="s">
        <v>32044</v>
      </c>
      <c r="F4094">
        <v>4</v>
      </c>
      <c r="G4094" t="s">
        <v>14</v>
      </c>
      <c r="H4094" t="s">
        <v>7332</v>
      </c>
      <c r="I4094" t="s">
        <v>30540</v>
      </c>
    </row>
    <row r="4095" spans="1:9">
      <c r="A4095" s="1">
        <f ca="1">RAND()</f>
        <v>0.48646435397099497</v>
      </c>
      <c r="B4095" s="1"/>
      <c r="C4095">
        <v>5</v>
      </c>
      <c r="D4095" t="s">
        <v>7329</v>
      </c>
      <c r="E4095" t="s">
        <v>32044</v>
      </c>
      <c r="F4095">
        <v>4</v>
      </c>
      <c r="G4095" t="s">
        <v>0</v>
      </c>
      <c r="H4095" t="s">
        <v>7330</v>
      </c>
      <c r="I4095" t="s">
        <v>30540</v>
      </c>
    </row>
    <row r="4096" spans="1:9">
      <c r="A4096" s="1">
        <f ca="1">RAND()</f>
        <v>0.49344136896869906</v>
      </c>
      <c r="B4096" s="1"/>
      <c r="C4096">
        <v>4</v>
      </c>
      <c r="D4096" t="s">
        <v>7327</v>
      </c>
      <c r="E4096" t="s">
        <v>32044</v>
      </c>
      <c r="F4096">
        <v>4</v>
      </c>
      <c r="G4096" t="s">
        <v>13</v>
      </c>
      <c r="H4096" t="s">
        <v>7328</v>
      </c>
      <c r="I4096" t="s">
        <v>30540</v>
      </c>
    </row>
    <row r="4097" spans="1:9">
      <c r="A4097" s="1">
        <f ca="1">RAND()</f>
        <v>0.70761828071522292</v>
      </c>
      <c r="B4097" s="1"/>
      <c r="C4097">
        <v>2</v>
      </c>
      <c r="D4097" t="s">
        <v>7325</v>
      </c>
      <c r="E4097" t="s">
        <v>32044</v>
      </c>
      <c r="F4097">
        <v>4</v>
      </c>
      <c r="G4097" t="s">
        <v>9</v>
      </c>
      <c r="H4097" t="s">
        <v>7326</v>
      </c>
      <c r="I4097" t="s">
        <v>30540</v>
      </c>
    </row>
    <row r="4098" spans="1:9">
      <c r="A4098" s="1">
        <f ca="1">RAND()</f>
        <v>0.18878858663095588</v>
      </c>
      <c r="B4098" s="1"/>
      <c r="C4098">
        <v>15</v>
      </c>
      <c r="D4098" t="s">
        <v>7321</v>
      </c>
      <c r="E4098" t="s">
        <v>32045</v>
      </c>
      <c r="F4098">
        <v>4</v>
      </c>
      <c r="G4098" t="s">
        <v>0</v>
      </c>
      <c r="H4098" t="s">
        <v>7322</v>
      </c>
      <c r="I4098" t="s">
        <v>30540</v>
      </c>
    </row>
    <row r="4099" spans="1:9">
      <c r="A4099" s="1">
        <f ca="1">RAND()</f>
        <v>0.69133978126435358</v>
      </c>
      <c r="B4099" s="1"/>
      <c r="C4099">
        <v>1</v>
      </c>
      <c r="D4099" t="s">
        <v>7317</v>
      </c>
      <c r="E4099" t="s">
        <v>32045</v>
      </c>
      <c r="F4099">
        <v>2</v>
      </c>
      <c r="G4099" t="s">
        <v>0</v>
      </c>
      <c r="H4099" t="s">
        <v>7318</v>
      </c>
      <c r="I4099" t="s">
        <v>30540</v>
      </c>
    </row>
    <row r="4100" spans="1:9">
      <c r="A4100" s="1">
        <f ca="1">RAND()</f>
        <v>0.47442286261455857</v>
      </c>
      <c r="B4100" s="1"/>
      <c r="C4100">
        <v>16</v>
      </c>
      <c r="D4100" t="s">
        <v>7323</v>
      </c>
      <c r="E4100" t="s">
        <v>32045</v>
      </c>
      <c r="F4100">
        <v>2</v>
      </c>
      <c r="G4100" t="s">
        <v>0</v>
      </c>
      <c r="H4100" t="s">
        <v>7324</v>
      </c>
      <c r="I4100" t="s">
        <v>30540</v>
      </c>
    </row>
    <row r="4101" spans="1:9">
      <c r="A4101" s="1">
        <f ca="1">RAND()</f>
        <v>0.20338146018988301</v>
      </c>
      <c r="B4101" s="1"/>
      <c r="C4101">
        <v>14</v>
      </c>
      <c r="D4101" t="s">
        <v>7319</v>
      </c>
      <c r="E4101" t="s">
        <v>32045</v>
      </c>
      <c r="F4101">
        <v>1</v>
      </c>
      <c r="G4101" t="s">
        <v>2</v>
      </c>
      <c r="H4101" t="s">
        <v>7320</v>
      </c>
      <c r="I4101" t="s">
        <v>30540</v>
      </c>
    </row>
    <row r="4102" spans="1:9">
      <c r="A4102" s="1">
        <f ca="1">RAND()</f>
        <v>0.43675408283271078</v>
      </c>
      <c r="B4102" s="1"/>
      <c r="C4102">
        <v>12</v>
      </c>
      <c r="D4102" t="s">
        <v>7309</v>
      </c>
      <c r="E4102" t="s">
        <v>32046</v>
      </c>
      <c r="F4102">
        <v>5</v>
      </c>
      <c r="G4102" t="s">
        <v>0</v>
      </c>
      <c r="H4102" t="s">
        <v>7310</v>
      </c>
      <c r="I4102" t="s">
        <v>30540</v>
      </c>
    </row>
    <row r="4103" spans="1:9">
      <c r="A4103" s="1">
        <f ca="1">RAND()</f>
        <v>0.36506087041227486</v>
      </c>
      <c r="B4103" s="1"/>
      <c r="C4103">
        <v>14</v>
      </c>
      <c r="D4103" t="s">
        <v>7311</v>
      </c>
      <c r="E4103" t="s">
        <v>32046</v>
      </c>
      <c r="F4103">
        <v>5</v>
      </c>
      <c r="G4103" t="s">
        <v>0</v>
      </c>
      <c r="H4103" t="s">
        <v>7312</v>
      </c>
      <c r="I4103" t="s">
        <v>30540</v>
      </c>
    </row>
    <row r="4104" spans="1:9">
      <c r="A4104" s="1">
        <f ca="1">RAND()</f>
        <v>0.92566277124548624</v>
      </c>
      <c r="B4104" s="1"/>
      <c r="C4104">
        <v>18</v>
      </c>
      <c r="D4104" t="s">
        <v>7313</v>
      </c>
      <c r="E4104" t="s">
        <v>32046</v>
      </c>
      <c r="F4104">
        <v>4</v>
      </c>
      <c r="G4104" t="s">
        <v>0</v>
      </c>
      <c r="H4104" t="s">
        <v>7314</v>
      </c>
      <c r="I4104" t="s">
        <v>30540</v>
      </c>
    </row>
    <row r="4105" spans="1:9">
      <c r="A4105" s="1">
        <f ca="1">RAND()</f>
        <v>0.42203711022229684</v>
      </c>
      <c r="B4105" s="1"/>
      <c r="C4105">
        <v>19</v>
      </c>
      <c r="D4105" t="s">
        <v>7315</v>
      </c>
      <c r="E4105" t="s">
        <v>32046</v>
      </c>
      <c r="F4105">
        <v>4</v>
      </c>
      <c r="G4105" t="s">
        <v>0</v>
      </c>
      <c r="H4105" t="s">
        <v>7316</v>
      </c>
      <c r="I4105" t="s">
        <v>30540</v>
      </c>
    </row>
    <row r="4106" spans="1:9">
      <c r="A4106" s="1">
        <f ca="1">RAND()</f>
        <v>0.41752826968813195</v>
      </c>
      <c r="B4106" s="1"/>
      <c r="C4106">
        <v>5</v>
      </c>
      <c r="D4106" t="s">
        <v>7305</v>
      </c>
      <c r="E4106" t="s">
        <v>32046</v>
      </c>
      <c r="F4106">
        <v>2</v>
      </c>
      <c r="G4106" t="s">
        <v>14</v>
      </c>
      <c r="H4106" t="s">
        <v>7306</v>
      </c>
      <c r="I4106" t="s">
        <v>30540</v>
      </c>
    </row>
    <row r="4107" spans="1:9">
      <c r="A4107" s="1">
        <f ca="1">RAND()</f>
        <v>0.30289740916539343</v>
      </c>
      <c r="B4107" s="1"/>
      <c r="C4107">
        <v>8</v>
      </c>
      <c r="D4107" t="s">
        <v>7307</v>
      </c>
      <c r="E4107" t="s">
        <v>32046</v>
      </c>
      <c r="F4107">
        <v>1</v>
      </c>
      <c r="G4107" t="s">
        <v>1</v>
      </c>
      <c r="H4107" t="s">
        <v>7308</v>
      </c>
      <c r="I4107" t="s">
        <v>30540</v>
      </c>
    </row>
    <row r="4108" spans="1:9">
      <c r="A4108" s="1">
        <f ca="1">RAND()</f>
        <v>0.89200731996421667</v>
      </c>
      <c r="B4108" s="1"/>
      <c r="C4108">
        <v>3</v>
      </c>
      <c r="D4108" t="s">
        <v>7295</v>
      </c>
      <c r="E4108" t="s">
        <v>32047</v>
      </c>
      <c r="F4108">
        <v>5</v>
      </c>
      <c r="G4108" t="s">
        <v>1295</v>
      </c>
      <c r="H4108" t="s">
        <v>7296</v>
      </c>
      <c r="I4108" t="s">
        <v>30540</v>
      </c>
    </row>
    <row r="4109" spans="1:9">
      <c r="A4109" s="1">
        <f ca="1">RAND()</f>
        <v>0.7273624587766937</v>
      </c>
      <c r="B4109" s="1"/>
      <c r="C4109">
        <v>13</v>
      </c>
      <c r="D4109" t="s">
        <v>7299</v>
      </c>
      <c r="E4109" t="s">
        <v>32047</v>
      </c>
      <c r="F4109">
        <v>4</v>
      </c>
      <c r="G4109" t="s">
        <v>10</v>
      </c>
      <c r="H4109" t="s">
        <v>7300</v>
      </c>
      <c r="I4109" t="s">
        <v>30540</v>
      </c>
    </row>
    <row r="4110" spans="1:9">
      <c r="A4110" s="1">
        <f ca="1">RAND()</f>
        <v>0.49181419806306526</v>
      </c>
      <c r="B4110" s="1"/>
      <c r="C4110">
        <v>15</v>
      </c>
      <c r="D4110" t="s">
        <v>7301</v>
      </c>
      <c r="E4110" t="s">
        <v>32047</v>
      </c>
      <c r="F4110">
        <v>4</v>
      </c>
      <c r="G4110" t="s">
        <v>0</v>
      </c>
      <c r="H4110" t="s">
        <v>7302</v>
      </c>
      <c r="I4110" t="s">
        <v>30540</v>
      </c>
    </row>
    <row r="4111" spans="1:9">
      <c r="A4111" s="1">
        <f ca="1">RAND()</f>
        <v>0.36483752534942482</v>
      </c>
      <c r="B4111" s="1"/>
      <c r="C4111">
        <v>1</v>
      </c>
      <c r="D4111" t="s">
        <v>7293</v>
      </c>
      <c r="E4111" t="s">
        <v>32047</v>
      </c>
      <c r="F4111">
        <v>4</v>
      </c>
      <c r="G4111" t="s">
        <v>762</v>
      </c>
      <c r="H4111" t="s">
        <v>7294</v>
      </c>
      <c r="I4111" t="s">
        <v>30540</v>
      </c>
    </row>
    <row r="4112" spans="1:9">
      <c r="A4112" s="1">
        <f ca="1">RAND()</f>
        <v>9.7782321844543052E-2</v>
      </c>
      <c r="B4112" s="1"/>
      <c r="C4112">
        <v>19</v>
      </c>
      <c r="D4112" t="s">
        <v>7303</v>
      </c>
      <c r="E4112" t="s">
        <v>32047</v>
      </c>
      <c r="F4112">
        <v>3</v>
      </c>
      <c r="G4112" t="s">
        <v>0</v>
      </c>
      <c r="H4112" t="s">
        <v>7304</v>
      </c>
      <c r="I4112" t="s">
        <v>30540</v>
      </c>
    </row>
    <row r="4113" spans="1:9">
      <c r="A4113" s="1">
        <f ca="1">RAND()</f>
        <v>0.24647974935406003</v>
      </c>
      <c r="B4113" s="1"/>
      <c r="C4113">
        <v>9</v>
      </c>
      <c r="D4113" t="s">
        <v>7297</v>
      </c>
      <c r="E4113" t="s">
        <v>32047</v>
      </c>
      <c r="F4113">
        <v>3</v>
      </c>
      <c r="G4113" t="s">
        <v>774</v>
      </c>
      <c r="H4113" t="s">
        <v>7298</v>
      </c>
      <c r="I4113" t="s">
        <v>30540</v>
      </c>
    </row>
    <row r="4114" spans="1:9">
      <c r="A4114" s="1">
        <f ca="1">RAND()</f>
        <v>0.83568094007096994</v>
      </c>
      <c r="B4114" s="1"/>
      <c r="C4114">
        <v>1</v>
      </c>
      <c r="D4114" t="s">
        <v>7287</v>
      </c>
      <c r="E4114" t="s">
        <v>32048</v>
      </c>
      <c r="F4114">
        <v>4</v>
      </c>
      <c r="G4114" t="s">
        <v>0</v>
      </c>
      <c r="H4114" t="s">
        <v>7288</v>
      </c>
      <c r="I4114" t="s">
        <v>30540</v>
      </c>
    </row>
    <row r="4115" spans="1:9">
      <c r="A4115" s="1">
        <f ca="1">RAND()</f>
        <v>0.80511740216551897</v>
      </c>
      <c r="B4115" s="1"/>
      <c r="C4115">
        <v>19</v>
      </c>
      <c r="D4115" t="s">
        <v>7289</v>
      </c>
      <c r="E4115" t="s">
        <v>32048</v>
      </c>
      <c r="F4115">
        <v>4</v>
      </c>
      <c r="G4115" t="s">
        <v>0</v>
      </c>
      <c r="H4115" t="s">
        <v>7290</v>
      </c>
      <c r="I4115" t="s">
        <v>30540</v>
      </c>
    </row>
    <row r="4116" spans="1:9">
      <c r="A4116" s="1">
        <f ca="1">RAND()</f>
        <v>0.93885769503760053</v>
      </c>
      <c r="B4116" s="1"/>
      <c r="C4116">
        <v>20</v>
      </c>
      <c r="D4116" t="s">
        <v>7291</v>
      </c>
      <c r="E4116" t="s">
        <v>32048</v>
      </c>
      <c r="F4116">
        <v>4</v>
      </c>
      <c r="G4116" t="s">
        <v>1295</v>
      </c>
      <c r="H4116" t="s">
        <v>7292</v>
      </c>
      <c r="I4116" t="s">
        <v>30540</v>
      </c>
    </row>
    <row r="4117" spans="1:9">
      <c r="A4117" s="1">
        <f ca="1">RAND()</f>
        <v>0.66515287212496987</v>
      </c>
      <c r="B4117" s="1"/>
      <c r="C4117">
        <v>9</v>
      </c>
      <c r="D4117" t="s">
        <v>7283</v>
      </c>
      <c r="E4117" t="s">
        <v>32049</v>
      </c>
      <c r="F4117">
        <v>4</v>
      </c>
      <c r="G4117" t="s">
        <v>10</v>
      </c>
      <c r="H4117" t="s">
        <v>7284</v>
      </c>
      <c r="I4117" t="s">
        <v>30540</v>
      </c>
    </row>
    <row r="4118" spans="1:9">
      <c r="A4118" s="1">
        <f ca="1">RAND()</f>
        <v>0.30385747540368024</v>
      </c>
      <c r="B4118" s="1"/>
      <c r="C4118">
        <v>14</v>
      </c>
      <c r="D4118" t="s">
        <v>7285</v>
      </c>
      <c r="E4118" t="s">
        <v>32049</v>
      </c>
      <c r="F4118">
        <v>3</v>
      </c>
      <c r="G4118" t="s">
        <v>0</v>
      </c>
      <c r="H4118" t="s">
        <v>7286</v>
      </c>
      <c r="I4118" t="s">
        <v>30540</v>
      </c>
    </row>
    <row r="4119" spans="1:9">
      <c r="A4119" s="1">
        <f ca="1">RAND()</f>
        <v>0.37476242036319696</v>
      </c>
      <c r="B4119" s="1"/>
      <c r="C4119">
        <v>8</v>
      </c>
      <c r="D4119" t="s">
        <v>7275</v>
      </c>
      <c r="E4119" t="s">
        <v>32050</v>
      </c>
      <c r="F4119">
        <v>5</v>
      </c>
      <c r="G4119" t="s">
        <v>0</v>
      </c>
      <c r="H4119" t="s">
        <v>7276</v>
      </c>
      <c r="I4119" t="s">
        <v>30540</v>
      </c>
    </row>
    <row r="4120" spans="1:9">
      <c r="A4120" s="1">
        <f ca="1">RAND()</f>
        <v>0.313026970255465</v>
      </c>
      <c r="B4120" s="1"/>
      <c r="C4120">
        <v>6</v>
      </c>
      <c r="D4120" t="s">
        <v>7273</v>
      </c>
      <c r="E4120" t="s">
        <v>32050</v>
      </c>
      <c r="F4120">
        <v>4</v>
      </c>
      <c r="G4120" t="s">
        <v>762</v>
      </c>
      <c r="H4120" t="s">
        <v>7274</v>
      </c>
      <c r="I4120" t="s">
        <v>30540</v>
      </c>
    </row>
    <row r="4121" spans="1:9">
      <c r="A4121" s="1">
        <f ca="1">RAND()</f>
        <v>0.49045716216852431</v>
      </c>
      <c r="B4121" s="1"/>
      <c r="C4121">
        <v>3</v>
      </c>
      <c r="D4121" t="s">
        <v>7271</v>
      </c>
      <c r="E4121" t="s">
        <v>32050</v>
      </c>
      <c r="F4121">
        <v>4</v>
      </c>
      <c r="G4121" t="s">
        <v>2</v>
      </c>
      <c r="H4121" t="s">
        <v>7272</v>
      </c>
      <c r="I4121" t="s">
        <v>30540</v>
      </c>
    </row>
    <row r="4122" spans="1:9">
      <c r="A4122" s="1">
        <f ca="1">RAND()</f>
        <v>0.25116483598977668</v>
      </c>
      <c r="B4122" s="1"/>
      <c r="C4122">
        <v>10</v>
      </c>
      <c r="D4122" t="s">
        <v>7277</v>
      </c>
      <c r="E4122" t="s">
        <v>32050</v>
      </c>
      <c r="F4122">
        <v>4</v>
      </c>
      <c r="G4122" t="s">
        <v>0</v>
      </c>
      <c r="H4122" t="s">
        <v>7278</v>
      </c>
      <c r="I4122" t="s">
        <v>30540</v>
      </c>
    </row>
    <row r="4123" spans="1:9">
      <c r="A4123" s="1">
        <f ca="1">RAND()</f>
        <v>0.76804902215891979</v>
      </c>
      <c r="B4123" s="1"/>
      <c r="C4123">
        <v>20</v>
      </c>
      <c r="D4123" t="s">
        <v>7281</v>
      </c>
      <c r="E4123" t="s">
        <v>32050</v>
      </c>
      <c r="F4123">
        <v>3</v>
      </c>
      <c r="G4123" t="s">
        <v>15</v>
      </c>
      <c r="H4123" t="s">
        <v>7282</v>
      </c>
      <c r="I4123" t="s">
        <v>30540</v>
      </c>
    </row>
    <row r="4124" spans="1:9">
      <c r="A4124" s="1">
        <f ca="1">RAND()</f>
        <v>9.8608464766779536E-3</v>
      </c>
      <c r="B4124" s="1"/>
      <c r="C4124">
        <v>17</v>
      </c>
      <c r="D4124" t="s">
        <v>7279</v>
      </c>
      <c r="E4124" t="s">
        <v>32050</v>
      </c>
      <c r="F4124">
        <v>3</v>
      </c>
      <c r="G4124" t="s">
        <v>0</v>
      </c>
      <c r="H4124" t="s">
        <v>7280</v>
      </c>
      <c r="I4124" t="s">
        <v>30540</v>
      </c>
    </row>
    <row r="4125" spans="1:9">
      <c r="A4125" s="1">
        <f ca="1">RAND()</f>
        <v>2.7820753843819102E-2</v>
      </c>
      <c r="B4125" s="1"/>
      <c r="C4125">
        <v>14</v>
      </c>
      <c r="D4125" t="s">
        <v>7269</v>
      </c>
      <c r="E4125" t="s">
        <v>32051</v>
      </c>
      <c r="F4125">
        <v>5</v>
      </c>
      <c r="G4125" t="s">
        <v>0</v>
      </c>
      <c r="H4125" t="s">
        <v>7270</v>
      </c>
      <c r="I4125" t="s">
        <v>30540</v>
      </c>
    </row>
    <row r="4126" spans="1:9">
      <c r="A4126" s="1">
        <f ca="1">RAND()</f>
        <v>0.98116556561869739</v>
      </c>
      <c r="B4126" s="1"/>
      <c r="C4126">
        <v>2</v>
      </c>
      <c r="D4126" t="s">
        <v>7259</v>
      </c>
      <c r="E4126" t="s">
        <v>32051</v>
      </c>
      <c r="F4126">
        <v>5</v>
      </c>
      <c r="G4126" t="s">
        <v>2</v>
      </c>
      <c r="H4126" t="s">
        <v>7260</v>
      </c>
      <c r="I4126" t="s">
        <v>30540</v>
      </c>
    </row>
    <row r="4127" spans="1:9">
      <c r="A4127" s="1">
        <f ca="1">RAND()</f>
        <v>0.43147806899944607</v>
      </c>
      <c r="B4127" s="1"/>
      <c r="C4127">
        <v>3</v>
      </c>
      <c r="D4127" t="s">
        <v>7261</v>
      </c>
      <c r="E4127" t="s">
        <v>32051</v>
      </c>
      <c r="F4127">
        <v>4</v>
      </c>
      <c r="G4127" t="s">
        <v>9</v>
      </c>
      <c r="H4127" t="s">
        <v>7262</v>
      </c>
      <c r="I4127" t="s">
        <v>30540</v>
      </c>
    </row>
    <row r="4128" spans="1:9">
      <c r="A4128" s="1">
        <f ca="1">RAND()</f>
        <v>0.77513086705296885</v>
      </c>
      <c r="B4128" s="1"/>
      <c r="C4128">
        <v>7</v>
      </c>
      <c r="D4128" t="s">
        <v>7263</v>
      </c>
      <c r="E4128" t="s">
        <v>32051</v>
      </c>
      <c r="F4128">
        <v>4</v>
      </c>
      <c r="G4128" t="s">
        <v>1</v>
      </c>
      <c r="H4128" t="s">
        <v>7264</v>
      </c>
      <c r="I4128" t="s">
        <v>30540</v>
      </c>
    </row>
    <row r="4129" spans="1:9">
      <c r="A4129" s="1">
        <f ca="1">RAND()</f>
        <v>0.60383145474505462</v>
      </c>
      <c r="B4129" s="1"/>
      <c r="C4129">
        <v>9</v>
      </c>
      <c r="D4129" t="s">
        <v>7265</v>
      </c>
      <c r="E4129" t="s">
        <v>32051</v>
      </c>
      <c r="F4129">
        <v>4</v>
      </c>
      <c r="G4129" t="s">
        <v>10</v>
      </c>
      <c r="H4129" t="s">
        <v>7266</v>
      </c>
      <c r="I4129" t="s">
        <v>30540</v>
      </c>
    </row>
    <row r="4130" spans="1:9">
      <c r="A4130" s="1">
        <f ca="1">RAND()</f>
        <v>0.45496336905952472</v>
      </c>
      <c r="B4130" s="1"/>
      <c r="C4130">
        <v>1</v>
      </c>
      <c r="D4130" t="s">
        <v>7257</v>
      </c>
      <c r="E4130" t="s">
        <v>32051</v>
      </c>
      <c r="F4130">
        <v>3</v>
      </c>
      <c r="G4130" t="s">
        <v>9</v>
      </c>
      <c r="H4130" t="s">
        <v>7258</v>
      </c>
      <c r="I4130" t="s">
        <v>30540</v>
      </c>
    </row>
    <row r="4131" spans="1:9">
      <c r="A4131" s="1">
        <f ca="1">RAND()</f>
        <v>0.73026692337961341</v>
      </c>
      <c r="B4131" s="1"/>
      <c r="C4131">
        <v>12</v>
      </c>
      <c r="D4131" t="s">
        <v>7267</v>
      </c>
      <c r="E4131" t="s">
        <v>32051</v>
      </c>
      <c r="F4131">
        <v>3</v>
      </c>
      <c r="G4131" t="s">
        <v>0</v>
      </c>
      <c r="H4131" t="s">
        <v>7268</v>
      </c>
      <c r="I4131" t="s">
        <v>30540</v>
      </c>
    </row>
    <row r="4132" spans="1:9">
      <c r="A4132" s="1">
        <f ca="1">RAND()</f>
        <v>9.92087629106847E-2</v>
      </c>
      <c r="B4132" s="1"/>
      <c r="C4132">
        <v>19</v>
      </c>
      <c r="D4132" t="s">
        <v>7255</v>
      </c>
      <c r="E4132" t="s">
        <v>32052</v>
      </c>
      <c r="F4132">
        <v>4</v>
      </c>
      <c r="G4132" t="s">
        <v>771</v>
      </c>
      <c r="H4132" t="s">
        <v>7256</v>
      </c>
      <c r="I4132" t="s">
        <v>30540</v>
      </c>
    </row>
    <row r="4133" spans="1:9">
      <c r="A4133" s="1">
        <f ca="1">RAND()</f>
        <v>0.50838471344815839</v>
      </c>
      <c r="B4133" s="1"/>
      <c r="C4133">
        <v>1</v>
      </c>
      <c r="D4133" t="s">
        <v>7245</v>
      </c>
      <c r="E4133" t="s">
        <v>32052</v>
      </c>
      <c r="F4133">
        <v>4</v>
      </c>
      <c r="G4133" t="s">
        <v>1295</v>
      </c>
      <c r="H4133" t="s">
        <v>7246</v>
      </c>
      <c r="I4133" t="s">
        <v>30540</v>
      </c>
    </row>
    <row r="4134" spans="1:9">
      <c r="A4134" s="1">
        <f ca="1">RAND()</f>
        <v>0.31773683057961488</v>
      </c>
      <c r="B4134" s="1"/>
      <c r="C4134">
        <v>11</v>
      </c>
      <c r="D4134" t="s">
        <v>7249</v>
      </c>
      <c r="E4134" t="s">
        <v>32052</v>
      </c>
      <c r="F4134">
        <v>4</v>
      </c>
      <c r="G4134" t="s">
        <v>770</v>
      </c>
      <c r="H4134" t="s">
        <v>7250</v>
      </c>
      <c r="I4134" t="s">
        <v>30540</v>
      </c>
    </row>
    <row r="4135" spans="1:9">
      <c r="A4135" s="1">
        <f ca="1">RAND()</f>
        <v>0.37823749256950456</v>
      </c>
      <c r="B4135" s="1"/>
      <c r="C4135">
        <v>14</v>
      </c>
      <c r="D4135" t="s">
        <v>7251</v>
      </c>
      <c r="E4135" t="s">
        <v>32052</v>
      </c>
      <c r="F4135">
        <v>4</v>
      </c>
      <c r="G4135" t="s">
        <v>0</v>
      </c>
      <c r="H4135" t="s">
        <v>7252</v>
      </c>
      <c r="I4135" t="s">
        <v>30540</v>
      </c>
    </row>
    <row r="4136" spans="1:9">
      <c r="A4136" s="1">
        <f ca="1">RAND()</f>
        <v>0.62827992792718301</v>
      </c>
      <c r="B4136" s="1"/>
      <c r="C4136">
        <v>18</v>
      </c>
      <c r="D4136" t="s">
        <v>7253</v>
      </c>
      <c r="E4136" t="s">
        <v>32052</v>
      </c>
      <c r="F4136">
        <v>4</v>
      </c>
      <c r="G4136" t="s">
        <v>0</v>
      </c>
      <c r="H4136" t="s">
        <v>7254</v>
      </c>
      <c r="I4136" t="s">
        <v>30540</v>
      </c>
    </row>
    <row r="4137" spans="1:9">
      <c r="A4137" s="1">
        <f ca="1">RAND()</f>
        <v>0.23761944712746796</v>
      </c>
      <c r="B4137" s="1"/>
      <c r="C4137">
        <v>2</v>
      </c>
      <c r="D4137" t="s">
        <v>7247</v>
      </c>
      <c r="E4137" t="s">
        <v>32052</v>
      </c>
      <c r="F4137">
        <v>2</v>
      </c>
      <c r="G4137" t="s">
        <v>770</v>
      </c>
      <c r="H4137" t="s">
        <v>7248</v>
      </c>
      <c r="I4137" t="s">
        <v>30540</v>
      </c>
    </row>
    <row r="4138" spans="1:9">
      <c r="A4138" s="1">
        <f ca="1">RAND()</f>
        <v>0.52017970385167844</v>
      </c>
      <c r="B4138" s="1"/>
      <c r="C4138">
        <v>16</v>
      </c>
      <c r="D4138" t="s">
        <v>7243</v>
      </c>
      <c r="E4138" t="s">
        <v>32053</v>
      </c>
      <c r="F4138">
        <v>5</v>
      </c>
      <c r="G4138" t="s">
        <v>0</v>
      </c>
      <c r="H4138" t="s">
        <v>7244</v>
      </c>
      <c r="I4138" t="s">
        <v>30540</v>
      </c>
    </row>
    <row r="4139" spans="1:9">
      <c r="A4139" s="1">
        <f ca="1">RAND()</f>
        <v>0.83937651804720548</v>
      </c>
      <c r="B4139" s="1"/>
      <c r="C4139">
        <v>15</v>
      </c>
      <c r="D4139" t="s">
        <v>7241</v>
      </c>
      <c r="E4139" t="s">
        <v>32053</v>
      </c>
      <c r="F4139">
        <v>2</v>
      </c>
      <c r="G4139" t="s">
        <v>1</v>
      </c>
      <c r="H4139" t="s">
        <v>7242</v>
      </c>
      <c r="I4139" t="s">
        <v>30540</v>
      </c>
    </row>
    <row r="4140" spans="1:9">
      <c r="A4140" s="1">
        <f ca="1">RAND()</f>
        <v>0.80495709066198551</v>
      </c>
      <c r="B4140" s="1"/>
      <c r="C4140">
        <v>3</v>
      </c>
      <c r="D4140" t="s">
        <v>7239</v>
      </c>
      <c r="E4140" t="s">
        <v>32054</v>
      </c>
      <c r="F4140">
        <v>5</v>
      </c>
      <c r="G4140" t="s">
        <v>9</v>
      </c>
      <c r="H4140" t="s">
        <v>7240</v>
      </c>
      <c r="I4140" t="s">
        <v>30540</v>
      </c>
    </row>
    <row r="4141" spans="1:9">
      <c r="A4141" s="1">
        <f ca="1">RAND()</f>
        <v>0.90641783611235371</v>
      </c>
      <c r="B4141" s="1"/>
      <c r="C4141">
        <v>7</v>
      </c>
      <c r="D4141" t="s">
        <v>7231</v>
      </c>
      <c r="E4141" t="s">
        <v>32055</v>
      </c>
      <c r="F4141">
        <v>4</v>
      </c>
      <c r="G4141" t="s">
        <v>9</v>
      </c>
      <c r="H4141" t="s">
        <v>7232</v>
      </c>
      <c r="I4141" t="s">
        <v>30540</v>
      </c>
    </row>
    <row r="4142" spans="1:9">
      <c r="A4142" s="1">
        <f ca="1">RAND()</f>
        <v>0.66416907830680616</v>
      </c>
      <c r="B4142" s="1"/>
      <c r="C4142">
        <v>9</v>
      </c>
      <c r="D4142" t="s">
        <v>7233</v>
      </c>
      <c r="E4142" t="s">
        <v>32055</v>
      </c>
      <c r="F4142">
        <v>4</v>
      </c>
      <c r="G4142" t="s">
        <v>0</v>
      </c>
      <c r="H4142" t="s">
        <v>7234</v>
      </c>
      <c r="I4142" t="s">
        <v>30540</v>
      </c>
    </row>
    <row r="4143" spans="1:9">
      <c r="A4143" s="1">
        <f ca="1">RAND()</f>
        <v>0.15210656158311142</v>
      </c>
      <c r="B4143" s="1"/>
      <c r="C4143">
        <v>18</v>
      </c>
      <c r="D4143" t="s">
        <v>7237</v>
      </c>
      <c r="E4143" t="s">
        <v>32055</v>
      </c>
      <c r="F4143">
        <v>3</v>
      </c>
      <c r="G4143" t="s">
        <v>2</v>
      </c>
      <c r="H4143" t="s">
        <v>7238</v>
      </c>
      <c r="I4143" t="s">
        <v>30540</v>
      </c>
    </row>
    <row r="4144" spans="1:9">
      <c r="A4144" s="1">
        <f ca="1">RAND()</f>
        <v>0.84038387259616842</v>
      </c>
      <c r="B4144" s="1"/>
      <c r="C4144">
        <v>16</v>
      </c>
      <c r="D4144" t="s">
        <v>7235</v>
      </c>
      <c r="E4144" t="s">
        <v>32055</v>
      </c>
      <c r="F4144">
        <v>3</v>
      </c>
      <c r="G4144" t="s">
        <v>0</v>
      </c>
      <c r="H4144" t="s">
        <v>7236</v>
      </c>
      <c r="I4144" t="s">
        <v>30540</v>
      </c>
    </row>
    <row r="4145" spans="1:9">
      <c r="A4145" s="1">
        <f ca="1">RAND()</f>
        <v>0.82126917116180753</v>
      </c>
      <c r="B4145" s="1"/>
      <c r="C4145">
        <v>2</v>
      </c>
      <c r="D4145" t="s">
        <v>7225</v>
      </c>
      <c r="E4145" t="s">
        <v>32056</v>
      </c>
      <c r="F4145">
        <v>4</v>
      </c>
      <c r="G4145" t="s">
        <v>0</v>
      </c>
      <c r="H4145" t="s">
        <v>7226</v>
      </c>
      <c r="I4145" t="s">
        <v>30540</v>
      </c>
    </row>
    <row r="4146" spans="1:9">
      <c r="A4146" s="1">
        <f ca="1">RAND()</f>
        <v>8.0207944653303831E-2</v>
      </c>
      <c r="B4146" s="1"/>
      <c r="C4146">
        <v>8</v>
      </c>
      <c r="D4146" t="s">
        <v>7227</v>
      </c>
      <c r="E4146" t="s">
        <v>32056</v>
      </c>
      <c r="F4146">
        <v>4</v>
      </c>
      <c r="G4146" t="s">
        <v>0</v>
      </c>
      <c r="H4146" t="s">
        <v>7228</v>
      </c>
      <c r="I4146" t="s">
        <v>30540</v>
      </c>
    </row>
    <row r="4147" spans="1:9">
      <c r="A4147" s="1">
        <f ca="1">RAND()</f>
        <v>0.39836224911743068</v>
      </c>
      <c r="B4147" s="1"/>
      <c r="C4147">
        <v>13</v>
      </c>
      <c r="D4147" t="s">
        <v>7229</v>
      </c>
      <c r="E4147" t="s">
        <v>32056</v>
      </c>
      <c r="F4147">
        <v>4</v>
      </c>
      <c r="G4147" t="s">
        <v>0</v>
      </c>
      <c r="H4147" t="s">
        <v>7230</v>
      </c>
      <c r="I4147" t="s">
        <v>30540</v>
      </c>
    </row>
    <row r="4148" spans="1:9">
      <c r="A4148" s="1">
        <f ca="1">RAND()</f>
        <v>0.19182092851138588</v>
      </c>
      <c r="B4148" s="1"/>
      <c r="C4148">
        <v>4</v>
      </c>
      <c r="D4148" t="s">
        <v>7217</v>
      </c>
      <c r="E4148" t="s">
        <v>32057</v>
      </c>
      <c r="F4148">
        <v>4</v>
      </c>
      <c r="G4148" t="s">
        <v>0</v>
      </c>
      <c r="H4148" t="s">
        <v>7218</v>
      </c>
      <c r="I4148" t="s">
        <v>30540</v>
      </c>
    </row>
    <row r="4149" spans="1:9">
      <c r="A4149" s="1">
        <f ca="1">RAND()</f>
        <v>7.4302563346706485E-2</v>
      </c>
      <c r="B4149" s="1"/>
      <c r="C4149">
        <v>10</v>
      </c>
      <c r="D4149" t="s">
        <v>7219</v>
      </c>
      <c r="E4149" t="s">
        <v>32057</v>
      </c>
      <c r="F4149">
        <v>4</v>
      </c>
      <c r="G4149" t="s">
        <v>14</v>
      </c>
      <c r="H4149" t="s">
        <v>7220</v>
      </c>
      <c r="I4149" t="s">
        <v>30540</v>
      </c>
    </row>
    <row r="4150" spans="1:9">
      <c r="A4150" s="1">
        <f ca="1">RAND()</f>
        <v>0.57466697183380699</v>
      </c>
      <c r="B4150" s="1"/>
      <c r="C4150">
        <v>17</v>
      </c>
      <c r="D4150" t="s">
        <v>7223</v>
      </c>
      <c r="E4150" t="s">
        <v>32057</v>
      </c>
      <c r="F4150">
        <v>3</v>
      </c>
      <c r="G4150" t="s">
        <v>0</v>
      </c>
      <c r="H4150" t="s">
        <v>7224</v>
      </c>
      <c r="I4150" t="s">
        <v>30540</v>
      </c>
    </row>
    <row r="4151" spans="1:9">
      <c r="A4151" s="1">
        <f ca="1">RAND()</f>
        <v>8.6243899286698622E-2</v>
      </c>
      <c r="B4151" s="1"/>
      <c r="C4151">
        <v>14</v>
      </c>
      <c r="D4151" t="s">
        <v>7221</v>
      </c>
      <c r="E4151" t="s">
        <v>32057</v>
      </c>
      <c r="F4151">
        <v>2</v>
      </c>
      <c r="G4151" t="s">
        <v>0</v>
      </c>
      <c r="H4151" t="s">
        <v>7222</v>
      </c>
      <c r="I4151" t="s">
        <v>30540</v>
      </c>
    </row>
    <row r="4152" spans="1:9">
      <c r="A4152" s="1">
        <f ca="1">RAND()</f>
        <v>7.8602422578316733E-2</v>
      </c>
      <c r="B4152" s="1"/>
      <c r="C4152">
        <v>3</v>
      </c>
      <c r="D4152" t="s">
        <v>7215</v>
      </c>
      <c r="E4152" t="s">
        <v>32057</v>
      </c>
      <c r="F4152">
        <v>2</v>
      </c>
      <c r="G4152" t="s">
        <v>774</v>
      </c>
      <c r="H4152" t="s">
        <v>7216</v>
      </c>
      <c r="I4152" t="s">
        <v>30540</v>
      </c>
    </row>
    <row r="4153" spans="1:9">
      <c r="A4153" s="1">
        <f ca="1">RAND()</f>
        <v>0.26198395725346291</v>
      </c>
      <c r="B4153" s="1"/>
      <c r="C4153">
        <v>18</v>
      </c>
      <c r="D4153" t="s">
        <v>7209</v>
      </c>
      <c r="E4153" t="s">
        <v>32058</v>
      </c>
      <c r="F4153">
        <v>5</v>
      </c>
      <c r="G4153" t="s">
        <v>0</v>
      </c>
      <c r="H4153" t="s">
        <v>7210</v>
      </c>
      <c r="I4153" t="s">
        <v>30540</v>
      </c>
    </row>
    <row r="4154" spans="1:9">
      <c r="A4154" s="1">
        <f ca="1">RAND()</f>
        <v>0.19424903559580686</v>
      </c>
      <c r="B4154" s="1"/>
      <c r="C4154">
        <v>20</v>
      </c>
      <c r="D4154" t="s">
        <v>7213</v>
      </c>
      <c r="E4154" t="s">
        <v>32058</v>
      </c>
      <c r="F4154">
        <v>5</v>
      </c>
      <c r="G4154" t="s">
        <v>15</v>
      </c>
      <c r="H4154" t="s">
        <v>7214</v>
      </c>
      <c r="I4154" t="s">
        <v>30540</v>
      </c>
    </row>
    <row r="4155" spans="1:9">
      <c r="A4155" s="1">
        <f ca="1">RAND()</f>
        <v>0.22640427539557417</v>
      </c>
      <c r="B4155" s="1"/>
      <c r="C4155">
        <v>8</v>
      </c>
      <c r="D4155" t="s">
        <v>7203</v>
      </c>
      <c r="E4155" t="s">
        <v>32058</v>
      </c>
      <c r="F4155">
        <v>4</v>
      </c>
      <c r="G4155" t="s">
        <v>1</v>
      </c>
      <c r="H4155" t="s">
        <v>7204</v>
      </c>
      <c r="I4155" t="s">
        <v>30540</v>
      </c>
    </row>
    <row r="4156" spans="1:9">
      <c r="A4156" s="1">
        <f ca="1">RAND()</f>
        <v>0.22971394184515215</v>
      </c>
      <c r="B4156" s="1"/>
      <c r="C4156">
        <v>17</v>
      </c>
      <c r="D4156" t="s">
        <v>7207</v>
      </c>
      <c r="E4156" t="s">
        <v>32058</v>
      </c>
      <c r="F4156">
        <v>4</v>
      </c>
      <c r="G4156" t="s">
        <v>9</v>
      </c>
      <c r="H4156" t="s">
        <v>7208</v>
      </c>
      <c r="I4156" t="s">
        <v>30540</v>
      </c>
    </row>
    <row r="4157" spans="1:9">
      <c r="A4157" s="1">
        <f ca="1">RAND()</f>
        <v>0.82119170099921213</v>
      </c>
      <c r="B4157" s="1"/>
      <c r="C4157">
        <v>5</v>
      </c>
      <c r="D4157" t="s">
        <v>7201</v>
      </c>
      <c r="E4157" t="s">
        <v>32058</v>
      </c>
      <c r="F4157">
        <v>4</v>
      </c>
      <c r="G4157" t="s">
        <v>9</v>
      </c>
      <c r="H4157" t="s">
        <v>7202</v>
      </c>
      <c r="I4157" t="s">
        <v>30540</v>
      </c>
    </row>
    <row r="4158" spans="1:9">
      <c r="A4158" s="1">
        <f ca="1">RAND()</f>
        <v>0.36215853489437211</v>
      </c>
      <c r="B4158" s="1"/>
      <c r="C4158">
        <v>19</v>
      </c>
      <c r="D4158" t="s">
        <v>7211</v>
      </c>
      <c r="E4158" t="s">
        <v>32058</v>
      </c>
      <c r="F4158">
        <v>3</v>
      </c>
      <c r="G4158" t="s">
        <v>15</v>
      </c>
      <c r="H4158" t="s">
        <v>7212</v>
      </c>
      <c r="I4158" t="s">
        <v>30540</v>
      </c>
    </row>
    <row r="4159" spans="1:9">
      <c r="A4159" s="1">
        <f ca="1">RAND()</f>
        <v>0.98103021490554987</v>
      </c>
      <c r="B4159" s="1"/>
      <c r="C4159">
        <v>9</v>
      </c>
      <c r="D4159" t="s">
        <v>7205</v>
      </c>
      <c r="E4159" t="s">
        <v>32058</v>
      </c>
      <c r="F4159">
        <v>2</v>
      </c>
      <c r="G4159" t="s">
        <v>0</v>
      </c>
      <c r="H4159" t="s">
        <v>7206</v>
      </c>
      <c r="I4159" t="s">
        <v>30540</v>
      </c>
    </row>
    <row r="4160" spans="1:9">
      <c r="A4160" s="1">
        <f ca="1">RAND()</f>
        <v>2.7793068418375366E-2</v>
      </c>
      <c r="B4160" s="1"/>
      <c r="C4160">
        <v>10</v>
      </c>
      <c r="D4160" t="s">
        <v>7197</v>
      </c>
      <c r="E4160" t="s">
        <v>32059</v>
      </c>
      <c r="F4160">
        <v>5</v>
      </c>
      <c r="G4160" t="s">
        <v>0</v>
      </c>
      <c r="H4160" t="s">
        <v>7198</v>
      </c>
      <c r="I4160" t="s">
        <v>30540</v>
      </c>
    </row>
    <row r="4161" spans="1:9">
      <c r="A4161" s="1">
        <f ca="1">RAND()</f>
        <v>0.25038302940686108</v>
      </c>
      <c r="B4161" s="1"/>
      <c r="C4161">
        <v>3</v>
      </c>
      <c r="D4161" t="s">
        <v>7195</v>
      </c>
      <c r="E4161" t="s">
        <v>32059</v>
      </c>
      <c r="F4161">
        <v>4</v>
      </c>
      <c r="G4161" t="s">
        <v>2</v>
      </c>
      <c r="H4161" t="s">
        <v>7196</v>
      </c>
      <c r="I4161" t="s">
        <v>30540</v>
      </c>
    </row>
    <row r="4162" spans="1:9">
      <c r="A4162" s="1">
        <f ca="1">RAND()</f>
        <v>0.85006086143823256</v>
      </c>
      <c r="B4162" s="1"/>
      <c r="C4162">
        <v>12</v>
      </c>
      <c r="D4162" t="s">
        <v>7199</v>
      </c>
      <c r="E4162" t="s">
        <v>32059</v>
      </c>
      <c r="F4162">
        <v>4</v>
      </c>
      <c r="G4162" t="s">
        <v>0</v>
      </c>
      <c r="H4162" t="s">
        <v>7200</v>
      </c>
      <c r="I4162" t="s">
        <v>30540</v>
      </c>
    </row>
    <row r="4163" spans="1:9">
      <c r="A4163" s="1">
        <f ca="1">RAND()</f>
        <v>0.21723072545608046</v>
      </c>
      <c r="B4163" s="1"/>
      <c r="C4163">
        <v>11</v>
      </c>
      <c r="D4163" t="s">
        <v>7187</v>
      </c>
      <c r="E4163" t="s">
        <v>32060</v>
      </c>
      <c r="F4163">
        <v>5</v>
      </c>
      <c r="G4163" t="s">
        <v>0</v>
      </c>
      <c r="H4163" t="s">
        <v>7188</v>
      </c>
      <c r="I4163" t="s">
        <v>30540</v>
      </c>
    </row>
    <row r="4164" spans="1:9">
      <c r="A4164" s="1">
        <f ca="1">RAND()</f>
        <v>0.40915762571797121</v>
      </c>
      <c r="B4164" s="1"/>
      <c r="C4164">
        <v>18</v>
      </c>
      <c r="D4164" t="s">
        <v>7193</v>
      </c>
      <c r="E4164" t="s">
        <v>32060</v>
      </c>
      <c r="F4164">
        <v>4</v>
      </c>
      <c r="G4164" t="s">
        <v>0</v>
      </c>
      <c r="H4164" t="s">
        <v>7194</v>
      </c>
      <c r="I4164" t="s">
        <v>30540</v>
      </c>
    </row>
    <row r="4165" spans="1:9">
      <c r="A4165" s="1">
        <f ca="1">RAND()</f>
        <v>9.4972509855524412E-2</v>
      </c>
      <c r="B4165" s="1"/>
      <c r="C4165">
        <v>14</v>
      </c>
      <c r="D4165" t="s">
        <v>7189</v>
      </c>
      <c r="E4165" t="s">
        <v>32060</v>
      </c>
      <c r="F4165">
        <v>4</v>
      </c>
      <c r="G4165" t="s">
        <v>0</v>
      </c>
      <c r="H4165" t="s">
        <v>7190</v>
      </c>
      <c r="I4165" t="s">
        <v>30540</v>
      </c>
    </row>
    <row r="4166" spans="1:9">
      <c r="A4166" s="1">
        <f ca="1">RAND()</f>
        <v>0.43931180390346758</v>
      </c>
      <c r="B4166" s="1"/>
      <c r="C4166">
        <v>15</v>
      </c>
      <c r="D4166" t="s">
        <v>7191</v>
      </c>
      <c r="E4166" t="s">
        <v>32060</v>
      </c>
      <c r="F4166">
        <v>2</v>
      </c>
      <c r="G4166" t="s">
        <v>0</v>
      </c>
      <c r="H4166" t="s">
        <v>7192</v>
      </c>
      <c r="I4166" t="s">
        <v>30540</v>
      </c>
    </row>
    <row r="4167" spans="1:9">
      <c r="A4167" s="1">
        <f ca="1">RAND()</f>
        <v>0.63220534810927353</v>
      </c>
      <c r="B4167" s="1"/>
      <c r="C4167">
        <v>7</v>
      </c>
      <c r="D4167" t="s">
        <v>7179</v>
      </c>
      <c r="E4167" t="s">
        <v>32061</v>
      </c>
      <c r="F4167">
        <v>4</v>
      </c>
      <c r="G4167" t="s">
        <v>0</v>
      </c>
      <c r="H4167" t="s">
        <v>7180</v>
      </c>
      <c r="I4167" t="s">
        <v>30540</v>
      </c>
    </row>
    <row r="4168" spans="1:9">
      <c r="A4168" s="1">
        <f ca="1">RAND()</f>
        <v>0.38212114461664681</v>
      </c>
      <c r="B4168" s="1"/>
      <c r="C4168">
        <v>5</v>
      </c>
      <c r="D4168" t="s">
        <v>7177</v>
      </c>
      <c r="E4168" t="s">
        <v>32061</v>
      </c>
      <c r="F4168">
        <v>4</v>
      </c>
      <c r="G4168" t="s">
        <v>14</v>
      </c>
      <c r="H4168" t="s">
        <v>7178</v>
      </c>
      <c r="I4168" t="s">
        <v>30540</v>
      </c>
    </row>
    <row r="4169" spans="1:9">
      <c r="A4169" s="1">
        <f ca="1">RAND()</f>
        <v>0.39089006455142605</v>
      </c>
      <c r="B4169" s="1"/>
      <c r="C4169">
        <v>14</v>
      </c>
      <c r="D4169" t="s">
        <v>7185</v>
      </c>
      <c r="E4169" t="s">
        <v>32061</v>
      </c>
      <c r="F4169">
        <v>4</v>
      </c>
      <c r="G4169" t="s">
        <v>0</v>
      </c>
      <c r="H4169" t="s">
        <v>7186</v>
      </c>
      <c r="I4169" t="s">
        <v>30540</v>
      </c>
    </row>
    <row r="4170" spans="1:9">
      <c r="A4170" s="1">
        <f ca="1">RAND()</f>
        <v>0.23702088244861197</v>
      </c>
      <c r="B4170" s="1"/>
      <c r="C4170">
        <v>11</v>
      </c>
      <c r="D4170" t="s">
        <v>7183</v>
      </c>
      <c r="E4170" t="s">
        <v>32061</v>
      </c>
      <c r="F4170">
        <v>4</v>
      </c>
      <c r="G4170" t="s">
        <v>0</v>
      </c>
      <c r="H4170" t="s">
        <v>7184</v>
      </c>
      <c r="I4170" t="s">
        <v>30540</v>
      </c>
    </row>
    <row r="4171" spans="1:9">
      <c r="A4171" s="1">
        <f ca="1">RAND()</f>
        <v>0.98121779500192496</v>
      </c>
      <c r="B4171" s="1"/>
      <c r="C4171">
        <v>10</v>
      </c>
      <c r="D4171" t="s">
        <v>7181</v>
      </c>
      <c r="E4171" t="s">
        <v>32061</v>
      </c>
      <c r="F4171">
        <v>4</v>
      </c>
      <c r="G4171" t="s">
        <v>0</v>
      </c>
      <c r="H4171" t="s">
        <v>7182</v>
      </c>
      <c r="I4171" t="s">
        <v>30540</v>
      </c>
    </row>
    <row r="4172" spans="1:9">
      <c r="A4172" s="1">
        <f ca="1">RAND()</f>
        <v>1.0974126430072784E-2</v>
      </c>
      <c r="B4172" s="1"/>
      <c r="C4172">
        <v>20</v>
      </c>
      <c r="D4172" t="s">
        <v>7175</v>
      </c>
      <c r="E4172" t="s">
        <v>32062</v>
      </c>
      <c r="F4172">
        <v>5</v>
      </c>
      <c r="G4172" t="s">
        <v>0</v>
      </c>
      <c r="H4172" t="s">
        <v>7176</v>
      </c>
      <c r="I4172" t="s">
        <v>30540</v>
      </c>
    </row>
    <row r="4173" spans="1:9">
      <c r="A4173" s="1">
        <f ca="1">RAND()</f>
        <v>0.87050318295224527</v>
      </c>
      <c r="B4173" s="1"/>
      <c r="C4173">
        <v>13</v>
      </c>
      <c r="D4173" t="s">
        <v>7173</v>
      </c>
      <c r="E4173" t="s">
        <v>32062</v>
      </c>
      <c r="F4173">
        <v>4</v>
      </c>
      <c r="G4173" t="s">
        <v>2</v>
      </c>
      <c r="H4173" t="s">
        <v>7174</v>
      </c>
      <c r="I4173" t="s">
        <v>30540</v>
      </c>
    </row>
    <row r="4174" spans="1:9">
      <c r="A4174" s="1">
        <f ca="1">RAND()</f>
        <v>9.8912715138735674E-2</v>
      </c>
      <c r="B4174" s="1"/>
      <c r="C4174">
        <v>8</v>
      </c>
      <c r="D4174" t="s">
        <v>7171</v>
      </c>
      <c r="E4174" t="s">
        <v>32062</v>
      </c>
      <c r="F4174">
        <v>4</v>
      </c>
      <c r="G4174" t="s">
        <v>9</v>
      </c>
      <c r="H4174" t="s">
        <v>7172</v>
      </c>
      <c r="I4174" t="s">
        <v>30540</v>
      </c>
    </row>
    <row r="4175" spans="1:9">
      <c r="A4175" s="1">
        <f ca="1">RAND()</f>
        <v>0.76659897253181597</v>
      </c>
      <c r="B4175" s="1"/>
      <c r="C4175">
        <v>4</v>
      </c>
      <c r="D4175" t="s">
        <v>7165</v>
      </c>
      <c r="E4175" t="s">
        <v>32063</v>
      </c>
      <c r="F4175">
        <v>5</v>
      </c>
      <c r="G4175" t="s">
        <v>0</v>
      </c>
      <c r="H4175" t="s">
        <v>7166</v>
      </c>
      <c r="I4175" t="s">
        <v>30540</v>
      </c>
    </row>
    <row r="4176" spans="1:9">
      <c r="A4176" s="1">
        <f ca="1">RAND()</f>
        <v>0.26262230411135545</v>
      </c>
      <c r="B4176" s="1"/>
      <c r="C4176">
        <v>6</v>
      </c>
      <c r="D4176" t="s">
        <v>7167</v>
      </c>
      <c r="E4176" t="s">
        <v>32063</v>
      </c>
      <c r="F4176">
        <v>5</v>
      </c>
      <c r="G4176" t="s">
        <v>765</v>
      </c>
      <c r="H4176" t="s">
        <v>7168</v>
      </c>
      <c r="I4176" t="s">
        <v>30540</v>
      </c>
    </row>
    <row r="4177" spans="1:9">
      <c r="A4177" s="1">
        <f ca="1">RAND()</f>
        <v>0.21585912786698014</v>
      </c>
      <c r="B4177" s="1"/>
      <c r="C4177">
        <v>13</v>
      </c>
      <c r="D4177" t="s">
        <v>7169</v>
      </c>
      <c r="E4177" t="s">
        <v>32063</v>
      </c>
      <c r="F4177">
        <v>2</v>
      </c>
      <c r="G4177" t="s">
        <v>1295</v>
      </c>
      <c r="H4177" t="s">
        <v>7170</v>
      </c>
      <c r="I4177" t="s">
        <v>30540</v>
      </c>
    </row>
    <row r="4178" spans="1:9">
      <c r="A4178" s="1">
        <f ca="1">RAND()</f>
        <v>0.34746688753901167</v>
      </c>
      <c r="B4178" s="1"/>
      <c r="C4178">
        <v>3</v>
      </c>
      <c r="D4178" t="s">
        <v>7159</v>
      </c>
      <c r="E4178" t="s">
        <v>32064</v>
      </c>
      <c r="F4178">
        <v>4</v>
      </c>
      <c r="G4178" t="s">
        <v>14</v>
      </c>
      <c r="H4178" t="s">
        <v>7160</v>
      </c>
      <c r="I4178" t="s">
        <v>30540</v>
      </c>
    </row>
    <row r="4179" spans="1:9">
      <c r="A4179" s="1">
        <f ca="1">RAND()</f>
        <v>0.16397915582586009</v>
      </c>
      <c r="B4179" s="1"/>
      <c r="C4179">
        <v>7</v>
      </c>
      <c r="D4179" t="s">
        <v>7163</v>
      </c>
      <c r="E4179" t="s">
        <v>32064</v>
      </c>
      <c r="F4179">
        <v>4</v>
      </c>
      <c r="G4179" t="s">
        <v>0</v>
      </c>
      <c r="H4179" t="s">
        <v>7164</v>
      </c>
      <c r="I4179" t="s">
        <v>30540</v>
      </c>
    </row>
    <row r="4180" spans="1:9">
      <c r="A4180" s="1">
        <f ca="1">RAND()</f>
        <v>0.63988227131137143</v>
      </c>
      <c r="B4180" s="1"/>
      <c r="C4180">
        <v>6</v>
      </c>
      <c r="D4180" t="s">
        <v>7161</v>
      </c>
      <c r="E4180" t="s">
        <v>32064</v>
      </c>
      <c r="F4180">
        <v>4</v>
      </c>
      <c r="G4180" t="s">
        <v>0</v>
      </c>
      <c r="H4180" t="s">
        <v>7162</v>
      </c>
      <c r="I4180" t="s">
        <v>30540</v>
      </c>
    </row>
    <row r="4181" spans="1:9">
      <c r="A4181" s="1">
        <f ca="1">RAND()</f>
        <v>0.28400499688062009</v>
      </c>
      <c r="B4181" s="1"/>
      <c r="C4181">
        <v>5</v>
      </c>
      <c r="D4181" t="s">
        <v>7145</v>
      </c>
      <c r="E4181" t="s">
        <v>32065</v>
      </c>
      <c r="F4181">
        <v>5</v>
      </c>
      <c r="G4181" t="s">
        <v>2</v>
      </c>
      <c r="H4181" t="s">
        <v>7146</v>
      </c>
      <c r="I4181" t="s">
        <v>30540</v>
      </c>
    </row>
    <row r="4182" spans="1:9">
      <c r="A4182" s="1">
        <f ca="1">RAND()</f>
        <v>0.93806090330532099</v>
      </c>
      <c r="B4182" s="1"/>
      <c r="C4182">
        <v>15</v>
      </c>
      <c r="D4182" t="s">
        <v>7151</v>
      </c>
      <c r="E4182" t="s">
        <v>32065</v>
      </c>
      <c r="F4182">
        <v>4</v>
      </c>
      <c r="G4182" t="s">
        <v>0</v>
      </c>
      <c r="H4182" t="s">
        <v>7152</v>
      </c>
      <c r="I4182" t="s">
        <v>30540</v>
      </c>
    </row>
    <row r="4183" spans="1:9">
      <c r="A4183" s="1">
        <f ca="1">RAND()</f>
        <v>0.23947818399169751</v>
      </c>
      <c r="B4183" s="1"/>
      <c r="C4183">
        <v>12</v>
      </c>
      <c r="D4183" t="s">
        <v>7149</v>
      </c>
      <c r="E4183" t="s">
        <v>32065</v>
      </c>
      <c r="F4183">
        <v>4</v>
      </c>
      <c r="G4183" t="s">
        <v>0</v>
      </c>
      <c r="H4183" t="s">
        <v>7150</v>
      </c>
      <c r="I4183" t="s">
        <v>30540</v>
      </c>
    </row>
    <row r="4184" spans="1:9">
      <c r="A4184" s="1">
        <f ca="1">RAND()</f>
        <v>0.80965835996230129</v>
      </c>
      <c r="B4184" s="1"/>
      <c r="C4184">
        <v>19</v>
      </c>
      <c r="D4184" t="s">
        <v>7155</v>
      </c>
      <c r="E4184" t="s">
        <v>32065</v>
      </c>
      <c r="F4184">
        <v>4</v>
      </c>
      <c r="G4184" t="s">
        <v>10</v>
      </c>
      <c r="H4184" t="s">
        <v>7156</v>
      </c>
      <c r="I4184" t="s">
        <v>30540</v>
      </c>
    </row>
    <row r="4185" spans="1:9">
      <c r="A4185" s="1">
        <f ca="1">RAND()</f>
        <v>0.81801059922630437</v>
      </c>
      <c r="B4185" s="1"/>
      <c r="C4185">
        <v>10</v>
      </c>
      <c r="D4185" t="s">
        <v>7147</v>
      </c>
      <c r="E4185" t="s">
        <v>32065</v>
      </c>
      <c r="F4185">
        <v>4</v>
      </c>
      <c r="G4185" t="s">
        <v>9</v>
      </c>
      <c r="H4185" t="s">
        <v>7148</v>
      </c>
      <c r="I4185" t="s">
        <v>30540</v>
      </c>
    </row>
    <row r="4186" spans="1:9">
      <c r="A4186" s="1">
        <f ca="1">RAND()</f>
        <v>0.69623866498833487</v>
      </c>
      <c r="B4186" s="1"/>
      <c r="C4186">
        <v>20</v>
      </c>
      <c r="D4186" t="s">
        <v>7157</v>
      </c>
      <c r="E4186" t="s">
        <v>32065</v>
      </c>
      <c r="F4186">
        <v>3</v>
      </c>
      <c r="G4186" t="s">
        <v>0</v>
      </c>
      <c r="H4186" t="s">
        <v>7158</v>
      </c>
      <c r="I4186" t="s">
        <v>30540</v>
      </c>
    </row>
    <row r="4187" spans="1:9">
      <c r="A4187" s="1">
        <f ca="1">RAND()</f>
        <v>0.19160080100760335</v>
      </c>
      <c r="B4187" s="1"/>
      <c r="C4187">
        <v>18</v>
      </c>
      <c r="D4187" t="s">
        <v>7153</v>
      </c>
      <c r="E4187" t="s">
        <v>32065</v>
      </c>
      <c r="F4187">
        <v>2</v>
      </c>
      <c r="G4187" t="s">
        <v>0</v>
      </c>
      <c r="H4187" t="s">
        <v>7154</v>
      </c>
      <c r="I4187" t="s">
        <v>30540</v>
      </c>
    </row>
    <row r="4188" spans="1:9">
      <c r="A4188" s="1">
        <f ca="1">RAND()</f>
        <v>0.64804018087604109</v>
      </c>
      <c r="B4188" s="1"/>
      <c r="C4188">
        <v>7</v>
      </c>
      <c r="D4188" t="s">
        <v>7135</v>
      </c>
      <c r="E4188" t="s">
        <v>32066</v>
      </c>
      <c r="F4188">
        <v>5</v>
      </c>
      <c r="G4188" t="s">
        <v>0</v>
      </c>
      <c r="H4188" t="s">
        <v>7136</v>
      </c>
      <c r="I4188" t="s">
        <v>30540</v>
      </c>
    </row>
    <row r="4189" spans="1:9">
      <c r="A4189" s="1">
        <f ca="1">RAND()</f>
        <v>0.47673215801257574</v>
      </c>
      <c r="B4189" s="1"/>
      <c r="C4189">
        <v>2</v>
      </c>
      <c r="D4189" t="s">
        <v>7131</v>
      </c>
      <c r="E4189" t="s">
        <v>32066</v>
      </c>
      <c r="F4189">
        <v>5</v>
      </c>
      <c r="G4189" t="s">
        <v>9</v>
      </c>
      <c r="H4189" t="s">
        <v>7132</v>
      </c>
      <c r="I4189" t="s">
        <v>30540</v>
      </c>
    </row>
    <row r="4190" spans="1:9">
      <c r="A4190" s="1">
        <f ca="1">RAND()</f>
        <v>0.6754882964713439</v>
      </c>
      <c r="B4190" s="1"/>
      <c r="C4190">
        <v>10</v>
      </c>
      <c r="D4190" t="s">
        <v>7139</v>
      </c>
      <c r="E4190" t="s">
        <v>32066</v>
      </c>
      <c r="F4190">
        <v>4</v>
      </c>
      <c r="G4190" t="s">
        <v>15</v>
      </c>
      <c r="H4190" t="s">
        <v>7140</v>
      </c>
      <c r="I4190" t="s">
        <v>30540</v>
      </c>
    </row>
    <row r="4191" spans="1:9">
      <c r="A4191" s="1">
        <f ca="1">RAND()</f>
        <v>0.39434442061686925</v>
      </c>
      <c r="B4191" s="1"/>
      <c r="C4191">
        <v>17</v>
      </c>
      <c r="D4191" t="s">
        <v>7143</v>
      </c>
      <c r="E4191" t="s">
        <v>32066</v>
      </c>
      <c r="F4191">
        <v>4</v>
      </c>
      <c r="G4191" t="s">
        <v>0</v>
      </c>
      <c r="H4191" t="s">
        <v>7144</v>
      </c>
      <c r="I4191" t="s">
        <v>30540</v>
      </c>
    </row>
    <row r="4192" spans="1:9">
      <c r="A4192" s="1">
        <f ca="1">RAND()</f>
        <v>0.98508352313026193</v>
      </c>
      <c r="B4192" s="1"/>
      <c r="C4192">
        <v>6</v>
      </c>
      <c r="D4192" t="s">
        <v>7133</v>
      </c>
      <c r="E4192" t="s">
        <v>32066</v>
      </c>
      <c r="F4192">
        <v>4</v>
      </c>
      <c r="G4192" t="s">
        <v>9</v>
      </c>
      <c r="H4192" t="s">
        <v>7134</v>
      </c>
      <c r="I4192" t="s">
        <v>30540</v>
      </c>
    </row>
    <row r="4193" spans="1:9">
      <c r="A4193" s="1">
        <f ca="1">RAND()</f>
        <v>0.15914334526975826</v>
      </c>
      <c r="B4193" s="1"/>
      <c r="C4193">
        <v>11</v>
      </c>
      <c r="D4193" t="s">
        <v>7141</v>
      </c>
      <c r="E4193" t="s">
        <v>32066</v>
      </c>
      <c r="F4193">
        <v>4</v>
      </c>
      <c r="G4193" t="s">
        <v>0</v>
      </c>
      <c r="H4193" t="s">
        <v>7142</v>
      </c>
      <c r="I4193" t="s">
        <v>30540</v>
      </c>
    </row>
    <row r="4194" spans="1:9">
      <c r="A4194" s="1">
        <f ca="1">RAND()</f>
        <v>0.30035860239443857</v>
      </c>
      <c r="B4194" s="1"/>
      <c r="C4194">
        <v>9</v>
      </c>
      <c r="D4194" t="s">
        <v>7137</v>
      </c>
      <c r="E4194" t="s">
        <v>32066</v>
      </c>
      <c r="F4194">
        <v>4</v>
      </c>
      <c r="G4194" t="s">
        <v>9</v>
      </c>
      <c r="H4194" t="s">
        <v>7138</v>
      </c>
      <c r="I4194" t="s">
        <v>30540</v>
      </c>
    </row>
    <row r="4195" spans="1:9">
      <c r="A4195" s="1">
        <f ca="1">RAND()</f>
        <v>0.56535594605117656</v>
      </c>
      <c r="B4195" s="1"/>
      <c r="C4195">
        <v>5</v>
      </c>
      <c r="D4195" t="s">
        <v>7121</v>
      </c>
      <c r="E4195" t="s">
        <v>32067</v>
      </c>
      <c r="F4195">
        <v>5</v>
      </c>
      <c r="G4195" t="s">
        <v>0</v>
      </c>
      <c r="H4195" t="s">
        <v>7122</v>
      </c>
      <c r="I4195" t="s">
        <v>30540</v>
      </c>
    </row>
    <row r="4196" spans="1:9">
      <c r="A4196" s="1">
        <f ca="1">RAND()</f>
        <v>0.27979354985438021</v>
      </c>
      <c r="B4196" s="1"/>
      <c r="C4196">
        <v>16</v>
      </c>
      <c r="D4196" t="s">
        <v>7127</v>
      </c>
      <c r="E4196" t="s">
        <v>32067</v>
      </c>
      <c r="F4196">
        <v>4</v>
      </c>
      <c r="G4196" t="s">
        <v>2</v>
      </c>
      <c r="H4196" t="s">
        <v>7128</v>
      </c>
      <c r="I4196" t="s">
        <v>30540</v>
      </c>
    </row>
    <row r="4197" spans="1:9">
      <c r="A4197" s="1">
        <f ca="1">RAND()</f>
        <v>0.61676804775346561</v>
      </c>
      <c r="B4197" s="1"/>
      <c r="C4197">
        <v>17</v>
      </c>
      <c r="D4197" t="s">
        <v>7129</v>
      </c>
      <c r="E4197" t="s">
        <v>32067</v>
      </c>
      <c r="F4197">
        <v>4</v>
      </c>
      <c r="G4197" t="s">
        <v>0</v>
      </c>
      <c r="H4197" t="s">
        <v>7130</v>
      </c>
      <c r="I4197" t="s">
        <v>30540</v>
      </c>
    </row>
    <row r="4198" spans="1:9">
      <c r="A4198" s="1">
        <f ca="1">RAND()</f>
        <v>0.41133936858516562</v>
      </c>
      <c r="B4198" s="1"/>
      <c r="C4198">
        <v>14</v>
      </c>
      <c r="D4198" t="s">
        <v>7125</v>
      </c>
      <c r="E4198" t="s">
        <v>32067</v>
      </c>
      <c r="F4198">
        <v>3</v>
      </c>
      <c r="G4198" t="s">
        <v>774</v>
      </c>
      <c r="H4198" t="s">
        <v>7126</v>
      </c>
      <c r="I4198" t="s">
        <v>30540</v>
      </c>
    </row>
    <row r="4199" spans="1:9">
      <c r="A4199" s="1">
        <f ca="1">RAND()</f>
        <v>0.21526245354102491</v>
      </c>
      <c r="B4199" s="1"/>
      <c r="C4199">
        <v>9</v>
      </c>
      <c r="D4199" t="s">
        <v>7123</v>
      </c>
      <c r="E4199" t="s">
        <v>32067</v>
      </c>
      <c r="F4199">
        <v>2</v>
      </c>
      <c r="G4199" t="s">
        <v>9</v>
      </c>
      <c r="H4199" t="s">
        <v>7124</v>
      </c>
      <c r="I4199" t="s">
        <v>30540</v>
      </c>
    </row>
    <row r="4200" spans="1:9">
      <c r="A4200" s="1">
        <f ca="1">RAND()</f>
        <v>0.21630927378730436</v>
      </c>
      <c r="B4200" s="1"/>
      <c r="C4200">
        <v>18</v>
      </c>
      <c r="D4200" t="s">
        <v>7117</v>
      </c>
      <c r="E4200" t="s">
        <v>32068</v>
      </c>
      <c r="F4200">
        <v>5</v>
      </c>
      <c r="G4200" t="s">
        <v>2</v>
      </c>
      <c r="H4200" t="s">
        <v>7118</v>
      </c>
      <c r="I4200" t="s">
        <v>30540</v>
      </c>
    </row>
    <row r="4201" spans="1:9">
      <c r="A4201" s="1">
        <f ca="1">RAND()</f>
        <v>0.77499965211857169</v>
      </c>
      <c r="B4201" s="1"/>
      <c r="C4201">
        <v>10</v>
      </c>
      <c r="D4201" t="s">
        <v>7115</v>
      </c>
      <c r="E4201" t="s">
        <v>32068</v>
      </c>
      <c r="F4201">
        <v>5</v>
      </c>
      <c r="G4201" t="s">
        <v>765</v>
      </c>
      <c r="H4201" t="s">
        <v>7116</v>
      </c>
      <c r="I4201" t="s">
        <v>30540</v>
      </c>
    </row>
    <row r="4202" spans="1:9">
      <c r="A4202" s="1">
        <f ca="1">RAND()</f>
        <v>0.80736345224225259</v>
      </c>
      <c r="B4202" s="1"/>
      <c r="C4202">
        <v>19</v>
      </c>
      <c r="D4202" t="s">
        <v>7119</v>
      </c>
      <c r="E4202" t="s">
        <v>32068</v>
      </c>
      <c r="F4202">
        <v>4</v>
      </c>
      <c r="G4202" t="s">
        <v>9</v>
      </c>
      <c r="H4202" t="s">
        <v>7120</v>
      </c>
      <c r="I4202" t="s">
        <v>30540</v>
      </c>
    </row>
    <row r="4203" spans="1:9">
      <c r="A4203" s="1">
        <f ca="1">RAND()</f>
        <v>0.32094559447490234</v>
      </c>
      <c r="B4203" s="1"/>
      <c r="C4203">
        <v>7</v>
      </c>
      <c r="D4203" t="s">
        <v>7113</v>
      </c>
      <c r="E4203" t="s">
        <v>32068</v>
      </c>
      <c r="F4203">
        <v>3</v>
      </c>
      <c r="G4203" t="s">
        <v>10</v>
      </c>
      <c r="H4203" t="s">
        <v>7114</v>
      </c>
      <c r="I4203" t="s">
        <v>30540</v>
      </c>
    </row>
    <row r="4204" spans="1:9">
      <c r="A4204" s="1">
        <f ca="1">RAND()</f>
        <v>0.85734367718242799</v>
      </c>
      <c r="B4204" s="1"/>
      <c r="C4204">
        <v>1</v>
      </c>
      <c r="D4204" t="s">
        <v>7111</v>
      </c>
      <c r="E4204" t="s">
        <v>32069</v>
      </c>
      <c r="F4204">
        <v>4</v>
      </c>
      <c r="G4204" t="s">
        <v>2</v>
      </c>
      <c r="H4204" t="s">
        <v>7112</v>
      </c>
      <c r="I4204" t="s">
        <v>30540</v>
      </c>
    </row>
    <row r="4205" spans="1:9">
      <c r="A4205" s="1">
        <f ca="1">RAND()</f>
        <v>0.40349353012211631</v>
      </c>
      <c r="B4205" s="1"/>
      <c r="C4205">
        <v>12</v>
      </c>
      <c r="D4205" t="s">
        <v>7107</v>
      </c>
      <c r="E4205" t="s">
        <v>32070</v>
      </c>
      <c r="F4205">
        <v>4</v>
      </c>
      <c r="G4205" t="s">
        <v>774</v>
      </c>
      <c r="H4205" t="s">
        <v>7108</v>
      </c>
      <c r="I4205" t="s">
        <v>30540</v>
      </c>
    </row>
    <row r="4206" spans="1:9">
      <c r="A4206" s="1">
        <f ca="1">RAND()</f>
        <v>0.74840011237152826</v>
      </c>
      <c r="B4206" s="1"/>
      <c r="C4206">
        <v>15</v>
      </c>
      <c r="D4206" t="s">
        <v>7109</v>
      </c>
      <c r="E4206" t="s">
        <v>32070</v>
      </c>
      <c r="F4206">
        <v>4</v>
      </c>
      <c r="G4206" t="s">
        <v>0</v>
      </c>
      <c r="H4206" t="s">
        <v>7110</v>
      </c>
      <c r="I4206" t="s">
        <v>30540</v>
      </c>
    </row>
    <row r="4207" spans="1:9">
      <c r="A4207" s="1">
        <f ca="1">RAND()</f>
        <v>0.5482859882356147</v>
      </c>
      <c r="B4207" s="1"/>
      <c r="C4207">
        <v>10</v>
      </c>
      <c r="D4207" t="s">
        <v>7105</v>
      </c>
      <c r="E4207" t="s">
        <v>32070</v>
      </c>
      <c r="F4207">
        <v>4</v>
      </c>
      <c r="G4207" t="s">
        <v>0</v>
      </c>
      <c r="H4207" t="s">
        <v>7106</v>
      </c>
      <c r="I4207" t="s">
        <v>30540</v>
      </c>
    </row>
    <row r="4208" spans="1:9">
      <c r="A4208" s="1">
        <f ca="1">RAND()</f>
        <v>0.74004503088526108</v>
      </c>
      <c r="B4208" s="1"/>
      <c r="C4208">
        <v>2</v>
      </c>
      <c r="D4208" t="s">
        <v>7103</v>
      </c>
      <c r="E4208" t="s">
        <v>32070</v>
      </c>
      <c r="F4208">
        <v>4</v>
      </c>
      <c r="G4208" t="s">
        <v>766</v>
      </c>
      <c r="H4208" t="s">
        <v>7104</v>
      </c>
      <c r="I4208" t="s">
        <v>30540</v>
      </c>
    </row>
    <row r="4209" spans="1:9">
      <c r="A4209" s="1">
        <f ca="1">RAND()</f>
        <v>0.40711034846467198</v>
      </c>
      <c r="B4209" s="1"/>
      <c r="C4209">
        <v>8</v>
      </c>
      <c r="D4209" t="s">
        <v>7101</v>
      </c>
      <c r="E4209" t="s">
        <v>32071</v>
      </c>
      <c r="F4209">
        <v>2</v>
      </c>
      <c r="G4209" t="s">
        <v>15</v>
      </c>
      <c r="H4209" t="s">
        <v>7102</v>
      </c>
      <c r="I4209" t="s">
        <v>30540</v>
      </c>
    </row>
    <row r="4210" spans="1:9">
      <c r="A4210" s="1">
        <f ca="1">RAND()</f>
        <v>0.75257301996079118</v>
      </c>
      <c r="B4210" s="1"/>
      <c r="C4210">
        <v>4</v>
      </c>
      <c r="D4210" t="s">
        <v>7099</v>
      </c>
      <c r="E4210" t="s">
        <v>32071</v>
      </c>
      <c r="F4210">
        <v>2</v>
      </c>
      <c r="G4210" t="s">
        <v>9</v>
      </c>
      <c r="H4210" t="s">
        <v>7100</v>
      </c>
      <c r="I4210" t="s">
        <v>30540</v>
      </c>
    </row>
    <row r="4211" spans="1:9">
      <c r="A4211" s="1">
        <f ca="1">RAND()</f>
        <v>5.2535929831343364E-2</v>
      </c>
      <c r="B4211" s="1"/>
      <c r="C4211">
        <v>15</v>
      </c>
      <c r="D4211" t="s">
        <v>7097</v>
      </c>
      <c r="E4211" t="s">
        <v>32072</v>
      </c>
      <c r="F4211">
        <v>4</v>
      </c>
      <c r="G4211" t="s">
        <v>2</v>
      </c>
      <c r="H4211" t="s">
        <v>7098</v>
      </c>
      <c r="I4211" t="s">
        <v>30540</v>
      </c>
    </row>
    <row r="4212" spans="1:9">
      <c r="A4212" s="1">
        <f ca="1">RAND()</f>
        <v>0.96438570063804363</v>
      </c>
      <c r="B4212" s="1"/>
      <c r="C4212">
        <v>19</v>
      </c>
      <c r="D4212" t="s">
        <v>7095</v>
      </c>
      <c r="E4212" t="s">
        <v>32073</v>
      </c>
      <c r="F4212">
        <v>5</v>
      </c>
      <c r="G4212" t="s">
        <v>0</v>
      </c>
      <c r="H4212" t="s">
        <v>7096</v>
      </c>
      <c r="I4212" t="s">
        <v>30540</v>
      </c>
    </row>
    <row r="4213" spans="1:9">
      <c r="A4213" s="1">
        <f ca="1">RAND()</f>
        <v>0.36331833880583708</v>
      </c>
      <c r="B4213" s="1"/>
      <c r="C4213">
        <v>5</v>
      </c>
      <c r="D4213" t="s">
        <v>7093</v>
      </c>
      <c r="E4213" t="s">
        <v>32073</v>
      </c>
      <c r="F4213">
        <v>4</v>
      </c>
      <c r="G4213" t="s">
        <v>765</v>
      </c>
      <c r="H4213" t="s">
        <v>7094</v>
      </c>
      <c r="I4213" t="s">
        <v>30540</v>
      </c>
    </row>
    <row r="4214" spans="1:9">
      <c r="A4214" s="1">
        <f ca="1">RAND()</f>
        <v>0.81923714650577928</v>
      </c>
      <c r="B4214" s="1"/>
      <c r="C4214">
        <v>5</v>
      </c>
      <c r="D4214" t="s">
        <v>7089</v>
      </c>
      <c r="E4214" t="s">
        <v>32074</v>
      </c>
      <c r="F4214">
        <v>5</v>
      </c>
      <c r="G4214" t="s">
        <v>1</v>
      </c>
      <c r="H4214" t="s">
        <v>7090</v>
      </c>
      <c r="I4214" t="s">
        <v>30540</v>
      </c>
    </row>
    <row r="4215" spans="1:9">
      <c r="A4215" s="1">
        <f ca="1">RAND()</f>
        <v>0.5603963345513564</v>
      </c>
      <c r="B4215" s="1"/>
      <c r="C4215">
        <v>7</v>
      </c>
      <c r="D4215" t="s">
        <v>7091</v>
      </c>
      <c r="E4215" t="s">
        <v>32074</v>
      </c>
      <c r="F4215">
        <v>4</v>
      </c>
      <c r="G4215" t="s">
        <v>0</v>
      </c>
      <c r="H4215" t="s">
        <v>7092</v>
      </c>
      <c r="I4215" t="s">
        <v>30540</v>
      </c>
    </row>
    <row r="4216" spans="1:9">
      <c r="A4216" s="1">
        <f ca="1">RAND()</f>
        <v>0.94458738620717075</v>
      </c>
      <c r="B4216" s="1"/>
      <c r="C4216">
        <v>3</v>
      </c>
      <c r="D4216" t="s">
        <v>7087</v>
      </c>
      <c r="E4216" t="s">
        <v>32074</v>
      </c>
      <c r="F4216">
        <v>3</v>
      </c>
      <c r="G4216" t="s">
        <v>2</v>
      </c>
      <c r="H4216" t="s">
        <v>7088</v>
      </c>
      <c r="I4216" t="s">
        <v>30540</v>
      </c>
    </row>
    <row r="4217" spans="1:9">
      <c r="A4217" s="1">
        <f ca="1">RAND()</f>
        <v>0.82377949798631889</v>
      </c>
      <c r="B4217" s="1"/>
      <c r="C4217">
        <v>19</v>
      </c>
      <c r="D4217" t="s">
        <v>7085</v>
      </c>
      <c r="E4217" t="s">
        <v>32075</v>
      </c>
      <c r="F4217">
        <v>5</v>
      </c>
      <c r="G4217" t="s">
        <v>0</v>
      </c>
      <c r="H4217" t="s">
        <v>7086</v>
      </c>
      <c r="I4217" t="s">
        <v>30540</v>
      </c>
    </row>
    <row r="4218" spans="1:9">
      <c r="A4218" s="1">
        <f ca="1">RAND()</f>
        <v>0.47876494464418906</v>
      </c>
      <c r="B4218" s="1"/>
      <c r="C4218">
        <v>14</v>
      </c>
      <c r="D4218" t="s">
        <v>7081</v>
      </c>
      <c r="E4218" t="s">
        <v>32075</v>
      </c>
      <c r="F4218">
        <v>5</v>
      </c>
      <c r="G4218" t="s">
        <v>14</v>
      </c>
      <c r="H4218" t="s">
        <v>7082</v>
      </c>
      <c r="I4218" t="s">
        <v>30540</v>
      </c>
    </row>
    <row r="4219" spans="1:9">
      <c r="A4219" s="1">
        <f ca="1">RAND()</f>
        <v>0.86683047365210941</v>
      </c>
      <c r="B4219" s="1"/>
      <c r="C4219">
        <v>7</v>
      </c>
      <c r="D4219" t="s">
        <v>7075</v>
      </c>
      <c r="E4219" t="s">
        <v>32075</v>
      </c>
      <c r="F4219">
        <v>4</v>
      </c>
      <c r="G4219" t="s">
        <v>771</v>
      </c>
      <c r="H4219" t="s">
        <v>7076</v>
      </c>
      <c r="I4219" t="s">
        <v>30540</v>
      </c>
    </row>
    <row r="4220" spans="1:9">
      <c r="A4220" s="1">
        <f ca="1">RAND()</f>
        <v>0.29564927907704019</v>
      </c>
      <c r="B4220" s="1"/>
      <c r="C4220">
        <v>8</v>
      </c>
      <c r="D4220" t="s">
        <v>7077</v>
      </c>
      <c r="E4220" t="s">
        <v>32075</v>
      </c>
      <c r="F4220">
        <v>2</v>
      </c>
      <c r="G4220" t="s">
        <v>14</v>
      </c>
      <c r="H4220" t="s">
        <v>7078</v>
      </c>
      <c r="I4220" t="s">
        <v>30540</v>
      </c>
    </row>
    <row r="4221" spans="1:9">
      <c r="A4221" s="1">
        <f ca="1">RAND()</f>
        <v>0.19422740461244681</v>
      </c>
      <c r="B4221" s="1"/>
      <c r="C4221">
        <v>16</v>
      </c>
      <c r="D4221" t="s">
        <v>7083</v>
      </c>
      <c r="E4221" t="s">
        <v>32075</v>
      </c>
      <c r="F4221">
        <v>2</v>
      </c>
      <c r="G4221" t="s">
        <v>0</v>
      </c>
      <c r="H4221" t="s">
        <v>7084</v>
      </c>
      <c r="I4221" t="s">
        <v>30540</v>
      </c>
    </row>
    <row r="4222" spans="1:9">
      <c r="A4222" s="1">
        <f ca="1">RAND()</f>
        <v>0.74181498476650543</v>
      </c>
      <c r="B4222" s="1"/>
      <c r="C4222">
        <v>13</v>
      </c>
      <c r="D4222" t="s">
        <v>7079</v>
      </c>
      <c r="E4222" t="s">
        <v>32075</v>
      </c>
      <c r="F4222">
        <v>2</v>
      </c>
      <c r="G4222" t="s">
        <v>14</v>
      </c>
      <c r="H4222" t="s">
        <v>7080</v>
      </c>
      <c r="I4222" t="s">
        <v>30540</v>
      </c>
    </row>
    <row r="4223" spans="1:9">
      <c r="A4223" s="1">
        <f ca="1">RAND()</f>
        <v>0.37449186134633028</v>
      </c>
      <c r="B4223" s="1"/>
      <c r="C4223">
        <v>14</v>
      </c>
      <c r="D4223" t="s">
        <v>7073</v>
      </c>
      <c r="E4223" t="s">
        <v>32076</v>
      </c>
      <c r="F4223">
        <v>5</v>
      </c>
      <c r="G4223" t="s">
        <v>0</v>
      </c>
      <c r="H4223" t="s">
        <v>7074</v>
      </c>
      <c r="I4223" t="s">
        <v>30540</v>
      </c>
    </row>
    <row r="4224" spans="1:9">
      <c r="A4224" s="1">
        <f ca="1">RAND()</f>
        <v>0.64033356345715209</v>
      </c>
      <c r="B4224" s="1"/>
      <c r="C4224">
        <v>7</v>
      </c>
      <c r="D4224" t="s">
        <v>7069</v>
      </c>
      <c r="E4224" t="s">
        <v>32076</v>
      </c>
      <c r="F4224">
        <v>4</v>
      </c>
      <c r="G4224" t="s">
        <v>15</v>
      </c>
      <c r="H4224" t="s">
        <v>7070</v>
      </c>
      <c r="I4224" t="s">
        <v>30540</v>
      </c>
    </row>
    <row r="4225" spans="1:9">
      <c r="A4225" s="1">
        <f ca="1">RAND()</f>
        <v>6.2873990770294763E-2</v>
      </c>
      <c r="B4225" s="1"/>
      <c r="C4225">
        <v>13</v>
      </c>
      <c r="D4225" t="s">
        <v>7071</v>
      </c>
      <c r="E4225" t="s">
        <v>32076</v>
      </c>
      <c r="F4225">
        <v>4</v>
      </c>
      <c r="G4225" t="s">
        <v>10</v>
      </c>
      <c r="H4225" t="s">
        <v>7072</v>
      </c>
      <c r="I4225" t="s">
        <v>30540</v>
      </c>
    </row>
    <row r="4226" spans="1:9">
      <c r="A4226" s="1">
        <f ca="1">RAND()</f>
        <v>0.7007078908293336</v>
      </c>
      <c r="B4226" s="1"/>
      <c r="C4226">
        <v>20</v>
      </c>
      <c r="D4226" t="s">
        <v>7067</v>
      </c>
      <c r="E4226" t="s">
        <v>32077</v>
      </c>
      <c r="F4226">
        <v>4</v>
      </c>
      <c r="G4226" t="s">
        <v>9</v>
      </c>
      <c r="H4226" t="s">
        <v>7068</v>
      </c>
      <c r="I4226" t="s">
        <v>30540</v>
      </c>
    </row>
    <row r="4227" spans="1:9">
      <c r="A4227" s="1">
        <f ca="1">RAND()</f>
        <v>0.84425064342988387</v>
      </c>
      <c r="B4227" s="1"/>
      <c r="C4227">
        <v>10</v>
      </c>
      <c r="D4227" t="s">
        <v>7063</v>
      </c>
      <c r="E4227" t="s">
        <v>32077</v>
      </c>
      <c r="F4227">
        <v>4</v>
      </c>
      <c r="G4227" t="s">
        <v>15</v>
      </c>
      <c r="H4227" t="s">
        <v>7064</v>
      </c>
      <c r="I4227" t="s">
        <v>30540</v>
      </c>
    </row>
    <row r="4228" spans="1:9">
      <c r="A4228" s="1">
        <f ca="1">RAND()</f>
        <v>0.30529412551619772</v>
      </c>
      <c r="B4228" s="1"/>
      <c r="C4228">
        <v>17</v>
      </c>
      <c r="D4228" t="s">
        <v>7065</v>
      </c>
      <c r="E4228" t="s">
        <v>32077</v>
      </c>
      <c r="F4228">
        <v>4</v>
      </c>
      <c r="G4228" t="s">
        <v>15</v>
      </c>
      <c r="H4228" t="s">
        <v>7066</v>
      </c>
      <c r="I4228" t="s">
        <v>30540</v>
      </c>
    </row>
    <row r="4229" spans="1:9">
      <c r="A4229" s="1">
        <f ca="1">RAND()</f>
        <v>0.93099904617175466</v>
      </c>
      <c r="B4229" s="1"/>
      <c r="C4229">
        <v>6</v>
      </c>
      <c r="D4229" t="s">
        <v>7061</v>
      </c>
      <c r="E4229" t="s">
        <v>32077</v>
      </c>
      <c r="F4229">
        <v>2</v>
      </c>
      <c r="G4229" t="s">
        <v>15</v>
      </c>
      <c r="H4229" t="s">
        <v>7062</v>
      </c>
      <c r="I4229" t="s">
        <v>30540</v>
      </c>
    </row>
    <row r="4230" spans="1:9">
      <c r="A4230" s="1">
        <f ca="1">RAND()</f>
        <v>0.26388409198623464</v>
      </c>
      <c r="B4230" s="1"/>
      <c r="C4230">
        <v>16</v>
      </c>
      <c r="D4230" t="s">
        <v>7059</v>
      </c>
      <c r="E4230" t="s">
        <v>32078</v>
      </c>
      <c r="F4230">
        <v>4</v>
      </c>
      <c r="G4230" t="s">
        <v>762</v>
      </c>
      <c r="H4230" t="s">
        <v>7060</v>
      </c>
      <c r="I4230" t="s">
        <v>30540</v>
      </c>
    </row>
    <row r="4231" spans="1:9">
      <c r="A4231" s="1">
        <f ca="1">RAND()</f>
        <v>0.70167219461067298</v>
      </c>
      <c r="B4231" s="1"/>
      <c r="C4231">
        <v>5</v>
      </c>
      <c r="D4231" t="s">
        <v>7057</v>
      </c>
      <c r="E4231" t="s">
        <v>32078</v>
      </c>
      <c r="F4231">
        <v>4</v>
      </c>
      <c r="G4231" t="s">
        <v>0</v>
      </c>
      <c r="H4231" t="s">
        <v>7058</v>
      </c>
      <c r="I4231" t="s">
        <v>30540</v>
      </c>
    </row>
    <row r="4232" spans="1:9">
      <c r="A4232" s="1">
        <f ca="1">RAND()</f>
        <v>0.18904903928349637</v>
      </c>
      <c r="B4232" s="1"/>
      <c r="C4232">
        <v>2</v>
      </c>
      <c r="D4232" t="s">
        <v>7053</v>
      </c>
      <c r="E4232" t="s">
        <v>32078</v>
      </c>
      <c r="F4232">
        <v>4</v>
      </c>
      <c r="G4232" t="s">
        <v>0</v>
      </c>
      <c r="H4232" t="s">
        <v>7054</v>
      </c>
      <c r="I4232" t="s">
        <v>30540</v>
      </c>
    </row>
    <row r="4233" spans="1:9">
      <c r="A4233" s="1">
        <f ca="1">RAND()</f>
        <v>0.16390466746730659</v>
      </c>
      <c r="B4233" s="1"/>
      <c r="C4233">
        <v>3</v>
      </c>
      <c r="D4233" t="s">
        <v>7055</v>
      </c>
      <c r="E4233" t="s">
        <v>32078</v>
      </c>
      <c r="F4233">
        <v>2</v>
      </c>
      <c r="G4233" t="s">
        <v>770</v>
      </c>
      <c r="H4233" t="s">
        <v>7056</v>
      </c>
      <c r="I4233" t="s">
        <v>30540</v>
      </c>
    </row>
    <row r="4234" spans="1:9">
      <c r="A4234" s="1">
        <f ca="1">RAND()</f>
        <v>3.4745674294388906E-2</v>
      </c>
      <c r="B4234" s="1"/>
      <c r="C4234">
        <v>10</v>
      </c>
      <c r="D4234" t="s">
        <v>7049</v>
      </c>
      <c r="E4234" t="s">
        <v>32079</v>
      </c>
      <c r="F4234">
        <v>4</v>
      </c>
      <c r="G4234" t="s">
        <v>0</v>
      </c>
      <c r="H4234" t="s">
        <v>7050</v>
      </c>
      <c r="I4234" t="s">
        <v>30540</v>
      </c>
    </row>
    <row r="4235" spans="1:9">
      <c r="A4235" s="1">
        <f ca="1">RAND()</f>
        <v>0.85631253537341345</v>
      </c>
      <c r="B4235" s="1"/>
      <c r="C4235">
        <v>12</v>
      </c>
      <c r="D4235" t="s">
        <v>7051</v>
      </c>
      <c r="E4235" t="s">
        <v>32079</v>
      </c>
      <c r="F4235">
        <v>4</v>
      </c>
      <c r="G4235" t="s">
        <v>0</v>
      </c>
      <c r="H4235" t="s">
        <v>7052</v>
      </c>
      <c r="I4235" t="s">
        <v>30540</v>
      </c>
    </row>
    <row r="4236" spans="1:9">
      <c r="A4236" s="1">
        <f ca="1">RAND()</f>
        <v>9.1709799605722453E-2</v>
      </c>
      <c r="B4236" s="1"/>
      <c r="C4236">
        <v>1</v>
      </c>
      <c r="D4236" t="s">
        <v>7047</v>
      </c>
      <c r="E4236" t="s">
        <v>32079</v>
      </c>
      <c r="F4236">
        <v>3</v>
      </c>
      <c r="G4236" t="s">
        <v>2</v>
      </c>
      <c r="H4236" t="s">
        <v>7048</v>
      </c>
      <c r="I4236" t="s">
        <v>30540</v>
      </c>
    </row>
    <row r="4237" spans="1:9">
      <c r="A4237" s="1">
        <f ca="1">RAND()</f>
        <v>0.48176415074639212</v>
      </c>
      <c r="B4237" s="1"/>
      <c r="C4237">
        <v>19</v>
      </c>
      <c r="D4237" t="s">
        <v>7043</v>
      </c>
      <c r="E4237" t="s">
        <v>32080</v>
      </c>
      <c r="F4237">
        <v>5</v>
      </c>
      <c r="G4237" t="s">
        <v>0</v>
      </c>
      <c r="H4237" t="s">
        <v>7044</v>
      </c>
      <c r="I4237" t="s">
        <v>30540</v>
      </c>
    </row>
    <row r="4238" spans="1:9">
      <c r="A4238" s="1">
        <f ca="1">RAND()</f>
        <v>0.20783360484343893</v>
      </c>
      <c r="B4238" s="1"/>
      <c r="C4238">
        <v>15</v>
      </c>
      <c r="D4238" t="s">
        <v>7041</v>
      </c>
      <c r="E4238" t="s">
        <v>32080</v>
      </c>
      <c r="F4238">
        <v>4</v>
      </c>
      <c r="G4238" t="s">
        <v>1295</v>
      </c>
      <c r="H4238" t="s">
        <v>7042</v>
      </c>
      <c r="I4238" t="s">
        <v>30540</v>
      </c>
    </row>
    <row r="4239" spans="1:9">
      <c r="A4239" s="1">
        <f ca="1">RAND()</f>
        <v>0.47773037618601066</v>
      </c>
      <c r="B4239" s="1"/>
      <c r="C4239">
        <v>20</v>
      </c>
      <c r="D4239" t="s">
        <v>7045</v>
      </c>
      <c r="E4239" t="s">
        <v>32080</v>
      </c>
      <c r="F4239">
        <v>4</v>
      </c>
      <c r="G4239" t="s">
        <v>774</v>
      </c>
      <c r="H4239" t="s">
        <v>7046</v>
      </c>
      <c r="I4239" t="s">
        <v>30540</v>
      </c>
    </row>
    <row r="4240" spans="1:9">
      <c r="A4240" s="1">
        <f ca="1">RAND()</f>
        <v>0.8191634760769948</v>
      </c>
      <c r="B4240" s="1"/>
      <c r="C4240">
        <v>2</v>
      </c>
      <c r="D4240" t="s">
        <v>7033</v>
      </c>
      <c r="E4240" t="s">
        <v>32080</v>
      </c>
      <c r="F4240">
        <v>4</v>
      </c>
      <c r="G4240" t="s">
        <v>0</v>
      </c>
      <c r="H4240" t="s">
        <v>7034</v>
      </c>
      <c r="I4240" t="s">
        <v>30540</v>
      </c>
    </row>
    <row r="4241" spans="1:9">
      <c r="A4241" s="1">
        <f ca="1">RAND()</f>
        <v>0.77405764901862351</v>
      </c>
      <c r="B4241" s="1"/>
      <c r="C4241">
        <v>13</v>
      </c>
      <c r="D4241" t="s">
        <v>7039</v>
      </c>
      <c r="E4241" t="s">
        <v>32080</v>
      </c>
      <c r="F4241">
        <v>4</v>
      </c>
      <c r="G4241" t="s">
        <v>766</v>
      </c>
      <c r="H4241" t="s">
        <v>7040</v>
      </c>
      <c r="I4241" t="s">
        <v>30540</v>
      </c>
    </row>
    <row r="4242" spans="1:9">
      <c r="A4242" s="1">
        <f ca="1">RAND()</f>
        <v>0.16783597257028093</v>
      </c>
      <c r="B4242" s="1"/>
      <c r="C4242">
        <v>11</v>
      </c>
      <c r="D4242" t="s">
        <v>7037</v>
      </c>
      <c r="E4242" t="s">
        <v>32080</v>
      </c>
      <c r="F4242">
        <v>4</v>
      </c>
      <c r="G4242" t="s">
        <v>770</v>
      </c>
      <c r="H4242" t="s">
        <v>7038</v>
      </c>
      <c r="I4242" t="s">
        <v>30540</v>
      </c>
    </row>
    <row r="4243" spans="1:9">
      <c r="A4243" s="1">
        <f ca="1">RAND()</f>
        <v>2.6317829575081109E-2</v>
      </c>
      <c r="B4243" s="1"/>
      <c r="C4243">
        <v>3</v>
      </c>
      <c r="D4243" t="s">
        <v>7035</v>
      </c>
      <c r="E4243" t="s">
        <v>32080</v>
      </c>
      <c r="F4243">
        <v>3</v>
      </c>
      <c r="G4243" t="s">
        <v>9</v>
      </c>
      <c r="H4243" t="s">
        <v>7036</v>
      </c>
      <c r="I4243" t="s">
        <v>30540</v>
      </c>
    </row>
    <row r="4244" spans="1:9">
      <c r="A4244" s="1">
        <f ca="1">RAND()</f>
        <v>0.26410730574570884</v>
      </c>
      <c r="B4244" s="1"/>
      <c r="C4244">
        <v>16</v>
      </c>
      <c r="D4244" t="s">
        <v>7031</v>
      </c>
      <c r="E4244" t="s">
        <v>32081</v>
      </c>
      <c r="F4244">
        <v>4</v>
      </c>
      <c r="G4244" t="s">
        <v>0</v>
      </c>
      <c r="H4244" t="s">
        <v>7032</v>
      </c>
      <c r="I4244" t="s">
        <v>30540</v>
      </c>
    </row>
    <row r="4245" spans="1:9">
      <c r="A4245" s="1">
        <f ca="1">RAND()</f>
        <v>0.33062802222555077</v>
      </c>
      <c r="B4245" s="1"/>
      <c r="C4245">
        <v>10</v>
      </c>
      <c r="D4245" t="s">
        <v>7027</v>
      </c>
      <c r="E4245" t="s">
        <v>32081</v>
      </c>
      <c r="F4245">
        <v>4</v>
      </c>
      <c r="G4245" t="s">
        <v>0</v>
      </c>
      <c r="H4245" t="s">
        <v>7028</v>
      </c>
      <c r="I4245" t="s">
        <v>30540</v>
      </c>
    </row>
    <row r="4246" spans="1:9">
      <c r="A4246" s="1">
        <f ca="1">RAND()</f>
        <v>0.35462033124957382</v>
      </c>
      <c r="B4246" s="1"/>
      <c r="C4246">
        <v>15</v>
      </c>
      <c r="D4246" t="s">
        <v>7029</v>
      </c>
      <c r="E4246" t="s">
        <v>32081</v>
      </c>
      <c r="F4246">
        <v>4</v>
      </c>
      <c r="G4246" t="s">
        <v>0</v>
      </c>
      <c r="H4246" t="s">
        <v>7030</v>
      </c>
      <c r="I4246" t="s">
        <v>30540</v>
      </c>
    </row>
    <row r="4247" spans="1:9">
      <c r="A4247" s="1">
        <f ca="1">RAND()</f>
        <v>0.55831691321152288</v>
      </c>
      <c r="B4247" s="1"/>
      <c r="C4247">
        <v>8</v>
      </c>
      <c r="D4247" t="s">
        <v>7025</v>
      </c>
      <c r="E4247" t="s">
        <v>32081</v>
      </c>
      <c r="F4247">
        <v>4</v>
      </c>
      <c r="G4247" t="s">
        <v>2</v>
      </c>
      <c r="H4247" t="s">
        <v>7026</v>
      </c>
      <c r="I4247" t="s">
        <v>30540</v>
      </c>
    </row>
    <row r="4248" spans="1:9">
      <c r="A4248" s="1">
        <f ca="1">RAND()</f>
        <v>9.596160328197012E-2</v>
      </c>
      <c r="B4248" s="1"/>
      <c r="C4248">
        <v>16</v>
      </c>
      <c r="D4248" t="s">
        <v>7023</v>
      </c>
      <c r="E4248" t="s">
        <v>32082</v>
      </c>
      <c r="F4248">
        <v>4</v>
      </c>
      <c r="G4248" t="s">
        <v>0</v>
      </c>
      <c r="H4248" t="s">
        <v>7024</v>
      </c>
      <c r="I4248" t="s">
        <v>30540</v>
      </c>
    </row>
    <row r="4249" spans="1:9">
      <c r="A4249" s="1">
        <f ca="1">RAND()</f>
        <v>0.37386722542038031</v>
      </c>
      <c r="B4249" s="1"/>
      <c r="C4249">
        <v>7</v>
      </c>
      <c r="D4249" t="s">
        <v>7019</v>
      </c>
      <c r="E4249" t="s">
        <v>32082</v>
      </c>
      <c r="F4249">
        <v>4</v>
      </c>
      <c r="G4249" t="s">
        <v>2</v>
      </c>
      <c r="H4249" t="s">
        <v>7020</v>
      </c>
      <c r="I4249" t="s">
        <v>30540</v>
      </c>
    </row>
    <row r="4250" spans="1:9">
      <c r="A4250" s="1">
        <f ca="1">RAND()</f>
        <v>0.14727101861211445</v>
      </c>
      <c r="B4250" s="1"/>
      <c r="C4250">
        <v>14</v>
      </c>
      <c r="D4250" t="s">
        <v>7021</v>
      </c>
      <c r="E4250" t="s">
        <v>32082</v>
      </c>
      <c r="F4250">
        <v>2</v>
      </c>
      <c r="G4250" t="s">
        <v>0</v>
      </c>
      <c r="H4250" t="s">
        <v>7022</v>
      </c>
      <c r="I4250" t="s">
        <v>30540</v>
      </c>
    </row>
    <row r="4251" spans="1:9">
      <c r="A4251" s="1">
        <f ca="1">RAND()</f>
        <v>0.38444919659830024</v>
      </c>
      <c r="B4251" s="1"/>
      <c r="C4251">
        <v>3</v>
      </c>
      <c r="D4251" t="s">
        <v>7017</v>
      </c>
      <c r="E4251" t="s">
        <v>32082</v>
      </c>
      <c r="F4251">
        <v>1</v>
      </c>
      <c r="G4251" t="s">
        <v>770</v>
      </c>
      <c r="H4251" t="s">
        <v>7018</v>
      </c>
      <c r="I4251" t="s">
        <v>30540</v>
      </c>
    </row>
    <row r="4252" spans="1:9">
      <c r="A4252" s="1">
        <f ca="1">RAND()</f>
        <v>0.14761908300471327</v>
      </c>
      <c r="B4252" s="1"/>
      <c r="C4252">
        <v>13</v>
      </c>
      <c r="D4252" t="s">
        <v>7013</v>
      </c>
      <c r="E4252" t="s">
        <v>32083</v>
      </c>
      <c r="F4252">
        <v>4</v>
      </c>
      <c r="G4252" t="s">
        <v>0</v>
      </c>
      <c r="H4252" t="s">
        <v>7014</v>
      </c>
      <c r="I4252" t="s">
        <v>30540</v>
      </c>
    </row>
    <row r="4253" spans="1:9">
      <c r="A4253" s="1">
        <f ca="1">RAND()</f>
        <v>0.41856098373294004</v>
      </c>
      <c r="B4253" s="1"/>
      <c r="C4253">
        <v>9</v>
      </c>
      <c r="D4253" t="s">
        <v>7011</v>
      </c>
      <c r="E4253" t="s">
        <v>32083</v>
      </c>
      <c r="F4253">
        <v>4</v>
      </c>
      <c r="G4253" t="s">
        <v>14</v>
      </c>
      <c r="H4253" t="s">
        <v>7012</v>
      </c>
      <c r="I4253" t="s">
        <v>30540</v>
      </c>
    </row>
    <row r="4254" spans="1:9">
      <c r="A4254" s="1">
        <f ca="1">RAND()</f>
        <v>0.61158123905526018</v>
      </c>
      <c r="B4254" s="1"/>
      <c r="C4254">
        <v>7</v>
      </c>
      <c r="D4254" t="s">
        <v>7009</v>
      </c>
      <c r="E4254" t="s">
        <v>32083</v>
      </c>
      <c r="F4254">
        <v>4</v>
      </c>
      <c r="G4254" t="s">
        <v>15</v>
      </c>
      <c r="H4254" t="s">
        <v>7010</v>
      </c>
      <c r="I4254" t="s">
        <v>30540</v>
      </c>
    </row>
    <row r="4255" spans="1:9">
      <c r="A4255" s="1">
        <f ca="1">RAND()</f>
        <v>0.91796567165870724</v>
      </c>
      <c r="B4255" s="1"/>
      <c r="C4255">
        <v>14</v>
      </c>
      <c r="D4255" t="s">
        <v>7015</v>
      </c>
      <c r="E4255" t="s">
        <v>32083</v>
      </c>
      <c r="F4255">
        <v>4</v>
      </c>
      <c r="G4255" t="s">
        <v>0</v>
      </c>
      <c r="H4255" t="s">
        <v>7016</v>
      </c>
      <c r="I4255" t="s">
        <v>30540</v>
      </c>
    </row>
    <row r="4256" spans="1:9">
      <c r="A4256" s="1">
        <f ca="1">RAND()</f>
        <v>0.78610994897837982</v>
      </c>
      <c r="B4256" s="1"/>
      <c r="C4256">
        <v>5</v>
      </c>
      <c r="D4256" t="s">
        <v>7007</v>
      </c>
      <c r="E4256" t="s">
        <v>32083</v>
      </c>
      <c r="F4256">
        <v>4</v>
      </c>
      <c r="G4256" t="s">
        <v>15</v>
      </c>
      <c r="H4256" t="s">
        <v>7008</v>
      </c>
      <c r="I4256" t="s">
        <v>30540</v>
      </c>
    </row>
    <row r="4257" spans="1:9">
      <c r="A4257" s="1">
        <f ca="1">RAND()</f>
        <v>0.97942090849442498</v>
      </c>
      <c r="B4257" s="1"/>
      <c r="C4257">
        <v>2</v>
      </c>
      <c r="D4257" t="s">
        <v>7005</v>
      </c>
      <c r="E4257" t="s">
        <v>32083</v>
      </c>
      <c r="F4257">
        <v>2</v>
      </c>
      <c r="G4257" t="s">
        <v>14</v>
      </c>
      <c r="H4257" t="s">
        <v>7006</v>
      </c>
      <c r="I4257" t="s">
        <v>30540</v>
      </c>
    </row>
    <row r="4258" spans="1:9">
      <c r="A4258" s="1">
        <f ca="1">RAND()</f>
        <v>3.9052703214105144E-2</v>
      </c>
      <c r="B4258" s="1"/>
      <c r="C4258">
        <v>19</v>
      </c>
      <c r="D4258" t="s">
        <v>7003</v>
      </c>
      <c r="E4258" t="s">
        <v>32084</v>
      </c>
      <c r="F4258">
        <v>4</v>
      </c>
      <c r="G4258" t="s">
        <v>0</v>
      </c>
      <c r="H4258" t="s">
        <v>7004</v>
      </c>
      <c r="I4258" t="s">
        <v>30540</v>
      </c>
    </row>
    <row r="4259" spans="1:9">
      <c r="A4259" s="1">
        <f ca="1">RAND()</f>
        <v>0.30602825487822138</v>
      </c>
      <c r="B4259" s="1"/>
      <c r="C4259">
        <v>3</v>
      </c>
      <c r="D4259" t="s">
        <v>6997</v>
      </c>
      <c r="E4259" t="s">
        <v>32084</v>
      </c>
      <c r="F4259">
        <v>4</v>
      </c>
      <c r="G4259" t="s">
        <v>9</v>
      </c>
      <c r="H4259" t="s">
        <v>6998</v>
      </c>
      <c r="I4259" t="s">
        <v>30540</v>
      </c>
    </row>
    <row r="4260" spans="1:9">
      <c r="A4260" s="1">
        <f ca="1">RAND()</f>
        <v>0.6609991769990694</v>
      </c>
      <c r="B4260" s="1"/>
      <c r="C4260">
        <v>1</v>
      </c>
      <c r="D4260" t="s">
        <v>6995</v>
      </c>
      <c r="E4260" t="s">
        <v>32084</v>
      </c>
      <c r="F4260">
        <v>4</v>
      </c>
      <c r="G4260" t="s">
        <v>2</v>
      </c>
      <c r="H4260" t="s">
        <v>6996</v>
      </c>
      <c r="I4260" t="s">
        <v>30540</v>
      </c>
    </row>
    <row r="4261" spans="1:9">
      <c r="A4261" s="1">
        <f ca="1">RAND()</f>
        <v>3.2006134317679069E-2</v>
      </c>
      <c r="B4261" s="1"/>
      <c r="C4261">
        <v>16</v>
      </c>
      <c r="D4261" t="s">
        <v>6999</v>
      </c>
      <c r="E4261" t="s">
        <v>32084</v>
      </c>
      <c r="F4261">
        <v>4</v>
      </c>
      <c r="G4261" t="s">
        <v>0</v>
      </c>
      <c r="H4261" t="s">
        <v>7000</v>
      </c>
      <c r="I4261" t="s">
        <v>30540</v>
      </c>
    </row>
    <row r="4262" spans="1:9">
      <c r="A4262" s="1">
        <f ca="1">RAND()</f>
        <v>0.2926536990949411</v>
      </c>
      <c r="B4262" s="1"/>
      <c r="C4262">
        <v>18</v>
      </c>
      <c r="D4262" t="s">
        <v>7001</v>
      </c>
      <c r="E4262" t="s">
        <v>32084</v>
      </c>
      <c r="F4262">
        <v>4</v>
      </c>
      <c r="G4262" t="s">
        <v>10</v>
      </c>
      <c r="H4262" t="s">
        <v>7002</v>
      </c>
      <c r="I4262" t="s">
        <v>30540</v>
      </c>
    </row>
    <row r="4263" spans="1:9">
      <c r="A4263" s="1">
        <f ca="1">RAND()</f>
        <v>1.597814233266337E-2</v>
      </c>
      <c r="B4263" s="1"/>
      <c r="C4263">
        <v>14</v>
      </c>
      <c r="D4263" t="s">
        <v>6993</v>
      </c>
      <c r="E4263" t="s">
        <v>32085</v>
      </c>
      <c r="F4263">
        <v>4</v>
      </c>
      <c r="G4263" t="s">
        <v>0</v>
      </c>
      <c r="H4263" t="s">
        <v>6994</v>
      </c>
      <c r="I4263" t="s">
        <v>30540</v>
      </c>
    </row>
    <row r="4264" spans="1:9">
      <c r="A4264" s="1">
        <f ca="1">RAND()</f>
        <v>0.63731816372857164</v>
      </c>
      <c r="B4264" s="1"/>
      <c r="C4264">
        <v>8</v>
      </c>
      <c r="D4264" t="s">
        <v>6991</v>
      </c>
      <c r="E4264" t="s">
        <v>32085</v>
      </c>
      <c r="F4264">
        <v>4</v>
      </c>
      <c r="G4264" t="s">
        <v>770</v>
      </c>
      <c r="H4264" t="s">
        <v>6992</v>
      </c>
      <c r="I4264" t="s">
        <v>30540</v>
      </c>
    </row>
    <row r="4265" spans="1:9">
      <c r="A4265" s="1">
        <f ca="1">RAND()</f>
        <v>0.67490798327713586</v>
      </c>
      <c r="B4265" s="1"/>
      <c r="C4265">
        <v>2</v>
      </c>
      <c r="D4265" t="s">
        <v>6989</v>
      </c>
      <c r="E4265" t="s">
        <v>32085</v>
      </c>
      <c r="F4265">
        <v>4</v>
      </c>
      <c r="G4265" t="s">
        <v>1295</v>
      </c>
      <c r="H4265" t="s">
        <v>6990</v>
      </c>
      <c r="I4265" t="s">
        <v>30540</v>
      </c>
    </row>
    <row r="4266" spans="1:9">
      <c r="A4266" s="1">
        <f ca="1">RAND()</f>
        <v>0.24335983196187572</v>
      </c>
      <c r="B4266" s="1"/>
      <c r="C4266">
        <v>12</v>
      </c>
      <c r="D4266" t="s">
        <v>6984</v>
      </c>
      <c r="E4266" t="s">
        <v>32086</v>
      </c>
      <c r="F4266">
        <v>4</v>
      </c>
      <c r="G4266" t="s">
        <v>0</v>
      </c>
      <c r="H4266" t="s">
        <v>6985</v>
      </c>
      <c r="I4266" t="s">
        <v>30540</v>
      </c>
    </row>
    <row r="4267" spans="1:9">
      <c r="A4267" s="1">
        <f ca="1">RAND()</f>
        <v>0.53053393535766025</v>
      </c>
      <c r="B4267" s="1"/>
      <c r="C4267">
        <v>17</v>
      </c>
      <c r="D4267" t="s">
        <v>6986</v>
      </c>
      <c r="E4267" t="s">
        <v>32086</v>
      </c>
      <c r="F4267">
        <v>4</v>
      </c>
      <c r="G4267" t="s">
        <v>0</v>
      </c>
      <c r="H4267" t="s">
        <v>6987</v>
      </c>
      <c r="I4267" t="s">
        <v>30540</v>
      </c>
    </row>
    <row r="4268" spans="1:9">
      <c r="A4268" s="1">
        <f ca="1">RAND()</f>
        <v>0.82605374422593913</v>
      </c>
      <c r="B4268" s="1"/>
      <c r="C4268">
        <v>14</v>
      </c>
      <c r="D4268" t="s">
        <v>6978</v>
      </c>
      <c r="E4268" t="s">
        <v>32087</v>
      </c>
      <c r="F4268">
        <v>5</v>
      </c>
      <c r="G4268" t="s">
        <v>2</v>
      </c>
      <c r="H4268" t="s">
        <v>6979</v>
      </c>
      <c r="I4268" t="s">
        <v>30540</v>
      </c>
    </row>
    <row r="4269" spans="1:9">
      <c r="A4269" s="1">
        <f ca="1">RAND()</f>
        <v>3.9212631505035289E-2</v>
      </c>
      <c r="B4269" s="1"/>
      <c r="C4269">
        <v>19</v>
      </c>
      <c r="D4269" t="s">
        <v>6980</v>
      </c>
      <c r="E4269" t="s">
        <v>32087</v>
      </c>
      <c r="F4269">
        <v>4</v>
      </c>
      <c r="G4269" t="s">
        <v>1295</v>
      </c>
      <c r="H4269" t="s">
        <v>6981</v>
      </c>
      <c r="I4269" t="s">
        <v>30540</v>
      </c>
    </row>
    <row r="4270" spans="1:9">
      <c r="A4270" s="1">
        <f ca="1">RAND()</f>
        <v>0.91319418709256617</v>
      </c>
      <c r="B4270" s="1"/>
      <c r="C4270">
        <v>11</v>
      </c>
      <c r="D4270" t="s">
        <v>6974</v>
      </c>
      <c r="E4270" t="s">
        <v>32087</v>
      </c>
      <c r="F4270">
        <v>4</v>
      </c>
      <c r="G4270" t="s">
        <v>774</v>
      </c>
      <c r="H4270" t="s">
        <v>6975</v>
      </c>
      <c r="I4270" t="s">
        <v>30540</v>
      </c>
    </row>
    <row r="4271" spans="1:9">
      <c r="A4271" s="1">
        <f ca="1">RAND()</f>
        <v>0.18685116433838567</v>
      </c>
      <c r="B4271" s="1"/>
      <c r="C4271">
        <v>12</v>
      </c>
      <c r="D4271" t="s">
        <v>6976</v>
      </c>
      <c r="E4271" t="s">
        <v>32087</v>
      </c>
      <c r="F4271">
        <v>4</v>
      </c>
      <c r="G4271" t="s">
        <v>774</v>
      </c>
      <c r="H4271" t="s">
        <v>6977</v>
      </c>
      <c r="I4271" t="s">
        <v>30540</v>
      </c>
    </row>
    <row r="4272" spans="1:9">
      <c r="A4272" s="1">
        <f ca="1">RAND()</f>
        <v>0.3807400112935696</v>
      </c>
      <c r="B4272" s="1"/>
      <c r="C4272">
        <v>9</v>
      </c>
      <c r="D4272" t="s">
        <v>6972</v>
      </c>
      <c r="E4272" t="s">
        <v>32087</v>
      </c>
      <c r="F4272">
        <v>3</v>
      </c>
      <c r="G4272" t="s">
        <v>0</v>
      </c>
      <c r="H4272" t="s">
        <v>6973</v>
      </c>
      <c r="I4272" t="s">
        <v>30540</v>
      </c>
    </row>
    <row r="4273" spans="1:9">
      <c r="A4273" s="1">
        <f ca="1">RAND()</f>
        <v>0.53956087931148533</v>
      </c>
      <c r="B4273" s="1"/>
      <c r="C4273">
        <v>20</v>
      </c>
      <c r="D4273" t="s">
        <v>6982</v>
      </c>
      <c r="E4273" t="s">
        <v>32087</v>
      </c>
      <c r="F4273">
        <v>3</v>
      </c>
      <c r="G4273" t="s">
        <v>762</v>
      </c>
      <c r="H4273" t="s">
        <v>6983</v>
      </c>
      <c r="I4273" t="s">
        <v>30540</v>
      </c>
    </row>
    <row r="4274" spans="1:9">
      <c r="A4274" s="1">
        <f ca="1">RAND()</f>
        <v>0.5304052761893413</v>
      </c>
      <c r="B4274" s="1"/>
      <c r="C4274">
        <v>3</v>
      </c>
      <c r="D4274" t="s">
        <v>6966</v>
      </c>
      <c r="E4274" t="s">
        <v>32088</v>
      </c>
      <c r="F4274">
        <v>4</v>
      </c>
      <c r="G4274" t="s">
        <v>769</v>
      </c>
      <c r="H4274" t="s">
        <v>6967</v>
      </c>
      <c r="I4274" t="s">
        <v>30540</v>
      </c>
    </row>
    <row r="4275" spans="1:9">
      <c r="A4275" s="1">
        <f ca="1">RAND()</f>
        <v>0.49921354927246753</v>
      </c>
      <c r="B4275" s="1"/>
      <c r="C4275">
        <v>11</v>
      </c>
      <c r="D4275" t="s">
        <v>6968</v>
      </c>
      <c r="E4275" t="s">
        <v>32088</v>
      </c>
      <c r="F4275">
        <v>4</v>
      </c>
      <c r="G4275" t="s">
        <v>765</v>
      </c>
      <c r="H4275" t="s">
        <v>6969</v>
      </c>
      <c r="I4275" t="s">
        <v>30540</v>
      </c>
    </row>
    <row r="4276" spans="1:9">
      <c r="A4276" s="1">
        <f ca="1">RAND()</f>
        <v>0.88694372753869033</v>
      </c>
      <c r="B4276" s="1"/>
      <c r="C4276">
        <v>20</v>
      </c>
      <c r="D4276" t="s">
        <v>6970</v>
      </c>
      <c r="E4276" t="s">
        <v>32088</v>
      </c>
      <c r="F4276">
        <v>4</v>
      </c>
      <c r="G4276" t="s">
        <v>0</v>
      </c>
      <c r="H4276" t="s">
        <v>6971</v>
      </c>
      <c r="I4276" t="s">
        <v>30540</v>
      </c>
    </row>
    <row r="4277" spans="1:9">
      <c r="A4277" s="1">
        <f ca="1">RAND()</f>
        <v>0.86556925401393336</v>
      </c>
      <c r="B4277" s="1"/>
      <c r="C4277">
        <v>10</v>
      </c>
      <c r="D4277" t="s">
        <v>6956</v>
      </c>
      <c r="E4277" t="s">
        <v>32089</v>
      </c>
      <c r="F4277">
        <v>5</v>
      </c>
      <c r="G4277" t="s">
        <v>0</v>
      </c>
      <c r="H4277" t="s">
        <v>6957</v>
      </c>
      <c r="I4277" t="s">
        <v>30540</v>
      </c>
    </row>
    <row r="4278" spans="1:9">
      <c r="A4278" s="1">
        <f ca="1">RAND()</f>
        <v>0.73613506842132137</v>
      </c>
      <c r="B4278" s="1"/>
      <c r="C4278">
        <v>9</v>
      </c>
      <c r="D4278" t="s">
        <v>6954</v>
      </c>
      <c r="E4278" t="s">
        <v>32089</v>
      </c>
      <c r="F4278">
        <v>5</v>
      </c>
      <c r="G4278" t="s">
        <v>0</v>
      </c>
      <c r="H4278" t="s">
        <v>6955</v>
      </c>
      <c r="I4278" t="s">
        <v>30540</v>
      </c>
    </row>
    <row r="4279" spans="1:9">
      <c r="A4279" s="1">
        <f ca="1">RAND()</f>
        <v>0.98851377436375865</v>
      </c>
      <c r="B4279" s="1"/>
      <c r="C4279">
        <v>16</v>
      </c>
      <c r="D4279" t="s">
        <v>6962</v>
      </c>
      <c r="E4279" t="s">
        <v>32089</v>
      </c>
      <c r="F4279">
        <v>4</v>
      </c>
      <c r="G4279" t="s">
        <v>9</v>
      </c>
      <c r="H4279" t="s">
        <v>6963</v>
      </c>
      <c r="I4279" t="s">
        <v>30540</v>
      </c>
    </row>
    <row r="4280" spans="1:9">
      <c r="A4280" s="1">
        <f ca="1">RAND()</f>
        <v>0.4442826280053862</v>
      </c>
      <c r="B4280" s="1"/>
      <c r="C4280">
        <v>18</v>
      </c>
      <c r="D4280" t="s">
        <v>6964</v>
      </c>
      <c r="E4280" t="s">
        <v>32089</v>
      </c>
      <c r="F4280">
        <v>4</v>
      </c>
      <c r="G4280" t="s">
        <v>0</v>
      </c>
      <c r="H4280" t="s">
        <v>6965</v>
      </c>
      <c r="I4280" t="s">
        <v>30540</v>
      </c>
    </row>
    <row r="4281" spans="1:9">
      <c r="A4281" s="1">
        <f ca="1">RAND()</f>
        <v>0.82941161751215497</v>
      </c>
      <c r="B4281" s="1"/>
      <c r="C4281">
        <v>12</v>
      </c>
      <c r="D4281" t="s">
        <v>6958</v>
      </c>
      <c r="E4281" t="s">
        <v>32089</v>
      </c>
      <c r="F4281">
        <v>4</v>
      </c>
      <c r="G4281" t="s">
        <v>0</v>
      </c>
      <c r="H4281" t="s">
        <v>6959</v>
      </c>
      <c r="I4281" t="s">
        <v>30540</v>
      </c>
    </row>
    <row r="4282" spans="1:9">
      <c r="A4282" s="1">
        <f ca="1">RAND()</f>
        <v>0.18219523716296848</v>
      </c>
      <c r="B4282" s="1"/>
      <c r="C4282">
        <v>13</v>
      </c>
      <c r="D4282" t="s">
        <v>6960</v>
      </c>
      <c r="E4282" t="s">
        <v>32089</v>
      </c>
      <c r="F4282">
        <v>4</v>
      </c>
      <c r="G4282" t="s">
        <v>0</v>
      </c>
      <c r="H4282" t="s">
        <v>6961</v>
      </c>
      <c r="I4282" t="s">
        <v>30540</v>
      </c>
    </row>
    <row r="4283" spans="1:9">
      <c r="A4283" s="1">
        <f ca="1">RAND()</f>
        <v>0.92880262305416872</v>
      </c>
      <c r="B4283" s="1"/>
      <c r="C4283">
        <v>14</v>
      </c>
      <c r="D4283" t="s">
        <v>6952</v>
      </c>
      <c r="E4283" t="s">
        <v>32090</v>
      </c>
      <c r="F4283">
        <v>4</v>
      </c>
      <c r="G4283" t="s">
        <v>0</v>
      </c>
      <c r="H4283" t="s">
        <v>6953</v>
      </c>
      <c r="I4283" t="s">
        <v>30540</v>
      </c>
    </row>
    <row r="4284" spans="1:9">
      <c r="A4284" s="1">
        <f ca="1">RAND()</f>
        <v>0.92228077533264174</v>
      </c>
      <c r="B4284" s="1"/>
      <c r="C4284">
        <v>2</v>
      </c>
      <c r="D4284" t="s">
        <v>6950</v>
      </c>
      <c r="E4284" t="s">
        <v>32090</v>
      </c>
      <c r="F4284">
        <v>4</v>
      </c>
      <c r="G4284" t="s">
        <v>774</v>
      </c>
      <c r="H4284" t="s">
        <v>6951</v>
      </c>
      <c r="I4284" t="s">
        <v>30540</v>
      </c>
    </row>
    <row r="4285" spans="1:9">
      <c r="A4285" s="1">
        <f ca="1">RAND()</f>
        <v>0.57320233329379733</v>
      </c>
      <c r="B4285" s="1"/>
      <c r="C4285">
        <v>1</v>
      </c>
      <c r="D4285" t="s">
        <v>6948</v>
      </c>
      <c r="E4285" t="s">
        <v>32090</v>
      </c>
      <c r="F4285">
        <v>2</v>
      </c>
      <c r="G4285" t="s">
        <v>765</v>
      </c>
      <c r="H4285" t="s">
        <v>6949</v>
      </c>
      <c r="I4285" t="s">
        <v>30540</v>
      </c>
    </row>
    <row r="4286" spans="1:9">
      <c r="A4286" s="1">
        <f ca="1">RAND()</f>
        <v>0.8413813992673882</v>
      </c>
      <c r="B4286" s="1"/>
      <c r="C4286">
        <v>11</v>
      </c>
      <c r="D4286" t="s">
        <v>6942</v>
      </c>
      <c r="E4286" t="s">
        <v>32091</v>
      </c>
      <c r="F4286">
        <v>5</v>
      </c>
      <c r="G4286" t="s">
        <v>1</v>
      </c>
      <c r="H4286" t="s">
        <v>6943</v>
      </c>
      <c r="I4286" t="s">
        <v>30540</v>
      </c>
    </row>
    <row r="4287" spans="1:9">
      <c r="A4287" s="1">
        <f ca="1">RAND()</f>
        <v>0.98186569870243212</v>
      </c>
      <c r="B4287" s="1"/>
      <c r="C4287">
        <v>20</v>
      </c>
      <c r="D4287" t="s">
        <v>6946</v>
      </c>
      <c r="E4287" t="s">
        <v>32091</v>
      </c>
      <c r="F4287">
        <v>4</v>
      </c>
      <c r="G4287" t="s">
        <v>0</v>
      </c>
      <c r="H4287" t="s">
        <v>6947</v>
      </c>
      <c r="I4287" t="s">
        <v>30540</v>
      </c>
    </row>
    <row r="4288" spans="1:9">
      <c r="A4288" s="1">
        <f ca="1">RAND()</f>
        <v>0.86550870817357639</v>
      </c>
      <c r="B4288" s="1"/>
      <c r="C4288">
        <v>2</v>
      </c>
      <c r="D4288" t="s">
        <v>6940</v>
      </c>
      <c r="E4288" t="s">
        <v>32091</v>
      </c>
      <c r="F4288">
        <v>4</v>
      </c>
      <c r="G4288" t="s">
        <v>0</v>
      </c>
      <c r="H4288" t="s">
        <v>6941</v>
      </c>
      <c r="I4288" t="s">
        <v>30540</v>
      </c>
    </row>
    <row r="4289" spans="1:9">
      <c r="A4289" s="1">
        <f ca="1">RAND()</f>
        <v>0.29211030228690638</v>
      </c>
      <c r="B4289" s="1"/>
      <c r="C4289">
        <v>13</v>
      </c>
      <c r="D4289" t="s">
        <v>6944</v>
      </c>
      <c r="E4289" t="s">
        <v>32091</v>
      </c>
      <c r="F4289">
        <v>2</v>
      </c>
      <c r="G4289" t="s">
        <v>9</v>
      </c>
      <c r="H4289" t="s">
        <v>6945</v>
      </c>
      <c r="I4289" t="s">
        <v>30540</v>
      </c>
    </row>
    <row r="4290" spans="1:9">
      <c r="A4290" s="1">
        <f ca="1">RAND()</f>
        <v>0.91699825594941275</v>
      </c>
      <c r="B4290" s="1"/>
      <c r="C4290">
        <v>14</v>
      </c>
      <c r="D4290" t="s">
        <v>6932</v>
      </c>
      <c r="E4290" t="s">
        <v>32092</v>
      </c>
      <c r="F4290">
        <v>5</v>
      </c>
      <c r="G4290" t="s">
        <v>770</v>
      </c>
      <c r="H4290" t="s">
        <v>6933</v>
      </c>
      <c r="I4290" t="s">
        <v>30540</v>
      </c>
    </row>
    <row r="4291" spans="1:9">
      <c r="A4291" s="1">
        <f ca="1">RAND()</f>
        <v>0.17340562517575464</v>
      </c>
      <c r="B4291" s="1"/>
      <c r="C4291">
        <v>10</v>
      </c>
      <c r="D4291" t="s">
        <v>6928</v>
      </c>
      <c r="E4291" t="s">
        <v>32092</v>
      </c>
      <c r="F4291">
        <v>4</v>
      </c>
      <c r="G4291" t="s">
        <v>765</v>
      </c>
      <c r="H4291" t="s">
        <v>6929</v>
      </c>
      <c r="I4291" t="s">
        <v>30540</v>
      </c>
    </row>
    <row r="4292" spans="1:9">
      <c r="A4292" s="1">
        <f ca="1">RAND()</f>
        <v>0.10433436900508763</v>
      </c>
      <c r="B4292" s="1"/>
      <c r="C4292">
        <v>6</v>
      </c>
      <c r="D4292" t="s">
        <v>6926</v>
      </c>
      <c r="E4292" t="s">
        <v>32092</v>
      </c>
      <c r="F4292">
        <v>4</v>
      </c>
      <c r="G4292" t="s">
        <v>771</v>
      </c>
      <c r="H4292" t="s">
        <v>6927</v>
      </c>
      <c r="I4292" t="s">
        <v>30540</v>
      </c>
    </row>
    <row r="4293" spans="1:9">
      <c r="A4293" s="1">
        <f ca="1">RAND()</f>
        <v>0.95246387590676751</v>
      </c>
      <c r="B4293" s="1"/>
      <c r="C4293">
        <v>11</v>
      </c>
      <c r="D4293" t="s">
        <v>6930</v>
      </c>
      <c r="E4293" t="s">
        <v>32092</v>
      </c>
      <c r="F4293">
        <v>4</v>
      </c>
      <c r="G4293" t="s">
        <v>0</v>
      </c>
      <c r="H4293" t="s">
        <v>6931</v>
      </c>
      <c r="I4293" t="s">
        <v>30540</v>
      </c>
    </row>
    <row r="4294" spans="1:9">
      <c r="A4294" s="1">
        <f ca="1">RAND()</f>
        <v>0.56077578041996123</v>
      </c>
      <c r="B4294" s="1"/>
      <c r="C4294">
        <v>19</v>
      </c>
      <c r="D4294" t="s">
        <v>6936</v>
      </c>
      <c r="E4294" t="s">
        <v>32092</v>
      </c>
      <c r="F4294">
        <v>4</v>
      </c>
      <c r="G4294" t="s">
        <v>0</v>
      </c>
      <c r="H4294" t="s">
        <v>6937</v>
      </c>
      <c r="I4294" t="s">
        <v>30540</v>
      </c>
    </row>
    <row r="4295" spans="1:9">
      <c r="A4295" s="1">
        <f ca="1">RAND()</f>
        <v>0.98550993167252354</v>
      </c>
      <c r="B4295" s="1"/>
      <c r="C4295">
        <v>17</v>
      </c>
      <c r="D4295" t="s">
        <v>6934</v>
      </c>
      <c r="E4295" t="s">
        <v>32092</v>
      </c>
      <c r="F4295">
        <v>4</v>
      </c>
      <c r="G4295" t="s">
        <v>774</v>
      </c>
      <c r="H4295" t="s">
        <v>6935</v>
      </c>
      <c r="I4295" t="s">
        <v>30540</v>
      </c>
    </row>
    <row r="4296" spans="1:9">
      <c r="A4296" s="1">
        <f ca="1">RAND()</f>
        <v>9.6416761562608033E-2</v>
      </c>
      <c r="B4296" s="1"/>
      <c r="C4296">
        <v>20</v>
      </c>
      <c r="D4296" t="s">
        <v>6938</v>
      </c>
      <c r="E4296" t="s">
        <v>32092</v>
      </c>
      <c r="F4296">
        <v>4</v>
      </c>
      <c r="G4296" t="s">
        <v>9</v>
      </c>
      <c r="H4296" t="s">
        <v>6939</v>
      </c>
      <c r="I4296" t="s">
        <v>30540</v>
      </c>
    </row>
    <row r="4297" spans="1:9">
      <c r="A4297" s="1">
        <f ca="1">RAND()</f>
        <v>3.5701809656056294E-2</v>
      </c>
      <c r="B4297" s="1"/>
      <c r="C4297">
        <v>19</v>
      </c>
      <c r="D4297" t="s">
        <v>6924</v>
      </c>
      <c r="E4297" t="s">
        <v>32093</v>
      </c>
      <c r="F4297">
        <v>5</v>
      </c>
      <c r="G4297" t="s">
        <v>1</v>
      </c>
      <c r="H4297" t="s">
        <v>6925</v>
      </c>
      <c r="I4297" t="s">
        <v>30540</v>
      </c>
    </row>
    <row r="4298" spans="1:9">
      <c r="A4298" s="1">
        <f ca="1">RAND()</f>
        <v>0.64515695116616867</v>
      </c>
      <c r="B4298" s="1"/>
      <c r="C4298">
        <v>8</v>
      </c>
      <c r="D4298" t="s">
        <v>6920</v>
      </c>
      <c r="E4298" t="s">
        <v>32093</v>
      </c>
      <c r="F4298">
        <v>4</v>
      </c>
      <c r="G4298" t="s">
        <v>770</v>
      </c>
      <c r="H4298" t="s">
        <v>6921</v>
      </c>
      <c r="I4298" t="s">
        <v>30540</v>
      </c>
    </row>
    <row r="4299" spans="1:9">
      <c r="A4299" s="1">
        <f ca="1">RAND()</f>
        <v>0.30042326876132008</v>
      </c>
      <c r="B4299" s="1"/>
      <c r="C4299">
        <v>11</v>
      </c>
      <c r="D4299" t="s">
        <v>6922</v>
      </c>
      <c r="E4299" t="s">
        <v>32093</v>
      </c>
      <c r="F4299">
        <v>4</v>
      </c>
      <c r="G4299" t="s">
        <v>765</v>
      </c>
      <c r="H4299" t="s">
        <v>6923</v>
      </c>
      <c r="I4299" t="s">
        <v>30540</v>
      </c>
    </row>
    <row r="4300" spans="1:9">
      <c r="A4300" s="1">
        <f ca="1">RAND()</f>
        <v>0.45210810223294562</v>
      </c>
      <c r="B4300" s="1"/>
      <c r="C4300">
        <v>3</v>
      </c>
      <c r="D4300" t="s">
        <v>6914</v>
      </c>
      <c r="E4300" t="s">
        <v>32094</v>
      </c>
      <c r="F4300">
        <v>5</v>
      </c>
      <c r="G4300" t="s">
        <v>0</v>
      </c>
      <c r="H4300" t="s">
        <v>6915</v>
      </c>
      <c r="I4300" t="s">
        <v>30540</v>
      </c>
    </row>
    <row r="4301" spans="1:9">
      <c r="A4301" s="1">
        <f ca="1">RAND()</f>
        <v>0.74563167439276634</v>
      </c>
      <c r="B4301" s="1"/>
      <c r="C4301">
        <v>7</v>
      </c>
      <c r="D4301" t="s">
        <v>6916</v>
      </c>
      <c r="E4301" t="s">
        <v>32094</v>
      </c>
      <c r="F4301">
        <v>4</v>
      </c>
      <c r="G4301" t="s">
        <v>0</v>
      </c>
      <c r="H4301" t="s">
        <v>6917</v>
      </c>
      <c r="I4301" t="s">
        <v>30540</v>
      </c>
    </row>
    <row r="4302" spans="1:9">
      <c r="A4302" s="1">
        <f ca="1">RAND()</f>
        <v>0.39718711858900702</v>
      </c>
      <c r="B4302" s="1"/>
      <c r="C4302">
        <v>15</v>
      </c>
      <c r="D4302" t="s">
        <v>6918</v>
      </c>
      <c r="E4302" t="s">
        <v>32094</v>
      </c>
      <c r="F4302">
        <v>4</v>
      </c>
      <c r="G4302" t="s">
        <v>0</v>
      </c>
      <c r="H4302" t="s">
        <v>6919</v>
      </c>
      <c r="I4302" t="s">
        <v>30540</v>
      </c>
    </row>
    <row r="4303" spans="1:9">
      <c r="A4303" s="1">
        <f ca="1">RAND()</f>
        <v>0.52761772063953438</v>
      </c>
      <c r="B4303" s="1"/>
      <c r="C4303">
        <v>11</v>
      </c>
      <c r="D4303" t="s">
        <v>6910</v>
      </c>
      <c r="E4303" t="s">
        <v>32095</v>
      </c>
      <c r="F4303">
        <v>5</v>
      </c>
      <c r="G4303" t="s">
        <v>0</v>
      </c>
      <c r="H4303" t="s">
        <v>6911</v>
      </c>
      <c r="I4303" t="s">
        <v>30540</v>
      </c>
    </row>
    <row r="4304" spans="1:9">
      <c r="A4304" s="1">
        <f ca="1">RAND()</f>
        <v>0.61206534601026941</v>
      </c>
      <c r="B4304" s="1"/>
      <c r="C4304">
        <v>12</v>
      </c>
      <c r="D4304" t="s">
        <v>6912</v>
      </c>
      <c r="E4304" t="s">
        <v>32095</v>
      </c>
      <c r="F4304">
        <v>4</v>
      </c>
      <c r="G4304" t="s">
        <v>15</v>
      </c>
      <c r="H4304" t="s">
        <v>6913</v>
      </c>
      <c r="I4304" t="s">
        <v>30540</v>
      </c>
    </row>
    <row r="4305" spans="1:9">
      <c r="A4305" s="1">
        <f ca="1">RAND()</f>
        <v>0.97717355577667764</v>
      </c>
      <c r="B4305" s="1"/>
      <c r="C4305">
        <v>6</v>
      </c>
      <c r="D4305" t="s">
        <v>6908</v>
      </c>
      <c r="E4305" t="s">
        <v>32096</v>
      </c>
      <c r="F4305">
        <v>4</v>
      </c>
      <c r="G4305" t="s">
        <v>15</v>
      </c>
      <c r="H4305" t="s">
        <v>6909</v>
      </c>
      <c r="I4305" t="s">
        <v>30540</v>
      </c>
    </row>
    <row r="4306" spans="1:9">
      <c r="A4306" s="1">
        <f ca="1">RAND()</f>
        <v>0.65092076936363386</v>
      </c>
      <c r="B4306" s="1"/>
      <c r="C4306">
        <v>1</v>
      </c>
      <c r="D4306" t="s">
        <v>6904</v>
      </c>
      <c r="E4306" t="s">
        <v>32096</v>
      </c>
      <c r="F4306">
        <v>3</v>
      </c>
      <c r="G4306" t="s">
        <v>0</v>
      </c>
      <c r="H4306" t="s">
        <v>6905</v>
      </c>
      <c r="I4306" t="s">
        <v>30540</v>
      </c>
    </row>
    <row r="4307" spans="1:9">
      <c r="A4307" s="1">
        <f ca="1">RAND()</f>
        <v>0.2906706893538149</v>
      </c>
      <c r="B4307" s="1"/>
      <c r="C4307">
        <v>5</v>
      </c>
      <c r="D4307" t="s">
        <v>6906</v>
      </c>
      <c r="E4307" t="s">
        <v>32096</v>
      </c>
      <c r="F4307">
        <v>3</v>
      </c>
      <c r="G4307" t="s">
        <v>0</v>
      </c>
      <c r="H4307" t="s">
        <v>6907</v>
      </c>
      <c r="I4307" t="s">
        <v>30540</v>
      </c>
    </row>
    <row r="4308" spans="1:9">
      <c r="A4308" s="1">
        <f ca="1">RAND()</f>
        <v>0.48439049515675514</v>
      </c>
      <c r="B4308" s="1"/>
      <c r="C4308">
        <v>2</v>
      </c>
      <c r="D4308" t="s">
        <v>6902</v>
      </c>
      <c r="E4308" t="s">
        <v>32097</v>
      </c>
      <c r="F4308">
        <v>4</v>
      </c>
      <c r="G4308" t="s">
        <v>762</v>
      </c>
      <c r="H4308" t="s">
        <v>6903</v>
      </c>
      <c r="I4308" t="s">
        <v>30540</v>
      </c>
    </row>
    <row r="4309" spans="1:9">
      <c r="A4309" s="1">
        <f ca="1">RAND()</f>
        <v>0.77180127203047444</v>
      </c>
      <c r="B4309" s="1"/>
      <c r="C4309">
        <v>7</v>
      </c>
      <c r="D4309" t="s">
        <v>6898</v>
      </c>
      <c r="E4309" t="s">
        <v>32098</v>
      </c>
      <c r="F4309">
        <v>5</v>
      </c>
      <c r="G4309" t="s">
        <v>15</v>
      </c>
      <c r="H4309" t="s">
        <v>6899</v>
      </c>
      <c r="I4309" t="s">
        <v>30540</v>
      </c>
    </row>
    <row r="4310" spans="1:9">
      <c r="A4310" s="1">
        <f ca="1">RAND()</f>
        <v>0.40510461232545947</v>
      </c>
      <c r="B4310" s="1"/>
      <c r="C4310">
        <v>11</v>
      </c>
      <c r="D4310" t="s">
        <v>6900</v>
      </c>
      <c r="E4310" t="s">
        <v>32098</v>
      </c>
      <c r="F4310">
        <v>4</v>
      </c>
      <c r="G4310" t="s">
        <v>0</v>
      </c>
      <c r="H4310" t="s">
        <v>6901</v>
      </c>
      <c r="I4310" t="s">
        <v>30540</v>
      </c>
    </row>
    <row r="4311" spans="1:9">
      <c r="A4311" s="1">
        <f ca="1">RAND()</f>
        <v>0.61696423216478613</v>
      </c>
      <c r="B4311" s="1"/>
      <c r="C4311">
        <v>3</v>
      </c>
      <c r="D4311" t="s">
        <v>6896</v>
      </c>
      <c r="E4311" t="s">
        <v>32098</v>
      </c>
      <c r="F4311">
        <v>2</v>
      </c>
      <c r="G4311" t="s">
        <v>0</v>
      </c>
      <c r="H4311" t="s">
        <v>6897</v>
      </c>
      <c r="I4311" t="s">
        <v>30540</v>
      </c>
    </row>
    <row r="4312" spans="1:9">
      <c r="A4312" s="1">
        <f ca="1">RAND()</f>
        <v>0.22975173301812879</v>
      </c>
      <c r="B4312" s="1"/>
      <c r="C4312">
        <v>1</v>
      </c>
      <c r="D4312" t="s">
        <v>6888</v>
      </c>
      <c r="E4312" t="s">
        <v>32099</v>
      </c>
      <c r="F4312">
        <v>5</v>
      </c>
      <c r="G4312" t="s">
        <v>2</v>
      </c>
      <c r="H4312" t="s">
        <v>6889</v>
      </c>
      <c r="I4312" t="s">
        <v>30540</v>
      </c>
    </row>
    <row r="4313" spans="1:9">
      <c r="A4313" s="1">
        <f ca="1">RAND()</f>
        <v>0.46650575470922229</v>
      </c>
      <c r="B4313" s="1"/>
      <c r="C4313">
        <v>12</v>
      </c>
      <c r="D4313" t="s">
        <v>6892</v>
      </c>
      <c r="E4313" t="s">
        <v>32099</v>
      </c>
      <c r="F4313">
        <v>5</v>
      </c>
      <c r="G4313" t="s">
        <v>0</v>
      </c>
      <c r="H4313" t="s">
        <v>6893</v>
      </c>
      <c r="I4313" t="s">
        <v>30540</v>
      </c>
    </row>
    <row r="4314" spans="1:9">
      <c r="A4314" s="1">
        <f ca="1">RAND()</f>
        <v>0.98505182338609332</v>
      </c>
      <c r="B4314" s="1"/>
      <c r="C4314">
        <v>13</v>
      </c>
      <c r="D4314" t="s">
        <v>6894</v>
      </c>
      <c r="E4314" t="s">
        <v>32099</v>
      </c>
      <c r="F4314">
        <v>4</v>
      </c>
      <c r="G4314" t="s">
        <v>0</v>
      </c>
      <c r="H4314" t="s">
        <v>6895</v>
      </c>
      <c r="I4314" t="s">
        <v>30540</v>
      </c>
    </row>
    <row r="4315" spans="1:9">
      <c r="A4315" s="1">
        <f ca="1">RAND()</f>
        <v>1.0492721507217473E-2</v>
      </c>
      <c r="B4315" s="1"/>
      <c r="C4315">
        <v>7</v>
      </c>
      <c r="D4315" t="s">
        <v>6890</v>
      </c>
      <c r="E4315" t="s">
        <v>32099</v>
      </c>
      <c r="F4315">
        <v>3</v>
      </c>
      <c r="G4315" t="s">
        <v>0</v>
      </c>
      <c r="H4315" t="s">
        <v>6891</v>
      </c>
      <c r="I4315" t="s">
        <v>30540</v>
      </c>
    </row>
    <row r="4316" spans="1:9">
      <c r="A4316" s="1">
        <f ca="1">RAND()</f>
        <v>0.17387252481165005</v>
      </c>
      <c r="B4316" s="1"/>
      <c r="C4316">
        <v>8</v>
      </c>
      <c r="D4316" t="s">
        <v>6876</v>
      </c>
      <c r="E4316" t="s">
        <v>32100</v>
      </c>
      <c r="F4316">
        <v>4</v>
      </c>
      <c r="G4316" t="s">
        <v>1</v>
      </c>
      <c r="H4316" t="s">
        <v>6877</v>
      </c>
      <c r="I4316" t="s">
        <v>30540</v>
      </c>
    </row>
    <row r="4317" spans="1:9">
      <c r="A4317" s="1">
        <f ca="1">RAND()</f>
        <v>0.98900782268118437</v>
      </c>
      <c r="B4317" s="1"/>
      <c r="C4317">
        <v>20</v>
      </c>
      <c r="D4317" t="s">
        <v>6886</v>
      </c>
      <c r="E4317" t="s">
        <v>32100</v>
      </c>
      <c r="F4317">
        <v>4</v>
      </c>
      <c r="G4317" t="s">
        <v>0</v>
      </c>
      <c r="H4317" t="s">
        <v>6887</v>
      </c>
      <c r="I4317" t="s">
        <v>30540</v>
      </c>
    </row>
    <row r="4318" spans="1:9">
      <c r="A4318" s="1">
        <f ca="1">RAND()</f>
        <v>0.34160850518865316</v>
      </c>
      <c r="B4318" s="1"/>
      <c r="C4318">
        <v>2</v>
      </c>
      <c r="D4318" t="s">
        <v>6874</v>
      </c>
      <c r="E4318" t="s">
        <v>32100</v>
      </c>
      <c r="F4318">
        <v>3</v>
      </c>
      <c r="G4318" t="s">
        <v>774</v>
      </c>
      <c r="H4318" t="s">
        <v>6875</v>
      </c>
      <c r="I4318" t="s">
        <v>30540</v>
      </c>
    </row>
    <row r="4319" spans="1:9">
      <c r="A4319" s="1">
        <f ca="1">RAND()</f>
        <v>0.48208979563151744</v>
      </c>
      <c r="B4319" s="1"/>
      <c r="C4319">
        <v>16</v>
      </c>
      <c r="D4319" t="s">
        <v>6880</v>
      </c>
      <c r="E4319" t="s">
        <v>32100</v>
      </c>
      <c r="F4319">
        <v>2</v>
      </c>
      <c r="G4319" t="s">
        <v>0</v>
      </c>
      <c r="H4319" t="s">
        <v>6881</v>
      </c>
      <c r="I4319" t="s">
        <v>30540</v>
      </c>
    </row>
    <row r="4320" spans="1:9">
      <c r="A4320" s="1">
        <f ca="1">RAND()</f>
        <v>0.58574334289602525</v>
      </c>
      <c r="B4320" s="1"/>
      <c r="C4320">
        <v>9</v>
      </c>
      <c r="D4320" t="s">
        <v>6878</v>
      </c>
      <c r="E4320" t="s">
        <v>32100</v>
      </c>
      <c r="F4320">
        <v>2</v>
      </c>
      <c r="G4320" t="s">
        <v>9</v>
      </c>
      <c r="H4320" t="s">
        <v>6879</v>
      </c>
      <c r="I4320" t="s">
        <v>30540</v>
      </c>
    </row>
    <row r="4321" spans="1:9">
      <c r="A4321" s="1">
        <f ca="1">RAND()</f>
        <v>0.2053363760704372</v>
      </c>
      <c r="B4321" s="1"/>
      <c r="C4321">
        <v>19</v>
      </c>
      <c r="D4321" t="s">
        <v>6884</v>
      </c>
      <c r="E4321" t="s">
        <v>32100</v>
      </c>
      <c r="F4321">
        <v>2</v>
      </c>
      <c r="G4321" t="s">
        <v>0</v>
      </c>
      <c r="H4321" t="s">
        <v>6885</v>
      </c>
      <c r="I4321" t="s">
        <v>30540</v>
      </c>
    </row>
    <row r="4322" spans="1:9">
      <c r="A4322" s="1">
        <f ca="1">RAND()</f>
        <v>0.31957732606210831</v>
      </c>
      <c r="B4322" s="1"/>
      <c r="C4322">
        <v>18</v>
      </c>
      <c r="D4322" t="s">
        <v>6882</v>
      </c>
      <c r="E4322" t="s">
        <v>32100</v>
      </c>
      <c r="F4322">
        <v>2</v>
      </c>
      <c r="G4322" t="s">
        <v>0</v>
      </c>
      <c r="H4322" t="s">
        <v>6883</v>
      </c>
      <c r="I4322" t="s">
        <v>30540</v>
      </c>
    </row>
    <row r="4323" spans="1:9">
      <c r="A4323" s="1">
        <f ca="1">RAND()</f>
        <v>0.82980188769123375</v>
      </c>
      <c r="B4323" s="1"/>
      <c r="C4323">
        <v>3</v>
      </c>
      <c r="D4323" t="s">
        <v>6864</v>
      </c>
      <c r="E4323" t="s">
        <v>32101</v>
      </c>
      <c r="F4323">
        <v>5</v>
      </c>
      <c r="G4323" t="s">
        <v>0</v>
      </c>
      <c r="H4323" t="s">
        <v>6865</v>
      </c>
      <c r="I4323" t="s">
        <v>30540</v>
      </c>
    </row>
    <row r="4324" spans="1:9">
      <c r="A4324" s="1">
        <f ca="1">RAND()</f>
        <v>0.96257587552306356</v>
      </c>
      <c r="B4324" s="1"/>
      <c r="C4324">
        <v>6</v>
      </c>
      <c r="D4324" t="s">
        <v>6866</v>
      </c>
      <c r="E4324" t="s">
        <v>32101</v>
      </c>
      <c r="F4324">
        <v>5</v>
      </c>
      <c r="G4324" t="s">
        <v>10</v>
      </c>
      <c r="H4324" t="s">
        <v>6867</v>
      </c>
      <c r="I4324" t="s">
        <v>30540</v>
      </c>
    </row>
    <row r="4325" spans="1:9">
      <c r="A4325" s="1">
        <f ca="1">RAND()</f>
        <v>0.36912653764631254</v>
      </c>
      <c r="B4325" s="1"/>
      <c r="C4325">
        <v>10</v>
      </c>
      <c r="D4325" t="s">
        <v>6868</v>
      </c>
      <c r="E4325" t="s">
        <v>32101</v>
      </c>
      <c r="F4325">
        <v>5</v>
      </c>
      <c r="G4325" t="s">
        <v>0</v>
      </c>
      <c r="H4325" t="s">
        <v>6869</v>
      </c>
      <c r="I4325" t="s">
        <v>30540</v>
      </c>
    </row>
    <row r="4326" spans="1:9">
      <c r="A4326" s="1">
        <f ca="1">RAND()</f>
        <v>0.60152603050335551</v>
      </c>
      <c r="B4326" s="1"/>
      <c r="C4326">
        <v>14</v>
      </c>
      <c r="D4326" t="s">
        <v>6872</v>
      </c>
      <c r="E4326" t="s">
        <v>32101</v>
      </c>
      <c r="F4326">
        <v>5</v>
      </c>
      <c r="G4326" t="s">
        <v>0</v>
      </c>
      <c r="H4326" t="s">
        <v>6873</v>
      </c>
      <c r="I4326" t="s">
        <v>30540</v>
      </c>
    </row>
    <row r="4327" spans="1:9">
      <c r="A4327" s="1">
        <f ca="1">RAND()</f>
        <v>0.25004982502814155</v>
      </c>
      <c r="B4327" s="1"/>
      <c r="C4327">
        <v>11</v>
      </c>
      <c r="D4327" t="s">
        <v>6870</v>
      </c>
      <c r="E4327" t="s">
        <v>32101</v>
      </c>
      <c r="F4327">
        <v>4</v>
      </c>
      <c r="G4327" t="s">
        <v>0</v>
      </c>
      <c r="H4327" t="s">
        <v>6871</v>
      </c>
      <c r="I4327" t="s">
        <v>30540</v>
      </c>
    </row>
    <row r="4328" spans="1:9">
      <c r="A4328" s="1">
        <f ca="1">RAND()</f>
        <v>0.34611532542169154</v>
      </c>
      <c r="B4328" s="1"/>
      <c r="C4328">
        <v>10</v>
      </c>
      <c r="D4328" t="s">
        <v>6856</v>
      </c>
      <c r="E4328" t="s">
        <v>32102</v>
      </c>
      <c r="F4328">
        <v>4</v>
      </c>
      <c r="G4328" t="s">
        <v>9</v>
      </c>
      <c r="H4328" t="s">
        <v>6857</v>
      </c>
      <c r="I4328" t="s">
        <v>30540</v>
      </c>
    </row>
    <row r="4329" spans="1:9">
      <c r="A4329" s="1">
        <f ca="1">RAND()</f>
        <v>0.34711914611803163</v>
      </c>
      <c r="B4329" s="1"/>
      <c r="C4329">
        <v>3</v>
      </c>
      <c r="D4329" t="s">
        <v>6854</v>
      </c>
      <c r="E4329" t="s">
        <v>32102</v>
      </c>
      <c r="F4329">
        <v>4</v>
      </c>
      <c r="G4329" t="s">
        <v>762</v>
      </c>
      <c r="H4329" t="s">
        <v>6855</v>
      </c>
      <c r="I4329" t="s">
        <v>30540</v>
      </c>
    </row>
    <row r="4330" spans="1:9">
      <c r="A4330" s="1">
        <f ca="1">RAND()</f>
        <v>0.15722860280027795</v>
      </c>
      <c r="B4330" s="1"/>
      <c r="C4330">
        <v>19</v>
      </c>
      <c r="D4330" t="s">
        <v>6862</v>
      </c>
      <c r="E4330" t="s">
        <v>32102</v>
      </c>
      <c r="F4330">
        <v>4</v>
      </c>
      <c r="G4330" t="s">
        <v>15</v>
      </c>
      <c r="H4330" t="s">
        <v>6863</v>
      </c>
      <c r="I4330" t="s">
        <v>30540</v>
      </c>
    </row>
    <row r="4331" spans="1:9">
      <c r="A4331" s="1">
        <f ca="1">RAND()</f>
        <v>0.91391159993399729</v>
      </c>
      <c r="B4331" s="1"/>
      <c r="C4331">
        <v>13</v>
      </c>
      <c r="D4331" t="s">
        <v>6858</v>
      </c>
      <c r="E4331" t="s">
        <v>32102</v>
      </c>
      <c r="F4331">
        <v>4</v>
      </c>
      <c r="G4331" t="s">
        <v>0</v>
      </c>
      <c r="H4331" t="s">
        <v>6859</v>
      </c>
      <c r="I4331" t="s">
        <v>30540</v>
      </c>
    </row>
    <row r="4332" spans="1:9">
      <c r="A4332" s="1">
        <f ca="1">RAND()</f>
        <v>0.37541864227825783</v>
      </c>
      <c r="B4332" s="1"/>
      <c r="C4332">
        <v>16</v>
      </c>
      <c r="D4332" t="s">
        <v>6860</v>
      </c>
      <c r="E4332" t="s">
        <v>32102</v>
      </c>
      <c r="F4332">
        <v>0</v>
      </c>
      <c r="G4332" t="s">
        <v>0</v>
      </c>
      <c r="H4332" t="s">
        <v>6861</v>
      </c>
      <c r="I4332" t="s">
        <v>30540</v>
      </c>
    </row>
    <row r="4333" spans="1:9">
      <c r="A4333" s="1">
        <f ca="1">RAND()</f>
        <v>0.69575281004599188</v>
      </c>
      <c r="B4333" s="1"/>
      <c r="C4333">
        <v>20</v>
      </c>
      <c r="D4333" t="s">
        <v>6852</v>
      </c>
      <c r="E4333" t="s">
        <v>32103</v>
      </c>
      <c r="F4333">
        <v>5</v>
      </c>
      <c r="G4333" t="s">
        <v>0</v>
      </c>
      <c r="H4333" t="s">
        <v>6853</v>
      </c>
      <c r="I4333" t="s">
        <v>30540</v>
      </c>
    </row>
    <row r="4334" spans="1:9">
      <c r="A4334" s="1">
        <f ca="1">RAND()</f>
        <v>0.79750648580801187</v>
      </c>
      <c r="B4334" s="1"/>
      <c r="C4334">
        <v>16</v>
      </c>
      <c r="D4334" t="s">
        <v>6850</v>
      </c>
      <c r="E4334" t="s">
        <v>32103</v>
      </c>
      <c r="F4334">
        <v>4</v>
      </c>
      <c r="G4334" t="s">
        <v>765</v>
      </c>
      <c r="H4334" t="s">
        <v>6851</v>
      </c>
      <c r="I4334" t="s">
        <v>30540</v>
      </c>
    </row>
    <row r="4335" spans="1:9">
      <c r="A4335" s="1">
        <f ca="1">RAND()</f>
        <v>0.9216776955758661</v>
      </c>
      <c r="B4335" s="1"/>
      <c r="C4335">
        <v>13</v>
      </c>
      <c r="D4335" t="s">
        <v>6848</v>
      </c>
      <c r="E4335" t="s">
        <v>32103</v>
      </c>
      <c r="F4335">
        <v>4</v>
      </c>
      <c r="G4335" t="s">
        <v>770</v>
      </c>
      <c r="H4335" t="s">
        <v>6849</v>
      </c>
      <c r="I4335" t="s">
        <v>30540</v>
      </c>
    </row>
    <row r="4336" spans="1:9">
      <c r="A4336" s="1">
        <f ca="1">RAND()</f>
        <v>0.9120792274697368</v>
      </c>
      <c r="B4336" s="1"/>
      <c r="C4336">
        <v>1</v>
      </c>
      <c r="D4336" t="s">
        <v>6846</v>
      </c>
      <c r="E4336" t="s">
        <v>32103</v>
      </c>
      <c r="F4336">
        <v>2</v>
      </c>
      <c r="G4336" t="s">
        <v>9</v>
      </c>
      <c r="H4336" t="s">
        <v>6847</v>
      </c>
      <c r="I4336" t="s">
        <v>30540</v>
      </c>
    </row>
    <row r="4337" spans="1:9">
      <c r="A4337" s="1">
        <f ca="1">RAND()</f>
        <v>0.50215843752425904</v>
      </c>
      <c r="B4337" s="1"/>
      <c r="C4337">
        <v>7</v>
      </c>
      <c r="D4337" t="s">
        <v>6838</v>
      </c>
      <c r="E4337" t="s">
        <v>32104</v>
      </c>
      <c r="F4337">
        <v>5</v>
      </c>
      <c r="G4337" t="s">
        <v>0</v>
      </c>
      <c r="H4337" t="s">
        <v>6839</v>
      </c>
      <c r="I4337" t="s">
        <v>30540</v>
      </c>
    </row>
    <row r="4338" spans="1:9">
      <c r="A4338" s="1">
        <f ca="1">RAND()</f>
        <v>0.33262744207592754</v>
      </c>
      <c r="B4338" s="1"/>
      <c r="C4338">
        <v>12</v>
      </c>
      <c r="D4338" t="s">
        <v>6844</v>
      </c>
      <c r="E4338" t="s">
        <v>32104</v>
      </c>
      <c r="F4338">
        <v>4</v>
      </c>
      <c r="G4338" t="s">
        <v>9</v>
      </c>
      <c r="H4338" t="s">
        <v>6845</v>
      </c>
      <c r="I4338" t="s">
        <v>30540</v>
      </c>
    </row>
    <row r="4339" spans="1:9">
      <c r="A4339" s="1">
        <f ca="1">RAND()</f>
        <v>0.48022516014975791</v>
      </c>
      <c r="B4339" s="1"/>
      <c r="C4339">
        <v>10</v>
      </c>
      <c r="D4339" t="s">
        <v>6842</v>
      </c>
      <c r="E4339" t="s">
        <v>32104</v>
      </c>
      <c r="F4339">
        <v>2</v>
      </c>
      <c r="G4339" t="s">
        <v>10</v>
      </c>
      <c r="H4339" t="s">
        <v>6843</v>
      </c>
      <c r="I4339" t="s">
        <v>30540</v>
      </c>
    </row>
    <row r="4340" spans="1:9">
      <c r="A4340" s="1">
        <f ca="1">RAND()</f>
        <v>0.28427673437894307</v>
      </c>
      <c r="B4340" s="1"/>
      <c r="C4340">
        <v>8</v>
      </c>
      <c r="D4340" t="s">
        <v>6840</v>
      </c>
      <c r="E4340" t="s">
        <v>32104</v>
      </c>
      <c r="F4340">
        <v>2</v>
      </c>
      <c r="G4340" t="s">
        <v>0</v>
      </c>
      <c r="H4340" t="s">
        <v>6841</v>
      </c>
      <c r="I4340" t="s">
        <v>30540</v>
      </c>
    </row>
    <row r="4341" spans="1:9">
      <c r="A4341" s="1">
        <f ca="1">RAND()</f>
        <v>0.57625328433458411</v>
      </c>
      <c r="B4341" s="1"/>
      <c r="C4341">
        <v>15</v>
      </c>
      <c r="D4341" t="s">
        <v>6834</v>
      </c>
      <c r="E4341" t="s">
        <v>32105</v>
      </c>
      <c r="F4341">
        <v>4</v>
      </c>
      <c r="G4341" t="s">
        <v>762</v>
      </c>
      <c r="H4341" t="s">
        <v>6835</v>
      </c>
      <c r="I4341" t="s">
        <v>30540</v>
      </c>
    </row>
    <row r="4342" spans="1:9">
      <c r="A4342" s="1">
        <f ca="1">RAND()</f>
        <v>0.59127417581115949</v>
      </c>
      <c r="B4342" s="1"/>
      <c r="C4342">
        <v>18</v>
      </c>
      <c r="D4342" t="s">
        <v>6836</v>
      </c>
      <c r="E4342" t="s">
        <v>32105</v>
      </c>
      <c r="F4342">
        <v>4</v>
      </c>
      <c r="G4342" t="s">
        <v>0</v>
      </c>
      <c r="H4342" t="s">
        <v>6837</v>
      </c>
      <c r="I4342" t="s">
        <v>30540</v>
      </c>
    </row>
    <row r="4343" spans="1:9">
      <c r="A4343" s="1">
        <f ca="1">RAND()</f>
        <v>0.42635423983048204</v>
      </c>
      <c r="B4343" s="1"/>
      <c r="C4343">
        <v>11</v>
      </c>
      <c r="D4343" t="s">
        <v>6832</v>
      </c>
      <c r="E4343" t="s">
        <v>32105</v>
      </c>
      <c r="F4343">
        <v>1</v>
      </c>
      <c r="G4343" t="s">
        <v>15</v>
      </c>
      <c r="H4343" t="s">
        <v>6833</v>
      </c>
      <c r="I4343" t="s">
        <v>30540</v>
      </c>
    </row>
    <row r="4344" spans="1:9">
      <c r="A4344" s="1">
        <f ca="1">RAND()</f>
        <v>0.27089188301695533</v>
      </c>
      <c r="B4344" s="1"/>
      <c r="C4344">
        <v>8</v>
      </c>
      <c r="D4344" t="s">
        <v>6820</v>
      </c>
      <c r="E4344" t="s">
        <v>32106</v>
      </c>
      <c r="F4344">
        <v>4</v>
      </c>
      <c r="G4344" t="s">
        <v>1</v>
      </c>
      <c r="H4344" t="s">
        <v>6821</v>
      </c>
      <c r="I4344" t="s">
        <v>30540</v>
      </c>
    </row>
    <row r="4345" spans="1:9">
      <c r="A4345" s="1">
        <f ca="1">RAND()</f>
        <v>0.21728911489442193</v>
      </c>
      <c r="B4345" s="1"/>
      <c r="C4345">
        <v>15</v>
      </c>
      <c r="D4345" t="s">
        <v>6828</v>
      </c>
      <c r="E4345" t="s">
        <v>32106</v>
      </c>
      <c r="F4345">
        <v>4</v>
      </c>
      <c r="G4345" t="s">
        <v>0</v>
      </c>
      <c r="H4345" t="s">
        <v>6829</v>
      </c>
      <c r="I4345" t="s">
        <v>30540</v>
      </c>
    </row>
    <row r="4346" spans="1:9">
      <c r="A4346" s="1">
        <f ca="1">RAND()</f>
        <v>0.8175706052723567</v>
      </c>
      <c r="B4346" s="1"/>
      <c r="C4346">
        <v>12</v>
      </c>
      <c r="D4346" t="s">
        <v>6824</v>
      </c>
      <c r="E4346" t="s">
        <v>32106</v>
      </c>
      <c r="F4346">
        <v>4</v>
      </c>
      <c r="G4346" t="s">
        <v>0</v>
      </c>
      <c r="H4346" t="s">
        <v>6825</v>
      </c>
      <c r="I4346" t="s">
        <v>30540</v>
      </c>
    </row>
    <row r="4347" spans="1:9">
      <c r="A4347" s="1">
        <f ca="1">RAND()</f>
        <v>0.4097368354826374</v>
      </c>
      <c r="B4347" s="1"/>
      <c r="C4347">
        <v>6</v>
      </c>
      <c r="D4347" t="s">
        <v>6818</v>
      </c>
      <c r="E4347" t="s">
        <v>32106</v>
      </c>
      <c r="F4347">
        <v>4</v>
      </c>
      <c r="G4347" t="s">
        <v>14</v>
      </c>
      <c r="H4347" t="s">
        <v>6819</v>
      </c>
      <c r="I4347" t="s">
        <v>30540</v>
      </c>
    </row>
    <row r="4348" spans="1:9">
      <c r="A4348" s="1">
        <f ca="1">RAND()</f>
        <v>0.34809923660019337</v>
      </c>
      <c r="B4348" s="1"/>
      <c r="C4348">
        <v>13</v>
      </c>
      <c r="D4348" t="s">
        <v>6826</v>
      </c>
      <c r="E4348" t="s">
        <v>32106</v>
      </c>
      <c r="F4348">
        <v>4</v>
      </c>
      <c r="G4348" t="s">
        <v>1</v>
      </c>
      <c r="H4348" t="s">
        <v>6827</v>
      </c>
      <c r="I4348" t="s">
        <v>30540</v>
      </c>
    </row>
    <row r="4349" spans="1:9">
      <c r="A4349" s="1">
        <f ca="1">RAND()</f>
        <v>2.0393680203981468E-2</v>
      </c>
      <c r="B4349" s="1"/>
      <c r="C4349">
        <v>10</v>
      </c>
      <c r="D4349" t="s">
        <v>6822</v>
      </c>
      <c r="E4349" t="s">
        <v>32106</v>
      </c>
      <c r="F4349">
        <v>4</v>
      </c>
      <c r="G4349" t="s">
        <v>0</v>
      </c>
      <c r="H4349" t="s">
        <v>6823</v>
      </c>
      <c r="I4349" t="s">
        <v>30540</v>
      </c>
    </row>
    <row r="4350" spans="1:9">
      <c r="A4350" s="1">
        <f ca="1">RAND()</f>
        <v>0.78845546222980323</v>
      </c>
      <c r="B4350" s="1"/>
      <c r="C4350">
        <v>19</v>
      </c>
      <c r="D4350" t="s">
        <v>6830</v>
      </c>
      <c r="E4350" t="s">
        <v>32106</v>
      </c>
      <c r="F4350">
        <v>3</v>
      </c>
      <c r="G4350" t="s">
        <v>0</v>
      </c>
      <c r="H4350" t="s">
        <v>6831</v>
      </c>
      <c r="I4350" t="s">
        <v>30540</v>
      </c>
    </row>
    <row r="4351" spans="1:9">
      <c r="A4351" s="1">
        <f ca="1">RAND()</f>
        <v>0.61855050828774061</v>
      </c>
      <c r="B4351" s="1"/>
      <c r="C4351">
        <v>4</v>
      </c>
      <c r="D4351" t="s">
        <v>6814</v>
      </c>
      <c r="E4351" t="s">
        <v>32107</v>
      </c>
      <c r="F4351">
        <v>5</v>
      </c>
      <c r="G4351" t="s">
        <v>2</v>
      </c>
      <c r="H4351" t="s">
        <v>6815</v>
      </c>
      <c r="I4351" t="s">
        <v>30540</v>
      </c>
    </row>
    <row r="4352" spans="1:9">
      <c r="A4352" s="1">
        <f ca="1">RAND()</f>
        <v>0.66406998112179105</v>
      </c>
      <c r="B4352" s="1"/>
      <c r="C4352">
        <v>18</v>
      </c>
      <c r="D4352" t="s">
        <v>6816</v>
      </c>
      <c r="E4352" t="s">
        <v>32107</v>
      </c>
      <c r="F4352">
        <v>2</v>
      </c>
      <c r="G4352" t="s">
        <v>0</v>
      </c>
      <c r="H4352" t="s">
        <v>6817</v>
      </c>
      <c r="I4352" t="s">
        <v>30540</v>
      </c>
    </row>
    <row r="4353" spans="1:9">
      <c r="A4353" s="1">
        <f ca="1">RAND()</f>
        <v>0.71202827124775059</v>
      </c>
      <c r="B4353" s="1"/>
      <c r="C4353">
        <v>19</v>
      </c>
      <c r="D4353" t="s">
        <v>6812</v>
      </c>
      <c r="E4353" t="s">
        <v>32108</v>
      </c>
      <c r="F4353">
        <v>5</v>
      </c>
      <c r="G4353" t="s">
        <v>0</v>
      </c>
      <c r="H4353" t="s">
        <v>6813</v>
      </c>
      <c r="I4353" t="s">
        <v>30540</v>
      </c>
    </row>
    <row r="4354" spans="1:9">
      <c r="A4354" s="1">
        <f ca="1">RAND()</f>
        <v>0.3397582925650322</v>
      </c>
      <c r="B4354" s="1"/>
      <c r="C4354">
        <v>16</v>
      </c>
      <c r="D4354" t="s">
        <v>6808</v>
      </c>
      <c r="E4354" t="s">
        <v>32109</v>
      </c>
      <c r="F4354">
        <v>5</v>
      </c>
      <c r="G4354" t="s">
        <v>0</v>
      </c>
      <c r="H4354" t="s">
        <v>6809</v>
      </c>
      <c r="I4354" t="s">
        <v>30540</v>
      </c>
    </row>
    <row r="4355" spans="1:9">
      <c r="A4355" s="1">
        <f ca="1">RAND()</f>
        <v>0.92838908613436844</v>
      </c>
      <c r="B4355" s="1"/>
      <c r="C4355">
        <v>11</v>
      </c>
      <c r="D4355" t="s">
        <v>6806</v>
      </c>
      <c r="E4355" t="s">
        <v>32109</v>
      </c>
      <c r="F4355">
        <v>5</v>
      </c>
      <c r="G4355" t="s">
        <v>0</v>
      </c>
      <c r="H4355" t="s">
        <v>6807</v>
      </c>
      <c r="I4355" t="s">
        <v>30540</v>
      </c>
    </row>
    <row r="4356" spans="1:9">
      <c r="A4356" s="1">
        <f ca="1">RAND()</f>
        <v>9.2158370315936655E-2</v>
      </c>
      <c r="B4356" s="1"/>
      <c r="C4356">
        <v>4</v>
      </c>
      <c r="D4356" t="s">
        <v>6796</v>
      </c>
      <c r="E4356" t="s">
        <v>32109</v>
      </c>
      <c r="F4356">
        <v>5</v>
      </c>
      <c r="G4356" t="s">
        <v>0</v>
      </c>
      <c r="H4356" t="s">
        <v>6797</v>
      </c>
      <c r="I4356" t="s">
        <v>30540</v>
      </c>
    </row>
    <row r="4357" spans="1:9">
      <c r="A4357" s="1">
        <f ca="1">RAND()</f>
        <v>0.28855516574457696</v>
      </c>
      <c r="B4357" s="1"/>
      <c r="C4357">
        <v>9</v>
      </c>
      <c r="D4357" t="s">
        <v>6802</v>
      </c>
      <c r="E4357" t="s">
        <v>32109</v>
      </c>
      <c r="F4357">
        <v>4</v>
      </c>
      <c r="G4357" t="s">
        <v>9</v>
      </c>
      <c r="H4357" t="s">
        <v>6803</v>
      </c>
      <c r="I4357" t="s">
        <v>30540</v>
      </c>
    </row>
    <row r="4358" spans="1:9">
      <c r="A4358" s="1">
        <f ca="1">RAND()</f>
        <v>0.90032314097316002</v>
      </c>
      <c r="B4358" s="1"/>
      <c r="C4358">
        <v>5</v>
      </c>
      <c r="D4358" t="s">
        <v>6798</v>
      </c>
      <c r="E4358" t="s">
        <v>32109</v>
      </c>
      <c r="F4358">
        <v>4</v>
      </c>
      <c r="G4358" t="s">
        <v>0</v>
      </c>
      <c r="H4358" t="s">
        <v>6799</v>
      </c>
      <c r="I4358" t="s">
        <v>30540</v>
      </c>
    </row>
    <row r="4359" spans="1:9">
      <c r="A4359" s="1">
        <f ca="1">RAND()</f>
        <v>0.78378366094281948</v>
      </c>
      <c r="B4359" s="1"/>
      <c r="C4359">
        <v>10</v>
      </c>
      <c r="D4359" t="s">
        <v>6804</v>
      </c>
      <c r="E4359" t="s">
        <v>32109</v>
      </c>
      <c r="F4359">
        <v>4</v>
      </c>
      <c r="G4359" t="s">
        <v>2</v>
      </c>
      <c r="H4359" t="s">
        <v>6805</v>
      </c>
      <c r="I4359" t="s">
        <v>30540</v>
      </c>
    </row>
    <row r="4360" spans="1:9">
      <c r="A4360" s="1">
        <f ca="1">RAND()</f>
        <v>0.11833001159819545</v>
      </c>
      <c r="B4360" s="1"/>
      <c r="C4360">
        <v>17</v>
      </c>
      <c r="D4360" t="s">
        <v>6810</v>
      </c>
      <c r="E4360" t="s">
        <v>32109</v>
      </c>
      <c r="F4360">
        <v>4</v>
      </c>
      <c r="G4360" t="s">
        <v>15</v>
      </c>
      <c r="H4360" t="s">
        <v>6811</v>
      </c>
      <c r="I4360" t="s">
        <v>30540</v>
      </c>
    </row>
    <row r="4361" spans="1:9">
      <c r="A4361" s="1">
        <f ca="1">RAND()</f>
        <v>4.7473507861281905E-2</v>
      </c>
      <c r="B4361" s="1"/>
      <c r="C4361">
        <v>2</v>
      </c>
      <c r="D4361" t="s">
        <v>6794</v>
      </c>
      <c r="E4361" t="s">
        <v>32109</v>
      </c>
      <c r="F4361">
        <v>4</v>
      </c>
      <c r="G4361" t="s">
        <v>10</v>
      </c>
      <c r="H4361" t="s">
        <v>6795</v>
      </c>
      <c r="I4361" t="s">
        <v>30540</v>
      </c>
    </row>
    <row r="4362" spans="1:9">
      <c r="A4362" s="1">
        <f ca="1">RAND()</f>
        <v>0.48727866611968929</v>
      </c>
      <c r="B4362" s="1"/>
      <c r="C4362">
        <v>7</v>
      </c>
      <c r="D4362" t="s">
        <v>6800</v>
      </c>
      <c r="E4362" t="s">
        <v>32109</v>
      </c>
      <c r="F4362">
        <v>3</v>
      </c>
      <c r="G4362" t="s">
        <v>2</v>
      </c>
      <c r="H4362" t="s">
        <v>6801</v>
      </c>
      <c r="I4362" t="s">
        <v>30540</v>
      </c>
    </row>
    <row r="4363" spans="1:9">
      <c r="A4363" s="1">
        <f ca="1">RAND()</f>
        <v>0.6964131791257766</v>
      </c>
      <c r="B4363" s="1"/>
      <c r="C4363">
        <v>20</v>
      </c>
      <c r="D4363" t="s">
        <v>6792</v>
      </c>
      <c r="E4363" t="s">
        <v>32110</v>
      </c>
      <c r="F4363">
        <v>4</v>
      </c>
      <c r="G4363" t="s">
        <v>0</v>
      </c>
      <c r="H4363" t="s">
        <v>6793</v>
      </c>
      <c r="I4363" t="s">
        <v>30540</v>
      </c>
    </row>
    <row r="4364" spans="1:9">
      <c r="A4364" s="1">
        <f ca="1">RAND()</f>
        <v>0.86699506464811016</v>
      </c>
      <c r="B4364" s="1"/>
      <c r="C4364">
        <v>10</v>
      </c>
      <c r="D4364" t="s">
        <v>6790</v>
      </c>
      <c r="E4364" t="s">
        <v>32110</v>
      </c>
      <c r="F4364">
        <v>4</v>
      </c>
      <c r="G4364" t="s">
        <v>0</v>
      </c>
      <c r="H4364" t="s">
        <v>6791</v>
      </c>
      <c r="I4364" t="s">
        <v>30540</v>
      </c>
    </row>
    <row r="4365" spans="1:9">
      <c r="A4365" s="1">
        <f ca="1">RAND()</f>
        <v>0.13848911515006446</v>
      </c>
      <c r="B4365" s="1"/>
      <c r="C4365">
        <v>19</v>
      </c>
      <c r="D4365" t="s">
        <v>6788</v>
      </c>
      <c r="E4365" t="s">
        <v>32111</v>
      </c>
      <c r="F4365">
        <v>5</v>
      </c>
      <c r="G4365" t="s">
        <v>0</v>
      </c>
      <c r="H4365" t="s">
        <v>6789</v>
      </c>
      <c r="I4365" t="s">
        <v>30540</v>
      </c>
    </row>
    <row r="4366" spans="1:9">
      <c r="A4366" s="1">
        <f ca="1">RAND()</f>
        <v>0.38991727729283743</v>
      </c>
      <c r="B4366" s="1"/>
      <c r="C4366">
        <v>18</v>
      </c>
      <c r="D4366" t="s">
        <v>6786</v>
      </c>
      <c r="E4366" t="s">
        <v>32111</v>
      </c>
      <c r="F4366">
        <v>4</v>
      </c>
      <c r="G4366" t="s">
        <v>0</v>
      </c>
      <c r="H4366" t="s">
        <v>6787</v>
      </c>
      <c r="I4366" t="s">
        <v>30540</v>
      </c>
    </row>
    <row r="4367" spans="1:9">
      <c r="A4367" s="1">
        <f ca="1">RAND()</f>
        <v>9.6773513325550176E-2</v>
      </c>
      <c r="B4367" s="1"/>
      <c r="C4367">
        <v>7</v>
      </c>
      <c r="D4367" t="s">
        <v>6782</v>
      </c>
      <c r="E4367" t="s">
        <v>32111</v>
      </c>
      <c r="F4367">
        <v>4</v>
      </c>
      <c r="G4367" t="s">
        <v>0</v>
      </c>
      <c r="H4367" t="s">
        <v>6783</v>
      </c>
      <c r="I4367" t="s">
        <v>30540</v>
      </c>
    </row>
    <row r="4368" spans="1:9">
      <c r="A4368" s="1">
        <f ca="1">RAND()</f>
        <v>5.6577299197758557E-2</v>
      </c>
      <c r="B4368" s="1"/>
      <c r="C4368">
        <v>14</v>
      </c>
      <c r="D4368" t="s">
        <v>6784</v>
      </c>
      <c r="E4368" t="s">
        <v>32111</v>
      </c>
      <c r="F4368">
        <v>3</v>
      </c>
      <c r="G4368" t="s">
        <v>10</v>
      </c>
      <c r="H4368" t="s">
        <v>6785</v>
      </c>
      <c r="I4368" t="s">
        <v>30540</v>
      </c>
    </row>
    <row r="4369" spans="1:9">
      <c r="A4369" s="1">
        <f ca="1">RAND()</f>
        <v>0.63895894870015824</v>
      </c>
      <c r="B4369" s="1"/>
      <c r="C4369">
        <v>18</v>
      </c>
      <c r="D4369" t="s">
        <v>6778</v>
      </c>
      <c r="E4369" t="s">
        <v>32112</v>
      </c>
      <c r="F4369">
        <v>5</v>
      </c>
      <c r="G4369" t="s">
        <v>0</v>
      </c>
      <c r="H4369" t="s">
        <v>6779</v>
      </c>
      <c r="I4369" t="s">
        <v>30540</v>
      </c>
    </row>
    <row r="4370" spans="1:9">
      <c r="A4370" s="1">
        <f ca="1">RAND()</f>
        <v>0.67954292533809713</v>
      </c>
      <c r="B4370" s="1"/>
      <c r="C4370">
        <v>19</v>
      </c>
      <c r="D4370" t="s">
        <v>6780</v>
      </c>
      <c r="E4370" t="s">
        <v>32112</v>
      </c>
      <c r="F4370">
        <v>4</v>
      </c>
      <c r="G4370" t="s">
        <v>0</v>
      </c>
      <c r="H4370" t="s">
        <v>6781</v>
      </c>
      <c r="I4370" t="s">
        <v>30540</v>
      </c>
    </row>
    <row r="4371" spans="1:9">
      <c r="A4371" s="1">
        <f ca="1">RAND()</f>
        <v>0.9327008509801894</v>
      </c>
      <c r="B4371" s="1"/>
      <c r="C4371">
        <v>14</v>
      </c>
      <c r="D4371" t="s">
        <v>6776</v>
      </c>
      <c r="E4371" t="s">
        <v>32112</v>
      </c>
      <c r="F4371">
        <v>3</v>
      </c>
      <c r="G4371" t="s">
        <v>0</v>
      </c>
      <c r="H4371" t="s">
        <v>6777</v>
      </c>
      <c r="I4371" t="s">
        <v>30540</v>
      </c>
    </row>
    <row r="4372" spans="1:9">
      <c r="A4372" s="1">
        <f ca="1">RAND()</f>
        <v>0.45435487373249595</v>
      </c>
      <c r="B4372" s="1"/>
      <c r="C4372">
        <v>5</v>
      </c>
      <c r="D4372" t="s">
        <v>6768</v>
      </c>
      <c r="E4372" t="s">
        <v>32113</v>
      </c>
      <c r="F4372">
        <v>5</v>
      </c>
      <c r="G4372" t="s">
        <v>0</v>
      </c>
      <c r="H4372" t="s">
        <v>6769</v>
      </c>
      <c r="I4372" t="s">
        <v>30540</v>
      </c>
    </row>
    <row r="4373" spans="1:9">
      <c r="A4373" s="1">
        <f ca="1">RAND()</f>
        <v>0.62053274688428472</v>
      </c>
      <c r="B4373" s="1"/>
      <c r="C4373">
        <v>9</v>
      </c>
      <c r="D4373" t="s">
        <v>6772</v>
      </c>
      <c r="E4373" t="s">
        <v>32113</v>
      </c>
      <c r="F4373">
        <v>4</v>
      </c>
      <c r="G4373" t="s">
        <v>765</v>
      </c>
      <c r="H4373" t="s">
        <v>6773</v>
      </c>
      <c r="I4373" t="s">
        <v>30540</v>
      </c>
    </row>
    <row r="4374" spans="1:9">
      <c r="A4374" s="1">
        <f ca="1">RAND()</f>
        <v>0.37375705877763354</v>
      </c>
      <c r="B4374" s="1"/>
      <c r="C4374">
        <v>6</v>
      </c>
      <c r="D4374" t="s">
        <v>6770</v>
      </c>
      <c r="E4374" t="s">
        <v>32113</v>
      </c>
      <c r="F4374">
        <v>4</v>
      </c>
      <c r="G4374" t="s">
        <v>14</v>
      </c>
      <c r="H4374" t="s">
        <v>6771</v>
      </c>
      <c r="I4374" t="s">
        <v>30540</v>
      </c>
    </row>
    <row r="4375" spans="1:9">
      <c r="A4375" s="1">
        <f ca="1">RAND()</f>
        <v>0.7250728824915561</v>
      </c>
      <c r="B4375" s="1"/>
      <c r="C4375">
        <v>16</v>
      </c>
      <c r="D4375" t="s">
        <v>6774</v>
      </c>
      <c r="E4375" t="s">
        <v>32113</v>
      </c>
      <c r="F4375">
        <v>2</v>
      </c>
      <c r="G4375" t="s">
        <v>770</v>
      </c>
      <c r="H4375" t="s">
        <v>6775</v>
      </c>
      <c r="I4375" t="s">
        <v>30540</v>
      </c>
    </row>
    <row r="4376" spans="1:9">
      <c r="A4376" s="1">
        <f ca="1">RAND()</f>
        <v>0.67047237849720664</v>
      </c>
      <c r="B4376" s="1"/>
      <c r="C4376">
        <v>5</v>
      </c>
      <c r="D4376" t="s">
        <v>6752</v>
      </c>
      <c r="E4376" t="s">
        <v>32114</v>
      </c>
      <c r="F4376">
        <v>5</v>
      </c>
      <c r="G4376" t="s">
        <v>9</v>
      </c>
      <c r="H4376" t="s">
        <v>6753</v>
      </c>
      <c r="I4376" t="s">
        <v>30540</v>
      </c>
    </row>
    <row r="4377" spans="1:9">
      <c r="A4377" s="1">
        <f ca="1">RAND()</f>
        <v>0.57076812051152592</v>
      </c>
      <c r="B4377" s="1"/>
      <c r="C4377">
        <v>11</v>
      </c>
      <c r="D4377" t="s">
        <v>6758</v>
      </c>
      <c r="E4377" t="s">
        <v>32114</v>
      </c>
      <c r="F4377">
        <v>4</v>
      </c>
      <c r="G4377" t="s">
        <v>0</v>
      </c>
      <c r="H4377" t="s">
        <v>6759</v>
      </c>
      <c r="I4377" t="s">
        <v>30540</v>
      </c>
    </row>
    <row r="4378" spans="1:9">
      <c r="A4378" s="1">
        <f ca="1">RAND()</f>
        <v>0.31284452231221671</v>
      </c>
      <c r="B4378" s="1"/>
      <c r="C4378">
        <v>17</v>
      </c>
      <c r="D4378" t="s">
        <v>6766</v>
      </c>
      <c r="E4378" t="s">
        <v>32114</v>
      </c>
      <c r="F4378">
        <v>4</v>
      </c>
      <c r="G4378" t="s">
        <v>0</v>
      </c>
      <c r="H4378" t="s">
        <v>6767</v>
      </c>
      <c r="I4378" t="s">
        <v>30540</v>
      </c>
    </row>
    <row r="4379" spans="1:9">
      <c r="A4379" s="1">
        <f ca="1">RAND()</f>
        <v>0.67016959732541248</v>
      </c>
      <c r="B4379" s="1"/>
      <c r="C4379">
        <v>15</v>
      </c>
      <c r="D4379" t="s">
        <v>6764</v>
      </c>
      <c r="E4379" t="s">
        <v>32114</v>
      </c>
      <c r="F4379">
        <v>4</v>
      </c>
      <c r="G4379" t="s">
        <v>0</v>
      </c>
      <c r="H4379" t="s">
        <v>6765</v>
      </c>
      <c r="I4379" t="s">
        <v>30540</v>
      </c>
    </row>
    <row r="4380" spans="1:9">
      <c r="A4380" s="1">
        <f ca="1">RAND()</f>
        <v>0.56973311767181112</v>
      </c>
      <c r="B4380" s="1"/>
      <c r="C4380">
        <v>12</v>
      </c>
      <c r="D4380" t="s">
        <v>6760</v>
      </c>
      <c r="E4380" t="s">
        <v>32114</v>
      </c>
      <c r="F4380">
        <v>4</v>
      </c>
      <c r="G4380" t="s">
        <v>0</v>
      </c>
      <c r="H4380" t="s">
        <v>6761</v>
      </c>
      <c r="I4380" t="s">
        <v>30540</v>
      </c>
    </row>
    <row r="4381" spans="1:9">
      <c r="A4381" s="1">
        <f ca="1">RAND()</f>
        <v>0.55367600714672449</v>
      </c>
      <c r="B4381" s="1"/>
      <c r="C4381">
        <v>13</v>
      </c>
      <c r="D4381" t="s">
        <v>6762</v>
      </c>
      <c r="E4381" t="s">
        <v>32114</v>
      </c>
      <c r="F4381">
        <v>4</v>
      </c>
      <c r="G4381" t="s">
        <v>0</v>
      </c>
      <c r="H4381" t="s">
        <v>6763</v>
      </c>
      <c r="I4381" t="s">
        <v>30540</v>
      </c>
    </row>
    <row r="4382" spans="1:9">
      <c r="A4382" s="1">
        <f ca="1">RAND()</f>
        <v>0.82828574032999625</v>
      </c>
      <c r="B4382" s="1"/>
      <c r="C4382">
        <v>10</v>
      </c>
      <c r="D4382" t="s">
        <v>6756</v>
      </c>
      <c r="E4382" t="s">
        <v>32114</v>
      </c>
      <c r="F4382">
        <v>3</v>
      </c>
      <c r="G4382" t="s">
        <v>0</v>
      </c>
      <c r="H4382" t="s">
        <v>6757</v>
      </c>
      <c r="I4382" t="s">
        <v>30540</v>
      </c>
    </row>
    <row r="4383" spans="1:9">
      <c r="A4383" s="1">
        <f ca="1">RAND()</f>
        <v>0.70849699444533176</v>
      </c>
      <c r="B4383" s="1"/>
      <c r="C4383">
        <v>6</v>
      </c>
      <c r="D4383" t="s">
        <v>6754</v>
      </c>
      <c r="E4383" t="s">
        <v>32114</v>
      </c>
      <c r="F4383">
        <v>2</v>
      </c>
      <c r="G4383" t="s">
        <v>0</v>
      </c>
      <c r="H4383" t="s">
        <v>6755</v>
      </c>
      <c r="I4383" t="s">
        <v>30540</v>
      </c>
    </row>
    <row r="4384" spans="1:9">
      <c r="A4384" s="1">
        <f ca="1">RAND()</f>
        <v>0.66316094406620474</v>
      </c>
      <c r="B4384" s="1"/>
      <c r="C4384">
        <v>2</v>
      </c>
      <c r="D4384" t="s">
        <v>6748</v>
      </c>
      <c r="E4384" t="s">
        <v>32115</v>
      </c>
      <c r="F4384">
        <v>4</v>
      </c>
      <c r="G4384" t="s">
        <v>10</v>
      </c>
      <c r="H4384" t="s">
        <v>6749</v>
      </c>
      <c r="I4384" t="s">
        <v>30540</v>
      </c>
    </row>
    <row r="4385" spans="1:9">
      <c r="A4385" s="1">
        <f ca="1">RAND()</f>
        <v>0.30089862584830596</v>
      </c>
      <c r="B4385" s="1"/>
      <c r="C4385">
        <v>15</v>
      </c>
      <c r="D4385" t="s">
        <v>6750</v>
      </c>
      <c r="E4385" t="s">
        <v>32115</v>
      </c>
      <c r="F4385">
        <v>1</v>
      </c>
      <c r="G4385" t="s">
        <v>10</v>
      </c>
      <c r="H4385" t="s">
        <v>6751</v>
      </c>
      <c r="I4385" t="s">
        <v>30540</v>
      </c>
    </row>
    <row r="4386" spans="1:9">
      <c r="A4386" s="1">
        <f ca="1">RAND()</f>
        <v>0.9453658218113733</v>
      </c>
      <c r="B4386" s="1"/>
      <c r="C4386">
        <v>16</v>
      </c>
      <c r="D4386" t="s">
        <v>6740</v>
      </c>
      <c r="E4386" t="s">
        <v>32116</v>
      </c>
      <c r="F4386">
        <v>4</v>
      </c>
      <c r="G4386" t="s">
        <v>0</v>
      </c>
      <c r="H4386" t="s">
        <v>6741</v>
      </c>
      <c r="I4386" t="s">
        <v>30540</v>
      </c>
    </row>
    <row r="4387" spans="1:9">
      <c r="A4387" s="1">
        <f ca="1">RAND()</f>
        <v>0.65101968082906791</v>
      </c>
      <c r="B4387" s="1"/>
      <c r="C4387">
        <v>12</v>
      </c>
      <c r="D4387" t="s">
        <v>6738</v>
      </c>
      <c r="E4387" t="s">
        <v>32116</v>
      </c>
      <c r="F4387">
        <v>4</v>
      </c>
      <c r="G4387" t="s">
        <v>0</v>
      </c>
      <c r="H4387" t="s">
        <v>6739</v>
      </c>
      <c r="I4387" t="s">
        <v>30540</v>
      </c>
    </row>
    <row r="4388" spans="1:9">
      <c r="A4388" s="1">
        <f ca="1">RAND()</f>
        <v>0.58664135571155984</v>
      </c>
      <c r="B4388" s="1"/>
      <c r="C4388">
        <v>8</v>
      </c>
      <c r="D4388" t="s">
        <v>6734</v>
      </c>
      <c r="E4388" t="s">
        <v>32116</v>
      </c>
      <c r="F4388">
        <v>4</v>
      </c>
      <c r="G4388" t="s">
        <v>2</v>
      </c>
      <c r="H4388" t="s">
        <v>6735</v>
      </c>
      <c r="I4388" t="s">
        <v>30540</v>
      </c>
    </row>
    <row r="4389" spans="1:9">
      <c r="A4389" s="1">
        <f ca="1">RAND()</f>
        <v>0.43109858664395517</v>
      </c>
      <c r="B4389" s="1"/>
      <c r="C4389">
        <v>10</v>
      </c>
      <c r="D4389" t="s">
        <v>6736</v>
      </c>
      <c r="E4389" t="s">
        <v>32116</v>
      </c>
      <c r="F4389">
        <v>3</v>
      </c>
      <c r="G4389" t="s">
        <v>9</v>
      </c>
      <c r="H4389" t="s">
        <v>6737</v>
      </c>
      <c r="I4389" t="s">
        <v>30540</v>
      </c>
    </row>
    <row r="4390" spans="1:9">
      <c r="A4390" s="1">
        <f ca="1">RAND()</f>
        <v>0.19991934989663684</v>
      </c>
      <c r="B4390" s="1"/>
      <c r="C4390">
        <v>17</v>
      </c>
      <c r="D4390" t="s">
        <v>6742</v>
      </c>
      <c r="E4390" t="s">
        <v>32116</v>
      </c>
      <c r="F4390">
        <v>2</v>
      </c>
      <c r="G4390" t="s">
        <v>0</v>
      </c>
      <c r="H4390" t="s">
        <v>6743</v>
      </c>
      <c r="I4390" t="s">
        <v>30540</v>
      </c>
    </row>
    <row r="4391" spans="1:9">
      <c r="A4391" s="1">
        <f ca="1">RAND()</f>
        <v>0.91136428080596443</v>
      </c>
      <c r="B4391" s="1"/>
      <c r="C4391">
        <v>18</v>
      </c>
      <c r="D4391" t="s">
        <v>6744</v>
      </c>
      <c r="E4391" t="s">
        <v>32116</v>
      </c>
      <c r="F4391">
        <v>2</v>
      </c>
      <c r="G4391" t="s">
        <v>0</v>
      </c>
      <c r="H4391" t="s">
        <v>6745</v>
      </c>
      <c r="I4391" t="s">
        <v>30540</v>
      </c>
    </row>
    <row r="4392" spans="1:9">
      <c r="A4392" s="1">
        <f ca="1">RAND()</f>
        <v>0.30594688725118946</v>
      </c>
      <c r="B4392" s="1"/>
      <c r="C4392">
        <v>19</v>
      </c>
      <c r="D4392" t="s">
        <v>6746</v>
      </c>
      <c r="E4392" t="s">
        <v>32116</v>
      </c>
      <c r="F4392">
        <v>1</v>
      </c>
      <c r="G4392" t="s">
        <v>0</v>
      </c>
      <c r="H4392" t="s">
        <v>6747</v>
      </c>
      <c r="I4392" t="s">
        <v>30540</v>
      </c>
    </row>
    <row r="4393" spans="1:9">
      <c r="A4393" s="1">
        <f ca="1">RAND()</f>
        <v>0.94968115821758115</v>
      </c>
      <c r="B4393" s="1"/>
      <c r="C4393">
        <v>15</v>
      </c>
      <c r="D4393" t="s">
        <v>6732</v>
      </c>
      <c r="E4393" t="s">
        <v>32117</v>
      </c>
      <c r="F4393">
        <v>5</v>
      </c>
      <c r="G4393" t="s">
        <v>14</v>
      </c>
      <c r="H4393" t="s">
        <v>6733</v>
      </c>
      <c r="I4393" t="s">
        <v>30540</v>
      </c>
    </row>
    <row r="4394" spans="1:9">
      <c r="A4394" s="1">
        <f ca="1">RAND()</f>
        <v>0.69847625239359745</v>
      </c>
      <c r="B4394" s="1"/>
      <c r="C4394">
        <v>7</v>
      </c>
      <c r="D4394" t="s">
        <v>6730</v>
      </c>
      <c r="E4394" t="s">
        <v>32117</v>
      </c>
      <c r="F4394">
        <v>4</v>
      </c>
      <c r="G4394" t="s">
        <v>762</v>
      </c>
      <c r="H4394" t="s">
        <v>6731</v>
      </c>
      <c r="I4394" t="s">
        <v>30540</v>
      </c>
    </row>
    <row r="4395" spans="1:9">
      <c r="A4395" s="1">
        <f ca="1">RAND()</f>
        <v>0.34427812492507626</v>
      </c>
      <c r="B4395" s="1"/>
      <c r="C4395">
        <v>3</v>
      </c>
      <c r="D4395" t="s">
        <v>10948</v>
      </c>
      <c r="E4395" t="s">
        <v>32118</v>
      </c>
      <c r="F4395">
        <v>5</v>
      </c>
      <c r="G4395" t="s">
        <v>15</v>
      </c>
      <c r="H4395" t="s">
        <v>10949</v>
      </c>
      <c r="I4395" t="s">
        <v>30540</v>
      </c>
    </row>
    <row r="4396" spans="1:9">
      <c r="A4396" s="1">
        <f ca="1">RAND()</f>
        <v>0.28444305985384766</v>
      </c>
      <c r="B4396" s="1"/>
      <c r="C4396">
        <v>11</v>
      </c>
      <c r="D4396" t="s">
        <v>10952</v>
      </c>
      <c r="E4396" t="s">
        <v>32118</v>
      </c>
      <c r="F4396">
        <v>4</v>
      </c>
      <c r="G4396" t="s">
        <v>0</v>
      </c>
      <c r="H4396" t="s">
        <v>10953</v>
      </c>
      <c r="I4396" t="s">
        <v>30540</v>
      </c>
    </row>
    <row r="4397" spans="1:9">
      <c r="A4397" s="1">
        <f ca="1">RAND()</f>
        <v>0.64544599150032045</v>
      </c>
      <c r="B4397" s="1"/>
      <c r="C4397">
        <v>12</v>
      </c>
      <c r="D4397" t="s">
        <v>10954</v>
      </c>
      <c r="E4397" t="s">
        <v>32118</v>
      </c>
      <c r="F4397">
        <v>4</v>
      </c>
      <c r="G4397" t="s">
        <v>762</v>
      </c>
      <c r="H4397" t="s">
        <v>10955</v>
      </c>
      <c r="I4397" t="s">
        <v>30540</v>
      </c>
    </row>
    <row r="4398" spans="1:9">
      <c r="A4398" s="1">
        <f ca="1">RAND()</f>
        <v>0.69431311587621236</v>
      </c>
      <c r="B4398" s="1"/>
      <c r="C4398">
        <v>4</v>
      </c>
      <c r="D4398" t="s">
        <v>10950</v>
      </c>
      <c r="E4398" t="s">
        <v>32118</v>
      </c>
      <c r="F4398">
        <v>4</v>
      </c>
      <c r="G4398" t="s">
        <v>1295</v>
      </c>
      <c r="H4398" t="s">
        <v>10951</v>
      </c>
      <c r="I4398" t="s">
        <v>30540</v>
      </c>
    </row>
    <row r="4399" spans="1:9">
      <c r="A4399" s="1">
        <f ca="1">RAND()</f>
        <v>0.53833353255615224</v>
      </c>
      <c r="B4399" s="1"/>
      <c r="C4399">
        <v>19</v>
      </c>
      <c r="D4399" t="s">
        <v>10956</v>
      </c>
      <c r="E4399" t="s">
        <v>32118</v>
      </c>
      <c r="F4399">
        <v>4</v>
      </c>
      <c r="G4399" t="s">
        <v>770</v>
      </c>
      <c r="H4399" t="s">
        <v>10957</v>
      </c>
      <c r="I4399" t="s">
        <v>30540</v>
      </c>
    </row>
    <row r="4400" spans="1:9">
      <c r="A4400" s="1">
        <f ca="1">RAND()</f>
        <v>6.7291517097582521E-2</v>
      </c>
      <c r="B4400" s="1"/>
      <c r="C4400">
        <v>3</v>
      </c>
      <c r="D4400" t="s">
        <v>10938</v>
      </c>
      <c r="E4400" t="s">
        <v>32119</v>
      </c>
      <c r="F4400">
        <v>4</v>
      </c>
      <c r="G4400" t="s">
        <v>0</v>
      </c>
      <c r="H4400" t="s">
        <v>10939</v>
      </c>
      <c r="I4400" t="s">
        <v>30540</v>
      </c>
    </row>
    <row r="4401" spans="1:9">
      <c r="A4401" s="1">
        <f ca="1">RAND()</f>
        <v>0.85637926713775936</v>
      </c>
      <c r="B4401" s="1"/>
      <c r="C4401">
        <v>10</v>
      </c>
      <c r="D4401" t="s">
        <v>10940</v>
      </c>
      <c r="E4401" t="s">
        <v>32119</v>
      </c>
      <c r="F4401">
        <v>4</v>
      </c>
      <c r="G4401" t="s">
        <v>0</v>
      </c>
      <c r="H4401" t="s">
        <v>10941</v>
      </c>
      <c r="I4401" t="s">
        <v>30540</v>
      </c>
    </row>
    <row r="4402" spans="1:9">
      <c r="A4402" s="1">
        <f ca="1">RAND()</f>
        <v>0.18619425828964042</v>
      </c>
      <c r="B4402" s="1"/>
      <c r="C4402">
        <v>14</v>
      </c>
      <c r="D4402" t="s">
        <v>10944</v>
      </c>
      <c r="E4402" t="s">
        <v>32119</v>
      </c>
      <c r="F4402">
        <v>4</v>
      </c>
      <c r="G4402" t="s">
        <v>0</v>
      </c>
      <c r="H4402" t="s">
        <v>10945</v>
      </c>
      <c r="I4402" t="s">
        <v>30540</v>
      </c>
    </row>
    <row r="4403" spans="1:9">
      <c r="A4403" s="1">
        <f ca="1">RAND()</f>
        <v>0.88287184044238987</v>
      </c>
      <c r="B4403" s="1"/>
      <c r="C4403">
        <v>11</v>
      </c>
      <c r="D4403" t="s">
        <v>10942</v>
      </c>
      <c r="E4403" t="s">
        <v>32119</v>
      </c>
      <c r="F4403">
        <v>4</v>
      </c>
      <c r="G4403" t="s">
        <v>0</v>
      </c>
      <c r="H4403" t="s">
        <v>10943</v>
      </c>
      <c r="I4403" t="s">
        <v>30540</v>
      </c>
    </row>
    <row r="4404" spans="1:9">
      <c r="A4404" s="1">
        <f ca="1">RAND()</f>
        <v>0.4509096309455809</v>
      </c>
      <c r="B4404" s="1"/>
      <c r="C4404">
        <v>15</v>
      </c>
      <c r="D4404" t="s">
        <v>10946</v>
      </c>
      <c r="E4404" t="s">
        <v>32119</v>
      </c>
      <c r="F4404">
        <v>1</v>
      </c>
      <c r="G4404" t="s">
        <v>0</v>
      </c>
      <c r="H4404" t="s">
        <v>10947</v>
      </c>
      <c r="I4404" t="s">
        <v>30540</v>
      </c>
    </row>
    <row r="4405" spans="1:9">
      <c r="A4405" s="1">
        <f ca="1">RAND()</f>
        <v>0.65211213965599601</v>
      </c>
      <c r="B4405" s="1"/>
      <c r="C4405">
        <v>1</v>
      </c>
      <c r="D4405" t="s">
        <v>10932</v>
      </c>
      <c r="E4405" t="s">
        <v>32120</v>
      </c>
      <c r="F4405">
        <v>4</v>
      </c>
      <c r="G4405" t="s">
        <v>1295</v>
      </c>
      <c r="H4405" t="s">
        <v>10933</v>
      </c>
      <c r="I4405" t="s">
        <v>30540</v>
      </c>
    </row>
    <row r="4406" spans="1:9">
      <c r="A4406" s="1">
        <f ca="1">RAND()</f>
        <v>0.74590838027187734</v>
      </c>
      <c r="B4406" s="1"/>
      <c r="C4406">
        <v>13</v>
      </c>
      <c r="D4406" t="s">
        <v>10936</v>
      </c>
      <c r="E4406" t="s">
        <v>32120</v>
      </c>
      <c r="F4406">
        <v>4</v>
      </c>
      <c r="G4406" t="s">
        <v>765</v>
      </c>
      <c r="H4406" t="s">
        <v>10937</v>
      </c>
      <c r="I4406" t="s">
        <v>30540</v>
      </c>
    </row>
    <row r="4407" spans="1:9">
      <c r="A4407" s="1">
        <f ca="1">RAND()</f>
        <v>0.64426362658447112</v>
      </c>
      <c r="B4407" s="1"/>
      <c r="C4407">
        <v>9</v>
      </c>
      <c r="D4407" t="s">
        <v>10934</v>
      </c>
      <c r="E4407" t="s">
        <v>32120</v>
      </c>
      <c r="F4407">
        <v>4</v>
      </c>
      <c r="G4407" t="s">
        <v>762</v>
      </c>
      <c r="H4407" t="s">
        <v>10935</v>
      </c>
      <c r="I4407" t="s">
        <v>30540</v>
      </c>
    </row>
    <row r="4408" spans="1:9">
      <c r="A4408" s="1">
        <f ca="1">RAND()</f>
        <v>0.50712638386895814</v>
      </c>
      <c r="B4408" s="1"/>
      <c r="C4408">
        <v>1</v>
      </c>
      <c r="D4408" t="s">
        <v>10926</v>
      </c>
      <c r="E4408" t="s">
        <v>32121</v>
      </c>
      <c r="F4408">
        <v>4</v>
      </c>
      <c r="G4408" t="s">
        <v>15</v>
      </c>
      <c r="H4408" t="s">
        <v>10927</v>
      </c>
      <c r="I4408" t="s">
        <v>30540</v>
      </c>
    </row>
    <row r="4409" spans="1:9">
      <c r="A4409" s="1">
        <f ca="1">RAND()</f>
        <v>0.80868139889372859</v>
      </c>
      <c r="B4409" s="1"/>
      <c r="C4409">
        <v>13</v>
      </c>
      <c r="D4409" t="s">
        <v>10930</v>
      </c>
      <c r="E4409" t="s">
        <v>32121</v>
      </c>
      <c r="F4409">
        <v>3</v>
      </c>
      <c r="G4409" t="s">
        <v>0</v>
      </c>
      <c r="H4409" t="s">
        <v>10931</v>
      </c>
      <c r="I4409" t="s">
        <v>30540</v>
      </c>
    </row>
    <row r="4410" spans="1:9">
      <c r="A4410" s="1">
        <f ca="1">RAND()</f>
        <v>0.82588633719142901</v>
      </c>
      <c r="B4410" s="1"/>
      <c r="C4410">
        <v>3</v>
      </c>
      <c r="D4410" t="s">
        <v>10928</v>
      </c>
      <c r="E4410" t="s">
        <v>32121</v>
      </c>
      <c r="F4410">
        <v>1</v>
      </c>
      <c r="G4410" t="s">
        <v>770</v>
      </c>
      <c r="H4410" t="s">
        <v>10929</v>
      </c>
      <c r="I4410" t="s">
        <v>30540</v>
      </c>
    </row>
    <row r="4411" spans="1:9">
      <c r="A4411" s="1">
        <f ca="1">RAND()</f>
        <v>0.12588208543313661</v>
      </c>
      <c r="B4411" s="1"/>
      <c r="C4411">
        <v>18</v>
      </c>
      <c r="D4411" t="s">
        <v>10922</v>
      </c>
      <c r="E4411" t="s">
        <v>32122</v>
      </c>
      <c r="F4411">
        <v>4</v>
      </c>
      <c r="G4411" t="s">
        <v>0</v>
      </c>
      <c r="H4411" t="s">
        <v>10923</v>
      </c>
      <c r="I4411" t="s">
        <v>30540</v>
      </c>
    </row>
    <row r="4412" spans="1:9">
      <c r="A4412" s="1">
        <f ca="1">RAND()</f>
        <v>0.31934030245689671</v>
      </c>
      <c r="B4412" s="1"/>
      <c r="C4412">
        <v>13</v>
      </c>
      <c r="D4412" t="s">
        <v>10918</v>
      </c>
      <c r="E4412" t="s">
        <v>32122</v>
      </c>
      <c r="F4412">
        <v>4</v>
      </c>
      <c r="G4412" t="s">
        <v>0</v>
      </c>
      <c r="H4412" t="s">
        <v>10919</v>
      </c>
      <c r="I4412" t="s">
        <v>30540</v>
      </c>
    </row>
    <row r="4413" spans="1:9">
      <c r="A4413" s="1">
        <f ca="1">RAND()</f>
        <v>0.78424246517668716</v>
      </c>
      <c r="B4413" s="1"/>
      <c r="C4413">
        <v>11</v>
      </c>
      <c r="D4413" t="s">
        <v>10914</v>
      </c>
      <c r="E4413" t="s">
        <v>32122</v>
      </c>
      <c r="F4413">
        <v>4</v>
      </c>
      <c r="G4413" t="s">
        <v>0</v>
      </c>
      <c r="H4413" t="s">
        <v>10915</v>
      </c>
      <c r="I4413" t="s">
        <v>30540</v>
      </c>
    </row>
    <row r="4414" spans="1:9">
      <c r="A4414" s="1">
        <f ca="1">RAND()</f>
        <v>0.3907149216927378</v>
      </c>
      <c r="B4414" s="1"/>
      <c r="C4414">
        <v>15</v>
      </c>
      <c r="D4414" t="s">
        <v>10920</v>
      </c>
      <c r="E4414" t="s">
        <v>32122</v>
      </c>
      <c r="F4414">
        <v>4</v>
      </c>
      <c r="G4414" t="s">
        <v>0</v>
      </c>
      <c r="H4414" t="s">
        <v>10921</v>
      </c>
      <c r="I4414" t="s">
        <v>30540</v>
      </c>
    </row>
    <row r="4415" spans="1:9">
      <c r="A4415" s="1">
        <f ca="1">RAND()</f>
        <v>0.54612730080509242</v>
      </c>
      <c r="B4415" s="1"/>
      <c r="C4415">
        <v>9</v>
      </c>
      <c r="D4415" t="s">
        <v>10912</v>
      </c>
      <c r="E4415" t="s">
        <v>32122</v>
      </c>
      <c r="F4415">
        <v>4</v>
      </c>
      <c r="G4415" t="s">
        <v>0</v>
      </c>
      <c r="H4415" t="s">
        <v>10913</v>
      </c>
      <c r="I4415" t="s">
        <v>30540</v>
      </c>
    </row>
    <row r="4416" spans="1:9">
      <c r="A4416" s="1">
        <f ca="1">RAND()</f>
        <v>0.25410271436647447</v>
      </c>
      <c r="B4416" s="1"/>
      <c r="C4416">
        <v>4</v>
      </c>
      <c r="D4416" t="s">
        <v>10910</v>
      </c>
      <c r="E4416" t="s">
        <v>32122</v>
      </c>
      <c r="F4416">
        <v>4</v>
      </c>
      <c r="G4416" t="s">
        <v>0</v>
      </c>
      <c r="H4416" t="s">
        <v>10911</v>
      </c>
      <c r="I4416" t="s">
        <v>30540</v>
      </c>
    </row>
    <row r="4417" spans="1:9">
      <c r="A4417" s="1">
        <f ca="1">RAND()</f>
        <v>0.2423711233375746</v>
      </c>
      <c r="B4417" s="1"/>
      <c r="C4417">
        <v>19</v>
      </c>
      <c r="D4417" t="s">
        <v>10924</v>
      </c>
      <c r="E4417" t="s">
        <v>32122</v>
      </c>
      <c r="F4417">
        <v>3</v>
      </c>
      <c r="G4417" t="s">
        <v>0</v>
      </c>
      <c r="H4417" t="s">
        <v>10925</v>
      </c>
      <c r="I4417" t="s">
        <v>30540</v>
      </c>
    </row>
    <row r="4418" spans="1:9">
      <c r="A4418" s="1">
        <f ca="1">RAND()</f>
        <v>8.3475746636481274E-2</v>
      </c>
      <c r="B4418" s="1"/>
      <c r="C4418">
        <v>12</v>
      </c>
      <c r="D4418" t="s">
        <v>10916</v>
      </c>
      <c r="E4418" t="s">
        <v>32122</v>
      </c>
      <c r="F4418">
        <v>2</v>
      </c>
      <c r="G4418" t="s">
        <v>15</v>
      </c>
      <c r="H4418" t="s">
        <v>10917</v>
      </c>
      <c r="I4418" t="s">
        <v>30540</v>
      </c>
    </row>
    <row r="4419" spans="1:9">
      <c r="A4419" s="1">
        <f ca="1">RAND()</f>
        <v>0.43481787521359616</v>
      </c>
      <c r="B4419" s="1"/>
      <c r="C4419">
        <v>13</v>
      </c>
      <c r="D4419" t="s">
        <v>10904</v>
      </c>
      <c r="E4419" t="s">
        <v>32123</v>
      </c>
      <c r="F4419">
        <v>5</v>
      </c>
      <c r="G4419" t="s">
        <v>10</v>
      </c>
      <c r="H4419" t="s">
        <v>10905</v>
      </c>
      <c r="I4419" t="s">
        <v>30540</v>
      </c>
    </row>
    <row r="4420" spans="1:9">
      <c r="A4420" s="1">
        <f ca="1">RAND()</f>
        <v>0.21031527664458394</v>
      </c>
      <c r="B4420" s="1"/>
      <c r="C4420">
        <v>11</v>
      </c>
      <c r="D4420" t="s">
        <v>10902</v>
      </c>
      <c r="E4420" t="s">
        <v>32123</v>
      </c>
      <c r="F4420">
        <v>4</v>
      </c>
      <c r="G4420" t="s">
        <v>770</v>
      </c>
      <c r="H4420" t="s">
        <v>10903</v>
      </c>
      <c r="I4420" t="s">
        <v>30540</v>
      </c>
    </row>
    <row r="4421" spans="1:9">
      <c r="A4421" s="1">
        <f ca="1">RAND()</f>
        <v>4.3376394423790599E-2</v>
      </c>
      <c r="B4421" s="1"/>
      <c r="C4421">
        <v>19</v>
      </c>
      <c r="D4421" t="s">
        <v>10908</v>
      </c>
      <c r="E4421" t="s">
        <v>32123</v>
      </c>
      <c r="F4421">
        <v>4</v>
      </c>
      <c r="G4421" t="s">
        <v>765</v>
      </c>
      <c r="H4421" t="s">
        <v>10909</v>
      </c>
      <c r="I4421" t="s">
        <v>30540</v>
      </c>
    </row>
    <row r="4422" spans="1:9">
      <c r="A4422" s="1">
        <f ca="1">RAND()</f>
        <v>0.71322973469434447</v>
      </c>
      <c r="B4422" s="1"/>
      <c r="C4422">
        <v>18</v>
      </c>
      <c r="D4422" t="s">
        <v>10906</v>
      </c>
      <c r="E4422" t="s">
        <v>32123</v>
      </c>
      <c r="F4422">
        <v>4</v>
      </c>
      <c r="G4422" t="s">
        <v>0</v>
      </c>
      <c r="H4422" t="s">
        <v>10907</v>
      </c>
      <c r="I4422" t="s">
        <v>30540</v>
      </c>
    </row>
    <row r="4423" spans="1:9">
      <c r="A4423" s="1">
        <f ca="1">RAND()</f>
        <v>0.56844761974233737</v>
      </c>
      <c r="B4423" s="1"/>
      <c r="C4423">
        <v>3</v>
      </c>
      <c r="D4423" t="s">
        <v>10900</v>
      </c>
      <c r="E4423" t="s">
        <v>32123</v>
      </c>
      <c r="F4423">
        <v>4</v>
      </c>
      <c r="G4423" t="s">
        <v>765</v>
      </c>
      <c r="H4423" t="s">
        <v>10901</v>
      </c>
      <c r="I4423" t="s">
        <v>30540</v>
      </c>
    </row>
    <row r="4424" spans="1:9">
      <c r="A4424" s="1">
        <f ca="1">RAND()</f>
        <v>0.66881451965369476</v>
      </c>
      <c r="B4424" s="1"/>
      <c r="C4424">
        <v>10</v>
      </c>
      <c r="D4424" t="s">
        <v>10890</v>
      </c>
      <c r="E4424" t="s">
        <v>32124</v>
      </c>
      <c r="F4424">
        <v>5</v>
      </c>
      <c r="G4424" t="s">
        <v>10</v>
      </c>
      <c r="H4424" t="s">
        <v>10891</v>
      </c>
      <c r="I4424" t="s">
        <v>30540</v>
      </c>
    </row>
    <row r="4425" spans="1:9">
      <c r="A4425" s="1">
        <f ca="1">RAND()</f>
        <v>0.53849243995341256</v>
      </c>
      <c r="B4425" s="1"/>
      <c r="C4425">
        <v>11</v>
      </c>
      <c r="D4425" t="s">
        <v>10892</v>
      </c>
      <c r="E4425" t="s">
        <v>32124</v>
      </c>
      <c r="F4425">
        <v>4</v>
      </c>
      <c r="G4425" t="s">
        <v>0</v>
      </c>
      <c r="H4425" t="s">
        <v>10893</v>
      </c>
      <c r="I4425" t="s">
        <v>30540</v>
      </c>
    </row>
    <row r="4426" spans="1:9">
      <c r="A4426" s="1">
        <f ca="1">RAND()</f>
        <v>0.63472393354943035</v>
      </c>
      <c r="B4426" s="1"/>
      <c r="C4426">
        <v>16</v>
      </c>
      <c r="D4426" t="s">
        <v>10898</v>
      </c>
      <c r="E4426" t="s">
        <v>32124</v>
      </c>
      <c r="F4426">
        <v>4</v>
      </c>
      <c r="G4426" t="s">
        <v>0</v>
      </c>
      <c r="H4426" t="s">
        <v>10899</v>
      </c>
      <c r="I4426" t="s">
        <v>30540</v>
      </c>
    </row>
    <row r="4427" spans="1:9">
      <c r="A4427" s="1">
        <f ca="1">RAND()</f>
        <v>0.5334609911078102</v>
      </c>
      <c r="B4427" s="1"/>
      <c r="C4427">
        <v>14</v>
      </c>
      <c r="D4427" t="s">
        <v>10894</v>
      </c>
      <c r="E4427" t="s">
        <v>32124</v>
      </c>
      <c r="F4427">
        <v>4</v>
      </c>
      <c r="G4427" t="s">
        <v>9</v>
      </c>
      <c r="H4427" t="s">
        <v>10895</v>
      </c>
      <c r="I4427" t="s">
        <v>30540</v>
      </c>
    </row>
    <row r="4428" spans="1:9">
      <c r="A4428" s="1">
        <f ca="1">RAND()</f>
        <v>0.68209663360849837</v>
      </c>
      <c r="B4428" s="1"/>
      <c r="C4428">
        <v>15</v>
      </c>
      <c r="D4428" t="s">
        <v>10896</v>
      </c>
      <c r="E4428" t="s">
        <v>32124</v>
      </c>
      <c r="F4428">
        <v>4</v>
      </c>
      <c r="G4428" t="s">
        <v>0</v>
      </c>
      <c r="H4428" t="s">
        <v>10897</v>
      </c>
      <c r="I4428" t="s">
        <v>30540</v>
      </c>
    </row>
    <row r="4429" spans="1:9">
      <c r="A4429" s="1">
        <f ca="1">RAND()</f>
        <v>0.62174000375540894</v>
      </c>
      <c r="B4429" s="1"/>
      <c r="C4429">
        <v>2</v>
      </c>
      <c r="D4429" t="s">
        <v>10888</v>
      </c>
      <c r="E4429" t="s">
        <v>32124</v>
      </c>
      <c r="F4429">
        <v>4</v>
      </c>
      <c r="G4429" t="s">
        <v>0</v>
      </c>
      <c r="H4429" t="s">
        <v>10889</v>
      </c>
      <c r="I4429" t="s">
        <v>30540</v>
      </c>
    </row>
    <row r="4430" spans="1:9">
      <c r="A4430" s="1">
        <f ca="1">RAND()</f>
        <v>0.54296851225365839</v>
      </c>
      <c r="B4430" s="1"/>
      <c r="C4430">
        <v>19</v>
      </c>
      <c r="D4430" t="s">
        <v>10886</v>
      </c>
      <c r="E4430" t="s">
        <v>32125</v>
      </c>
      <c r="F4430">
        <v>5</v>
      </c>
      <c r="G4430" t="s">
        <v>774</v>
      </c>
      <c r="H4430" t="s">
        <v>10887</v>
      </c>
      <c r="I4430" t="s">
        <v>30540</v>
      </c>
    </row>
    <row r="4431" spans="1:9">
      <c r="A4431" s="1">
        <f ca="1">RAND()</f>
        <v>0.5310339616758718</v>
      </c>
      <c r="B4431" s="1"/>
      <c r="C4431">
        <v>12</v>
      </c>
      <c r="D4431" t="s">
        <v>10882</v>
      </c>
      <c r="E4431" t="s">
        <v>32125</v>
      </c>
      <c r="F4431">
        <v>4</v>
      </c>
      <c r="G4431" t="s">
        <v>765</v>
      </c>
      <c r="H4431" t="s">
        <v>10883</v>
      </c>
      <c r="I4431" t="s">
        <v>30540</v>
      </c>
    </row>
    <row r="4432" spans="1:9">
      <c r="A4432" s="1">
        <f ca="1">RAND()</f>
        <v>0.83650845514750138</v>
      </c>
      <c r="B4432" s="1"/>
      <c r="C4432">
        <v>7</v>
      </c>
      <c r="D4432" t="s">
        <v>10876</v>
      </c>
      <c r="E4432" t="s">
        <v>32125</v>
      </c>
      <c r="F4432">
        <v>4</v>
      </c>
      <c r="G4432" t="s">
        <v>2</v>
      </c>
      <c r="H4432" t="s">
        <v>10877</v>
      </c>
      <c r="I4432" t="s">
        <v>30540</v>
      </c>
    </row>
    <row r="4433" spans="1:9">
      <c r="A4433" s="1">
        <f ca="1">RAND()</f>
        <v>0.28058398701349141</v>
      </c>
      <c r="B4433" s="1"/>
      <c r="C4433">
        <v>2</v>
      </c>
      <c r="D4433" t="s">
        <v>10874</v>
      </c>
      <c r="E4433" t="s">
        <v>32125</v>
      </c>
      <c r="F4433">
        <v>4</v>
      </c>
      <c r="G4433" t="s">
        <v>1295</v>
      </c>
      <c r="H4433" t="s">
        <v>10875</v>
      </c>
      <c r="I4433" t="s">
        <v>30540</v>
      </c>
    </row>
    <row r="4434" spans="1:9">
      <c r="A4434" s="1">
        <f ca="1">RAND()</f>
        <v>0.6534746592968641</v>
      </c>
      <c r="B4434" s="1"/>
      <c r="C4434">
        <v>10</v>
      </c>
      <c r="D4434" t="s">
        <v>10880</v>
      </c>
      <c r="E4434" t="s">
        <v>32125</v>
      </c>
      <c r="F4434">
        <v>4</v>
      </c>
      <c r="G4434" t="s">
        <v>770</v>
      </c>
      <c r="H4434" t="s">
        <v>10881</v>
      </c>
      <c r="I4434" t="s">
        <v>30540</v>
      </c>
    </row>
    <row r="4435" spans="1:9">
      <c r="A4435" s="1">
        <f ca="1">RAND()</f>
        <v>0.98974221364128623</v>
      </c>
      <c r="B4435" s="1"/>
      <c r="C4435">
        <v>9</v>
      </c>
      <c r="D4435" t="s">
        <v>10878</v>
      </c>
      <c r="E4435" t="s">
        <v>32125</v>
      </c>
      <c r="F4435">
        <v>4</v>
      </c>
      <c r="G4435" t="s">
        <v>771</v>
      </c>
      <c r="H4435" t="s">
        <v>10879</v>
      </c>
      <c r="I4435" t="s">
        <v>30540</v>
      </c>
    </row>
    <row r="4436" spans="1:9">
      <c r="A4436" s="1">
        <f ca="1">RAND()</f>
        <v>0.22620715334840202</v>
      </c>
      <c r="B4436" s="1"/>
      <c r="C4436">
        <v>14</v>
      </c>
      <c r="D4436" t="s">
        <v>10884</v>
      </c>
      <c r="E4436" t="s">
        <v>32125</v>
      </c>
      <c r="F4436">
        <v>4</v>
      </c>
      <c r="G4436" t="s">
        <v>0</v>
      </c>
      <c r="H4436" t="s">
        <v>10885</v>
      </c>
      <c r="I4436" t="s">
        <v>30540</v>
      </c>
    </row>
    <row r="4437" spans="1:9">
      <c r="A4437" s="1">
        <f ca="1">RAND()</f>
        <v>0.1674325545513069</v>
      </c>
      <c r="B4437" s="1"/>
      <c r="C4437">
        <v>8</v>
      </c>
      <c r="D4437" t="s">
        <v>10870</v>
      </c>
      <c r="E4437" t="s">
        <v>32126</v>
      </c>
      <c r="F4437">
        <v>5</v>
      </c>
      <c r="G4437" t="s">
        <v>9</v>
      </c>
      <c r="H4437" t="s">
        <v>10871</v>
      </c>
      <c r="I4437" t="s">
        <v>30540</v>
      </c>
    </row>
    <row r="4438" spans="1:9">
      <c r="A4438" s="1">
        <f ca="1">RAND()</f>
        <v>0.43186688587940136</v>
      </c>
      <c r="B4438" s="1"/>
      <c r="C4438">
        <v>16</v>
      </c>
      <c r="D4438" t="s">
        <v>10872</v>
      </c>
      <c r="E4438" t="s">
        <v>32126</v>
      </c>
      <c r="F4438">
        <v>2</v>
      </c>
      <c r="G4438" t="s">
        <v>0</v>
      </c>
      <c r="H4438" t="s">
        <v>10873</v>
      </c>
      <c r="I4438" t="s">
        <v>30540</v>
      </c>
    </row>
    <row r="4439" spans="1:9">
      <c r="A4439" s="1">
        <f ca="1">RAND()</f>
        <v>4.4112923305440255E-2</v>
      </c>
      <c r="B4439" s="1"/>
      <c r="C4439">
        <v>10</v>
      </c>
      <c r="D4439" t="s">
        <v>10866</v>
      </c>
      <c r="E4439" t="s">
        <v>32127</v>
      </c>
      <c r="F4439">
        <v>4</v>
      </c>
      <c r="G4439" t="s">
        <v>0</v>
      </c>
      <c r="H4439" t="s">
        <v>10867</v>
      </c>
      <c r="I4439" t="s">
        <v>30540</v>
      </c>
    </row>
    <row r="4440" spans="1:9">
      <c r="A4440" s="1">
        <f ca="1">RAND()</f>
        <v>0.41901680187301293</v>
      </c>
      <c r="B4440" s="1"/>
      <c r="C4440">
        <v>8</v>
      </c>
      <c r="D4440" t="s">
        <v>10864</v>
      </c>
      <c r="E4440" t="s">
        <v>32127</v>
      </c>
      <c r="F4440">
        <v>4</v>
      </c>
      <c r="G4440" t="s">
        <v>0</v>
      </c>
      <c r="H4440" t="s">
        <v>10865</v>
      </c>
      <c r="I4440" t="s">
        <v>30540</v>
      </c>
    </row>
    <row r="4441" spans="1:9">
      <c r="A4441" s="1">
        <f ca="1">RAND()</f>
        <v>0.86863558811276331</v>
      </c>
      <c r="B4441" s="1"/>
      <c r="C4441">
        <v>3</v>
      </c>
      <c r="D4441" t="s">
        <v>10862</v>
      </c>
      <c r="E4441" t="s">
        <v>32127</v>
      </c>
      <c r="F4441">
        <v>4</v>
      </c>
      <c r="G4441" t="s">
        <v>0</v>
      </c>
      <c r="H4441" t="s">
        <v>10863</v>
      </c>
      <c r="I4441" t="s">
        <v>30540</v>
      </c>
    </row>
    <row r="4442" spans="1:9">
      <c r="A4442" s="1">
        <f ca="1">RAND()</f>
        <v>0.2240258803805556</v>
      </c>
      <c r="B4442" s="1"/>
      <c r="C4442">
        <v>12</v>
      </c>
      <c r="D4442" t="s">
        <v>10868</v>
      </c>
      <c r="E4442" t="s">
        <v>32127</v>
      </c>
      <c r="F4442">
        <v>3</v>
      </c>
      <c r="G4442" t="s">
        <v>10</v>
      </c>
      <c r="H4442" t="s">
        <v>10869</v>
      </c>
      <c r="I4442" t="s">
        <v>30540</v>
      </c>
    </row>
    <row r="4443" spans="1:9">
      <c r="A4443" s="1">
        <f ca="1">RAND()</f>
        <v>0.24722921596762437</v>
      </c>
      <c r="B4443" s="1"/>
      <c r="C4443">
        <v>1</v>
      </c>
      <c r="D4443" t="s">
        <v>10856</v>
      </c>
      <c r="E4443" t="s">
        <v>32128</v>
      </c>
      <c r="F4443">
        <v>4</v>
      </c>
      <c r="G4443" t="s">
        <v>766</v>
      </c>
      <c r="H4443" t="s">
        <v>10857</v>
      </c>
      <c r="I4443" t="s">
        <v>30540</v>
      </c>
    </row>
    <row r="4444" spans="1:9">
      <c r="A4444" s="1">
        <f ca="1">RAND()</f>
        <v>0.18666863709807391</v>
      </c>
      <c r="B4444" s="1"/>
      <c r="C4444">
        <v>10</v>
      </c>
      <c r="D4444" t="s">
        <v>10858</v>
      </c>
      <c r="E4444" t="s">
        <v>32128</v>
      </c>
      <c r="F4444">
        <v>4</v>
      </c>
      <c r="G4444" t="s">
        <v>2</v>
      </c>
      <c r="H4444" t="s">
        <v>10859</v>
      </c>
      <c r="I4444" t="s">
        <v>30540</v>
      </c>
    </row>
    <row r="4445" spans="1:9">
      <c r="A4445" s="1">
        <f ca="1">RAND()</f>
        <v>0.12577176410902247</v>
      </c>
      <c r="B4445" s="1"/>
      <c r="C4445">
        <v>20</v>
      </c>
      <c r="D4445" t="s">
        <v>10860</v>
      </c>
      <c r="E4445" t="s">
        <v>32128</v>
      </c>
      <c r="F4445">
        <v>3</v>
      </c>
      <c r="G4445" t="s">
        <v>0</v>
      </c>
      <c r="H4445" t="s">
        <v>10861</v>
      </c>
      <c r="I4445" t="s">
        <v>30540</v>
      </c>
    </row>
    <row r="4446" spans="1:9">
      <c r="A4446" s="1">
        <f ca="1">RAND()</f>
        <v>0.29080108640127034</v>
      </c>
      <c r="B4446" s="1"/>
      <c r="C4446">
        <v>3</v>
      </c>
      <c r="D4446" t="s">
        <v>10852</v>
      </c>
      <c r="E4446" t="s">
        <v>32129</v>
      </c>
      <c r="F4446">
        <v>4</v>
      </c>
      <c r="G4446" t="s">
        <v>15</v>
      </c>
      <c r="H4446" t="s">
        <v>10853</v>
      </c>
      <c r="I4446" t="s">
        <v>30540</v>
      </c>
    </row>
    <row r="4447" spans="1:9">
      <c r="A4447" s="1">
        <f ca="1">RAND()</f>
        <v>0.45958784875325753</v>
      </c>
      <c r="B4447" s="1"/>
      <c r="C4447">
        <v>5</v>
      </c>
      <c r="D4447" t="s">
        <v>10854</v>
      </c>
      <c r="E4447" t="s">
        <v>32129</v>
      </c>
      <c r="F4447">
        <v>2</v>
      </c>
      <c r="G4447" t="s">
        <v>0</v>
      </c>
      <c r="H4447" t="s">
        <v>10855</v>
      </c>
      <c r="I4447" t="s">
        <v>30540</v>
      </c>
    </row>
    <row r="4448" spans="1:9">
      <c r="A4448" s="1">
        <f ca="1">RAND()</f>
        <v>0.45693938451398042</v>
      </c>
      <c r="B4448" s="1"/>
      <c r="C4448">
        <v>20</v>
      </c>
      <c r="D4448" t="s">
        <v>10850</v>
      </c>
      <c r="E4448" t="s">
        <v>32130</v>
      </c>
      <c r="F4448">
        <v>5</v>
      </c>
      <c r="G4448" t="s">
        <v>2</v>
      </c>
      <c r="H4448" t="s">
        <v>10851</v>
      </c>
      <c r="I4448" t="s">
        <v>30540</v>
      </c>
    </row>
    <row r="4449" spans="1:9">
      <c r="A4449" s="1">
        <f ca="1">RAND()</f>
        <v>0.96198286779552011</v>
      </c>
      <c r="B4449" s="1"/>
      <c r="C4449">
        <v>16</v>
      </c>
      <c r="D4449" t="s">
        <v>10848</v>
      </c>
      <c r="E4449" t="s">
        <v>32130</v>
      </c>
      <c r="F4449">
        <v>4</v>
      </c>
      <c r="G4449" t="s">
        <v>771</v>
      </c>
      <c r="H4449" t="s">
        <v>10849</v>
      </c>
      <c r="I4449" t="s">
        <v>30540</v>
      </c>
    </row>
    <row r="4450" spans="1:9">
      <c r="A4450" s="1">
        <f ca="1">RAND()</f>
        <v>0.94350660900197858</v>
      </c>
      <c r="B4450" s="1"/>
      <c r="C4450">
        <v>3</v>
      </c>
      <c r="D4450" t="s">
        <v>10838</v>
      </c>
      <c r="E4450" t="s">
        <v>32131</v>
      </c>
      <c r="F4450">
        <v>5</v>
      </c>
      <c r="G4450" t="s">
        <v>14</v>
      </c>
      <c r="H4450" t="s">
        <v>10839</v>
      </c>
      <c r="I4450" t="s">
        <v>30540</v>
      </c>
    </row>
    <row r="4451" spans="1:9">
      <c r="A4451" s="1">
        <f ca="1">RAND()</f>
        <v>0.39800621032314254</v>
      </c>
      <c r="B4451" s="1"/>
      <c r="C4451">
        <v>9</v>
      </c>
      <c r="D4451" t="s">
        <v>10844</v>
      </c>
      <c r="E4451" t="s">
        <v>32131</v>
      </c>
      <c r="F4451">
        <v>4</v>
      </c>
      <c r="G4451" t="s">
        <v>14</v>
      </c>
      <c r="H4451" t="s">
        <v>10845</v>
      </c>
      <c r="I4451" t="s">
        <v>30540</v>
      </c>
    </row>
    <row r="4452" spans="1:9">
      <c r="A4452" s="1">
        <f ca="1">RAND()</f>
        <v>2.7872281802174825E-3</v>
      </c>
      <c r="B4452" s="1"/>
      <c r="C4452">
        <v>8</v>
      </c>
      <c r="D4452" t="s">
        <v>10842</v>
      </c>
      <c r="E4452" t="s">
        <v>32131</v>
      </c>
      <c r="F4452">
        <v>4</v>
      </c>
      <c r="G4452" t="s">
        <v>765</v>
      </c>
      <c r="H4452" t="s">
        <v>10843</v>
      </c>
      <c r="I4452" t="s">
        <v>30540</v>
      </c>
    </row>
    <row r="4453" spans="1:9">
      <c r="A4453" s="1">
        <f ca="1">RAND()</f>
        <v>0.91041470635095068</v>
      </c>
      <c r="B4453" s="1"/>
      <c r="C4453">
        <v>1</v>
      </c>
      <c r="D4453" t="s">
        <v>10836</v>
      </c>
      <c r="E4453" t="s">
        <v>32131</v>
      </c>
      <c r="F4453">
        <v>4</v>
      </c>
      <c r="G4453" t="s">
        <v>14</v>
      </c>
      <c r="H4453" t="s">
        <v>10837</v>
      </c>
      <c r="I4453" t="s">
        <v>30540</v>
      </c>
    </row>
    <row r="4454" spans="1:9">
      <c r="A4454" s="1">
        <f ca="1">RAND()</f>
        <v>0.34542735023227988</v>
      </c>
      <c r="B4454" s="1"/>
      <c r="C4454">
        <v>6</v>
      </c>
      <c r="D4454" t="s">
        <v>10840</v>
      </c>
      <c r="E4454" t="s">
        <v>32131</v>
      </c>
      <c r="F4454">
        <v>4</v>
      </c>
      <c r="G4454" t="s">
        <v>1295</v>
      </c>
      <c r="H4454" t="s">
        <v>10841</v>
      </c>
      <c r="I4454" t="s">
        <v>30540</v>
      </c>
    </row>
    <row r="4455" spans="1:9">
      <c r="A4455" s="1">
        <f ca="1">RAND()</f>
        <v>0.1941707860536902</v>
      </c>
      <c r="B4455" s="1"/>
      <c r="C4455">
        <v>10</v>
      </c>
      <c r="D4455" t="s">
        <v>10846</v>
      </c>
      <c r="E4455" t="s">
        <v>32131</v>
      </c>
      <c r="F4455">
        <v>4</v>
      </c>
      <c r="G4455" t="s">
        <v>9</v>
      </c>
      <c r="H4455" t="s">
        <v>10847</v>
      </c>
      <c r="I4455" t="s">
        <v>30540</v>
      </c>
    </row>
    <row r="4456" spans="1:9">
      <c r="A4456" s="1">
        <f ca="1">RAND()</f>
        <v>2.9667031852199544E-2</v>
      </c>
      <c r="B4456" s="1"/>
      <c r="C4456">
        <v>9</v>
      </c>
      <c r="D4456" t="s">
        <v>10826</v>
      </c>
      <c r="E4456" t="s">
        <v>32132</v>
      </c>
      <c r="F4456">
        <v>5</v>
      </c>
      <c r="G4456" t="s">
        <v>0</v>
      </c>
      <c r="H4456" t="s">
        <v>10827</v>
      </c>
      <c r="I4456" t="s">
        <v>30540</v>
      </c>
    </row>
    <row r="4457" spans="1:9">
      <c r="A4457" s="1">
        <f ca="1">RAND()</f>
        <v>0.68365621972105606</v>
      </c>
      <c r="B4457" s="1"/>
      <c r="C4457">
        <v>15</v>
      </c>
      <c r="D4457" t="s">
        <v>10834</v>
      </c>
      <c r="E4457" t="s">
        <v>32132</v>
      </c>
      <c r="F4457">
        <v>4</v>
      </c>
      <c r="G4457" t="s">
        <v>0</v>
      </c>
      <c r="H4457" t="s">
        <v>10835</v>
      </c>
      <c r="I4457" t="s">
        <v>30540</v>
      </c>
    </row>
    <row r="4458" spans="1:9">
      <c r="A4458" s="1">
        <f ca="1">RAND()</f>
        <v>0.52373591746267067</v>
      </c>
      <c r="B4458" s="1"/>
      <c r="C4458">
        <v>11</v>
      </c>
      <c r="D4458" t="s">
        <v>10828</v>
      </c>
      <c r="E4458" t="s">
        <v>32132</v>
      </c>
      <c r="F4458">
        <v>4</v>
      </c>
      <c r="G4458" t="s">
        <v>15</v>
      </c>
      <c r="H4458" t="s">
        <v>10829</v>
      </c>
      <c r="I4458" t="s">
        <v>30540</v>
      </c>
    </row>
    <row r="4459" spans="1:9">
      <c r="A4459" s="1">
        <f ca="1">RAND()</f>
        <v>4.4264598668258714E-2</v>
      </c>
      <c r="B4459" s="1"/>
      <c r="C4459">
        <v>14</v>
      </c>
      <c r="D4459" t="s">
        <v>10832</v>
      </c>
      <c r="E4459" t="s">
        <v>32132</v>
      </c>
      <c r="F4459">
        <v>4</v>
      </c>
      <c r="G4459" t="s">
        <v>0</v>
      </c>
      <c r="H4459" t="s">
        <v>10833</v>
      </c>
      <c r="I4459" t="s">
        <v>30540</v>
      </c>
    </row>
    <row r="4460" spans="1:9">
      <c r="A4460" s="1">
        <f ca="1">RAND()</f>
        <v>3.1396610443090722E-4</v>
      </c>
      <c r="B4460" s="1"/>
      <c r="C4460">
        <v>13</v>
      </c>
      <c r="D4460" t="s">
        <v>10830</v>
      </c>
      <c r="E4460" t="s">
        <v>32132</v>
      </c>
      <c r="F4460">
        <v>3</v>
      </c>
      <c r="G4460" t="s">
        <v>0</v>
      </c>
      <c r="H4460" t="s">
        <v>10831</v>
      </c>
      <c r="I4460" t="s">
        <v>30540</v>
      </c>
    </row>
    <row r="4461" spans="1:9">
      <c r="A4461" s="1">
        <f ca="1">RAND()</f>
        <v>0.98954457692288245</v>
      </c>
      <c r="B4461" s="1"/>
      <c r="C4461">
        <v>13</v>
      </c>
      <c r="D4461" t="s">
        <v>10818</v>
      </c>
      <c r="E4461" t="s">
        <v>32133</v>
      </c>
      <c r="F4461">
        <v>5</v>
      </c>
      <c r="G4461" t="s">
        <v>0</v>
      </c>
      <c r="H4461" t="s">
        <v>10819</v>
      </c>
      <c r="I4461" t="s">
        <v>30540</v>
      </c>
    </row>
    <row r="4462" spans="1:9">
      <c r="A4462" s="1">
        <f ca="1">RAND()</f>
        <v>0.12526999682834894</v>
      </c>
      <c r="B4462" s="1"/>
      <c r="C4462">
        <v>7</v>
      </c>
      <c r="D4462" t="s">
        <v>10814</v>
      </c>
      <c r="E4462" t="s">
        <v>32133</v>
      </c>
      <c r="F4462">
        <v>5</v>
      </c>
      <c r="G4462" t="s">
        <v>762</v>
      </c>
      <c r="H4462" t="s">
        <v>10815</v>
      </c>
      <c r="I4462" t="s">
        <v>30540</v>
      </c>
    </row>
    <row r="4463" spans="1:9">
      <c r="A4463" s="1">
        <f ca="1">RAND()</f>
        <v>0.52443513226373883</v>
      </c>
      <c r="B4463" s="1"/>
      <c r="C4463">
        <v>20</v>
      </c>
      <c r="D4463" t="s">
        <v>10824</v>
      </c>
      <c r="E4463" t="s">
        <v>32133</v>
      </c>
      <c r="F4463">
        <v>4</v>
      </c>
      <c r="G4463" t="s">
        <v>2</v>
      </c>
      <c r="H4463" t="s">
        <v>10825</v>
      </c>
      <c r="I4463" t="s">
        <v>30540</v>
      </c>
    </row>
    <row r="4464" spans="1:9">
      <c r="A4464" s="1">
        <f ca="1">RAND()</f>
        <v>0.59140096548308008</v>
      </c>
      <c r="B4464" s="1"/>
      <c r="C4464">
        <v>12</v>
      </c>
      <c r="D4464" t="s">
        <v>10816</v>
      </c>
      <c r="E4464" t="s">
        <v>32133</v>
      </c>
      <c r="F4464">
        <v>4</v>
      </c>
      <c r="G4464" t="s">
        <v>9</v>
      </c>
      <c r="H4464" t="s">
        <v>10817</v>
      </c>
      <c r="I4464" t="s">
        <v>30540</v>
      </c>
    </row>
    <row r="4465" spans="1:9">
      <c r="A4465" s="1">
        <f ca="1">RAND()</f>
        <v>6.4902728353262495E-2</v>
      </c>
      <c r="B4465" s="1"/>
      <c r="C4465">
        <v>16</v>
      </c>
      <c r="D4465" t="s">
        <v>10820</v>
      </c>
      <c r="E4465" t="s">
        <v>32133</v>
      </c>
      <c r="F4465">
        <v>4</v>
      </c>
      <c r="G4465" t="s">
        <v>0</v>
      </c>
      <c r="H4465" t="s">
        <v>10821</v>
      </c>
      <c r="I4465" t="s">
        <v>30540</v>
      </c>
    </row>
    <row r="4466" spans="1:9">
      <c r="A4466" s="1">
        <f ca="1">RAND()</f>
        <v>0.23894320109874767</v>
      </c>
      <c r="B4466" s="1"/>
      <c r="C4466">
        <v>18</v>
      </c>
      <c r="D4466" t="s">
        <v>10822</v>
      </c>
      <c r="E4466" t="s">
        <v>32133</v>
      </c>
      <c r="F4466">
        <v>1</v>
      </c>
      <c r="G4466" t="s">
        <v>2</v>
      </c>
      <c r="H4466" t="s">
        <v>10823</v>
      </c>
      <c r="I4466" t="s">
        <v>30540</v>
      </c>
    </row>
    <row r="4467" spans="1:9">
      <c r="A4467" s="1">
        <f ca="1">RAND()</f>
        <v>0.42301401719295384</v>
      </c>
      <c r="B4467" s="1"/>
      <c r="C4467">
        <v>10</v>
      </c>
      <c r="D4467" t="s">
        <v>10810</v>
      </c>
      <c r="E4467" t="s">
        <v>32134</v>
      </c>
      <c r="F4467">
        <v>4</v>
      </c>
      <c r="G4467" t="s">
        <v>0</v>
      </c>
      <c r="H4467" t="s">
        <v>10811</v>
      </c>
      <c r="I4467" t="s">
        <v>30540</v>
      </c>
    </row>
    <row r="4468" spans="1:9">
      <c r="A4468" s="1">
        <f ca="1">RAND()</f>
        <v>0.49768547959307297</v>
      </c>
      <c r="B4468" s="1"/>
      <c r="C4468">
        <v>11</v>
      </c>
      <c r="D4468" t="s">
        <v>10812</v>
      </c>
      <c r="E4468" t="s">
        <v>32134</v>
      </c>
      <c r="F4468">
        <v>4</v>
      </c>
      <c r="G4468" t="s">
        <v>0</v>
      </c>
      <c r="H4468" t="s">
        <v>10813</v>
      </c>
      <c r="I4468" t="s">
        <v>30540</v>
      </c>
    </row>
    <row r="4469" spans="1:9">
      <c r="A4469" s="1">
        <f ca="1">RAND()</f>
        <v>0.87761130665323839</v>
      </c>
      <c r="B4469" s="1"/>
      <c r="C4469">
        <v>9</v>
      </c>
      <c r="D4469" t="s">
        <v>10808</v>
      </c>
      <c r="E4469" t="s">
        <v>32134</v>
      </c>
      <c r="F4469">
        <v>4</v>
      </c>
      <c r="G4469" t="s">
        <v>0</v>
      </c>
      <c r="H4469" t="s">
        <v>10809</v>
      </c>
      <c r="I4469" t="s">
        <v>30540</v>
      </c>
    </row>
    <row r="4470" spans="1:9">
      <c r="A4470" s="1">
        <f ca="1">RAND()</f>
        <v>0.95557361832302268</v>
      </c>
      <c r="B4470" s="1"/>
      <c r="C4470">
        <v>7</v>
      </c>
      <c r="D4470" t="s">
        <v>10806</v>
      </c>
      <c r="E4470" t="s">
        <v>32134</v>
      </c>
      <c r="F4470">
        <v>2</v>
      </c>
      <c r="G4470" t="s">
        <v>2</v>
      </c>
      <c r="H4470" t="s">
        <v>10807</v>
      </c>
      <c r="I4470" t="s">
        <v>30540</v>
      </c>
    </row>
    <row r="4471" spans="1:9">
      <c r="A4471" s="1">
        <f ca="1">RAND()</f>
        <v>0.44063817681689588</v>
      </c>
      <c r="B4471" s="1"/>
      <c r="C4471">
        <v>11</v>
      </c>
      <c r="D4471" t="s">
        <v>10800</v>
      </c>
      <c r="E4471" t="s">
        <v>32135</v>
      </c>
      <c r="F4471">
        <v>5</v>
      </c>
      <c r="G4471" t="s">
        <v>1295</v>
      </c>
      <c r="H4471" t="s">
        <v>10801</v>
      </c>
      <c r="I4471" t="s">
        <v>30540</v>
      </c>
    </row>
    <row r="4472" spans="1:9">
      <c r="A4472" s="1">
        <f ca="1">RAND()</f>
        <v>0.98015852204669762</v>
      </c>
      <c r="B4472" s="1"/>
      <c r="C4472">
        <v>14</v>
      </c>
      <c r="D4472" t="s">
        <v>10804</v>
      </c>
      <c r="E4472" t="s">
        <v>32135</v>
      </c>
      <c r="F4472">
        <v>4</v>
      </c>
      <c r="G4472" t="s">
        <v>0</v>
      </c>
      <c r="H4472" t="s">
        <v>10805</v>
      </c>
      <c r="I4472" t="s">
        <v>30540</v>
      </c>
    </row>
    <row r="4473" spans="1:9">
      <c r="A4473" s="1">
        <f ca="1">RAND()</f>
        <v>0.18692943342838875</v>
      </c>
      <c r="B4473" s="1"/>
      <c r="C4473">
        <v>2</v>
      </c>
      <c r="D4473" t="s">
        <v>10796</v>
      </c>
      <c r="E4473" t="s">
        <v>32135</v>
      </c>
      <c r="F4473">
        <v>4</v>
      </c>
      <c r="G4473" t="s">
        <v>765</v>
      </c>
      <c r="H4473" t="s">
        <v>10797</v>
      </c>
      <c r="I4473" t="s">
        <v>30540</v>
      </c>
    </row>
    <row r="4474" spans="1:9">
      <c r="A4474" s="1">
        <f ca="1">RAND()</f>
        <v>0.21800983358307435</v>
      </c>
      <c r="B4474" s="1"/>
      <c r="C4474">
        <v>9</v>
      </c>
      <c r="D4474" t="s">
        <v>10798</v>
      </c>
      <c r="E4474" t="s">
        <v>32135</v>
      </c>
      <c r="F4474">
        <v>4</v>
      </c>
      <c r="G4474" t="s">
        <v>774</v>
      </c>
      <c r="H4474" t="s">
        <v>10799</v>
      </c>
      <c r="I4474" t="s">
        <v>30540</v>
      </c>
    </row>
    <row r="4475" spans="1:9">
      <c r="A4475" s="1">
        <f ca="1">RAND()</f>
        <v>0.22819514797067575</v>
      </c>
      <c r="B4475" s="1"/>
      <c r="C4475">
        <v>13</v>
      </c>
      <c r="D4475" t="s">
        <v>10802</v>
      </c>
      <c r="E4475" t="s">
        <v>32135</v>
      </c>
      <c r="F4475">
        <v>2</v>
      </c>
      <c r="G4475" t="s">
        <v>765</v>
      </c>
      <c r="H4475" t="s">
        <v>10803</v>
      </c>
      <c r="I4475" t="s">
        <v>30540</v>
      </c>
    </row>
    <row r="4476" spans="1:9">
      <c r="A4476" s="1">
        <f ca="1">RAND()</f>
        <v>0.84801101836773063</v>
      </c>
      <c r="B4476" s="1"/>
      <c r="C4476">
        <v>15</v>
      </c>
      <c r="D4476" t="s">
        <v>10786</v>
      </c>
      <c r="E4476" t="s">
        <v>32136</v>
      </c>
      <c r="F4476">
        <v>4</v>
      </c>
      <c r="G4476" t="s">
        <v>0</v>
      </c>
      <c r="H4476" t="s">
        <v>10787</v>
      </c>
      <c r="I4476" t="s">
        <v>30540</v>
      </c>
    </row>
    <row r="4477" spans="1:9">
      <c r="A4477" s="1">
        <f ca="1">RAND()</f>
        <v>0.37900411902180697</v>
      </c>
      <c r="B4477" s="1"/>
      <c r="C4477">
        <v>14</v>
      </c>
      <c r="D4477" t="s">
        <v>10784</v>
      </c>
      <c r="E4477" t="s">
        <v>32136</v>
      </c>
      <c r="F4477">
        <v>4</v>
      </c>
      <c r="G4477" t="s">
        <v>14</v>
      </c>
      <c r="H4477" t="s">
        <v>10785</v>
      </c>
      <c r="I4477" t="s">
        <v>30540</v>
      </c>
    </row>
    <row r="4478" spans="1:9">
      <c r="A4478" s="1">
        <f ca="1">RAND()</f>
        <v>0.58460703253771829</v>
      </c>
      <c r="B4478" s="1"/>
      <c r="C4478">
        <v>18</v>
      </c>
      <c r="D4478" t="s">
        <v>10790</v>
      </c>
      <c r="E4478" t="s">
        <v>32136</v>
      </c>
      <c r="F4478">
        <v>4</v>
      </c>
      <c r="G4478" t="s">
        <v>0</v>
      </c>
      <c r="H4478" t="s">
        <v>10791</v>
      </c>
      <c r="I4478" t="s">
        <v>30540</v>
      </c>
    </row>
    <row r="4479" spans="1:9">
      <c r="A4479" s="1">
        <f ca="1">RAND()</f>
        <v>0.60631390243588357</v>
      </c>
      <c r="B4479" s="1"/>
      <c r="C4479">
        <v>11</v>
      </c>
      <c r="D4479" t="s">
        <v>10780</v>
      </c>
      <c r="E4479" t="s">
        <v>32136</v>
      </c>
      <c r="F4479">
        <v>4</v>
      </c>
      <c r="G4479" t="s">
        <v>2</v>
      </c>
      <c r="H4479" t="s">
        <v>10781</v>
      </c>
      <c r="I4479" t="s">
        <v>30540</v>
      </c>
    </row>
    <row r="4480" spans="1:9">
      <c r="A4480" s="1">
        <f ca="1">RAND()</f>
        <v>0.14641025374521044</v>
      </c>
      <c r="B4480" s="1"/>
      <c r="C4480">
        <v>16</v>
      </c>
      <c r="D4480" t="s">
        <v>10788</v>
      </c>
      <c r="E4480" t="s">
        <v>32136</v>
      </c>
      <c r="F4480">
        <v>4</v>
      </c>
      <c r="G4480" t="s">
        <v>15</v>
      </c>
      <c r="H4480" t="s">
        <v>10789</v>
      </c>
      <c r="I4480" t="s">
        <v>30540</v>
      </c>
    </row>
    <row r="4481" spans="1:9">
      <c r="A4481" s="1">
        <f ca="1">RAND()</f>
        <v>0.39323266515582533</v>
      </c>
      <c r="B4481" s="1"/>
      <c r="C4481">
        <v>20</v>
      </c>
      <c r="D4481" t="s">
        <v>10794</v>
      </c>
      <c r="E4481" t="s">
        <v>32136</v>
      </c>
      <c r="F4481">
        <v>4</v>
      </c>
      <c r="G4481" t="s">
        <v>0</v>
      </c>
      <c r="H4481" t="s">
        <v>10795</v>
      </c>
      <c r="I4481" t="s">
        <v>30540</v>
      </c>
    </row>
    <row r="4482" spans="1:9">
      <c r="A4482" s="1">
        <f ca="1">RAND()</f>
        <v>0.38771129995965115</v>
      </c>
      <c r="B4482" s="1"/>
      <c r="C4482">
        <v>19</v>
      </c>
      <c r="D4482" t="s">
        <v>10792</v>
      </c>
      <c r="E4482" t="s">
        <v>32136</v>
      </c>
      <c r="F4482">
        <v>4</v>
      </c>
      <c r="G4482" t="s">
        <v>0</v>
      </c>
      <c r="H4482" t="s">
        <v>10793</v>
      </c>
      <c r="I4482" t="s">
        <v>30540</v>
      </c>
    </row>
    <row r="4483" spans="1:9">
      <c r="A4483" s="1">
        <f ca="1">RAND()</f>
        <v>0.95246855117081641</v>
      </c>
      <c r="B4483" s="1"/>
      <c r="C4483">
        <v>13</v>
      </c>
      <c r="D4483" t="s">
        <v>10782</v>
      </c>
      <c r="E4483" t="s">
        <v>32136</v>
      </c>
      <c r="F4483">
        <v>2</v>
      </c>
      <c r="G4483" t="s">
        <v>0</v>
      </c>
      <c r="H4483" t="s">
        <v>10783</v>
      </c>
      <c r="I4483" t="s">
        <v>30540</v>
      </c>
    </row>
    <row r="4484" spans="1:9">
      <c r="A4484" s="1">
        <f ca="1">RAND()</f>
        <v>0.99690717886705904</v>
      </c>
      <c r="B4484" s="1"/>
      <c r="C4484">
        <v>14</v>
      </c>
      <c r="D4484" t="s">
        <v>10770</v>
      </c>
      <c r="E4484" t="s">
        <v>32137</v>
      </c>
      <c r="F4484">
        <v>4</v>
      </c>
      <c r="G4484" t="s">
        <v>0</v>
      </c>
      <c r="H4484" t="s">
        <v>10771</v>
      </c>
      <c r="I4484" t="s">
        <v>30540</v>
      </c>
    </row>
    <row r="4485" spans="1:9">
      <c r="A4485" s="1">
        <f ca="1">RAND()</f>
        <v>0.15194910173920617</v>
      </c>
      <c r="B4485" s="1"/>
      <c r="C4485">
        <v>16</v>
      </c>
      <c r="D4485" t="s">
        <v>10774</v>
      </c>
      <c r="E4485" t="s">
        <v>32137</v>
      </c>
      <c r="F4485">
        <v>4</v>
      </c>
      <c r="G4485" t="s">
        <v>762</v>
      </c>
      <c r="H4485" t="s">
        <v>10775</v>
      </c>
      <c r="I4485" t="s">
        <v>30540</v>
      </c>
    </row>
    <row r="4486" spans="1:9">
      <c r="A4486" s="1">
        <f ca="1">RAND()</f>
        <v>0.86154587690029216</v>
      </c>
      <c r="B4486" s="1"/>
      <c r="C4486">
        <v>20</v>
      </c>
      <c r="D4486" t="s">
        <v>10778</v>
      </c>
      <c r="E4486" t="s">
        <v>32137</v>
      </c>
      <c r="F4486">
        <v>4</v>
      </c>
      <c r="G4486" t="s">
        <v>15</v>
      </c>
      <c r="H4486" t="s">
        <v>10779</v>
      </c>
      <c r="I4486" t="s">
        <v>30540</v>
      </c>
    </row>
    <row r="4487" spans="1:9">
      <c r="A4487" s="1">
        <f ca="1">RAND()</f>
        <v>0.64416813319602118</v>
      </c>
      <c r="B4487" s="1"/>
      <c r="C4487">
        <v>15</v>
      </c>
      <c r="D4487" t="s">
        <v>10772</v>
      </c>
      <c r="E4487" t="s">
        <v>32137</v>
      </c>
      <c r="F4487">
        <v>4</v>
      </c>
      <c r="G4487" t="s">
        <v>774</v>
      </c>
      <c r="H4487" t="s">
        <v>10773</v>
      </c>
      <c r="I4487" t="s">
        <v>30540</v>
      </c>
    </row>
    <row r="4488" spans="1:9">
      <c r="A4488" s="1">
        <f ca="1">RAND()</f>
        <v>0.41132004060744587</v>
      </c>
      <c r="B4488" s="1"/>
      <c r="C4488">
        <v>18</v>
      </c>
      <c r="D4488" t="s">
        <v>10776</v>
      </c>
      <c r="E4488" t="s">
        <v>32137</v>
      </c>
      <c r="F4488">
        <v>3</v>
      </c>
      <c r="G4488" t="s">
        <v>15</v>
      </c>
      <c r="H4488" t="s">
        <v>10777</v>
      </c>
      <c r="I4488" t="s">
        <v>30540</v>
      </c>
    </row>
    <row r="4489" spans="1:9">
      <c r="A4489" s="1">
        <f ca="1">RAND()</f>
        <v>0.71319566836798098</v>
      </c>
      <c r="B4489" s="1"/>
      <c r="C4489">
        <v>1</v>
      </c>
      <c r="D4489" t="s">
        <v>10756</v>
      </c>
      <c r="E4489" t="s">
        <v>32138</v>
      </c>
      <c r="F4489">
        <v>4</v>
      </c>
      <c r="G4489" t="s">
        <v>2</v>
      </c>
      <c r="H4489" t="s">
        <v>10757</v>
      </c>
      <c r="I4489" t="s">
        <v>30540</v>
      </c>
    </row>
    <row r="4490" spans="1:9">
      <c r="A4490" s="1">
        <f ca="1">RAND()</f>
        <v>0.10337145021061578</v>
      </c>
      <c r="B4490" s="1"/>
      <c r="C4490">
        <v>16</v>
      </c>
      <c r="D4490" t="s">
        <v>10762</v>
      </c>
      <c r="E4490" t="s">
        <v>32138</v>
      </c>
      <c r="F4490">
        <v>4</v>
      </c>
      <c r="G4490" t="s">
        <v>0</v>
      </c>
      <c r="H4490" t="s">
        <v>10763</v>
      </c>
      <c r="I4490" t="s">
        <v>30540</v>
      </c>
    </row>
    <row r="4491" spans="1:9">
      <c r="A4491" s="1">
        <f ca="1">RAND()</f>
        <v>0.69888813295197583</v>
      </c>
      <c r="B4491" s="1"/>
      <c r="C4491">
        <v>18</v>
      </c>
      <c r="D4491" t="s">
        <v>10766</v>
      </c>
      <c r="E4491" t="s">
        <v>32138</v>
      </c>
      <c r="F4491">
        <v>4</v>
      </c>
      <c r="G4491" t="s">
        <v>0</v>
      </c>
      <c r="H4491" t="s">
        <v>10767</v>
      </c>
      <c r="I4491" t="s">
        <v>30540</v>
      </c>
    </row>
    <row r="4492" spans="1:9">
      <c r="A4492" s="1">
        <f ca="1">RAND()</f>
        <v>0.81958752929825052</v>
      </c>
      <c r="B4492" s="1"/>
      <c r="C4492">
        <v>17</v>
      </c>
      <c r="D4492" t="s">
        <v>10764</v>
      </c>
      <c r="E4492" t="s">
        <v>32138</v>
      </c>
      <c r="F4492">
        <v>4</v>
      </c>
      <c r="G4492" t="s">
        <v>0</v>
      </c>
      <c r="H4492" t="s">
        <v>10765</v>
      </c>
      <c r="I4492" t="s">
        <v>30540</v>
      </c>
    </row>
    <row r="4493" spans="1:9">
      <c r="A4493" s="1">
        <f ca="1">RAND()</f>
        <v>0.60616495539682358</v>
      </c>
      <c r="B4493" s="1"/>
      <c r="C4493">
        <v>20</v>
      </c>
      <c r="D4493" t="s">
        <v>10768</v>
      </c>
      <c r="E4493" t="s">
        <v>32138</v>
      </c>
      <c r="F4493">
        <v>4</v>
      </c>
      <c r="G4493" t="s">
        <v>0</v>
      </c>
      <c r="H4493" t="s">
        <v>10769</v>
      </c>
      <c r="I4493" t="s">
        <v>30540</v>
      </c>
    </row>
    <row r="4494" spans="1:9">
      <c r="A4494" s="1">
        <f ca="1">RAND()</f>
        <v>0.98002473887451658</v>
      </c>
      <c r="B4494" s="1"/>
      <c r="C4494">
        <v>11</v>
      </c>
      <c r="D4494" t="s">
        <v>10758</v>
      </c>
      <c r="E4494" t="s">
        <v>32138</v>
      </c>
      <c r="F4494">
        <v>3</v>
      </c>
      <c r="G4494" t="s">
        <v>15</v>
      </c>
      <c r="H4494" t="s">
        <v>10759</v>
      </c>
      <c r="I4494" t="s">
        <v>30540</v>
      </c>
    </row>
    <row r="4495" spans="1:9">
      <c r="A4495" s="1">
        <f ca="1">RAND()</f>
        <v>0.74189762177211749</v>
      </c>
      <c r="B4495" s="1"/>
      <c r="C4495">
        <v>15</v>
      </c>
      <c r="D4495" t="s">
        <v>10760</v>
      </c>
      <c r="E4495" t="s">
        <v>32138</v>
      </c>
      <c r="F4495">
        <v>2</v>
      </c>
      <c r="G4495" t="s">
        <v>0</v>
      </c>
      <c r="H4495" t="s">
        <v>10761</v>
      </c>
      <c r="I4495" t="s">
        <v>30540</v>
      </c>
    </row>
    <row r="4496" spans="1:9">
      <c r="A4496" s="1">
        <f ca="1">RAND()</f>
        <v>0.94614977639115061</v>
      </c>
      <c r="B4496" s="1"/>
      <c r="C4496">
        <v>5</v>
      </c>
      <c r="D4496" t="s">
        <v>10750</v>
      </c>
      <c r="E4496" t="s">
        <v>32139</v>
      </c>
      <c r="F4496">
        <v>4</v>
      </c>
      <c r="G4496" t="s">
        <v>762</v>
      </c>
      <c r="H4496" t="s">
        <v>10751</v>
      </c>
      <c r="I4496" t="s">
        <v>30540</v>
      </c>
    </row>
    <row r="4497" spans="1:9">
      <c r="A4497" s="1">
        <f ca="1">RAND()</f>
        <v>0.16255796347847562</v>
      </c>
      <c r="B4497" s="1"/>
      <c r="C4497">
        <v>16</v>
      </c>
      <c r="D4497" t="s">
        <v>10752</v>
      </c>
      <c r="E4497" t="s">
        <v>32139</v>
      </c>
      <c r="F4497">
        <v>4</v>
      </c>
      <c r="G4497" t="s">
        <v>0</v>
      </c>
      <c r="H4497" t="s">
        <v>10753</v>
      </c>
      <c r="I4497" t="s">
        <v>30540</v>
      </c>
    </row>
    <row r="4498" spans="1:9">
      <c r="A4498" s="1">
        <f ca="1">RAND()</f>
        <v>0.32437015014168735</v>
      </c>
      <c r="B4498" s="1"/>
      <c r="C4498">
        <v>18</v>
      </c>
      <c r="D4498" t="s">
        <v>10754</v>
      </c>
      <c r="E4498" t="s">
        <v>32139</v>
      </c>
      <c r="F4498">
        <v>4</v>
      </c>
      <c r="G4498" t="s">
        <v>15</v>
      </c>
      <c r="H4498" t="s">
        <v>10755</v>
      </c>
      <c r="I4498" t="s">
        <v>30540</v>
      </c>
    </row>
    <row r="4499" spans="1:9">
      <c r="A4499" s="1">
        <f ca="1">RAND()</f>
        <v>0.13436440358545243</v>
      </c>
      <c r="B4499" s="1"/>
      <c r="C4499">
        <v>2</v>
      </c>
      <c r="D4499" t="s">
        <v>10740</v>
      </c>
      <c r="E4499" t="s">
        <v>32140</v>
      </c>
      <c r="F4499">
        <v>5</v>
      </c>
      <c r="G4499" t="s">
        <v>9</v>
      </c>
      <c r="H4499" t="s">
        <v>10741</v>
      </c>
      <c r="I4499" t="s">
        <v>30540</v>
      </c>
    </row>
    <row r="4500" spans="1:9">
      <c r="A4500" s="1">
        <f ca="1">RAND()</f>
        <v>0.80512126347566892</v>
      </c>
      <c r="B4500" s="1"/>
      <c r="C4500">
        <v>13</v>
      </c>
      <c r="D4500" t="s">
        <v>10746</v>
      </c>
      <c r="E4500" t="s">
        <v>32140</v>
      </c>
      <c r="F4500">
        <v>5</v>
      </c>
      <c r="G4500" t="s">
        <v>0</v>
      </c>
      <c r="H4500" t="s">
        <v>10747</v>
      </c>
      <c r="I4500" t="s">
        <v>30540</v>
      </c>
    </row>
    <row r="4501" spans="1:9">
      <c r="A4501" s="1">
        <f ca="1">RAND()</f>
        <v>0.12601138526078004</v>
      </c>
      <c r="B4501" s="1"/>
      <c r="C4501">
        <v>14</v>
      </c>
      <c r="D4501" t="s">
        <v>10748</v>
      </c>
      <c r="E4501" t="s">
        <v>32140</v>
      </c>
      <c r="F4501">
        <v>4</v>
      </c>
      <c r="G4501" t="s">
        <v>0</v>
      </c>
      <c r="H4501" t="s">
        <v>10749</v>
      </c>
      <c r="I4501" t="s">
        <v>30540</v>
      </c>
    </row>
    <row r="4502" spans="1:9">
      <c r="A4502" s="1">
        <f ca="1">RAND()</f>
        <v>0.46123757864010229</v>
      </c>
      <c r="B4502" s="1"/>
      <c r="C4502">
        <v>12</v>
      </c>
      <c r="D4502" t="s">
        <v>10744</v>
      </c>
      <c r="E4502" t="s">
        <v>32140</v>
      </c>
      <c r="F4502">
        <v>4</v>
      </c>
      <c r="G4502" t="s">
        <v>0</v>
      </c>
      <c r="H4502" t="s">
        <v>10745</v>
      </c>
      <c r="I4502" t="s">
        <v>30540</v>
      </c>
    </row>
    <row r="4503" spans="1:9">
      <c r="A4503" s="1">
        <f ca="1">RAND()</f>
        <v>0.857508056415484</v>
      </c>
      <c r="B4503" s="1"/>
      <c r="C4503">
        <v>10</v>
      </c>
      <c r="D4503" t="s">
        <v>10742</v>
      </c>
      <c r="E4503" t="s">
        <v>32140</v>
      </c>
      <c r="F4503">
        <v>4</v>
      </c>
      <c r="G4503" t="s">
        <v>0</v>
      </c>
      <c r="H4503" t="s">
        <v>10743</v>
      </c>
      <c r="I4503" t="s">
        <v>30540</v>
      </c>
    </row>
    <row r="4504" spans="1:9">
      <c r="A4504" s="1">
        <f ca="1">RAND()</f>
        <v>0.62752566133040444</v>
      </c>
      <c r="B4504" s="1"/>
      <c r="C4504">
        <v>7</v>
      </c>
      <c r="D4504" t="s">
        <v>10728</v>
      </c>
      <c r="E4504" t="s">
        <v>32141</v>
      </c>
      <c r="F4504">
        <v>5</v>
      </c>
      <c r="G4504" t="s">
        <v>0</v>
      </c>
      <c r="H4504" t="s">
        <v>10729</v>
      </c>
      <c r="I4504" t="s">
        <v>30540</v>
      </c>
    </row>
    <row r="4505" spans="1:9">
      <c r="A4505" s="1">
        <f ca="1">RAND()</f>
        <v>0.44830810843869962</v>
      </c>
      <c r="B4505" s="1"/>
      <c r="C4505">
        <v>13</v>
      </c>
      <c r="D4505" t="s">
        <v>10732</v>
      </c>
      <c r="E4505" t="s">
        <v>32141</v>
      </c>
      <c r="F4505">
        <v>4</v>
      </c>
      <c r="G4505" t="s">
        <v>2</v>
      </c>
      <c r="H4505" t="s">
        <v>10733</v>
      </c>
      <c r="I4505" t="s">
        <v>30540</v>
      </c>
    </row>
    <row r="4506" spans="1:9">
      <c r="A4506" s="1">
        <f ca="1">RAND()</f>
        <v>0.67617358228982627</v>
      </c>
      <c r="B4506" s="1"/>
      <c r="C4506">
        <v>19</v>
      </c>
      <c r="D4506" t="s">
        <v>10738</v>
      </c>
      <c r="E4506" t="s">
        <v>32141</v>
      </c>
      <c r="F4506">
        <v>4</v>
      </c>
      <c r="G4506" t="s">
        <v>15</v>
      </c>
      <c r="H4506" t="s">
        <v>10739</v>
      </c>
      <c r="I4506" t="s">
        <v>30540</v>
      </c>
    </row>
    <row r="4507" spans="1:9">
      <c r="A4507" s="1">
        <f ca="1">RAND()</f>
        <v>5.4745296898567331E-3</v>
      </c>
      <c r="B4507" s="1"/>
      <c r="C4507">
        <v>16</v>
      </c>
      <c r="D4507" t="s">
        <v>10736</v>
      </c>
      <c r="E4507" t="s">
        <v>32141</v>
      </c>
      <c r="F4507">
        <v>4</v>
      </c>
      <c r="G4507" t="s">
        <v>0</v>
      </c>
      <c r="H4507" t="s">
        <v>10737</v>
      </c>
      <c r="I4507" t="s">
        <v>30540</v>
      </c>
    </row>
    <row r="4508" spans="1:9">
      <c r="A4508" s="1">
        <f ca="1">RAND()</f>
        <v>0.72415857403707284</v>
      </c>
      <c r="B4508" s="1"/>
      <c r="C4508">
        <v>15</v>
      </c>
      <c r="D4508" t="s">
        <v>10734</v>
      </c>
      <c r="E4508" t="s">
        <v>32141</v>
      </c>
      <c r="F4508">
        <v>4</v>
      </c>
      <c r="G4508" t="s">
        <v>770</v>
      </c>
      <c r="H4508" t="s">
        <v>10735</v>
      </c>
      <c r="I4508" t="s">
        <v>30540</v>
      </c>
    </row>
    <row r="4509" spans="1:9">
      <c r="A4509" s="1">
        <f ca="1">RAND()</f>
        <v>0.28217039950391931</v>
      </c>
      <c r="B4509" s="1"/>
      <c r="C4509">
        <v>9</v>
      </c>
      <c r="D4509" t="s">
        <v>10730</v>
      </c>
      <c r="E4509" t="s">
        <v>32141</v>
      </c>
      <c r="F4509">
        <v>1</v>
      </c>
      <c r="G4509" t="s">
        <v>15</v>
      </c>
      <c r="H4509" t="s">
        <v>10731</v>
      </c>
      <c r="I4509" t="s">
        <v>30540</v>
      </c>
    </row>
    <row r="4510" spans="1:9">
      <c r="A4510" s="1">
        <f ca="1">RAND()</f>
        <v>0.74269871012610622</v>
      </c>
      <c r="B4510" s="1"/>
      <c r="C4510">
        <v>20</v>
      </c>
      <c r="D4510" t="s">
        <v>10410</v>
      </c>
      <c r="E4510" t="s">
        <v>32142</v>
      </c>
      <c r="F4510">
        <v>5</v>
      </c>
      <c r="G4510" t="s">
        <v>10</v>
      </c>
      <c r="H4510" t="s">
        <v>10727</v>
      </c>
      <c r="I4510" t="s">
        <v>30540</v>
      </c>
    </row>
    <row r="4511" spans="1:9">
      <c r="A4511" s="1">
        <f ca="1">RAND()</f>
        <v>0.5989548874706988</v>
      </c>
      <c r="B4511" s="1"/>
      <c r="C4511">
        <v>6</v>
      </c>
      <c r="D4511" t="s">
        <v>10717</v>
      </c>
      <c r="E4511" t="s">
        <v>32142</v>
      </c>
      <c r="F4511">
        <v>5</v>
      </c>
      <c r="G4511" t="s">
        <v>0</v>
      </c>
      <c r="H4511" t="s">
        <v>10718</v>
      </c>
      <c r="I4511" t="s">
        <v>30540</v>
      </c>
    </row>
    <row r="4512" spans="1:9">
      <c r="A4512" s="1">
        <f ca="1">RAND()</f>
        <v>0.49413267296275409</v>
      </c>
      <c r="B4512" s="1"/>
      <c r="C4512">
        <v>17</v>
      </c>
      <c r="D4512" t="s">
        <v>10723</v>
      </c>
      <c r="E4512" t="s">
        <v>32142</v>
      </c>
      <c r="F4512">
        <v>4</v>
      </c>
      <c r="G4512" t="s">
        <v>0</v>
      </c>
      <c r="H4512" t="s">
        <v>10724</v>
      </c>
      <c r="I4512" t="s">
        <v>30540</v>
      </c>
    </row>
    <row r="4513" spans="1:9">
      <c r="A4513" s="1">
        <f ca="1">RAND()</f>
        <v>0.84361951076991748</v>
      </c>
      <c r="B4513" s="1"/>
      <c r="C4513">
        <v>13</v>
      </c>
      <c r="D4513" t="s">
        <v>10719</v>
      </c>
      <c r="E4513" t="s">
        <v>32142</v>
      </c>
      <c r="F4513">
        <v>4</v>
      </c>
      <c r="G4513" t="s">
        <v>0</v>
      </c>
      <c r="H4513" t="s">
        <v>10720</v>
      </c>
      <c r="I4513" t="s">
        <v>30540</v>
      </c>
    </row>
    <row r="4514" spans="1:9">
      <c r="A4514" s="1">
        <f ca="1">RAND()</f>
        <v>0.96291532524731493</v>
      </c>
      <c r="B4514" s="1"/>
      <c r="C4514">
        <v>15</v>
      </c>
      <c r="D4514" t="s">
        <v>10721</v>
      </c>
      <c r="E4514" t="s">
        <v>32142</v>
      </c>
      <c r="F4514">
        <v>4</v>
      </c>
      <c r="G4514" t="s">
        <v>10</v>
      </c>
      <c r="H4514" t="s">
        <v>10722</v>
      </c>
      <c r="I4514" t="s">
        <v>30540</v>
      </c>
    </row>
    <row r="4515" spans="1:9">
      <c r="A4515" s="1">
        <f ca="1">RAND()</f>
        <v>2.6257722762632385E-2</v>
      </c>
      <c r="B4515" s="1"/>
      <c r="C4515">
        <v>18</v>
      </c>
      <c r="D4515" t="s">
        <v>10725</v>
      </c>
      <c r="E4515" t="s">
        <v>32142</v>
      </c>
      <c r="F4515">
        <v>4</v>
      </c>
      <c r="G4515" t="s">
        <v>0</v>
      </c>
      <c r="H4515" t="s">
        <v>10726</v>
      </c>
      <c r="I4515" t="s">
        <v>30540</v>
      </c>
    </row>
    <row r="4516" spans="1:9">
      <c r="A4516" s="1">
        <f ca="1">RAND()</f>
        <v>0.40791108204673843</v>
      </c>
      <c r="B4516" s="1"/>
      <c r="C4516">
        <v>2</v>
      </c>
      <c r="D4516" t="s">
        <v>10715</v>
      </c>
      <c r="E4516" t="s">
        <v>32142</v>
      </c>
      <c r="F4516">
        <v>3</v>
      </c>
      <c r="G4516" t="s">
        <v>13</v>
      </c>
      <c r="H4516" t="s">
        <v>10716</v>
      </c>
      <c r="I4516" t="s">
        <v>30540</v>
      </c>
    </row>
    <row r="4517" spans="1:9">
      <c r="A4517" s="1">
        <f ca="1">RAND()</f>
        <v>0.65390634260942171</v>
      </c>
      <c r="B4517" s="1"/>
      <c r="C4517">
        <v>13</v>
      </c>
      <c r="D4517" t="s">
        <v>10705</v>
      </c>
      <c r="E4517" t="s">
        <v>32143</v>
      </c>
      <c r="F4517">
        <v>5</v>
      </c>
      <c r="G4517" t="s">
        <v>0</v>
      </c>
      <c r="H4517" t="s">
        <v>10706</v>
      </c>
      <c r="I4517" t="s">
        <v>30540</v>
      </c>
    </row>
    <row r="4518" spans="1:9">
      <c r="A4518" s="1">
        <f ca="1">RAND()</f>
        <v>0.64530998556579611</v>
      </c>
      <c r="B4518" s="1"/>
      <c r="C4518">
        <v>1</v>
      </c>
      <c r="D4518" t="s">
        <v>10699</v>
      </c>
      <c r="E4518" t="s">
        <v>32143</v>
      </c>
      <c r="F4518">
        <v>4</v>
      </c>
      <c r="G4518" t="s">
        <v>766</v>
      </c>
      <c r="H4518" t="s">
        <v>10700</v>
      </c>
      <c r="I4518" t="s">
        <v>30540</v>
      </c>
    </row>
    <row r="4519" spans="1:9">
      <c r="A4519" s="1">
        <f ca="1">RAND()</f>
        <v>0.21604348734659706</v>
      </c>
      <c r="B4519" s="1"/>
      <c r="C4519">
        <v>19</v>
      </c>
      <c r="D4519" t="s">
        <v>10713</v>
      </c>
      <c r="E4519" t="s">
        <v>32143</v>
      </c>
      <c r="F4519">
        <v>4</v>
      </c>
      <c r="G4519" t="s">
        <v>0</v>
      </c>
      <c r="H4519" t="s">
        <v>10714</v>
      </c>
      <c r="I4519" t="s">
        <v>30540</v>
      </c>
    </row>
    <row r="4520" spans="1:9">
      <c r="A4520" s="1">
        <f ca="1">RAND()</f>
        <v>0.47066446462984279</v>
      </c>
      <c r="B4520" s="1"/>
      <c r="C4520">
        <v>18</v>
      </c>
      <c r="D4520" t="s">
        <v>10711</v>
      </c>
      <c r="E4520" t="s">
        <v>32143</v>
      </c>
      <c r="F4520">
        <v>4</v>
      </c>
      <c r="G4520" t="s">
        <v>0</v>
      </c>
      <c r="H4520" t="s">
        <v>10712</v>
      </c>
      <c r="I4520" t="s">
        <v>30540</v>
      </c>
    </row>
    <row r="4521" spans="1:9">
      <c r="A4521" s="1">
        <f ca="1">RAND()</f>
        <v>0.74583701832413696</v>
      </c>
      <c r="B4521" s="1"/>
      <c r="C4521">
        <v>3</v>
      </c>
      <c r="D4521" t="s">
        <v>10701</v>
      </c>
      <c r="E4521" t="s">
        <v>32143</v>
      </c>
      <c r="F4521">
        <v>4</v>
      </c>
      <c r="G4521" t="s">
        <v>762</v>
      </c>
      <c r="H4521" t="s">
        <v>10702</v>
      </c>
      <c r="I4521" t="s">
        <v>30540</v>
      </c>
    </row>
    <row r="4522" spans="1:9">
      <c r="A4522" s="1">
        <f ca="1">RAND()</f>
        <v>0.34361613523999857</v>
      </c>
      <c r="B4522" s="1"/>
      <c r="C4522">
        <v>11</v>
      </c>
      <c r="D4522" t="s">
        <v>10703</v>
      </c>
      <c r="E4522" t="s">
        <v>32143</v>
      </c>
      <c r="F4522">
        <v>3</v>
      </c>
      <c r="G4522" t="s">
        <v>774</v>
      </c>
      <c r="H4522" t="s">
        <v>10704</v>
      </c>
      <c r="I4522" t="s">
        <v>30540</v>
      </c>
    </row>
    <row r="4523" spans="1:9">
      <c r="A4523" s="1">
        <f ca="1">RAND()</f>
        <v>0.78850738471008996</v>
      </c>
      <c r="B4523" s="1"/>
      <c r="C4523">
        <v>17</v>
      </c>
      <c r="D4523" t="s">
        <v>10709</v>
      </c>
      <c r="E4523" t="s">
        <v>32143</v>
      </c>
      <c r="F4523">
        <v>3</v>
      </c>
      <c r="G4523" t="s">
        <v>2</v>
      </c>
      <c r="H4523" t="s">
        <v>10710</v>
      </c>
      <c r="I4523" t="s">
        <v>30540</v>
      </c>
    </row>
    <row r="4524" spans="1:9">
      <c r="A4524" s="1">
        <f ca="1">RAND()</f>
        <v>0.479503359015931</v>
      </c>
      <c r="B4524" s="1"/>
      <c r="C4524">
        <v>14</v>
      </c>
      <c r="D4524" t="s">
        <v>10707</v>
      </c>
      <c r="E4524" t="s">
        <v>32143</v>
      </c>
      <c r="F4524">
        <v>2</v>
      </c>
      <c r="G4524" t="s">
        <v>0</v>
      </c>
      <c r="H4524" t="s">
        <v>10708</v>
      </c>
      <c r="I4524" t="s">
        <v>30540</v>
      </c>
    </row>
    <row r="4525" spans="1:9">
      <c r="A4525" s="1">
        <f ca="1">RAND()</f>
        <v>0.81094683406483437</v>
      </c>
      <c r="B4525" s="1"/>
      <c r="C4525">
        <v>19</v>
      </c>
      <c r="D4525" t="s">
        <v>10697</v>
      </c>
      <c r="E4525" t="s">
        <v>32144</v>
      </c>
      <c r="F4525">
        <v>2</v>
      </c>
      <c r="G4525" t="s">
        <v>765</v>
      </c>
      <c r="H4525" t="s">
        <v>10698</v>
      </c>
      <c r="I4525" t="s">
        <v>30540</v>
      </c>
    </row>
    <row r="4526" spans="1:9">
      <c r="A4526" s="1">
        <f ca="1">RAND()</f>
        <v>0.22794904681540851</v>
      </c>
      <c r="B4526" s="1"/>
      <c r="C4526">
        <v>2</v>
      </c>
      <c r="D4526" t="s">
        <v>10695</v>
      </c>
      <c r="E4526" t="s">
        <v>32144</v>
      </c>
      <c r="F4526">
        <v>2</v>
      </c>
      <c r="G4526" t="s">
        <v>0</v>
      </c>
      <c r="H4526" t="s">
        <v>10696</v>
      </c>
      <c r="I4526" t="s">
        <v>30540</v>
      </c>
    </row>
    <row r="4527" spans="1:9">
      <c r="A4527" s="1">
        <f ca="1">RAND()</f>
        <v>0.58537805337323379</v>
      </c>
      <c r="B4527" s="1"/>
      <c r="C4527">
        <v>1</v>
      </c>
      <c r="D4527" t="s">
        <v>10685</v>
      </c>
      <c r="E4527" t="s">
        <v>32145</v>
      </c>
      <c r="F4527">
        <v>5</v>
      </c>
      <c r="G4527" t="s">
        <v>9</v>
      </c>
      <c r="H4527" t="s">
        <v>10686</v>
      </c>
      <c r="I4527" t="s">
        <v>30540</v>
      </c>
    </row>
    <row r="4528" spans="1:9">
      <c r="A4528" s="1">
        <f ca="1">RAND()</f>
        <v>0.23624951724917398</v>
      </c>
      <c r="B4528" s="1"/>
      <c r="C4528">
        <v>10</v>
      </c>
      <c r="D4528" t="s">
        <v>10689</v>
      </c>
      <c r="E4528" t="s">
        <v>32145</v>
      </c>
      <c r="F4528">
        <v>4</v>
      </c>
      <c r="G4528" t="s">
        <v>0</v>
      </c>
      <c r="H4528" t="s">
        <v>10690</v>
      </c>
      <c r="I4528" t="s">
        <v>30540</v>
      </c>
    </row>
    <row r="4529" spans="1:9">
      <c r="A4529" s="1">
        <f ca="1">RAND()</f>
        <v>0.2344332278992205</v>
      </c>
      <c r="B4529" s="1"/>
      <c r="C4529">
        <v>11</v>
      </c>
      <c r="D4529" t="s">
        <v>10691</v>
      </c>
      <c r="E4529" t="s">
        <v>32145</v>
      </c>
      <c r="F4529">
        <v>4</v>
      </c>
      <c r="G4529" t="s">
        <v>0</v>
      </c>
      <c r="H4529" t="s">
        <v>10692</v>
      </c>
      <c r="I4529" t="s">
        <v>30540</v>
      </c>
    </row>
    <row r="4530" spans="1:9">
      <c r="A4530" s="1">
        <f ca="1">RAND()</f>
        <v>0.14997297593680059</v>
      </c>
      <c r="B4530" s="1"/>
      <c r="C4530">
        <v>12</v>
      </c>
      <c r="D4530" t="s">
        <v>10693</v>
      </c>
      <c r="E4530" t="s">
        <v>32145</v>
      </c>
      <c r="F4530">
        <v>4</v>
      </c>
      <c r="G4530" t="s">
        <v>0</v>
      </c>
      <c r="H4530" t="s">
        <v>10694</v>
      </c>
      <c r="I4530" t="s">
        <v>30540</v>
      </c>
    </row>
    <row r="4531" spans="1:9">
      <c r="A4531" s="1">
        <f ca="1">RAND()</f>
        <v>0.4095585882768894</v>
      </c>
      <c r="B4531" s="1"/>
      <c r="C4531">
        <v>6</v>
      </c>
      <c r="D4531" t="s">
        <v>10687</v>
      </c>
      <c r="E4531" t="s">
        <v>32145</v>
      </c>
      <c r="F4531">
        <v>2</v>
      </c>
      <c r="G4531" t="s">
        <v>0</v>
      </c>
      <c r="H4531" t="s">
        <v>10688</v>
      </c>
      <c r="I4531" t="s">
        <v>30540</v>
      </c>
    </row>
    <row r="4532" spans="1:9">
      <c r="A4532" s="1">
        <f ca="1">RAND()</f>
        <v>0.38136685905737966</v>
      </c>
      <c r="B4532" s="1"/>
      <c r="C4532">
        <v>9</v>
      </c>
      <c r="D4532" t="s">
        <v>10677</v>
      </c>
      <c r="E4532" t="s">
        <v>32146</v>
      </c>
      <c r="F4532">
        <v>4</v>
      </c>
      <c r="G4532" t="s">
        <v>14</v>
      </c>
      <c r="H4532" t="s">
        <v>10678</v>
      </c>
      <c r="I4532" t="s">
        <v>30540</v>
      </c>
    </row>
    <row r="4533" spans="1:9">
      <c r="A4533" s="1">
        <f ca="1">RAND()</f>
        <v>0.14990352198098589</v>
      </c>
      <c r="B4533" s="1"/>
      <c r="C4533">
        <v>16</v>
      </c>
      <c r="D4533" t="s">
        <v>10681</v>
      </c>
      <c r="E4533" t="s">
        <v>32146</v>
      </c>
      <c r="F4533">
        <v>4</v>
      </c>
      <c r="G4533" t="s">
        <v>0</v>
      </c>
      <c r="H4533" t="s">
        <v>10682</v>
      </c>
      <c r="I4533" t="s">
        <v>30540</v>
      </c>
    </row>
    <row r="4534" spans="1:9">
      <c r="A4534" s="1">
        <f ca="1">RAND()</f>
        <v>0.81779009376012834</v>
      </c>
      <c r="B4534" s="1"/>
      <c r="C4534">
        <v>8</v>
      </c>
      <c r="D4534" t="s">
        <v>10675</v>
      </c>
      <c r="E4534" t="s">
        <v>32146</v>
      </c>
      <c r="F4534">
        <v>4</v>
      </c>
      <c r="G4534" t="s">
        <v>15</v>
      </c>
      <c r="H4534" t="s">
        <v>10676</v>
      </c>
      <c r="I4534" t="s">
        <v>30540</v>
      </c>
    </row>
    <row r="4535" spans="1:9">
      <c r="A4535" s="1">
        <f ca="1">RAND()</f>
        <v>0.14615494800392859</v>
      </c>
      <c r="B4535" s="1"/>
      <c r="C4535">
        <v>6</v>
      </c>
      <c r="D4535" t="s">
        <v>10673</v>
      </c>
      <c r="E4535" t="s">
        <v>32146</v>
      </c>
      <c r="F4535">
        <v>4</v>
      </c>
      <c r="G4535" t="s">
        <v>0</v>
      </c>
      <c r="H4535" t="s">
        <v>10674</v>
      </c>
      <c r="I4535" t="s">
        <v>30540</v>
      </c>
    </row>
    <row r="4536" spans="1:9">
      <c r="A4536" s="1">
        <f ca="1">RAND()</f>
        <v>0.81508563717931681</v>
      </c>
      <c r="B4536" s="1"/>
      <c r="C4536">
        <v>13</v>
      </c>
      <c r="D4536" t="s">
        <v>10679</v>
      </c>
      <c r="E4536" t="s">
        <v>32146</v>
      </c>
      <c r="F4536">
        <v>4</v>
      </c>
      <c r="G4536" t="s">
        <v>9</v>
      </c>
      <c r="H4536" t="s">
        <v>10680</v>
      </c>
      <c r="I4536" t="s">
        <v>30540</v>
      </c>
    </row>
    <row r="4537" spans="1:9">
      <c r="A4537" s="1">
        <f ca="1">RAND()</f>
        <v>6.7600245754493971E-2</v>
      </c>
      <c r="B4537" s="1"/>
      <c r="C4537">
        <v>18</v>
      </c>
      <c r="D4537" t="s">
        <v>10683</v>
      </c>
      <c r="E4537" t="s">
        <v>32146</v>
      </c>
      <c r="F4537">
        <v>3</v>
      </c>
      <c r="G4537" t="s">
        <v>0</v>
      </c>
      <c r="H4537" t="s">
        <v>10684</v>
      </c>
      <c r="I4537" t="s">
        <v>30540</v>
      </c>
    </row>
    <row r="4538" spans="1:9">
      <c r="A4538" s="1">
        <f ca="1">RAND()</f>
        <v>0.76365803143722288</v>
      </c>
      <c r="B4538" s="1"/>
      <c r="C4538">
        <v>9</v>
      </c>
      <c r="D4538" t="s">
        <v>10667</v>
      </c>
      <c r="E4538" t="s">
        <v>32147</v>
      </c>
      <c r="F4538">
        <v>5</v>
      </c>
      <c r="G4538" t="s">
        <v>0</v>
      </c>
      <c r="H4538" t="s">
        <v>10668</v>
      </c>
      <c r="I4538" t="s">
        <v>30540</v>
      </c>
    </row>
    <row r="4539" spans="1:9">
      <c r="A4539" s="1">
        <f ca="1">RAND()</f>
        <v>0.63388596837861377</v>
      </c>
      <c r="B4539" s="1"/>
      <c r="C4539">
        <v>12</v>
      </c>
      <c r="D4539" t="s">
        <v>10669</v>
      </c>
      <c r="E4539" t="s">
        <v>32147</v>
      </c>
      <c r="F4539">
        <v>4</v>
      </c>
      <c r="G4539" t="s">
        <v>9</v>
      </c>
      <c r="H4539" t="s">
        <v>10670</v>
      </c>
      <c r="I4539" t="s">
        <v>30540</v>
      </c>
    </row>
    <row r="4540" spans="1:9">
      <c r="A4540" s="1">
        <f ca="1">RAND()</f>
        <v>0.65559596067776149</v>
      </c>
      <c r="B4540" s="1"/>
      <c r="C4540">
        <v>13</v>
      </c>
      <c r="D4540" t="s">
        <v>10671</v>
      </c>
      <c r="E4540" t="s">
        <v>32147</v>
      </c>
      <c r="F4540">
        <v>4</v>
      </c>
      <c r="G4540" t="s">
        <v>0</v>
      </c>
      <c r="H4540" t="s">
        <v>10672</v>
      </c>
      <c r="I4540" t="s">
        <v>30540</v>
      </c>
    </row>
    <row r="4541" spans="1:9">
      <c r="A4541" s="1">
        <f ca="1">RAND()</f>
        <v>0.46097709766921002</v>
      </c>
      <c r="B4541" s="1"/>
      <c r="C4541">
        <v>6</v>
      </c>
      <c r="D4541" t="s">
        <v>10659</v>
      </c>
      <c r="E4541" t="s">
        <v>32148</v>
      </c>
      <c r="F4541">
        <v>4</v>
      </c>
      <c r="G4541" t="s">
        <v>774</v>
      </c>
      <c r="H4541" t="s">
        <v>10660</v>
      </c>
      <c r="I4541" t="s">
        <v>30540</v>
      </c>
    </row>
    <row r="4542" spans="1:9">
      <c r="A4542" s="1">
        <f ca="1">RAND()</f>
        <v>0.11893206871719086</v>
      </c>
      <c r="B4542" s="1"/>
      <c r="C4542">
        <v>14</v>
      </c>
      <c r="D4542" t="s">
        <v>10661</v>
      </c>
      <c r="E4542" t="s">
        <v>32148</v>
      </c>
      <c r="F4542">
        <v>4</v>
      </c>
      <c r="G4542" t="s">
        <v>0</v>
      </c>
      <c r="H4542" t="s">
        <v>10662</v>
      </c>
      <c r="I4542" t="s">
        <v>30540</v>
      </c>
    </row>
    <row r="4543" spans="1:9">
      <c r="A4543" s="1">
        <f ca="1">RAND()</f>
        <v>0.3980815045699736</v>
      </c>
      <c r="B4543" s="1"/>
      <c r="C4543">
        <v>17</v>
      </c>
      <c r="D4543" t="s">
        <v>10663</v>
      </c>
      <c r="E4543" t="s">
        <v>32148</v>
      </c>
      <c r="F4543">
        <v>2</v>
      </c>
      <c r="G4543" t="s">
        <v>771</v>
      </c>
      <c r="H4543" t="s">
        <v>10664</v>
      </c>
      <c r="I4543" t="s">
        <v>30540</v>
      </c>
    </row>
    <row r="4544" spans="1:9">
      <c r="A4544" s="1">
        <f ca="1">RAND()</f>
        <v>0.16982671972710028</v>
      </c>
      <c r="B4544" s="1"/>
      <c r="C4544">
        <v>20</v>
      </c>
      <c r="D4544" t="s">
        <v>10665</v>
      </c>
      <c r="E4544" t="s">
        <v>32148</v>
      </c>
      <c r="F4544">
        <v>1</v>
      </c>
      <c r="G4544" t="s">
        <v>0</v>
      </c>
      <c r="H4544" t="s">
        <v>10666</v>
      </c>
      <c r="I4544" t="s">
        <v>30540</v>
      </c>
    </row>
    <row r="4545" spans="1:9">
      <c r="A4545" s="1">
        <f ca="1">RAND()</f>
        <v>0.24637135733581661</v>
      </c>
      <c r="B4545" s="1"/>
      <c r="C4545">
        <v>3</v>
      </c>
      <c r="D4545" t="s">
        <v>10651</v>
      </c>
      <c r="E4545" t="s">
        <v>32149</v>
      </c>
      <c r="F4545">
        <v>5</v>
      </c>
      <c r="G4545" t="s">
        <v>15</v>
      </c>
      <c r="H4545" t="s">
        <v>10652</v>
      </c>
      <c r="I4545" t="s">
        <v>30540</v>
      </c>
    </row>
    <row r="4546" spans="1:9">
      <c r="A4546" s="1">
        <f ca="1">RAND()</f>
        <v>0.41739355720395888</v>
      </c>
      <c r="B4546" s="1"/>
      <c r="C4546">
        <v>16</v>
      </c>
      <c r="D4546" t="s">
        <v>10655</v>
      </c>
      <c r="E4546" t="s">
        <v>32149</v>
      </c>
      <c r="F4546">
        <v>5</v>
      </c>
      <c r="G4546" t="s">
        <v>0</v>
      </c>
      <c r="H4546" t="s">
        <v>10656</v>
      </c>
      <c r="I4546" t="s">
        <v>30540</v>
      </c>
    </row>
    <row r="4547" spans="1:9">
      <c r="A4547" s="1">
        <f ca="1">RAND()</f>
        <v>7.2111755564804203E-2</v>
      </c>
      <c r="B4547" s="1"/>
      <c r="C4547">
        <v>2</v>
      </c>
      <c r="D4547" t="s">
        <v>10649</v>
      </c>
      <c r="E4547" t="s">
        <v>32149</v>
      </c>
      <c r="F4547">
        <v>5</v>
      </c>
      <c r="G4547" t="s">
        <v>765</v>
      </c>
      <c r="H4547" t="s">
        <v>10650</v>
      </c>
      <c r="I4547" t="s">
        <v>30540</v>
      </c>
    </row>
    <row r="4548" spans="1:9">
      <c r="A4548" s="1">
        <f ca="1">RAND()</f>
        <v>0.71632294716879186</v>
      </c>
      <c r="B4548" s="1"/>
      <c r="C4548">
        <v>17</v>
      </c>
      <c r="D4548" t="s">
        <v>10657</v>
      </c>
      <c r="E4548" t="s">
        <v>32149</v>
      </c>
      <c r="F4548">
        <v>3</v>
      </c>
      <c r="G4548" t="s">
        <v>9</v>
      </c>
      <c r="H4548" t="s">
        <v>10658</v>
      </c>
      <c r="I4548" t="s">
        <v>30540</v>
      </c>
    </row>
    <row r="4549" spans="1:9">
      <c r="A4549" s="1">
        <f ca="1">RAND()</f>
        <v>0.2668816167968987</v>
      </c>
      <c r="B4549" s="1"/>
      <c r="C4549">
        <v>9</v>
      </c>
      <c r="D4549" t="s">
        <v>10653</v>
      </c>
      <c r="E4549" t="s">
        <v>32149</v>
      </c>
      <c r="F4549">
        <v>2</v>
      </c>
      <c r="G4549" t="s">
        <v>762</v>
      </c>
      <c r="H4549" t="s">
        <v>10654</v>
      </c>
      <c r="I4549" t="s">
        <v>30540</v>
      </c>
    </row>
    <row r="4550" spans="1:9">
      <c r="A4550" s="1">
        <f ca="1">RAND()</f>
        <v>0.88014417758771712</v>
      </c>
      <c r="B4550" s="1"/>
      <c r="C4550">
        <v>8</v>
      </c>
      <c r="D4550" t="s">
        <v>10637</v>
      </c>
      <c r="E4550" t="s">
        <v>32150</v>
      </c>
      <c r="F4550">
        <v>5</v>
      </c>
      <c r="G4550" t="s">
        <v>9</v>
      </c>
      <c r="H4550" t="s">
        <v>10638</v>
      </c>
      <c r="I4550" t="s">
        <v>30540</v>
      </c>
    </row>
    <row r="4551" spans="1:9">
      <c r="A4551" s="1">
        <f ca="1">RAND()</f>
        <v>0.9009346625500616</v>
      </c>
      <c r="B4551" s="1"/>
      <c r="C4551">
        <v>14</v>
      </c>
      <c r="D4551" t="s">
        <v>10643</v>
      </c>
      <c r="E4551" t="s">
        <v>32150</v>
      </c>
      <c r="F4551">
        <v>5</v>
      </c>
      <c r="G4551" t="s">
        <v>10</v>
      </c>
      <c r="H4551" t="s">
        <v>10644</v>
      </c>
      <c r="I4551" t="s">
        <v>30540</v>
      </c>
    </row>
    <row r="4552" spans="1:9">
      <c r="A4552" s="1">
        <f ca="1">RAND()</f>
        <v>0.36432464050888569</v>
      </c>
      <c r="B4552" s="1"/>
      <c r="C4552">
        <v>7</v>
      </c>
      <c r="D4552" t="s">
        <v>10635</v>
      </c>
      <c r="E4552" t="s">
        <v>32150</v>
      </c>
      <c r="F4552">
        <v>4</v>
      </c>
      <c r="G4552" t="s">
        <v>0</v>
      </c>
      <c r="H4552" t="s">
        <v>10636</v>
      </c>
      <c r="I4552" t="s">
        <v>30540</v>
      </c>
    </row>
    <row r="4553" spans="1:9">
      <c r="A4553" s="1">
        <f ca="1">RAND()</f>
        <v>2.7558632345947465E-2</v>
      </c>
      <c r="B4553" s="1"/>
      <c r="C4553">
        <v>11</v>
      </c>
      <c r="D4553" t="s">
        <v>10639</v>
      </c>
      <c r="E4553" t="s">
        <v>32150</v>
      </c>
      <c r="F4553">
        <v>4</v>
      </c>
      <c r="G4553" t="s">
        <v>0</v>
      </c>
      <c r="H4553" t="s">
        <v>10640</v>
      </c>
      <c r="I4553" t="s">
        <v>30540</v>
      </c>
    </row>
    <row r="4554" spans="1:9">
      <c r="A4554" s="1">
        <f ca="1">RAND()</f>
        <v>0.13877458739561011</v>
      </c>
      <c r="B4554" s="1"/>
      <c r="C4554">
        <v>16</v>
      </c>
      <c r="D4554" t="s">
        <v>10645</v>
      </c>
      <c r="E4554" t="s">
        <v>32150</v>
      </c>
      <c r="F4554">
        <v>4</v>
      </c>
      <c r="G4554" t="s">
        <v>0</v>
      </c>
      <c r="H4554" t="s">
        <v>10646</v>
      </c>
      <c r="I4554" t="s">
        <v>30540</v>
      </c>
    </row>
    <row r="4555" spans="1:9">
      <c r="A4555" s="1">
        <f ca="1">RAND()</f>
        <v>0.81307258446602348</v>
      </c>
      <c r="B4555" s="1"/>
      <c r="C4555">
        <v>17</v>
      </c>
      <c r="D4555" t="s">
        <v>10647</v>
      </c>
      <c r="E4555" t="s">
        <v>32150</v>
      </c>
      <c r="F4555">
        <v>4</v>
      </c>
      <c r="G4555" t="s">
        <v>0</v>
      </c>
      <c r="H4555" t="s">
        <v>10648</v>
      </c>
      <c r="I4555" t="s">
        <v>30540</v>
      </c>
    </row>
    <row r="4556" spans="1:9">
      <c r="A4556" s="1">
        <f ca="1">RAND()</f>
        <v>0.12790488794746857</v>
      </c>
      <c r="B4556" s="1"/>
      <c r="C4556">
        <v>13</v>
      </c>
      <c r="D4556" t="s">
        <v>10641</v>
      </c>
      <c r="E4556" t="s">
        <v>32150</v>
      </c>
      <c r="F4556">
        <v>1</v>
      </c>
      <c r="G4556" t="s">
        <v>0</v>
      </c>
      <c r="H4556" t="s">
        <v>10642</v>
      </c>
      <c r="I4556" t="s">
        <v>30540</v>
      </c>
    </row>
    <row r="4557" spans="1:9">
      <c r="A4557" s="1">
        <f ca="1">RAND()</f>
        <v>0.55180719923754318</v>
      </c>
      <c r="B4557" s="1"/>
      <c r="C4557">
        <v>13</v>
      </c>
      <c r="D4557" t="s">
        <v>10629</v>
      </c>
      <c r="E4557" t="s">
        <v>32151</v>
      </c>
      <c r="F4557">
        <v>4</v>
      </c>
      <c r="G4557" t="s">
        <v>766</v>
      </c>
      <c r="H4557" t="s">
        <v>10630</v>
      </c>
      <c r="I4557" t="s">
        <v>30540</v>
      </c>
    </row>
    <row r="4558" spans="1:9">
      <c r="A4558" s="1">
        <f ca="1">RAND()</f>
        <v>0.56497048966634245</v>
      </c>
      <c r="B4558" s="1"/>
      <c r="C4558">
        <v>14</v>
      </c>
      <c r="D4558" t="s">
        <v>10631</v>
      </c>
      <c r="E4558" t="s">
        <v>32151</v>
      </c>
      <c r="F4558">
        <v>4</v>
      </c>
      <c r="G4558" t="s">
        <v>1295</v>
      </c>
      <c r="H4558" t="s">
        <v>10632</v>
      </c>
      <c r="I4558" t="s">
        <v>30540</v>
      </c>
    </row>
    <row r="4559" spans="1:9">
      <c r="A4559" s="1">
        <f ca="1">RAND()</f>
        <v>0.34800371651838136</v>
      </c>
      <c r="B4559" s="1"/>
      <c r="C4559">
        <v>9</v>
      </c>
      <c r="D4559" t="s">
        <v>10627</v>
      </c>
      <c r="E4559" t="s">
        <v>32151</v>
      </c>
      <c r="F4559">
        <v>2</v>
      </c>
      <c r="G4559" t="s">
        <v>1295</v>
      </c>
      <c r="H4559" t="s">
        <v>10628</v>
      </c>
      <c r="I4559" t="s">
        <v>30540</v>
      </c>
    </row>
    <row r="4560" spans="1:9">
      <c r="A4560" s="1">
        <f ca="1">RAND()</f>
        <v>0.29082352475660056</v>
      </c>
      <c r="B4560" s="1"/>
      <c r="C4560">
        <v>17</v>
      </c>
      <c r="D4560" t="s">
        <v>10633</v>
      </c>
      <c r="E4560" t="s">
        <v>32151</v>
      </c>
      <c r="F4560">
        <v>2</v>
      </c>
      <c r="G4560" t="s">
        <v>2</v>
      </c>
      <c r="H4560" t="s">
        <v>10634</v>
      </c>
      <c r="I4560" t="s">
        <v>30540</v>
      </c>
    </row>
    <row r="4561" spans="1:9">
      <c r="A4561" s="1">
        <f ca="1">RAND()</f>
        <v>0.27725923030910549</v>
      </c>
      <c r="B4561" s="1"/>
      <c r="C4561">
        <v>6</v>
      </c>
      <c r="D4561" t="s">
        <v>10625</v>
      </c>
      <c r="E4561" t="s">
        <v>32151</v>
      </c>
      <c r="F4561">
        <v>1</v>
      </c>
      <c r="G4561" t="s">
        <v>0</v>
      </c>
      <c r="H4561" t="s">
        <v>10626</v>
      </c>
      <c r="I4561" t="s">
        <v>30540</v>
      </c>
    </row>
    <row r="4562" spans="1:9">
      <c r="A4562" s="1">
        <f ca="1">RAND()</f>
        <v>0.87306876837137737</v>
      </c>
      <c r="B4562" s="1"/>
      <c r="C4562">
        <v>12</v>
      </c>
      <c r="D4562" t="s">
        <v>10621</v>
      </c>
      <c r="E4562" t="s">
        <v>32152</v>
      </c>
      <c r="F4562">
        <v>4</v>
      </c>
      <c r="G4562" t="s">
        <v>10</v>
      </c>
      <c r="H4562" t="s">
        <v>10622</v>
      </c>
      <c r="I4562" t="s">
        <v>30540</v>
      </c>
    </row>
    <row r="4563" spans="1:9">
      <c r="A4563" s="1">
        <f ca="1">RAND()</f>
        <v>4.7567170494523636E-2</v>
      </c>
      <c r="B4563" s="1"/>
      <c r="C4563">
        <v>8</v>
      </c>
      <c r="D4563" t="s">
        <v>10617</v>
      </c>
      <c r="E4563" t="s">
        <v>32152</v>
      </c>
      <c r="F4563">
        <v>4</v>
      </c>
      <c r="G4563" t="s">
        <v>0</v>
      </c>
      <c r="H4563" t="s">
        <v>10618</v>
      </c>
      <c r="I4563" t="s">
        <v>30540</v>
      </c>
    </row>
    <row r="4564" spans="1:9">
      <c r="A4564" s="1">
        <f ca="1">RAND()</f>
        <v>0.16607558432872882</v>
      </c>
      <c r="B4564" s="1"/>
      <c r="C4564">
        <v>10</v>
      </c>
      <c r="D4564" t="s">
        <v>10619</v>
      </c>
      <c r="E4564" t="s">
        <v>32152</v>
      </c>
      <c r="F4564">
        <v>4</v>
      </c>
      <c r="G4564" t="s">
        <v>0</v>
      </c>
      <c r="H4564" t="s">
        <v>10620</v>
      </c>
      <c r="I4564" t="s">
        <v>30540</v>
      </c>
    </row>
    <row r="4565" spans="1:9">
      <c r="A4565" s="1">
        <f ca="1">RAND()</f>
        <v>0.90768711421729176</v>
      </c>
      <c r="B4565" s="1"/>
      <c r="C4565">
        <v>16</v>
      </c>
      <c r="D4565" t="s">
        <v>10623</v>
      </c>
      <c r="E4565" t="s">
        <v>32152</v>
      </c>
      <c r="F4565">
        <v>3</v>
      </c>
      <c r="G4565" t="s">
        <v>0</v>
      </c>
      <c r="H4565" t="s">
        <v>10624</v>
      </c>
      <c r="I4565" t="s">
        <v>30540</v>
      </c>
    </row>
    <row r="4566" spans="1:9">
      <c r="A4566" s="1">
        <f ca="1">RAND()</f>
        <v>0.25894225013216154</v>
      </c>
      <c r="B4566" s="1"/>
      <c r="C4566">
        <v>19</v>
      </c>
      <c r="D4566" t="s">
        <v>10615</v>
      </c>
      <c r="E4566" t="s">
        <v>32153</v>
      </c>
      <c r="F4566">
        <v>5</v>
      </c>
      <c r="G4566" t="s">
        <v>770</v>
      </c>
      <c r="H4566" t="s">
        <v>10616</v>
      </c>
      <c r="I4566" t="s">
        <v>30540</v>
      </c>
    </row>
    <row r="4567" spans="1:9">
      <c r="A4567" s="1">
        <f ca="1">RAND()</f>
        <v>0.66607531538824405</v>
      </c>
      <c r="B4567" s="1"/>
      <c r="C4567">
        <v>3</v>
      </c>
      <c r="D4567" t="s">
        <v>10603</v>
      </c>
      <c r="E4567" t="s">
        <v>32153</v>
      </c>
      <c r="F4567">
        <v>5</v>
      </c>
      <c r="G4567" t="s">
        <v>0</v>
      </c>
      <c r="H4567" t="s">
        <v>10604</v>
      </c>
      <c r="I4567" t="s">
        <v>30540</v>
      </c>
    </row>
    <row r="4568" spans="1:9">
      <c r="A4568" s="1">
        <f ca="1">RAND()</f>
        <v>0.85511563306767246</v>
      </c>
      <c r="B4568" s="1"/>
      <c r="C4568">
        <v>5</v>
      </c>
      <c r="D4568" t="s">
        <v>10605</v>
      </c>
      <c r="E4568" t="s">
        <v>32153</v>
      </c>
      <c r="F4568">
        <v>4</v>
      </c>
      <c r="G4568" t="s">
        <v>14</v>
      </c>
      <c r="H4568" t="s">
        <v>10606</v>
      </c>
      <c r="I4568" t="s">
        <v>30540</v>
      </c>
    </row>
    <row r="4569" spans="1:9">
      <c r="A4569" s="1">
        <f ca="1">RAND()</f>
        <v>0.25109891540631435</v>
      </c>
      <c r="B4569" s="1"/>
      <c r="C4569">
        <v>14</v>
      </c>
      <c r="D4569" t="s">
        <v>10613</v>
      </c>
      <c r="E4569" t="s">
        <v>32153</v>
      </c>
      <c r="F4569">
        <v>4</v>
      </c>
      <c r="G4569" t="s">
        <v>9</v>
      </c>
      <c r="H4569" t="s">
        <v>10614</v>
      </c>
      <c r="I4569" t="s">
        <v>30540</v>
      </c>
    </row>
    <row r="4570" spans="1:9">
      <c r="A4570" s="1">
        <f ca="1">RAND()</f>
        <v>1.5396721909442967E-2</v>
      </c>
      <c r="B4570" s="1"/>
      <c r="C4570">
        <v>8</v>
      </c>
      <c r="D4570" t="s">
        <v>10607</v>
      </c>
      <c r="E4570" t="s">
        <v>32153</v>
      </c>
      <c r="F4570">
        <v>4</v>
      </c>
      <c r="G4570" t="s">
        <v>774</v>
      </c>
      <c r="H4570" t="s">
        <v>10608</v>
      </c>
      <c r="I4570" t="s">
        <v>30540</v>
      </c>
    </row>
    <row r="4571" spans="1:9">
      <c r="A4571" s="1">
        <f ca="1">RAND()</f>
        <v>0.22487970045669636</v>
      </c>
      <c r="B4571" s="1"/>
      <c r="C4571">
        <v>11</v>
      </c>
      <c r="D4571" t="s">
        <v>10609</v>
      </c>
      <c r="E4571" t="s">
        <v>32153</v>
      </c>
      <c r="F4571">
        <v>4</v>
      </c>
      <c r="G4571" t="s">
        <v>9</v>
      </c>
      <c r="H4571" t="s">
        <v>10610</v>
      </c>
      <c r="I4571" t="s">
        <v>30540</v>
      </c>
    </row>
    <row r="4572" spans="1:9">
      <c r="A4572" s="1">
        <f ca="1">RAND()</f>
        <v>0.19334393814247419</v>
      </c>
      <c r="B4572" s="1"/>
      <c r="C4572">
        <v>13</v>
      </c>
      <c r="D4572" t="s">
        <v>10611</v>
      </c>
      <c r="E4572" t="s">
        <v>32153</v>
      </c>
      <c r="F4572">
        <v>3</v>
      </c>
      <c r="G4572" t="s">
        <v>1295</v>
      </c>
      <c r="H4572" t="s">
        <v>10612</v>
      </c>
      <c r="I4572" t="s">
        <v>30540</v>
      </c>
    </row>
    <row r="4573" spans="1:9">
      <c r="A4573" s="1">
        <f ca="1">RAND()</f>
        <v>0.1743164145866074</v>
      </c>
      <c r="B4573" s="1"/>
      <c r="C4573">
        <v>1</v>
      </c>
      <c r="D4573" t="s">
        <v>10593</v>
      </c>
      <c r="E4573" t="s">
        <v>32154</v>
      </c>
      <c r="F4573">
        <v>5</v>
      </c>
      <c r="G4573" t="s">
        <v>765</v>
      </c>
      <c r="H4573" t="s">
        <v>10594</v>
      </c>
      <c r="I4573" t="s">
        <v>30540</v>
      </c>
    </row>
    <row r="4574" spans="1:9">
      <c r="A4574" s="1">
        <f ca="1">RAND()</f>
        <v>0.73343191732842161</v>
      </c>
      <c r="B4574" s="1"/>
      <c r="C4574">
        <v>13</v>
      </c>
      <c r="D4574" t="s">
        <v>10595</v>
      </c>
      <c r="E4574" t="s">
        <v>32154</v>
      </c>
      <c r="F4574">
        <v>5</v>
      </c>
      <c r="G4574" t="s">
        <v>0</v>
      </c>
      <c r="H4574" t="s">
        <v>10596</v>
      </c>
      <c r="I4574" t="s">
        <v>30540</v>
      </c>
    </row>
    <row r="4575" spans="1:9">
      <c r="A4575" s="1">
        <f ca="1">RAND()</f>
        <v>0.64019308365148808</v>
      </c>
      <c r="B4575" s="1"/>
      <c r="C4575">
        <v>19</v>
      </c>
      <c r="D4575" t="s">
        <v>10601</v>
      </c>
      <c r="E4575" t="s">
        <v>32154</v>
      </c>
      <c r="F4575">
        <v>5</v>
      </c>
      <c r="G4575" t="s">
        <v>0</v>
      </c>
      <c r="H4575" t="s">
        <v>10602</v>
      </c>
      <c r="I4575" t="s">
        <v>30540</v>
      </c>
    </row>
    <row r="4576" spans="1:9">
      <c r="A4576" s="1">
        <f ca="1">RAND()</f>
        <v>0.74512592686336132</v>
      </c>
      <c r="B4576" s="1"/>
      <c r="C4576">
        <v>15</v>
      </c>
      <c r="D4576" t="s">
        <v>10597</v>
      </c>
      <c r="E4576" t="s">
        <v>32154</v>
      </c>
      <c r="F4576">
        <v>4</v>
      </c>
      <c r="G4576" t="s">
        <v>0</v>
      </c>
      <c r="H4576" t="s">
        <v>10598</v>
      </c>
      <c r="I4576" t="s">
        <v>30540</v>
      </c>
    </row>
    <row r="4577" spans="1:9">
      <c r="A4577" s="1">
        <f ca="1">RAND()</f>
        <v>0.86098349581125511</v>
      </c>
      <c r="B4577" s="1"/>
      <c r="C4577">
        <v>18</v>
      </c>
      <c r="D4577" t="s">
        <v>10599</v>
      </c>
      <c r="E4577" t="s">
        <v>32154</v>
      </c>
      <c r="F4577">
        <v>4</v>
      </c>
      <c r="G4577" t="s">
        <v>0</v>
      </c>
      <c r="H4577" t="s">
        <v>10600</v>
      </c>
      <c r="I4577" t="s">
        <v>30540</v>
      </c>
    </row>
    <row r="4578" spans="1:9">
      <c r="A4578" s="1">
        <f ca="1">RAND()</f>
        <v>0.59844388625083056</v>
      </c>
      <c r="B4578" s="1"/>
      <c r="C4578">
        <v>7</v>
      </c>
      <c r="D4578" t="s">
        <v>10587</v>
      </c>
      <c r="E4578" t="s">
        <v>32155</v>
      </c>
      <c r="F4578">
        <v>5</v>
      </c>
      <c r="G4578" t="s">
        <v>0</v>
      </c>
      <c r="H4578" t="s">
        <v>10588</v>
      </c>
      <c r="I4578" t="s">
        <v>30540</v>
      </c>
    </row>
    <row r="4579" spans="1:9">
      <c r="A4579" s="1">
        <f ca="1">RAND()</f>
        <v>0.77135120798276569</v>
      </c>
      <c r="B4579" s="1"/>
      <c r="C4579">
        <v>10</v>
      </c>
      <c r="D4579" t="s">
        <v>10589</v>
      </c>
      <c r="E4579" t="s">
        <v>32155</v>
      </c>
      <c r="F4579">
        <v>4</v>
      </c>
      <c r="G4579" t="s">
        <v>0</v>
      </c>
      <c r="H4579" t="s">
        <v>10590</v>
      </c>
      <c r="I4579" t="s">
        <v>30540</v>
      </c>
    </row>
    <row r="4580" spans="1:9">
      <c r="A4580" s="1">
        <f ca="1">RAND()</f>
        <v>0.81822618991196094</v>
      </c>
      <c r="B4580" s="1"/>
      <c r="C4580">
        <v>14</v>
      </c>
      <c r="D4580" t="s">
        <v>10591</v>
      </c>
      <c r="E4580" t="s">
        <v>32155</v>
      </c>
      <c r="F4580">
        <v>4</v>
      </c>
      <c r="G4580" t="s">
        <v>0</v>
      </c>
      <c r="H4580" t="s">
        <v>10592</v>
      </c>
      <c r="I4580" t="s">
        <v>30540</v>
      </c>
    </row>
    <row r="4581" spans="1:9">
      <c r="A4581" s="1">
        <f ca="1">RAND()</f>
        <v>0.47707114172583698</v>
      </c>
      <c r="B4581" s="1"/>
      <c r="C4581">
        <v>6</v>
      </c>
      <c r="D4581" t="s">
        <v>10585</v>
      </c>
      <c r="E4581" t="s">
        <v>32155</v>
      </c>
      <c r="F4581">
        <v>3</v>
      </c>
      <c r="G4581" t="s">
        <v>13</v>
      </c>
      <c r="H4581" t="s">
        <v>10586</v>
      </c>
      <c r="I4581" t="s">
        <v>30540</v>
      </c>
    </row>
    <row r="4582" spans="1:9">
      <c r="A4582" s="1">
        <f ca="1">RAND()</f>
        <v>0.29420442248647116</v>
      </c>
      <c r="B4582" s="1"/>
      <c r="C4582">
        <v>12</v>
      </c>
      <c r="D4582" t="s">
        <v>10579</v>
      </c>
      <c r="E4582" t="s">
        <v>32156</v>
      </c>
      <c r="F4582">
        <v>5</v>
      </c>
      <c r="G4582" t="s">
        <v>0</v>
      </c>
      <c r="H4582" t="s">
        <v>10580</v>
      </c>
      <c r="I4582" t="s">
        <v>30540</v>
      </c>
    </row>
    <row r="4583" spans="1:9">
      <c r="A4583" s="1">
        <f ca="1">RAND()</f>
        <v>4.3314579909135231E-2</v>
      </c>
      <c r="B4583" s="1"/>
      <c r="C4583">
        <v>16</v>
      </c>
      <c r="D4583" t="s">
        <v>10581</v>
      </c>
      <c r="E4583" t="s">
        <v>32156</v>
      </c>
      <c r="F4583">
        <v>4</v>
      </c>
      <c r="G4583" t="s">
        <v>2</v>
      </c>
      <c r="H4583" t="s">
        <v>10582</v>
      </c>
      <c r="I4583" t="s">
        <v>30540</v>
      </c>
    </row>
    <row r="4584" spans="1:9">
      <c r="A4584" s="1">
        <f ca="1">RAND()</f>
        <v>0.53087743863231163</v>
      </c>
      <c r="B4584" s="1"/>
      <c r="C4584">
        <v>1</v>
      </c>
      <c r="D4584" t="s">
        <v>10575</v>
      </c>
      <c r="E4584" t="s">
        <v>32156</v>
      </c>
      <c r="F4584">
        <v>4</v>
      </c>
      <c r="G4584" t="s">
        <v>15</v>
      </c>
      <c r="H4584" t="s">
        <v>10576</v>
      </c>
      <c r="I4584" t="s">
        <v>30540</v>
      </c>
    </row>
    <row r="4585" spans="1:9">
      <c r="A4585" s="1">
        <f ca="1">RAND()</f>
        <v>0.14780185129863577</v>
      </c>
      <c r="B4585" s="1"/>
      <c r="C4585">
        <v>20</v>
      </c>
      <c r="D4585" t="s">
        <v>10583</v>
      </c>
      <c r="E4585" t="s">
        <v>32156</v>
      </c>
      <c r="F4585">
        <v>4</v>
      </c>
      <c r="G4585" t="s">
        <v>0</v>
      </c>
      <c r="H4585" t="s">
        <v>10584</v>
      </c>
      <c r="I4585" t="s">
        <v>30540</v>
      </c>
    </row>
    <row r="4586" spans="1:9">
      <c r="A4586" s="1">
        <f ca="1">RAND()</f>
        <v>0.95875907124842752</v>
      </c>
      <c r="B4586" s="1"/>
      <c r="C4586">
        <v>3</v>
      </c>
      <c r="D4586" t="s">
        <v>10577</v>
      </c>
      <c r="E4586" t="s">
        <v>32156</v>
      </c>
      <c r="F4586">
        <v>4</v>
      </c>
      <c r="G4586" t="s">
        <v>766</v>
      </c>
      <c r="H4586" t="s">
        <v>10578</v>
      </c>
      <c r="I4586" t="s">
        <v>30540</v>
      </c>
    </row>
    <row r="4587" spans="1:9">
      <c r="A4587" s="1">
        <f ca="1">RAND()</f>
        <v>0.60135512586880313</v>
      </c>
      <c r="B4587" s="1"/>
      <c r="C4587">
        <v>17</v>
      </c>
      <c r="D4587" t="s">
        <v>10569</v>
      </c>
      <c r="E4587" t="s">
        <v>32157</v>
      </c>
      <c r="F4587">
        <v>5</v>
      </c>
      <c r="G4587" t="s">
        <v>0</v>
      </c>
      <c r="H4587" t="s">
        <v>10570</v>
      </c>
      <c r="I4587" t="s">
        <v>30540</v>
      </c>
    </row>
    <row r="4588" spans="1:9">
      <c r="A4588" s="1">
        <f ca="1">RAND()</f>
        <v>0.62156165844997402</v>
      </c>
      <c r="B4588" s="1"/>
      <c r="C4588">
        <v>4</v>
      </c>
      <c r="D4588" t="s">
        <v>10559</v>
      </c>
      <c r="E4588" t="s">
        <v>32157</v>
      </c>
      <c r="F4588">
        <v>5</v>
      </c>
      <c r="G4588" t="s">
        <v>769</v>
      </c>
      <c r="H4588" t="s">
        <v>10560</v>
      </c>
      <c r="I4588" t="s">
        <v>30540</v>
      </c>
    </row>
    <row r="4589" spans="1:9">
      <c r="A4589" s="1">
        <f ca="1">RAND()</f>
        <v>6.6231482391589269E-2</v>
      </c>
      <c r="B4589" s="1"/>
      <c r="C4589">
        <v>6</v>
      </c>
      <c r="D4589" t="s">
        <v>10561</v>
      </c>
      <c r="E4589" t="s">
        <v>32157</v>
      </c>
      <c r="F4589">
        <v>5</v>
      </c>
      <c r="G4589" t="s">
        <v>770</v>
      </c>
      <c r="H4589" t="s">
        <v>10562</v>
      </c>
      <c r="I4589" t="s">
        <v>30540</v>
      </c>
    </row>
    <row r="4590" spans="1:9">
      <c r="A4590" s="1">
        <f ca="1">RAND()</f>
        <v>8.9416474576920257E-2</v>
      </c>
      <c r="B4590" s="1"/>
      <c r="C4590">
        <v>9</v>
      </c>
      <c r="D4590" t="s">
        <v>10563</v>
      </c>
      <c r="E4590" t="s">
        <v>32157</v>
      </c>
      <c r="F4590">
        <v>5</v>
      </c>
      <c r="G4590" t="s">
        <v>766</v>
      </c>
      <c r="H4590" t="s">
        <v>10564</v>
      </c>
      <c r="I4590" t="s">
        <v>30540</v>
      </c>
    </row>
    <row r="4591" spans="1:9">
      <c r="A4591" s="1">
        <f ca="1">RAND()</f>
        <v>9.1704543518366433E-2</v>
      </c>
      <c r="B4591" s="1"/>
      <c r="C4591">
        <v>20</v>
      </c>
      <c r="D4591" t="s">
        <v>10573</v>
      </c>
      <c r="E4591" t="s">
        <v>32157</v>
      </c>
      <c r="F4591">
        <v>4</v>
      </c>
      <c r="G4591" t="s">
        <v>0</v>
      </c>
      <c r="H4591" t="s">
        <v>10574</v>
      </c>
      <c r="I4591" t="s">
        <v>30540</v>
      </c>
    </row>
    <row r="4592" spans="1:9">
      <c r="A4592" s="1">
        <f ca="1">RAND()</f>
        <v>7.9674952030069912E-2</v>
      </c>
      <c r="B4592" s="1"/>
      <c r="C4592">
        <v>15</v>
      </c>
      <c r="D4592" t="s">
        <v>10567</v>
      </c>
      <c r="E4592" t="s">
        <v>32157</v>
      </c>
      <c r="F4592">
        <v>4</v>
      </c>
      <c r="G4592" t="s">
        <v>0</v>
      </c>
      <c r="H4592" t="s">
        <v>10568</v>
      </c>
      <c r="I4592" t="s">
        <v>30540</v>
      </c>
    </row>
    <row r="4593" spans="1:9">
      <c r="A4593" s="1">
        <f ca="1">RAND()</f>
        <v>0.34046922262514123</v>
      </c>
      <c r="B4593" s="1"/>
      <c r="C4593">
        <v>19</v>
      </c>
      <c r="D4593" t="s">
        <v>10571</v>
      </c>
      <c r="E4593" t="s">
        <v>32157</v>
      </c>
      <c r="F4593">
        <v>4</v>
      </c>
      <c r="G4593" t="s">
        <v>0</v>
      </c>
      <c r="H4593" t="s">
        <v>10572</v>
      </c>
      <c r="I4593" t="s">
        <v>30540</v>
      </c>
    </row>
    <row r="4594" spans="1:9">
      <c r="A4594" s="1">
        <f ca="1">RAND()</f>
        <v>0.70983357221697374</v>
      </c>
      <c r="B4594" s="1"/>
      <c r="C4594">
        <v>10</v>
      </c>
      <c r="D4594" t="s">
        <v>10565</v>
      </c>
      <c r="E4594" t="s">
        <v>32157</v>
      </c>
      <c r="F4594">
        <v>3</v>
      </c>
      <c r="G4594" t="s">
        <v>0</v>
      </c>
      <c r="H4594" t="s">
        <v>10566</v>
      </c>
      <c r="I4594" t="s">
        <v>30540</v>
      </c>
    </row>
    <row r="4595" spans="1:9">
      <c r="A4595" s="1">
        <f ca="1">RAND()</f>
        <v>0.18981837225071885</v>
      </c>
      <c r="B4595" s="1"/>
      <c r="C4595">
        <v>2</v>
      </c>
      <c r="D4595" t="s">
        <v>10551</v>
      </c>
      <c r="E4595" t="s">
        <v>32158</v>
      </c>
      <c r="F4595">
        <v>5</v>
      </c>
      <c r="G4595" t="s">
        <v>762</v>
      </c>
      <c r="H4595" t="s">
        <v>10552</v>
      </c>
      <c r="I4595" t="s">
        <v>30540</v>
      </c>
    </row>
    <row r="4596" spans="1:9">
      <c r="A4596" s="1">
        <f ca="1">RAND()</f>
        <v>0.31276724185647331</v>
      </c>
      <c r="B4596" s="1"/>
      <c r="C4596">
        <v>11</v>
      </c>
      <c r="D4596" t="s">
        <v>10557</v>
      </c>
      <c r="E4596" t="s">
        <v>32158</v>
      </c>
      <c r="F4596">
        <v>4</v>
      </c>
      <c r="G4596" t="s">
        <v>0</v>
      </c>
      <c r="H4596" t="s">
        <v>10558</v>
      </c>
      <c r="I4596" t="s">
        <v>30540</v>
      </c>
    </row>
    <row r="4597" spans="1:9">
      <c r="A4597" s="1">
        <f ca="1">RAND()</f>
        <v>0.59257689233113697</v>
      </c>
      <c r="B4597" s="1"/>
      <c r="C4597">
        <v>9</v>
      </c>
      <c r="D4597" t="s">
        <v>10555</v>
      </c>
      <c r="E4597" t="s">
        <v>32158</v>
      </c>
      <c r="F4597">
        <v>4</v>
      </c>
      <c r="G4597" t="s">
        <v>10</v>
      </c>
      <c r="H4597" t="s">
        <v>10556</v>
      </c>
      <c r="I4597" t="s">
        <v>30540</v>
      </c>
    </row>
    <row r="4598" spans="1:9">
      <c r="A4598" s="1">
        <f ca="1">RAND()</f>
        <v>0.38719459836116532</v>
      </c>
      <c r="B4598" s="1"/>
      <c r="C4598">
        <v>8</v>
      </c>
      <c r="D4598" t="s">
        <v>10553</v>
      </c>
      <c r="E4598" t="s">
        <v>32158</v>
      </c>
      <c r="F4598">
        <v>4</v>
      </c>
      <c r="G4598" t="s">
        <v>770</v>
      </c>
      <c r="H4598" t="s">
        <v>10554</v>
      </c>
      <c r="I4598" t="s">
        <v>30540</v>
      </c>
    </row>
    <row r="4599" spans="1:9">
      <c r="A4599" s="1">
        <f ca="1">RAND()</f>
        <v>0.61912097616579964</v>
      </c>
      <c r="B4599" s="1"/>
      <c r="C4599">
        <v>19</v>
      </c>
      <c r="D4599" t="s">
        <v>10547</v>
      </c>
      <c r="E4599" t="s">
        <v>32159</v>
      </c>
      <c r="F4599">
        <v>4</v>
      </c>
      <c r="G4599" t="s">
        <v>0</v>
      </c>
      <c r="H4599" t="s">
        <v>10548</v>
      </c>
      <c r="I4599" t="s">
        <v>30540</v>
      </c>
    </row>
    <row r="4600" spans="1:9">
      <c r="A4600" s="1">
        <f ca="1">RAND()</f>
        <v>0.59324262975510567</v>
      </c>
      <c r="B4600" s="1"/>
      <c r="C4600">
        <v>20</v>
      </c>
      <c r="D4600" t="s">
        <v>10549</v>
      </c>
      <c r="E4600" t="s">
        <v>32159</v>
      </c>
      <c r="F4600">
        <v>4</v>
      </c>
      <c r="G4600" t="s">
        <v>15</v>
      </c>
      <c r="H4600" t="s">
        <v>10550</v>
      </c>
      <c r="I4600" t="s">
        <v>30540</v>
      </c>
    </row>
    <row r="4601" spans="1:9">
      <c r="A4601" s="1">
        <f ca="1">RAND()</f>
        <v>0.81693371333540554</v>
      </c>
      <c r="B4601" s="1"/>
      <c r="C4601">
        <v>2</v>
      </c>
      <c r="D4601" t="s">
        <v>10541</v>
      </c>
      <c r="E4601" t="s">
        <v>32159</v>
      </c>
      <c r="F4601">
        <v>4</v>
      </c>
      <c r="G4601" t="s">
        <v>15</v>
      </c>
      <c r="H4601" t="s">
        <v>10542</v>
      </c>
      <c r="I4601" t="s">
        <v>30540</v>
      </c>
    </row>
    <row r="4602" spans="1:9">
      <c r="A4602" s="1">
        <f ca="1">RAND()</f>
        <v>0.64722069026891549</v>
      </c>
      <c r="B4602" s="1"/>
      <c r="C4602">
        <v>7</v>
      </c>
      <c r="D4602" t="s">
        <v>10543</v>
      </c>
      <c r="E4602" t="s">
        <v>32159</v>
      </c>
      <c r="F4602">
        <v>4</v>
      </c>
      <c r="G4602" t="s">
        <v>0</v>
      </c>
      <c r="H4602" t="s">
        <v>10544</v>
      </c>
      <c r="I4602" t="s">
        <v>30540</v>
      </c>
    </row>
    <row r="4603" spans="1:9">
      <c r="A4603" s="1">
        <f ca="1">RAND()</f>
        <v>0.46766121627533452</v>
      </c>
      <c r="B4603" s="1"/>
      <c r="C4603">
        <v>15</v>
      </c>
      <c r="D4603" t="s">
        <v>10545</v>
      </c>
      <c r="E4603" t="s">
        <v>32159</v>
      </c>
      <c r="F4603">
        <v>4</v>
      </c>
      <c r="G4603" t="s">
        <v>0</v>
      </c>
      <c r="H4603" t="s">
        <v>10546</v>
      </c>
      <c r="I4603" t="s">
        <v>30540</v>
      </c>
    </row>
    <row r="4604" spans="1:9">
      <c r="A4604" s="1">
        <f ca="1">RAND()</f>
        <v>0.19836568562136503</v>
      </c>
      <c r="B4604" s="1"/>
      <c r="C4604">
        <v>16</v>
      </c>
      <c r="D4604" t="s">
        <v>10539</v>
      </c>
      <c r="E4604" t="s">
        <v>32160</v>
      </c>
      <c r="F4604">
        <v>5</v>
      </c>
      <c r="G4604" t="s">
        <v>0</v>
      </c>
      <c r="H4604" t="s">
        <v>10540</v>
      </c>
      <c r="I4604" t="s">
        <v>30540</v>
      </c>
    </row>
    <row r="4605" spans="1:9">
      <c r="A4605" s="1">
        <f ca="1">RAND()</f>
        <v>0.12569915093273709</v>
      </c>
      <c r="B4605" s="1"/>
      <c r="C4605">
        <v>10</v>
      </c>
      <c r="D4605" t="s">
        <v>10533</v>
      </c>
      <c r="E4605" t="s">
        <v>32160</v>
      </c>
      <c r="F4605">
        <v>4</v>
      </c>
      <c r="G4605" t="s">
        <v>0</v>
      </c>
      <c r="H4605" t="s">
        <v>10534</v>
      </c>
      <c r="I4605" t="s">
        <v>30540</v>
      </c>
    </row>
    <row r="4606" spans="1:9">
      <c r="A4606" s="1">
        <f ca="1">RAND()</f>
        <v>0.40753593824315126</v>
      </c>
      <c r="B4606" s="1"/>
      <c r="C4606">
        <v>12</v>
      </c>
      <c r="D4606" t="s">
        <v>10535</v>
      </c>
      <c r="E4606" t="s">
        <v>32160</v>
      </c>
      <c r="F4606">
        <v>4</v>
      </c>
      <c r="G4606" t="s">
        <v>0</v>
      </c>
      <c r="H4606" t="s">
        <v>10536</v>
      </c>
      <c r="I4606" t="s">
        <v>30540</v>
      </c>
    </row>
    <row r="4607" spans="1:9">
      <c r="A4607" s="1">
        <f ca="1">RAND()</f>
        <v>0.45528846447187676</v>
      </c>
      <c r="B4607" s="1"/>
      <c r="C4607">
        <v>14</v>
      </c>
      <c r="D4607" t="s">
        <v>10537</v>
      </c>
      <c r="E4607" t="s">
        <v>32160</v>
      </c>
      <c r="F4607">
        <v>2</v>
      </c>
      <c r="G4607" t="s">
        <v>13</v>
      </c>
      <c r="H4607" t="s">
        <v>10538</v>
      </c>
      <c r="I4607" t="s">
        <v>30540</v>
      </c>
    </row>
    <row r="4608" spans="1:9">
      <c r="A4608" s="1">
        <f ca="1">RAND()</f>
        <v>0.71224461332788003</v>
      </c>
      <c r="B4608" s="1"/>
      <c r="C4608">
        <v>17</v>
      </c>
      <c r="D4608" t="s">
        <v>10527</v>
      </c>
      <c r="E4608" t="s">
        <v>32161</v>
      </c>
      <c r="F4608">
        <v>5</v>
      </c>
      <c r="G4608" t="s">
        <v>0</v>
      </c>
      <c r="H4608" t="s">
        <v>10528</v>
      </c>
      <c r="I4608" t="s">
        <v>30540</v>
      </c>
    </row>
    <row r="4609" spans="1:9">
      <c r="A4609" s="1">
        <f ca="1">RAND()</f>
        <v>0.81290469067381799</v>
      </c>
      <c r="B4609" s="1"/>
      <c r="C4609">
        <v>20</v>
      </c>
      <c r="D4609" t="s">
        <v>10531</v>
      </c>
      <c r="E4609" t="s">
        <v>32161</v>
      </c>
      <c r="F4609">
        <v>4</v>
      </c>
      <c r="G4609" t="s">
        <v>0</v>
      </c>
      <c r="H4609" t="s">
        <v>10532</v>
      </c>
      <c r="I4609" t="s">
        <v>30540</v>
      </c>
    </row>
    <row r="4610" spans="1:9">
      <c r="A4610" s="1">
        <f ca="1">RAND()</f>
        <v>2.1824678936466668E-2</v>
      </c>
      <c r="B4610" s="1"/>
      <c r="C4610">
        <v>15</v>
      </c>
      <c r="D4610" t="s">
        <v>10525</v>
      </c>
      <c r="E4610" t="s">
        <v>32161</v>
      </c>
      <c r="F4610">
        <v>4</v>
      </c>
      <c r="G4610" t="s">
        <v>15</v>
      </c>
      <c r="H4610" t="s">
        <v>10526</v>
      </c>
      <c r="I4610" t="s">
        <v>30540</v>
      </c>
    </row>
    <row r="4611" spans="1:9">
      <c r="A4611" s="1">
        <f ca="1">RAND()</f>
        <v>0.6666755640736145</v>
      </c>
      <c r="B4611" s="1"/>
      <c r="C4611">
        <v>19</v>
      </c>
      <c r="D4611" t="s">
        <v>10529</v>
      </c>
      <c r="E4611" t="s">
        <v>32161</v>
      </c>
      <c r="F4611">
        <v>4</v>
      </c>
      <c r="G4611" t="s">
        <v>0</v>
      </c>
      <c r="H4611" t="s">
        <v>10530</v>
      </c>
      <c r="I4611" t="s">
        <v>30540</v>
      </c>
    </row>
    <row r="4612" spans="1:9">
      <c r="A4612" s="1">
        <f ca="1">RAND()</f>
        <v>0.69482348484285139</v>
      </c>
      <c r="B4612" s="1"/>
      <c r="C4612">
        <v>2</v>
      </c>
      <c r="D4612" t="s">
        <v>10523</v>
      </c>
      <c r="E4612" t="s">
        <v>32161</v>
      </c>
      <c r="F4612">
        <v>4</v>
      </c>
      <c r="G4612" t="s">
        <v>765</v>
      </c>
      <c r="H4612" t="s">
        <v>10524</v>
      </c>
      <c r="I4612" t="s">
        <v>30540</v>
      </c>
    </row>
    <row r="4613" spans="1:9">
      <c r="A4613" s="1">
        <f ca="1">RAND()</f>
        <v>0.570287761742717</v>
      </c>
      <c r="B4613" s="1"/>
      <c r="C4613">
        <v>9</v>
      </c>
      <c r="D4613" t="s">
        <v>10513</v>
      </c>
      <c r="E4613" t="s">
        <v>32162</v>
      </c>
      <c r="F4613">
        <v>4</v>
      </c>
      <c r="G4613" t="s">
        <v>0</v>
      </c>
      <c r="H4613" t="s">
        <v>10514</v>
      </c>
      <c r="I4613" t="s">
        <v>30540</v>
      </c>
    </row>
    <row r="4614" spans="1:9">
      <c r="A4614" s="1">
        <f ca="1">RAND()</f>
        <v>0.15220489823085381</v>
      </c>
      <c r="B4614" s="1"/>
      <c r="C4614">
        <v>10</v>
      </c>
      <c r="D4614" t="s">
        <v>10515</v>
      </c>
      <c r="E4614" t="s">
        <v>32162</v>
      </c>
      <c r="F4614">
        <v>4</v>
      </c>
      <c r="G4614" t="s">
        <v>0</v>
      </c>
      <c r="H4614" t="s">
        <v>10516</v>
      </c>
      <c r="I4614" t="s">
        <v>30540</v>
      </c>
    </row>
    <row r="4615" spans="1:9">
      <c r="A4615" s="1">
        <f ca="1">RAND()</f>
        <v>0.82369695635921836</v>
      </c>
      <c r="B4615" s="1"/>
      <c r="C4615">
        <v>20</v>
      </c>
      <c r="D4615" t="s">
        <v>10521</v>
      </c>
      <c r="E4615" t="s">
        <v>32162</v>
      </c>
      <c r="F4615">
        <v>4</v>
      </c>
      <c r="G4615" t="s">
        <v>0</v>
      </c>
      <c r="H4615" t="s">
        <v>10522</v>
      </c>
      <c r="I4615" t="s">
        <v>30540</v>
      </c>
    </row>
    <row r="4616" spans="1:9">
      <c r="A4616" s="1">
        <f ca="1">RAND()</f>
        <v>0.68973041082219155</v>
      </c>
      <c r="B4616" s="1"/>
      <c r="C4616">
        <v>15</v>
      </c>
      <c r="D4616" t="s">
        <v>10517</v>
      </c>
      <c r="E4616" t="s">
        <v>32162</v>
      </c>
      <c r="F4616">
        <v>4</v>
      </c>
      <c r="G4616" t="s">
        <v>0</v>
      </c>
      <c r="H4616" t="s">
        <v>10518</v>
      </c>
      <c r="I4616" t="s">
        <v>30540</v>
      </c>
    </row>
    <row r="4617" spans="1:9">
      <c r="A4617" s="1">
        <f ca="1">RAND()</f>
        <v>0.89550899786691884</v>
      </c>
      <c r="B4617" s="1"/>
      <c r="C4617">
        <v>19</v>
      </c>
      <c r="D4617" t="s">
        <v>10519</v>
      </c>
      <c r="E4617" t="s">
        <v>32162</v>
      </c>
      <c r="F4617">
        <v>2</v>
      </c>
      <c r="G4617" t="s">
        <v>0</v>
      </c>
      <c r="H4617" t="s">
        <v>10520</v>
      </c>
      <c r="I4617" t="s">
        <v>30540</v>
      </c>
    </row>
    <row r="4618" spans="1:9">
      <c r="A4618" s="1">
        <f ca="1">RAND()</f>
        <v>0.22053689020479605</v>
      </c>
      <c r="B4618" s="1"/>
      <c r="C4618">
        <v>7</v>
      </c>
      <c r="D4618" t="s">
        <v>10509</v>
      </c>
      <c r="E4618" t="s">
        <v>32163</v>
      </c>
      <c r="F4618">
        <v>5</v>
      </c>
      <c r="G4618" t="s">
        <v>0</v>
      </c>
      <c r="H4618" t="s">
        <v>10510</v>
      </c>
      <c r="I4618" t="s">
        <v>30540</v>
      </c>
    </row>
    <row r="4619" spans="1:9">
      <c r="A4619" s="1">
        <f ca="1">RAND()</f>
        <v>0.43557108930799926</v>
      </c>
      <c r="B4619" s="1"/>
      <c r="C4619">
        <v>15</v>
      </c>
      <c r="D4619" t="s">
        <v>10511</v>
      </c>
      <c r="E4619" t="s">
        <v>32163</v>
      </c>
      <c r="F4619">
        <v>5</v>
      </c>
      <c r="G4619" t="s">
        <v>0</v>
      </c>
      <c r="H4619" t="s">
        <v>10512</v>
      </c>
      <c r="I4619" t="s">
        <v>30540</v>
      </c>
    </row>
    <row r="4620" spans="1:9">
      <c r="A4620" s="1">
        <f ca="1">RAND()</f>
        <v>0.832351251967415</v>
      </c>
      <c r="B4620" s="1"/>
      <c r="C4620">
        <v>6</v>
      </c>
      <c r="D4620" t="s">
        <v>10499</v>
      </c>
      <c r="E4620" t="s">
        <v>32164</v>
      </c>
      <c r="F4620">
        <v>4</v>
      </c>
      <c r="G4620" t="s">
        <v>762</v>
      </c>
      <c r="H4620" t="s">
        <v>10500</v>
      </c>
      <c r="I4620" t="s">
        <v>30540</v>
      </c>
    </row>
    <row r="4621" spans="1:9">
      <c r="A4621" s="1">
        <f ca="1">RAND()</f>
        <v>0.1631339604970391</v>
      </c>
      <c r="B4621" s="1"/>
      <c r="C4621">
        <v>18</v>
      </c>
      <c r="D4621" t="s">
        <v>10505</v>
      </c>
      <c r="E4621" t="s">
        <v>32164</v>
      </c>
      <c r="F4621">
        <v>4</v>
      </c>
      <c r="G4621" t="s">
        <v>10</v>
      </c>
      <c r="H4621" t="s">
        <v>10506</v>
      </c>
      <c r="I4621" t="s">
        <v>30540</v>
      </c>
    </row>
    <row r="4622" spans="1:9">
      <c r="A4622" s="1">
        <f ca="1">RAND()</f>
        <v>0.78601532073639557</v>
      </c>
      <c r="B4622" s="1"/>
      <c r="C4622">
        <v>15</v>
      </c>
      <c r="D4622" t="s">
        <v>10503</v>
      </c>
      <c r="E4622" t="s">
        <v>32164</v>
      </c>
      <c r="F4622">
        <v>4</v>
      </c>
      <c r="G4622" t="s">
        <v>0</v>
      </c>
      <c r="H4622" t="s">
        <v>10504</v>
      </c>
      <c r="I4622" t="s">
        <v>30540</v>
      </c>
    </row>
    <row r="4623" spans="1:9">
      <c r="A4623" s="1">
        <f ca="1">RAND()</f>
        <v>2.2565645600991835E-2</v>
      </c>
      <c r="B4623" s="1"/>
      <c r="C4623">
        <v>19</v>
      </c>
      <c r="D4623" t="s">
        <v>10507</v>
      </c>
      <c r="E4623" t="s">
        <v>32164</v>
      </c>
      <c r="F4623">
        <v>3</v>
      </c>
      <c r="G4623" t="s">
        <v>0</v>
      </c>
      <c r="H4623" t="s">
        <v>10508</v>
      </c>
      <c r="I4623" t="s">
        <v>30540</v>
      </c>
    </row>
    <row r="4624" spans="1:9">
      <c r="A4624" s="1">
        <f ca="1">RAND()</f>
        <v>0.69887515274678125</v>
      </c>
      <c r="B4624" s="1"/>
      <c r="C4624">
        <v>14</v>
      </c>
      <c r="D4624" t="s">
        <v>10501</v>
      </c>
      <c r="E4624" t="s">
        <v>32164</v>
      </c>
      <c r="F4624">
        <v>2</v>
      </c>
      <c r="G4624" t="s">
        <v>0</v>
      </c>
      <c r="H4624" t="s">
        <v>10502</v>
      </c>
      <c r="I4624" t="s">
        <v>30540</v>
      </c>
    </row>
    <row r="4625" spans="1:9">
      <c r="A4625" s="1">
        <f ca="1">RAND()</f>
        <v>5.6181702820751855E-2</v>
      </c>
      <c r="B4625" s="1"/>
      <c r="C4625">
        <v>3</v>
      </c>
      <c r="D4625" t="s">
        <v>10485</v>
      </c>
      <c r="E4625" t="s">
        <v>32165</v>
      </c>
      <c r="F4625">
        <v>5</v>
      </c>
      <c r="G4625" t="s">
        <v>0</v>
      </c>
      <c r="H4625" t="s">
        <v>10486</v>
      </c>
      <c r="I4625" t="s">
        <v>30540</v>
      </c>
    </row>
    <row r="4626" spans="1:9">
      <c r="A4626" s="1">
        <f ca="1">RAND()</f>
        <v>0.66109245040018239</v>
      </c>
      <c r="B4626" s="1"/>
      <c r="C4626">
        <v>1</v>
      </c>
      <c r="D4626" t="s">
        <v>10483</v>
      </c>
      <c r="E4626" t="s">
        <v>32165</v>
      </c>
      <c r="F4626">
        <v>4</v>
      </c>
      <c r="G4626" t="s">
        <v>0</v>
      </c>
      <c r="H4626" t="s">
        <v>10484</v>
      </c>
      <c r="I4626" t="s">
        <v>30540</v>
      </c>
    </row>
    <row r="4627" spans="1:9">
      <c r="A4627" s="1">
        <f ca="1">RAND()</f>
        <v>0.14759969008867946</v>
      </c>
      <c r="B4627" s="1"/>
      <c r="C4627">
        <v>7</v>
      </c>
      <c r="D4627" t="s">
        <v>10491</v>
      </c>
      <c r="E4627" t="s">
        <v>32165</v>
      </c>
      <c r="F4627">
        <v>4</v>
      </c>
      <c r="G4627" t="s">
        <v>0</v>
      </c>
      <c r="H4627" t="s">
        <v>10492</v>
      </c>
      <c r="I4627" t="s">
        <v>30540</v>
      </c>
    </row>
    <row r="4628" spans="1:9">
      <c r="A4628" s="1">
        <f ca="1">RAND()</f>
        <v>0.88174647204422851</v>
      </c>
      <c r="B4628" s="1"/>
      <c r="C4628">
        <v>11</v>
      </c>
      <c r="D4628" t="s">
        <v>10495</v>
      </c>
      <c r="E4628" t="s">
        <v>32165</v>
      </c>
      <c r="F4628">
        <v>4</v>
      </c>
      <c r="G4628" t="s">
        <v>0</v>
      </c>
      <c r="H4628" t="s">
        <v>10496</v>
      </c>
      <c r="I4628" t="s">
        <v>30540</v>
      </c>
    </row>
    <row r="4629" spans="1:9">
      <c r="A4629" s="1">
        <f ca="1">RAND()</f>
        <v>0.12751283714104389</v>
      </c>
      <c r="B4629" s="1"/>
      <c r="C4629">
        <v>4</v>
      </c>
      <c r="D4629" t="s">
        <v>10487</v>
      </c>
      <c r="E4629" t="s">
        <v>32165</v>
      </c>
      <c r="F4629">
        <v>4</v>
      </c>
      <c r="G4629" t="s">
        <v>13</v>
      </c>
      <c r="H4629" t="s">
        <v>10488</v>
      </c>
      <c r="I4629" t="s">
        <v>30540</v>
      </c>
    </row>
    <row r="4630" spans="1:9">
      <c r="A4630" s="1">
        <f ca="1">RAND()</f>
        <v>0.56668974550591511</v>
      </c>
      <c r="B4630" s="1"/>
      <c r="C4630">
        <v>8</v>
      </c>
      <c r="D4630" t="s">
        <v>10493</v>
      </c>
      <c r="E4630" t="s">
        <v>32165</v>
      </c>
      <c r="F4630">
        <v>4</v>
      </c>
      <c r="G4630" t="s">
        <v>0</v>
      </c>
      <c r="H4630" t="s">
        <v>10494</v>
      </c>
      <c r="I4630" t="s">
        <v>30540</v>
      </c>
    </row>
    <row r="4631" spans="1:9">
      <c r="A4631" s="1">
        <f ca="1">RAND()</f>
        <v>0.17870626295176295</v>
      </c>
      <c r="B4631" s="1"/>
      <c r="C4631">
        <v>12</v>
      </c>
      <c r="D4631" t="s">
        <v>10497</v>
      </c>
      <c r="E4631" t="s">
        <v>32165</v>
      </c>
      <c r="F4631">
        <v>3</v>
      </c>
      <c r="G4631" t="s">
        <v>13</v>
      </c>
      <c r="H4631" t="s">
        <v>10498</v>
      </c>
      <c r="I4631" t="s">
        <v>30540</v>
      </c>
    </row>
    <row r="4632" spans="1:9">
      <c r="A4632" s="1">
        <f ca="1">RAND()</f>
        <v>0.88113602057236717</v>
      </c>
      <c r="B4632" s="1"/>
      <c r="C4632">
        <v>6</v>
      </c>
      <c r="D4632" t="s">
        <v>10489</v>
      </c>
      <c r="E4632" t="s">
        <v>32165</v>
      </c>
      <c r="F4632">
        <v>2</v>
      </c>
      <c r="G4632" t="s">
        <v>0</v>
      </c>
      <c r="H4632" t="s">
        <v>10490</v>
      </c>
      <c r="I4632" t="s">
        <v>30540</v>
      </c>
    </row>
    <row r="4633" spans="1:9">
      <c r="A4633" s="1">
        <f ca="1">RAND()</f>
        <v>0.1649098659815097</v>
      </c>
      <c r="B4633" s="1"/>
      <c r="C4633">
        <v>17</v>
      </c>
      <c r="D4633" t="s">
        <v>10481</v>
      </c>
      <c r="E4633" t="s">
        <v>32166</v>
      </c>
      <c r="F4633">
        <v>5</v>
      </c>
      <c r="G4633" t="s">
        <v>15</v>
      </c>
      <c r="H4633" t="s">
        <v>10482</v>
      </c>
      <c r="I4633" t="s">
        <v>30540</v>
      </c>
    </row>
    <row r="4634" spans="1:9">
      <c r="A4634" s="1">
        <f ca="1">RAND()</f>
        <v>0.32841501263930173</v>
      </c>
      <c r="B4634" s="1"/>
      <c r="C4634">
        <v>1</v>
      </c>
      <c r="D4634" t="s">
        <v>10477</v>
      </c>
      <c r="E4634" t="s">
        <v>32167</v>
      </c>
      <c r="F4634">
        <v>4</v>
      </c>
      <c r="G4634" t="s">
        <v>2</v>
      </c>
      <c r="H4634" t="s">
        <v>10478</v>
      </c>
      <c r="I4634" t="s">
        <v>30540</v>
      </c>
    </row>
    <row r="4635" spans="1:9">
      <c r="A4635" s="1">
        <f ca="1">RAND()</f>
        <v>0.53593940358777037</v>
      </c>
      <c r="B4635" s="1"/>
      <c r="C4635">
        <v>16</v>
      </c>
      <c r="D4635" t="s">
        <v>10479</v>
      </c>
      <c r="E4635" t="s">
        <v>32167</v>
      </c>
      <c r="F4635">
        <v>4</v>
      </c>
      <c r="G4635" t="s">
        <v>1</v>
      </c>
      <c r="H4635" t="s">
        <v>10480</v>
      </c>
      <c r="I4635" t="s">
        <v>30540</v>
      </c>
    </row>
    <row r="4636" spans="1:9">
      <c r="A4636" s="1">
        <f ca="1">RAND()</f>
        <v>0.62596542413047696</v>
      </c>
      <c r="B4636" s="1"/>
      <c r="C4636">
        <v>7</v>
      </c>
      <c r="D4636" t="s">
        <v>10475</v>
      </c>
      <c r="E4636" t="s">
        <v>32168</v>
      </c>
      <c r="F4636">
        <v>5</v>
      </c>
      <c r="G4636" t="s">
        <v>770</v>
      </c>
      <c r="H4636" t="s">
        <v>10476</v>
      </c>
      <c r="I4636" t="s">
        <v>30540</v>
      </c>
    </row>
    <row r="4637" spans="1:9">
      <c r="A4637" s="1">
        <f ca="1">RAND()</f>
        <v>0.88178034881490575</v>
      </c>
      <c r="B4637" s="1"/>
      <c r="C4637">
        <v>3</v>
      </c>
      <c r="D4637" t="s">
        <v>10473</v>
      </c>
      <c r="E4637" t="s">
        <v>32168</v>
      </c>
      <c r="F4637">
        <v>4</v>
      </c>
      <c r="G4637" t="s">
        <v>14</v>
      </c>
      <c r="H4637" t="s">
        <v>10474</v>
      </c>
      <c r="I4637" t="s">
        <v>30540</v>
      </c>
    </row>
    <row r="4638" spans="1:9">
      <c r="A4638" s="1">
        <f ca="1">RAND()</f>
        <v>0.75203756268381994</v>
      </c>
      <c r="B4638" s="1"/>
      <c r="C4638">
        <v>7</v>
      </c>
      <c r="D4638" t="s">
        <v>10465</v>
      </c>
      <c r="E4638" t="s">
        <v>32169</v>
      </c>
      <c r="F4638">
        <v>5</v>
      </c>
      <c r="G4638" t="s">
        <v>0</v>
      </c>
      <c r="H4638" t="s">
        <v>10466</v>
      </c>
      <c r="I4638" t="s">
        <v>30540</v>
      </c>
    </row>
    <row r="4639" spans="1:9">
      <c r="A4639" s="1">
        <f ca="1">RAND()</f>
        <v>0.46164367302357312</v>
      </c>
      <c r="B4639" s="1"/>
      <c r="C4639">
        <v>14</v>
      </c>
      <c r="D4639" t="s">
        <v>10469</v>
      </c>
      <c r="E4639" t="s">
        <v>32169</v>
      </c>
      <c r="F4639">
        <v>5</v>
      </c>
      <c r="G4639" t="s">
        <v>0</v>
      </c>
      <c r="H4639" t="s">
        <v>10470</v>
      </c>
      <c r="I4639" t="s">
        <v>30540</v>
      </c>
    </row>
    <row r="4640" spans="1:9">
      <c r="A4640" s="1">
        <f ca="1">RAND()</f>
        <v>0.92771549765968642</v>
      </c>
      <c r="B4640" s="1"/>
      <c r="C4640">
        <v>8</v>
      </c>
      <c r="D4640" t="s">
        <v>10467</v>
      </c>
      <c r="E4640" t="s">
        <v>32169</v>
      </c>
      <c r="F4640">
        <v>4</v>
      </c>
      <c r="G4640" t="s">
        <v>15</v>
      </c>
      <c r="H4640" t="s">
        <v>10468</v>
      </c>
      <c r="I4640" t="s">
        <v>30540</v>
      </c>
    </row>
    <row r="4641" spans="1:9">
      <c r="A4641" s="1">
        <f ca="1">RAND()</f>
        <v>0.39969625062048098</v>
      </c>
      <c r="B4641" s="1"/>
      <c r="C4641">
        <v>18</v>
      </c>
      <c r="D4641" t="s">
        <v>10471</v>
      </c>
      <c r="E4641" t="s">
        <v>32169</v>
      </c>
      <c r="F4641">
        <v>2</v>
      </c>
      <c r="G4641" t="s">
        <v>0</v>
      </c>
      <c r="H4641" t="s">
        <v>10472</v>
      </c>
      <c r="I4641" t="s">
        <v>30540</v>
      </c>
    </row>
    <row r="4642" spans="1:9">
      <c r="A4642" s="1">
        <f ca="1">RAND()</f>
        <v>0.82295287725251198</v>
      </c>
      <c r="B4642" s="1"/>
      <c r="C4642">
        <v>13</v>
      </c>
      <c r="D4642" t="s">
        <v>10459</v>
      </c>
      <c r="E4642" t="s">
        <v>32170</v>
      </c>
      <c r="F4642">
        <v>4</v>
      </c>
      <c r="G4642" t="s">
        <v>0</v>
      </c>
      <c r="H4642" t="s">
        <v>10460</v>
      </c>
      <c r="I4642" t="s">
        <v>30540</v>
      </c>
    </row>
    <row r="4643" spans="1:9">
      <c r="A4643" s="1">
        <f ca="1">RAND()</f>
        <v>0.88747825044411055</v>
      </c>
      <c r="B4643" s="1"/>
      <c r="C4643">
        <v>11</v>
      </c>
      <c r="D4643" t="s">
        <v>10457</v>
      </c>
      <c r="E4643" t="s">
        <v>32170</v>
      </c>
      <c r="F4643">
        <v>3</v>
      </c>
      <c r="G4643" t="s">
        <v>9</v>
      </c>
      <c r="H4643" t="s">
        <v>10458</v>
      </c>
      <c r="I4643" t="s">
        <v>30540</v>
      </c>
    </row>
    <row r="4644" spans="1:9">
      <c r="A4644" s="1">
        <f ca="1">RAND()</f>
        <v>0.91752264195753042</v>
      </c>
      <c r="B4644" s="1"/>
      <c r="C4644">
        <v>7</v>
      </c>
      <c r="D4644" t="s">
        <v>10455</v>
      </c>
      <c r="E4644" t="s">
        <v>32170</v>
      </c>
      <c r="F4644">
        <v>2</v>
      </c>
      <c r="G4644" t="s">
        <v>771</v>
      </c>
      <c r="H4644" t="s">
        <v>10456</v>
      </c>
      <c r="I4644" t="s">
        <v>30540</v>
      </c>
    </row>
    <row r="4645" spans="1:9">
      <c r="A4645" s="1">
        <f ca="1">RAND()</f>
        <v>4.0809291044498708E-2</v>
      </c>
      <c r="B4645" s="1"/>
      <c r="C4645">
        <v>14</v>
      </c>
      <c r="D4645" t="s">
        <v>10461</v>
      </c>
      <c r="E4645" t="s">
        <v>32170</v>
      </c>
      <c r="F4645">
        <v>1</v>
      </c>
      <c r="G4645" t="s">
        <v>0</v>
      </c>
      <c r="H4645" t="s">
        <v>10462</v>
      </c>
      <c r="I4645" t="s">
        <v>30540</v>
      </c>
    </row>
    <row r="4646" spans="1:9">
      <c r="A4646" s="1">
        <f ca="1">RAND()</f>
        <v>0.69559669996740114</v>
      </c>
      <c r="B4646" s="1"/>
      <c r="C4646">
        <v>15</v>
      </c>
      <c r="D4646" t="s">
        <v>10463</v>
      </c>
      <c r="E4646" t="s">
        <v>32170</v>
      </c>
      <c r="F4646">
        <v>1</v>
      </c>
      <c r="G4646" t="s">
        <v>0</v>
      </c>
      <c r="H4646" t="s">
        <v>10464</v>
      </c>
      <c r="I4646" t="s">
        <v>30540</v>
      </c>
    </row>
    <row r="4647" spans="1:9">
      <c r="A4647" s="1">
        <f ca="1">RAND()</f>
        <v>0.88122593173602148</v>
      </c>
      <c r="B4647" s="1"/>
      <c r="C4647">
        <v>11</v>
      </c>
      <c r="D4647" t="s">
        <v>10443</v>
      </c>
      <c r="E4647" t="s">
        <v>32171</v>
      </c>
      <c r="F4647">
        <v>4</v>
      </c>
      <c r="G4647" t="s">
        <v>10</v>
      </c>
      <c r="H4647" t="s">
        <v>10444</v>
      </c>
      <c r="I4647" t="s">
        <v>30540</v>
      </c>
    </row>
    <row r="4648" spans="1:9">
      <c r="A4648" s="1">
        <f ca="1">RAND()</f>
        <v>0.47668000869285998</v>
      </c>
      <c r="B4648" s="1"/>
      <c r="C4648">
        <v>9</v>
      </c>
      <c r="D4648" t="s">
        <v>10439</v>
      </c>
      <c r="E4648" t="s">
        <v>32171</v>
      </c>
      <c r="F4648">
        <v>4</v>
      </c>
      <c r="G4648" t="s">
        <v>14</v>
      </c>
      <c r="H4648" t="s">
        <v>10440</v>
      </c>
      <c r="I4648" t="s">
        <v>30540</v>
      </c>
    </row>
    <row r="4649" spans="1:9">
      <c r="A4649" s="1">
        <f ca="1">RAND()</f>
        <v>0.97839295121381886</v>
      </c>
      <c r="B4649" s="1"/>
      <c r="C4649">
        <v>10</v>
      </c>
      <c r="D4649" t="s">
        <v>10441</v>
      </c>
      <c r="E4649" t="s">
        <v>32171</v>
      </c>
      <c r="F4649">
        <v>4</v>
      </c>
      <c r="G4649" t="s">
        <v>0</v>
      </c>
      <c r="H4649" t="s">
        <v>10442</v>
      </c>
      <c r="I4649" t="s">
        <v>30540</v>
      </c>
    </row>
    <row r="4650" spans="1:9">
      <c r="A4650" s="1">
        <f ca="1">RAND()</f>
        <v>0.80261638180377093</v>
      </c>
      <c r="B4650" s="1"/>
      <c r="C4650">
        <v>3</v>
      </c>
      <c r="D4650" t="s">
        <v>10437</v>
      </c>
      <c r="E4650" t="s">
        <v>32171</v>
      </c>
      <c r="F4650">
        <v>4</v>
      </c>
      <c r="G4650" t="s">
        <v>0</v>
      </c>
      <c r="H4650" t="s">
        <v>10438</v>
      </c>
      <c r="I4650" t="s">
        <v>30540</v>
      </c>
    </row>
    <row r="4651" spans="1:9">
      <c r="A4651" s="1">
        <f ca="1">RAND()</f>
        <v>0.66684267307245082</v>
      </c>
      <c r="B4651" s="1"/>
      <c r="C4651">
        <v>18</v>
      </c>
      <c r="D4651" t="s">
        <v>10449</v>
      </c>
      <c r="E4651" t="s">
        <v>32171</v>
      </c>
      <c r="F4651">
        <v>4</v>
      </c>
      <c r="G4651" t="s">
        <v>0</v>
      </c>
      <c r="H4651" t="s">
        <v>10450</v>
      </c>
      <c r="I4651" t="s">
        <v>30540</v>
      </c>
    </row>
    <row r="4652" spans="1:9">
      <c r="A4652" s="1">
        <f ca="1">RAND()</f>
        <v>0.69913802107126399</v>
      </c>
      <c r="B4652" s="1"/>
      <c r="C4652">
        <v>17</v>
      </c>
      <c r="D4652" t="s">
        <v>10447</v>
      </c>
      <c r="E4652" t="s">
        <v>32171</v>
      </c>
      <c r="F4652">
        <v>4</v>
      </c>
      <c r="G4652" t="s">
        <v>0</v>
      </c>
      <c r="H4652" t="s">
        <v>10448</v>
      </c>
      <c r="I4652" t="s">
        <v>30540</v>
      </c>
    </row>
    <row r="4653" spans="1:9">
      <c r="A4653" s="1">
        <f ca="1">RAND()</f>
        <v>0.32166045820109257</v>
      </c>
      <c r="B4653" s="1"/>
      <c r="C4653">
        <v>20</v>
      </c>
      <c r="D4653" t="s">
        <v>10453</v>
      </c>
      <c r="E4653" t="s">
        <v>32171</v>
      </c>
      <c r="F4653">
        <v>3</v>
      </c>
      <c r="G4653" t="s">
        <v>0</v>
      </c>
      <c r="H4653" t="s">
        <v>10454</v>
      </c>
      <c r="I4653" t="s">
        <v>30540</v>
      </c>
    </row>
    <row r="4654" spans="1:9">
      <c r="A4654" s="1">
        <f ca="1">RAND()</f>
        <v>1.4652503539072548E-2</v>
      </c>
      <c r="B4654" s="1"/>
      <c r="C4654">
        <v>14</v>
      </c>
      <c r="D4654" t="s">
        <v>10445</v>
      </c>
      <c r="E4654" t="s">
        <v>32171</v>
      </c>
      <c r="F4654">
        <v>2</v>
      </c>
      <c r="G4654" t="s">
        <v>0</v>
      </c>
      <c r="H4654" t="s">
        <v>10446</v>
      </c>
      <c r="I4654" t="s">
        <v>30540</v>
      </c>
    </row>
    <row r="4655" spans="1:9">
      <c r="A4655" s="1">
        <f ca="1">RAND()</f>
        <v>0.946247347091978</v>
      </c>
      <c r="B4655" s="1"/>
      <c r="C4655">
        <v>19</v>
      </c>
      <c r="D4655" t="s">
        <v>10451</v>
      </c>
      <c r="E4655" t="s">
        <v>32171</v>
      </c>
      <c r="F4655">
        <v>1</v>
      </c>
      <c r="G4655" t="s">
        <v>10</v>
      </c>
      <c r="H4655" t="s">
        <v>10452</v>
      </c>
      <c r="I4655" t="s">
        <v>30540</v>
      </c>
    </row>
    <row r="4656" spans="1:9">
      <c r="A4656" s="1">
        <f ca="1">RAND()</f>
        <v>9.1894804953007281E-2</v>
      </c>
      <c r="B4656" s="1"/>
      <c r="C4656">
        <v>15</v>
      </c>
      <c r="D4656" t="s">
        <v>10435</v>
      </c>
      <c r="E4656" t="s">
        <v>32172</v>
      </c>
      <c r="F4656">
        <v>5</v>
      </c>
      <c r="G4656" t="s">
        <v>0</v>
      </c>
      <c r="H4656" t="s">
        <v>10436</v>
      </c>
      <c r="I4656" t="s">
        <v>30540</v>
      </c>
    </row>
    <row r="4657" spans="1:9">
      <c r="A4657" s="1">
        <f ca="1">RAND()</f>
        <v>0.18680223149419561</v>
      </c>
      <c r="B4657" s="1"/>
      <c r="C4657">
        <v>2</v>
      </c>
      <c r="D4657" t="s">
        <v>10433</v>
      </c>
      <c r="E4657" t="s">
        <v>32173</v>
      </c>
      <c r="F4657">
        <v>5</v>
      </c>
      <c r="G4657" t="s">
        <v>15</v>
      </c>
      <c r="H4657" t="s">
        <v>10434</v>
      </c>
      <c r="I4657" t="s">
        <v>30540</v>
      </c>
    </row>
    <row r="4658" spans="1:9">
      <c r="A4658" s="1">
        <f ca="1">RAND()</f>
        <v>0.34138254836764992</v>
      </c>
      <c r="B4658" s="1"/>
      <c r="C4658">
        <v>13</v>
      </c>
      <c r="D4658" t="s">
        <v>10431</v>
      </c>
      <c r="E4658" t="s">
        <v>32174</v>
      </c>
      <c r="F4658">
        <v>5</v>
      </c>
      <c r="G4658" t="s">
        <v>0</v>
      </c>
      <c r="H4658" t="s">
        <v>10432</v>
      </c>
      <c r="I4658" t="s">
        <v>30540</v>
      </c>
    </row>
    <row r="4659" spans="1:9">
      <c r="A4659" s="1">
        <f ca="1">RAND()</f>
        <v>0.38377046392553382</v>
      </c>
      <c r="B4659" s="1"/>
      <c r="C4659">
        <v>10</v>
      </c>
      <c r="D4659" t="s">
        <v>10429</v>
      </c>
      <c r="E4659" t="s">
        <v>32174</v>
      </c>
      <c r="F4659">
        <v>4</v>
      </c>
      <c r="G4659" t="s">
        <v>0</v>
      </c>
      <c r="H4659" t="s">
        <v>10430</v>
      </c>
      <c r="I4659" t="s">
        <v>30540</v>
      </c>
    </row>
    <row r="4660" spans="1:9">
      <c r="A4660" s="1">
        <f ca="1">RAND()</f>
        <v>0.1144759733961912</v>
      </c>
      <c r="B4660" s="1"/>
      <c r="C4660">
        <v>2</v>
      </c>
      <c r="D4660" t="s">
        <v>10423</v>
      </c>
      <c r="E4660" t="s">
        <v>32174</v>
      </c>
      <c r="F4660">
        <v>4</v>
      </c>
      <c r="G4660" t="s">
        <v>0</v>
      </c>
      <c r="H4660" t="s">
        <v>10424</v>
      </c>
      <c r="I4660" t="s">
        <v>30540</v>
      </c>
    </row>
    <row r="4661" spans="1:9">
      <c r="A4661" s="1">
        <f ca="1">RAND()</f>
        <v>0.62493721777965072</v>
      </c>
      <c r="B4661" s="1"/>
      <c r="C4661">
        <v>9</v>
      </c>
      <c r="D4661" t="s">
        <v>10427</v>
      </c>
      <c r="E4661" t="s">
        <v>32174</v>
      </c>
      <c r="F4661">
        <v>4</v>
      </c>
      <c r="G4661" t="s">
        <v>0</v>
      </c>
      <c r="H4661" t="s">
        <v>10428</v>
      </c>
      <c r="I4661" t="s">
        <v>30540</v>
      </c>
    </row>
    <row r="4662" spans="1:9">
      <c r="A4662" s="1">
        <f ca="1">RAND()</f>
        <v>0.70731779380828153</v>
      </c>
      <c r="B4662" s="1"/>
      <c r="C4662">
        <v>4</v>
      </c>
      <c r="D4662" t="s">
        <v>10425</v>
      </c>
      <c r="E4662" t="s">
        <v>32174</v>
      </c>
      <c r="F4662">
        <v>4</v>
      </c>
      <c r="G4662" t="s">
        <v>1</v>
      </c>
      <c r="H4662" t="s">
        <v>10426</v>
      </c>
      <c r="I4662" t="s">
        <v>30540</v>
      </c>
    </row>
    <row r="4663" spans="1:9">
      <c r="A4663" s="1">
        <f ca="1">RAND()</f>
        <v>0.64223185269404914</v>
      </c>
      <c r="B4663" s="1"/>
      <c r="C4663">
        <v>12</v>
      </c>
      <c r="D4663" t="s">
        <v>10417</v>
      </c>
      <c r="E4663" t="s">
        <v>32175</v>
      </c>
      <c r="F4663">
        <v>5</v>
      </c>
      <c r="G4663" t="s">
        <v>13</v>
      </c>
      <c r="H4663" t="s">
        <v>10418</v>
      </c>
      <c r="I4663" t="s">
        <v>30540</v>
      </c>
    </row>
    <row r="4664" spans="1:9">
      <c r="A4664" s="1">
        <f ca="1">RAND()</f>
        <v>0.60228462522352921</v>
      </c>
      <c r="B4664" s="1"/>
      <c r="C4664">
        <v>1</v>
      </c>
      <c r="D4664" t="s">
        <v>10411</v>
      </c>
      <c r="E4664" t="s">
        <v>32175</v>
      </c>
      <c r="F4664">
        <v>5</v>
      </c>
      <c r="G4664" t="s">
        <v>0</v>
      </c>
      <c r="H4664" t="s">
        <v>10412</v>
      </c>
      <c r="I4664" t="s">
        <v>30540</v>
      </c>
    </row>
    <row r="4665" spans="1:9">
      <c r="A4665" s="1">
        <f ca="1">RAND()</f>
        <v>4.4840809704452367E-2</v>
      </c>
      <c r="B4665" s="1"/>
      <c r="C4665">
        <v>16</v>
      </c>
      <c r="D4665" t="s">
        <v>10419</v>
      </c>
      <c r="E4665" t="s">
        <v>32175</v>
      </c>
      <c r="F4665">
        <v>4</v>
      </c>
      <c r="G4665" t="s">
        <v>0</v>
      </c>
      <c r="H4665" t="s">
        <v>10420</v>
      </c>
      <c r="I4665" t="s">
        <v>30540</v>
      </c>
    </row>
    <row r="4666" spans="1:9">
      <c r="A4666" s="1">
        <f ca="1">RAND()</f>
        <v>0.47990263810589595</v>
      </c>
      <c r="B4666" s="1"/>
      <c r="C4666">
        <v>20</v>
      </c>
      <c r="D4666" t="s">
        <v>10421</v>
      </c>
      <c r="E4666" t="s">
        <v>32175</v>
      </c>
      <c r="F4666">
        <v>4</v>
      </c>
      <c r="G4666" t="s">
        <v>0</v>
      </c>
      <c r="H4666" t="s">
        <v>10422</v>
      </c>
      <c r="I4666" t="s">
        <v>30540</v>
      </c>
    </row>
    <row r="4667" spans="1:9">
      <c r="A4667" s="1">
        <f ca="1">RAND()</f>
        <v>0.75553716269840732</v>
      </c>
      <c r="B4667" s="1"/>
      <c r="C4667">
        <v>11</v>
      </c>
      <c r="D4667" t="s">
        <v>10415</v>
      </c>
      <c r="E4667" t="s">
        <v>32175</v>
      </c>
      <c r="F4667">
        <v>4</v>
      </c>
      <c r="G4667" t="s">
        <v>15</v>
      </c>
      <c r="H4667" t="s">
        <v>10416</v>
      </c>
      <c r="I4667" t="s">
        <v>30540</v>
      </c>
    </row>
    <row r="4668" spans="1:9">
      <c r="A4668" s="1">
        <f ca="1">RAND()</f>
        <v>0.74393557359338447</v>
      </c>
      <c r="B4668" s="1"/>
      <c r="C4668">
        <v>10</v>
      </c>
      <c r="D4668" t="s">
        <v>10413</v>
      </c>
      <c r="E4668" t="s">
        <v>32175</v>
      </c>
      <c r="F4668">
        <v>4</v>
      </c>
      <c r="G4668" t="s">
        <v>766</v>
      </c>
      <c r="H4668" t="s">
        <v>10414</v>
      </c>
      <c r="I4668" t="s">
        <v>30540</v>
      </c>
    </row>
    <row r="4669" spans="1:9">
      <c r="A4669" s="1">
        <f ca="1">RAND()</f>
        <v>0.21751793238061723</v>
      </c>
      <c r="B4669" s="1"/>
      <c r="C4669">
        <v>12</v>
      </c>
      <c r="D4669" t="s">
        <v>10402</v>
      </c>
      <c r="E4669" t="s">
        <v>32176</v>
      </c>
      <c r="F4669">
        <v>5</v>
      </c>
      <c r="G4669" t="s">
        <v>0</v>
      </c>
      <c r="H4669" t="s">
        <v>10403</v>
      </c>
      <c r="I4669" t="s">
        <v>30540</v>
      </c>
    </row>
    <row r="4670" spans="1:9">
      <c r="A4670" s="1">
        <f ca="1">RAND()</f>
        <v>0.12862152281766281</v>
      </c>
      <c r="B4670" s="1"/>
      <c r="C4670">
        <v>10</v>
      </c>
      <c r="D4670" t="s">
        <v>10400</v>
      </c>
      <c r="E4670" t="s">
        <v>32176</v>
      </c>
      <c r="F4670">
        <v>4</v>
      </c>
      <c r="G4670" t="s">
        <v>0</v>
      </c>
      <c r="H4670" t="s">
        <v>10401</v>
      </c>
      <c r="I4670" t="s">
        <v>30540</v>
      </c>
    </row>
    <row r="4671" spans="1:9">
      <c r="A4671" s="1">
        <f ca="1">RAND()</f>
        <v>0.83588644245152177</v>
      </c>
      <c r="B4671" s="1"/>
      <c r="C4671">
        <v>16</v>
      </c>
      <c r="D4671" t="s">
        <v>10408</v>
      </c>
      <c r="E4671" t="s">
        <v>32176</v>
      </c>
      <c r="F4671">
        <v>4</v>
      </c>
      <c r="G4671" t="s">
        <v>0</v>
      </c>
      <c r="H4671" t="s">
        <v>10409</v>
      </c>
      <c r="I4671" t="s">
        <v>30540</v>
      </c>
    </row>
    <row r="4672" spans="1:9">
      <c r="A4672" s="1">
        <f ca="1">RAND()</f>
        <v>0.66253501807351223</v>
      </c>
      <c r="B4672" s="1"/>
      <c r="C4672">
        <v>14</v>
      </c>
      <c r="D4672" t="s">
        <v>10406</v>
      </c>
      <c r="E4672" t="s">
        <v>32176</v>
      </c>
      <c r="F4672">
        <v>4</v>
      </c>
      <c r="G4672" t="s">
        <v>0</v>
      </c>
      <c r="H4672" t="s">
        <v>10407</v>
      </c>
      <c r="I4672" t="s">
        <v>30540</v>
      </c>
    </row>
    <row r="4673" spans="1:9">
      <c r="A4673" s="1">
        <f ca="1">RAND()</f>
        <v>0.64254404640485974</v>
      </c>
      <c r="B4673" s="1"/>
      <c r="C4673">
        <v>13</v>
      </c>
      <c r="D4673" t="s">
        <v>10404</v>
      </c>
      <c r="E4673" t="s">
        <v>32176</v>
      </c>
      <c r="F4673">
        <v>4</v>
      </c>
      <c r="G4673" t="s">
        <v>0</v>
      </c>
      <c r="H4673" t="s">
        <v>10405</v>
      </c>
      <c r="I4673" t="s">
        <v>30540</v>
      </c>
    </row>
    <row r="4674" spans="1:9">
      <c r="A4674" s="1">
        <f ca="1">RAND()</f>
        <v>9.3921996169345601E-2</v>
      </c>
      <c r="B4674" s="1"/>
      <c r="C4674">
        <v>7</v>
      </c>
      <c r="D4674" t="s">
        <v>10398</v>
      </c>
      <c r="E4674" t="s">
        <v>32176</v>
      </c>
      <c r="F4674">
        <v>4</v>
      </c>
      <c r="G4674" t="s">
        <v>0</v>
      </c>
      <c r="H4674" t="s">
        <v>10399</v>
      </c>
      <c r="I4674" t="s">
        <v>30540</v>
      </c>
    </row>
    <row r="4675" spans="1:9">
      <c r="A4675" s="1">
        <f ca="1">RAND()</f>
        <v>0.65726452100415977</v>
      </c>
      <c r="B4675" s="1"/>
      <c r="C4675">
        <v>2</v>
      </c>
      <c r="D4675" t="s">
        <v>10392</v>
      </c>
      <c r="E4675" t="s">
        <v>32177</v>
      </c>
      <c r="F4675">
        <v>4</v>
      </c>
      <c r="G4675" t="s">
        <v>765</v>
      </c>
      <c r="H4675" t="s">
        <v>10393</v>
      </c>
      <c r="I4675" t="s">
        <v>30540</v>
      </c>
    </row>
    <row r="4676" spans="1:9">
      <c r="A4676" s="1">
        <f ca="1">RAND()</f>
        <v>0.78270974167153995</v>
      </c>
      <c r="B4676" s="1"/>
      <c r="C4676">
        <v>5</v>
      </c>
      <c r="D4676" t="s">
        <v>10394</v>
      </c>
      <c r="E4676" t="s">
        <v>32177</v>
      </c>
      <c r="F4676">
        <v>4</v>
      </c>
      <c r="G4676" t="s">
        <v>771</v>
      </c>
      <c r="H4676" t="s">
        <v>10395</v>
      </c>
      <c r="I4676" t="s">
        <v>30540</v>
      </c>
    </row>
    <row r="4677" spans="1:9">
      <c r="A4677" s="1">
        <f ca="1">RAND()</f>
        <v>0.20924791002229137</v>
      </c>
      <c r="B4677" s="1"/>
      <c r="C4677">
        <v>10</v>
      </c>
      <c r="D4677" t="s">
        <v>10396</v>
      </c>
      <c r="E4677" t="s">
        <v>32177</v>
      </c>
      <c r="F4677">
        <v>4</v>
      </c>
      <c r="G4677" t="s">
        <v>0</v>
      </c>
      <c r="H4677" t="s">
        <v>10397</v>
      </c>
      <c r="I4677" t="s">
        <v>30540</v>
      </c>
    </row>
    <row r="4678" spans="1:9">
      <c r="A4678" s="1">
        <f ca="1">RAND()</f>
        <v>0.49081139570171128</v>
      </c>
      <c r="B4678" s="1"/>
      <c r="C4678">
        <v>1</v>
      </c>
      <c r="D4678" t="s">
        <v>10380</v>
      </c>
      <c r="E4678" t="s">
        <v>32178</v>
      </c>
      <c r="F4678">
        <v>5</v>
      </c>
      <c r="G4678" t="s">
        <v>2</v>
      </c>
      <c r="H4678" t="s">
        <v>10381</v>
      </c>
      <c r="I4678" t="s">
        <v>30540</v>
      </c>
    </row>
    <row r="4679" spans="1:9">
      <c r="A4679" s="1">
        <f ca="1">RAND()</f>
        <v>0.68643775259752804</v>
      </c>
      <c r="B4679" s="1"/>
      <c r="C4679">
        <v>15</v>
      </c>
      <c r="D4679" t="s">
        <v>10388</v>
      </c>
      <c r="E4679" t="s">
        <v>32178</v>
      </c>
      <c r="F4679">
        <v>4</v>
      </c>
      <c r="G4679" t="s">
        <v>0</v>
      </c>
      <c r="H4679" t="s">
        <v>10389</v>
      </c>
      <c r="I4679" t="s">
        <v>30540</v>
      </c>
    </row>
    <row r="4680" spans="1:9">
      <c r="A4680" s="1">
        <f ca="1">RAND()</f>
        <v>0.39570114315724203</v>
      </c>
      <c r="B4680" s="1"/>
      <c r="C4680">
        <v>10</v>
      </c>
      <c r="D4680" t="s">
        <v>10382</v>
      </c>
      <c r="E4680" t="s">
        <v>32178</v>
      </c>
      <c r="F4680">
        <v>3</v>
      </c>
      <c r="G4680" t="s">
        <v>0</v>
      </c>
      <c r="H4680" t="s">
        <v>10383</v>
      </c>
      <c r="I4680" t="s">
        <v>30540</v>
      </c>
    </row>
    <row r="4681" spans="1:9">
      <c r="A4681" s="1">
        <f ca="1">RAND()</f>
        <v>0.29018477447137603</v>
      </c>
      <c r="B4681" s="1"/>
      <c r="C4681">
        <v>11</v>
      </c>
      <c r="D4681" t="s">
        <v>10384</v>
      </c>
      <c r="E4681" t="s">
        <v>32178</v>
      </c>
      <c r="F4681">
        <v>2</v>
      </c>
      <c r="G4681" t="s">
        <v>0</v>
      </c>
      <c r="H4681" t="s">
        <v>10385</v>
      </c>
      <c r="I4681" t="s">
        <v>30540</v>
      </c>
    </row>
    <row r="4682" spans="1:9">
      <c r="A4682" s="1">
        <f ca="1">RAND()</f>
        <v>0.48527667849947886</v>
      </c>
      <c r="B4682" s="1"/>
      <c r="C4682">
        <v>19</v>
      </c>
      <c r="D4682" t="s">
        <v>10390</v>
      </c>
      <c r="E4682" t="s">
        <v>32178</v>
      </c>
      <c r="F4682">
        <v>2</v>
      </c>
      <c r="G4682" t="s">
        <v>0</v>
      </c>
      <c r="H4682" t="s">
        <v>10391</v>
      </c>
      <c r="I4682" t="s">
        <v>30540</v>
      </c>
    </row>
    <row r="4683" spans="1:9">
      <c r="A4683" s="1">
        <f ca="1">RAND()</f>
        <v>0.66368350614471916</v>
      </c>
      <c r="B4683" s="1"/>
      <c r="C4683">
        <v>12</v>
      </c>
      <c r="D4683" t="s">
        <v>10386</v>
      </c>
      <c r="E4683" t="s">
        <v>32178</v>
      </c>
      <c r="F4683">
        <v>2</v>
      </c>
      <c r="G4683" t="s">
        <v>0</v>
      </c>
      <c r="H4683" t="s">
        <v>10387</v>
      </c>
      <c r="I4683" t="s">
        <v>30540</v>
      </c>
    </row>
    <row r="4684" spans="1:9">
      <c r="A4684" s="1">
        <f ca="1">RAND()</f>
        <v>0.25440986503168672</v>
      </c>
      <c r="B4684" s="1"/>
      <c r="C4684">
        <v>13</v>
      </c>
      <c r="D4684" t="s">
        <v>10376</v>
      </c>
      <c r="E4684" t="s">
        <v>32179</v>
      </c>
      <c r="F4684">
        <v>4</v>
      </c>
      <c r="G4684" t="s">
        <v>1</v>
      </c>
      <c r="H4684" t="s">
        <v>10377</v>
      </c>
      <c r="I4684" t="s">
        <v>30540</v>
      </c>
    </row>
    <row r="4685" spans="1:9">
      <c r="A4685" s="1">
        <f ca="1">RAND()</f>
        <v>0.1209879571513901</v>
      </c>
      <c r="B4685" s="1"/>
      <c r="C4685">
        <v>17</v>
      </c>
      <c r="D4685" t="s">
        <v>10378</v>
      </c>
      <c r="E4685" t="s">
        <v>32179</v>
      </c>
      <c r="F4685">
        <v>4</v>
      </c>
      <c r="G4685" t="s">
        <v>0</v>
      </c>
      <c r="H4685" t="s">
        <v>10379</v>
      </c>
      <c r="I4685" t="s">
        <v>30540</v>
      </c>
    </row>
    <row r="4686" spans="1:9">
      <c r="A4686" s="1">
        <f ca="1">RAND()</f>
        <v>0.44267712747344323</v>
      </c>
      <c r="B4686" s="1"/>
      <c r="C4686">
        <v>1</v>
      </c>
      <c r="D4686" t="s">
        <v>10374</v>
      </c>
      <c r="E4686" t="s">
        <v>32179</v>
      </c>
      <c r="F4686">
        <v>1</v>
      </c>
      <c r="G4686" t="s">
        <v>771</v>
      </c>
      <c r="H4686" t="s">
        <v>10375</v>
      </c>
      <c r="I4686" t="s">
        <v>30540</v>
      </c>
    </row>
    <row r="4687" spans="1:9">
      <c r="A4687" s="1">
        <f ca="1">RAND()</f>
        <v>0.32865670815791959</v>
      </c>
      <c r="B4687" s="1"/>
      <c r="C4687">
        <v>8</v>
      </c>
      <c r="D4687" t="s">
        <v>10360</v>
      </c>
      <c r="E4687" t="s">
        <v>32180</v>
      </c>
      <c r="F4687">
        <v>5</v>
      </c>
      <c r="G4687" t="s">
        <v>0</v>
      </c>
      <c r="H4687" t="s">
        <v>10361</v>
      </c>
      <c r="I4687" t="s">
        <v>30540</v>
      </c>
    </row>
    <row r="4688" spans="1:9">
      <c r="A4688" s="1">
        <f ca="1">RAND()</f>
        <v>0.58670343335887376</v>
      </c>
      <c r="B4688" s="1"/>
      <c r="C4688">
        <v>6</v>
      </c>
      <c r="D4688" t="s">
        <v>10356</v>
      </c>
      <c r="E4688" t="s">
        <v>32180</v>
      </c>
      <c r="F4688">
        <v>4</v>
      </c>
      <c r="G4688" t="s">
        <v>0</v>
      </c>
      <c r="H4688" t="s">
        <v>10357</v>
      </c>
      <c r="I4688" t="s">
        <v>30540</v>
      </c>
    </row>
    <row r="4689" spans="1:9">
      <c r="A4689" s="1">
        <f ca="1">RAND()</f>
        <v>0.33447977982593502</v>
      </c>
      <c r="B4689" s="1"/>
      <c r="C4689">
        <v>7</v>
      </c>
      <c r="D4689" t="s">
        <v>10358</v>
      </c>
      <c r="E4689" t="s">
        <v>32180</v>
      </c>
      <c r="F4689">
        <v>4</v>
      </c>
      <c r="G4689" t="s">
        <v>0</v>
      </c>
      <c r="H4689" t="s">
        <v>10359</v>
      </c>
      <c r="I4689" t="s">
        <v>30540</v>
      </c>
    </row>
    <row r="4690" spans="1:9">
      <c r="A4690" s="1">
        <f ca="1">RAND()</f>
        <v>0.78812555857144517</v>
      </c>
      <c r="B4690" s="1"/>
      <c r="C4690">
        <v>5</v>
      </c>
      <c r="D4690" t="s">
        <v>10354</v>
      </c>
      <c r="E4690" t="s">
        <v>32180</v>
      </c>
      <c r="F4690">
        <v>4</v>
      </c>
      <c r="G4690" t="s">
        <v>15</v>
      </c>
      <c r="H4690" t="s">
        <v>10355</v>
      </c>
      <c r="I4690" t="s">
        <v>30540</v>
      </c>
    </row>
    <row r="4691" spans="1:9">
      <c r="A4691" s="1">
        <f ca="1">RAND()</f>
        <v>0.10723581118338743</v>
      </c>
      <c r="B4691" s="1"/>
      <c r="C4691">
        <v>12</v>
      </c>
      <c r="D4691" t="s">
        <v>10362</v>
      </c>
      <c r="E4691" t="s">
        <v>32180</v>
      </c>
      <c r="F4691">
        <v>4</v>
      </c>
      <c r="G4691" t="s">
        <v>9</v>
      </c>
      <c r="H4691" t="s">
        <v>10363</v>
      </c>
      <c r="I4691" t="s">
        <v>30540</v>
      </c>
    </row>
    <row r="4692" spans="1:9">
      <c r="A4692" s="1">
        <f ca="1">RAND()</f>
        <v>0.73866214387589257</v>
      </c>
      <c r="B4692" s="1"/>
      <c r="C4692">
        <v>14</v>
      </c>
      <c r="D4692" t="s">
        <v>10366</v>
      </c>
      <c r="E4692" t="s">
        <v>32180</v>
      </c>
      <c r="F4692">
        <v>4</v>
      </c>
      <c r="G4692" t="s">
        <v>0</v>
      </c>
      <c r="H4692" t="s">
        <v>10367</v>
      </c>
      <c r="I4692" t="s">
        <v>30540</v>
      </c>
    </row>
    <row r="4693" spans="1:9">
      <c r="A4693" s="1">
        <f ca="1">RAND()</f>
        <v>0.95924903855436727</v>
      </c>
      <c r="B4693" s="1"/>
      <c r="C4693">
        <v>13</v>
      </c>
      <c r="D4693" t="s">
        <v>10364</v>
      </c>
      <c r="E4693" t="s">
        <v>32180</v>
      </c>
      <c r="F4693">
        <v>4</v>
      </c>
      <c r="G4693" t="s">
        <v>0</v>
      </c>
      <c r="H4693" t="s">
        <v>10365</v>
      </c>
      <c r="I4693" t="s">
        <v>30540</v>
      </c>
    </row>
    <row r="4694" spans="1:9">
      <c r="A4694" s="1">
        <f ca="1">RAND()</f>
        <v>0.73290221660500443</v>
      </c>
      <c r="B4694" s="1"/>
      <c r="C4694">
        <v>16</v>
      </c>
      <c r="D4694" t="s">
        <v>10370</v>
      </c>
      <c r="E4694" t="s">
        <v>32180</v>
      </c>
      <c r="F4694">
        <v>4</v>
      </c>
      <c r="G4694" t="s">
        <v>0</v>
      </c>
      <c r="H4694" t="s">
        <v>10371</v>
      </c>
      <c r="I4694" t="s">
        <v>30540</v>
      </c>
    </row>
    <row r="4695" spans="1:9">
      <c r="A4695" s="1">
        <f ca="1">RAND()</f>
        <v>0.1404697499263573</v>
      </c>
      <c r="B4695" s="1"/>
      <c r="C4695">
        <v>1</v>
      </c>
      <c r="D4695" t="s">
        <v>10352</v>
      </c>
      <c r="E4695" t="s">
        <v>32180</v>
      </c>
      <c r="F4695">
        <v>4</v>
      </c>
      <c r="G4695" t="s">
        <v>14</v>
      </c>
      <c r="H4695" t="s">
        <v>10353</v>
      </c>
      <c r="I4695" t="s">
        <v>30540</v>
      </c>
    </row>
    <row r="4696" spans="1:9">
      <c r="A4696" s="1">
        <f ca="1">RAND()</f>
        <v>0.29139765815123631</v>
      </c>
      <c r="B4696" s="1"/>
      <c r="C4696">
        <v>15</v>
      </c>
      <c r="D4696" t="s">
        <v>10368</v>
      </c>
      <c r="E4696" t="s">
        <v>32180</v>
      </c>
      <c r="F4696">
        <v>3</v>
      </c>
      <c r="G4696" t="s">
        <v>0</v>
      </c>
      <c r="H4696" t="s">
        <v>10369</v>
      </c>
      <c r="I4696" t="s">
        <v>30540</v>
      </c>
    </row>
    <row r="4697" spans="1:9">
      <c r="A4697" s="1">
        <f ca="1">RAND()</f>
        <v>0.34003205422149729</v>
      </c>
      <c r="B4697" s="1"/>
      <c r="C4697">
        <v>20</v>
      </c>
      <c r="D4697" t="s">
        <v>10372</v>
      </c>
      <c r="E4697" t="s">
        <v>32180</v>
      </c>
      <c r="F4697">
        <v>3</v>
      </c>
      <c r="G4697" t="s">
        <v>0</v>
      </c>
      <c r="H4697" t="s">
        <v>10373</v>
      </c>
      <c r="I4697" t="s">
        <v>30540</v>
      </c>
    </row>
    <row r="4698" spans="1:9">
      <c r="A4698" s="1">
        <f ca="1">RAND()</f>
        <v>0.42488997830704001</v>
      </c>
      <c r="B4698" s="1"/>
      <c r="C4698">
        <v>12</v>
      </c>
      <c r="D4698" t="s">
        <v>10344</v>
      </c>
      <c r="E4698" t="s">
        <v>32181</v>
      </c>
      <c r="F4698">
        <v>5</v>
      </c>
      <c r="G4698" t="s">
        <v>0</v>
      </c>
      <c r="H4698" t="s">
        <v>10345</v>
      </c>
      <c r="I4698" t="s">
        <v>30540</v>
      </c>
    </row>
    <row r="4699" spans="1:9">
      <c r="A4699" s="1">
        <f ca="1">RAND()</f>
        <v>5.2647581964976431E-2</v>
      </c>
      <c r="B4699" s="1"/>
      <c r="C4699">
        <v>20</v>
      </c>
      <c r="D4699" t="s">
        <v>10350</v>
      </c>
      <c r="E4699" t="s">
        <v>32181</v>
      </c>
      <c r="F4699">
        <v>5</v>
      </c>
      <c r="G4699" t="s">
        <v>0</v>
      </c>
      <c r="H4699" t="s">
        <v>10351</v>
      </c>
      <c r="I4699" t="s">
        <v>30540</v>
      </c>
    </row>
    <row r="4700" spans="1:9">
      <c r="A4700" s="1">
        <f ca="1">RAND()</f>
        <v>0.59882568306077566</v>
      </c>
      <c r="B4700" s="1"/>
      <c r="C4700">
        <v>18</v>
      </c>
      <c r="D4700" t="s">
        <v>10348</v>
      </c>
      <c r="E4700" t="s">
        <v>32181</v>
      </c>
      <c r="F4700">
        <v>4</v>
      </c>
      <c r="G4700" t="s">
        <v>0</v>
      </c>
      <c r="H4700" t="s">
        <v>10349</v>
      </c>
      <c r="I4700" t="s">
        <v>30540</v>
      </c>
    </row>
    <row r="4701" spans="1:9">
      <c r="A4701" s="1">
        <f ca="1">RAND()</f>
        <v>4.5912967395203008E-2</v>
      </c>
      <c r="B4701" s="1"/>
      <c r="C4701">
        <v>17</v>
      </c>
      <c r="D4701" t="s">
        <v>10346</v>
      </c>
      <c r="E4701" t="s">
        <v>32181</v>
      </c>
      <c r="F4701">
        <v>4</v>
      </c>
      <c r="G4701" t="s">
        <v>771</v>
      </c>
      <c r="H4701" t="s">
        <v>10347</v>
      </c>
      <c r="I4701" t="s">
        <v>30540</v>
      </c>
    </row>
    <row r="4702" spans="1:9">
      <c r="A4702" s="1">
        <f ca="1">RAND()</f>
        <v>0.112581669900227</v>
      </c>
      <c r="B4702" s="1"/>
      <c r="C4702">
        <v>1</v>
      </c>
      <c r="D4702" t="s">
        <v>10338</v>
      </c>
      <c r="E4702" t="s">
        <v>32181</v>
      </c>
      <c r="F4702">
        <v>4</v>
      </c>
      <c r="G4702" t="s">
        <v>762</v>
      </c>
      <c r="H4702" t="s">
        <v>10339</v>
      </c>
      <c r="I4702" t="s">
        <v>30540</v>
      </c>
    </row>
    <row r="4703" spans="1:9">
      <c r="A4703" s="1">
        <f ca="1">RAND()</f>
        <v>0.82993013770587876</v>
      </c>
      <c r="B4703" s="1"/>
      <c r="C4703">
        <v>2</v>
      </c>
      <c r="D4703" t="s">
        <v>10340</v>
      </c>
      <c r="E4703" t="s">
        <v>32181</v>
      </c>
      <c r="F4703">
        <v>4</v>
      </c>
      <c r="G4703" t="s">
        <v>14</v>
      </c>
      <c r="H4703" t="s">
        <v>10341</v>
      </c>
      <c r="I4703" t="s">
        <v>30540</v>
      </c>
    </row>
    <row r="4704" spans="1:9">
      <c r="A4704" s="1">
        <f ca="1">RAND()</f>
        <v>5.4839632858632248E-2</v>
      </c>
      <c r="B4704" s="1"/>
      <c r="C4704">
        <v>4</v>
      </c>
      <c r="D4704" t="s">
        <v>10342</v>
      </c>
      <c r="E4704" t="s">
        <v>32181</v>
      </c>
      <c r="F4704">
        <v>4</v>
      </c>
      <c r="G4704" t="s">
        <v>770</v>
      </c>
      <c r="H4704" t="s">
        <v>10343</v>
      </c>
      <c r="I4704" t="s">
        <v>30540</v>
      </c>
    </row>
    <row r="4705" spans="1:9">
      <c r="A4705" s="1">
        <f ca="1">RAND()</f>
        <v>9.3441045210808094E-2</v>
      </c>
      <c r="B4705" s="1"/>
      <c r="C4705">
        <v>13</v>
      </c>
      <c r="D4705" t="s">
        <v>10332</v>
      </c>
      <c r="E4705" t="s">
        <v>32182</v>
      </c>
      <c r="F4705">
        <v>5</v>
      </c>
      <c r="G4705" t="s">
        <v>765</v>
      </c>
      <c r="H4705" t="s">
        <v>10333</v>
      </c>
      <c r="I4705" t="s">
        <v>30540</v>
      </c>
    </row>
    <row r="4706" spans="1:9">
      <c r="A4706" s="1">
        <f ca="1">RAND()</f>
        <v>0.90466192940886259</v>
      </c>
      <c r="B4706" s="1"/>
      <c r="C4706">
        <v>7</v>
      </c>
      <c r="D4706" t="s">
        <v>10330</v>
      </c>
      <c r="E4706" t="s">
        <v>32182</v>
      </c>
      <c r="F4706">
        <v>5</v>
      </c>
      <c r="G4706" t="s">
        <v>1</v>
      </c>
      <c r="H4706" t="s">
        <v>10331</v>
      </c>
      <c r="I4706" t="s">
        <v>30540</v>
      </c>
    </row>
    <row r="4707" spans="1:9">
      <c r="A4707" s="1">
        <f ca="1">RAND()</f>
        <v>0.60055141563948367</v>
      </c>
      <c r="B4707" s="1"/>
      <c r="C4707">
        <v>20</v>
      </c>
      <c r="D4707" t="s">
        <v>10336</v>
      </c>
      <c r="E4707" t="s">
        <v>32182</v>
      </c>
      <c r="F4707">
        <v>4</v>
      </c>
      <c r="G4707" t="s">
        <v>0</v>
      </c>
      <c r="H4707" t="s">
        <v>10337</v>
      </c>
      <c r="I4707" t="s">
        <v>30540</v>
      </c>
    </row>
    <row r="4708" spans="1:9">
      <c r="A4708" s="1">
        <f ca="1">RAND()</f>
        <v>6.0514094765256488E-2</v>
      </c>
      <c r="B4708" s="1"/>
      <c r="C4708">
        <v>17</v>
      </c>
      <c r="D4708" t="s">
        <v>10334</v>
      </c>
      <c r="E4708" t="s">
        <v>32182</v>
      </c>
      <c r="F4708">
        <v>4</v>
      </c>
      <c r="G4708" t="s">
        <v>771</v>
      </c>
      <c r="H4708" t="s">
        <v>10335</v>
      </c>
      <c r="I4708" t="s">
        <v>30540</v>
      </c>
    </row>
    <row r="4709" spans="1:9">
      <c r="A4709" s="1">
        <f ca="1">RAND()</f>
        <v>0.96707904626247831</v>
      </c>
      <c r="B4709" s="1"/>
      <c r="C4709">
        <v>6</v>
      </c>
      <c r="D4709" t="s">
        <v>10328</v>
      </c>
      <c r="E4709" t="s">
        <v>32182</v>
      </c>
      <c r="F4709">
        <v>4</v>
      </c>
      <c r="G4709" t="s">
        <v>770</v>
      </c>
      <c r="H4709" t="s">
        <v>10329</v>
      </c>
      <c r="I4709" t="s">
        <v>30540</v>
      </c>
    </row>
    <row r="4710" spans="1:9">
      <c r="A4710" s="1">
        <f ca="1">RAND()</f>
        <v>0.95060999022604276</v>
      </c>
      <c r="B4710" s="1"/>
      <c r="C4710">
        <v>1</v>
      </c>
      <c r="D4710" t="s">
        <v>10314</v>
      </c>
      <c r="E4710" t="s">
        <v>32183</v>
      </c>
      <c r="F4710">
        <v>4</v>
      </c>
      <c r="G4710" t="s">
        <v>0</v>
      </c>
      <c r="H4710" t="s">
        <v>10315</v>
      </c>
      <c r="I4710" t="s">
        <v>30540</v>
      </c>
    </row>
    <row r="4711" spans="1:9">
      <c r="A4711" s="1">
        <f ca="1">RAND()</f>
        <v>0.46984520836251575</v>
      </c>
      <c r="B4711" s="1"/>
      <c r="C4711">
        <v>17</v>
      </c>
      <c r="D4711" t="s">
        <v>10324</v>
      </c>
      <c r="E4711" t="s">
        <v>32183</v>
      </c>
      <c r="F4711">
        <v>4</v>
      </c>
      <c r="G4711" t="s">
        <v>2</v>
      </c>
      <c r="H4711" t="s">
        <v>10325</v>
      </c>
      <c r="I4711" t="s">
        <v>30540</v>
      </c>
    </row>
    <row r="4712" spans="1:9">
      <c r="A4712" s="1">
        <f ca="1">RAND()</f>
        <v>2.058649717880956E-2</v>
      </c>
      <c r="B4712" s="1"/>
      <c r="C4712">
        <v>15</v>
      </c>
      <c r="D4712" t="s">
        <v>10322</v>
      </c>
      <c r="E4712" t="s">
        <v>32183</v>
      </c>
      <c r="F4712">
        <v>4</v>
      </c>
      <c r="G4712" t="s">
        <v>0</v>
      </c>
      <c r="H4712" t="s">
        <v>10323</v>
      </c>
      <c r="I4712" t="s">
        <v>30540</v>
      </c>
    </row>
    <row r="4713" spans="1:9">
      <c r="A4713" s="1">
        <f ca="1">RAND()</f>
        <v>0.91857953298311024</v>
      </c>
      <c r="B4713" s="1"/>
      <c r="C4713">
        <v>7</v>
      </c>
      <c r="D4713" t="s">
        <v>10318</v>
      </c>
      <c r="E4713" t="s">
        <v>32183</v>
      </c>
      <c r="F4713">
        <v>4</v>
      </c>
      <c r="G4713" t="s">
        <v>0</v>
      </c>
      <c r="H4713" t="s">
        <v>10319</v>
      </c>
      <c r="I4713" t="s">
        <v>30540</v>
      </c>
    </row>
    <row r="4714" spans="1:9">
      <c r="A4714" s="1">
        <f ca="1">RAND()</f>
        <v>9.1307185164465787E-2</v>
      </c>
      <c r="B4714" s="1"/>
      <c r="C4714">
        <v>12</v>
      </c>
      <c r="D4714" t="s">
        <v>10320</v>
      </c>
      <c r="E4714" t="s">
        <v>32183</v>
      </c>
      <c r="F4714">
        <v>4</v>
      </c>
      <c r="G4714" t="s">
        <v>0</v>
      </c>
      <c r="H4714" t="s">
        <v>10321</v>
      </c>
      <c r="I4714" t="s">
        <v>30540</v>
      </c>
    </row>
    <row r="4715" spans="1:9">
      <c r="A4715" s="1">
        <f ca="1">RAND()</f>
        <v>0.64139920358236802</v>
      </c>
      <c r="B4715" s="1"/>
      <c r="C4715">
        <v>18</v>
      </c>
      <c r="D4715" t="s">
        <v>10326</v>
      </c>
      <c r="E4715" t="s">
        <v>32183</v>
      </c>
      <c r="F4715">
        <v>4</v>
      </c>
      <c r="G4715" t="s">
        <v>10</v>
      </c>
      <c r="H4715" t="s">
        <v>10327</v>
      </c>
      <c r="I4715" t="s">
        <v>30540</v>
      </c>
    </row>
    <row r="4716" spans="1:9">
      <c r="A4716" s="1">
        <f ca="1">RAND()</f>
        <v>0.43992353452023669</v>
      </c>
      <c r="B4716" s="1"/>
      <c r="C4716">
        <v>2</v>
      </c>
      <c r="D4716" t="s">
        <v>10316</v>
      </c>
      <c r="E4716" t="s">
        <v>32183</v>
      </c>
      <c r="F4716">
        <v>3</v>
      </c>
      <c r="G4716" t="s">
        <v>13</v>
      </c>
      <c r="H4716" t="s">
        <v>10317</v>
      </c>
      <c r="I4716" t="s">
        <v>30540</v>
      </c>
    </row>
    <row r="4717" spans="1:9">
      <c r="A4717" s="1">
        <f ca="1">RAND()</f>
        <v>0.16353133922328267</v>
      </c>
      <c r="B4717" s="1"/>
      <c r="C4717">
        <v>11</v>
      </c>
      <c r="D4717" t="s">
        <v>10304</v>
      </c>
      <c r="E4717" t="s">
        <v>32184</v>
      </c>
      <c r="F4717">
        <v>5</v>
      </c>
      <c r="G4717" t="s">
        <v>15</v>
      </c>
      <c r="H4717" t="s">
        <v>10305</v>
      </c>
      <c r="I4717" t="s">
        <v>30540</v>
      </c>
    </row>
    <row r="4718" spans="1:9">
      <c r="A4718" s="1">
        <f ca="1">RAND()</f>
        <v>0.52438499077290091</v>
      </c>
      <c r="B4718" s="1"/>
      <c r="C4718">
        <v>18</v>
      </c>
      <c r="D4718" t="s">
        <v>10312</v>
      </c>
      <c r="E4718" t="s">
        <v>32184</v>
      </c>
      <c r="F4718">
        <v>5</v>
      </c>
      <c r="G4718" t="s">
        <v>15</v>
      </c>
      <c r="H4718" t="s">
        <v>10313</v>
      </c>
      <c r="I4718" t="s">
        <v>30540</v>
      </c>
    </row>
    <row r="4719" spans="1:9">
      <c r="A4719" s="1">
        <f ca="1">RAND()</f>
        <v>0.42916284911748748</v>
      </c>
      <c r="B4719" s="1"/>
      <c r="C4719">
        <v>12</v>
      </c>
      <c r="D4719" t="s">
        <v>10306</v>
      </c>
      <c r="E4719" t="s">
        <v>32184</v>
      </c>
      <c r="F4719">
        <v>5</v>
      </c>
      <c r="G4719" t="s">
        <v>0</v>
      </c>
      <c r="H4719" t="s">
        <v>10307</v>
      </c>
      <c r="I4719" t="s">
        <v>30540</v>
      </c>
    </row>
    <row r="4720" spans="1:9">
      <c r="A4720" s="1">
        <f ca="1">RAND()</f>
        <v>0.23640724157753334</v>
      </c>
      <c r="B4720" s="1"/>
      <c r="C4720">
        <v>10</v>
      </c>
      <c r="D4720" t="s">
        <v>10302</v>
      </c>
      <c r="E4720" t="s">
        <v>32184</v>
      </c>
      <c r="F4720">
        <v>5</v>
      </c>
      <c r="G4720" t="s">
        <v>0</v>
      </c>
      <c r="H4720" t="s">
        <v>10303</v>
      </c>
      <c r="I4720" t="s">
        <v>30540</v>
      </c>
    </row>
    <row r="4721" spans="1:9">
      <c r="A4721" s="1">
        <f ca="1">RAND()</f>
        <v>0.16756652008465522</v>
      </c>
      <c r="B4721" s="1"/>
      <c r="C4721">
        <v>15</v>
      </c>
      <c r="D4721" t="s">
        <v>10308</v>
      </c>
      <c r="E4721" t="s">
        <v>32184</v>
      </c>
      <c r="F4721">
        <v>4</v>
      </c>
      <c r="G4721" t="s">
        <v>0</v>
      </c>
      <c r="H4721" t="s">
        <v>10309</v>
      </c>
      <c r="I4721" t="s">
        <v>30540</v>
      </c>
    </row>
    <row r="4722" spans="1:9">
      <c r="A4722" s="1">
        <f ca="1">RAND()</f>
        <v>0.78871177073581211</v>
      </c>
      <c r="B4722" s="1"/>
      <c r="C4722">
        <v>8</v>
      </c>
      <c r="D4722" t="s">
        <v>10300</v>
      </c>
      <c r="E4722" t="s">
        <v>32184</v>
      </c>
      <c r="F4722">
        <v>4</v>
      </c>
      <c r="G4722" t="s">
        <v>0</v>
      </c>
      <c r="H4722" t="s">
        <v>10301</v>
      </c>
      <c r="I4722" t="s">
        <v>30540</v>
      </c>
    </row>
    <row r="4723" spans="1:9">
      <c r="A4723" s="1">
        <f ca="1">RAND()</f>
        <v>0.84944550986182632</v>
      </c>
      <c r="B4723" s="1"/>
      <c r="C4723">
        <v>6</v>
      </c>
      <c r="D4723" t="s">
        <v>10298</v>
      </c>
      <c r="E4723" t="s">
        <v>32184</v>
      </c>
      <c r="F4723">
        <v>4</v>
      </c>
      <c r="G4723" t="s">
        <v>15</v>
      </c>
      <c r="H4723" t="s">
        <v>10299</v>
      </c>
      <c r="I4723" t="s">
        <v>30540</v>
      </c>
    </row>
    <row r="4724" spans="1:9">
      <c r="A4724" s="1">
        <f ca="1">RAND()</f>
        <v>0.61735606694329659</v>
      </c>
      <c r="B4724" s="1"/>
      <c r="C4724">
        <v>1</v>
      </c>
      <c r="D4724" t="s">
        <v>10296</v>
      </c>
      <c r="E4724" t="s">
        <v>32184</v>
      </c>
      <c r="F4724">
        <v>2</v>
      </c>
      <c r="G4724" t="s">
        <v>0</v>
      </c>
      <c r="H4724" t="s">
        <v>10297</v>
      </c>
      <c r="I4724" t="s">
        <v>30540</v>
      </c>
    </row>
    <row r="4725" spans="1:9">
      <c r="A4725" s="1">
        <f ca="1">RAND()</f>
        <v>0.59659475775989235</v>
      </c>
      <c r="B4725" s="1"/>
      <c r="C4725">
        <v>17</v>
      </c>
      <c r="D4725" t="s">
        <v>10310</v>
      </c>
      <c r="E4725" t="s">
        <v>32184</v>
      </c>
      <c r="F4725">
        <v>2</v>
      </c>
      <c r="G4725" t="s">
        <v>0</v>
      </c>
      <c r="H4725" t="s">
        <v>10311</v>
      </c>
      <c r="I4725" t="s">
        <v>30540</v>
      </c>
    </row>
    <row r="4726" spans="1:9">
      <c r="A4726" s="1">
        <f ca="1">RAND()</f>
        <v>0.1663346764923066</v>
      </c>
      <c r="B4726" s="1"/>
      <c r="C4726">
        <v>11</v>
      </c>
      <c r="D4726" t="s">
        <v>10290</v>
      </c>
      <c r="E4726" t="s">
        <v>32185</v>
      </c>
      <c r="F4726">
        <v>4</v>
      </c>
      <c r="G4726" t="s">
        <v>0</v>
      </c>
      <c r="H4726" t="s">
        <v>10291</v>
      </c>
      <c r="I4726" t="s">
        <v>30540</v>
      </c>
    </row>
    <row r="4727" spans="1:9">
      <c r="A4727" s="1">
        <f ca="1">RAND()</f>
        <v>0.20058021176856</v>
      </c>
      <c r="B4727" s="1"/>
      <c r="C4727">
        <v>16</v>
      </c>
      <c r="D4727" t="s">
        <v>10294</v>
      </c>
      <c r="E4727" t="s">
        <v>32185</v>
      </c>
      <c r="F4727">
        <v>4</v>
      </c>
      <c r="G4727" t="s">
        <v>0</v>
      </c>
      <c r="H4727" t="s">
        <v>10295</v>
      </c>
      <c r="I4727" t="s">
        <v>30540</v>
      </c>
    </row>
    <row r="4728" spans="1:9">
      <c r="A4728" s="1">
        <f ca="1">RAND()</f>
        <v>0.86290788832605403</v>
      </c>
      <c r="B4728" s="1"/>
      <c r="C4728">
        <v>1</v>
      </c>
      <c r="D4728" t="s">
        <v>10286</v>
      </c>
      <c r="E4728" t="s">
        <v>32185</v>
      </c>
      <c r="F4728">
        <v>4</v>
      </c>
      <c r="G4728" t="s">
        <v>2</v>
      </c>
      <c r="H4728" t="s">
        <v>10287</v>
      </c>
      <c r="I4728" t="s">
        <v>30540</v>
      </c>
    </row>
    <row r="4729" spans="1:9">
      <c r="A4729" s="1">
        <f ca="1">RAND()</f>
        <v>0.678377017545996</v>
      </c>
      <c r="B4729" s="1"/>
      <c r="C4729">
        <v>9</v>
      </c>
      <c r="D4729" t="s">
        <v>10288</v>
      </c>
      <c r="E4729" t="s">
        <v>32185</v>
      </c>
      <c r="F4729">
        <v>4</v>
      </c>
      <c r="G4729" t="s">
        <v>0</v>
      </c>
      <c r="H4729" t="s">
        <v>10289</v>
      </c>
      <c r="I4729" t="s">
        <v>30540</v>
      </c>
    </row>
    <row r="4730" spans="1:9">
      <c r="A4730" s="1">
        <f ca="1">RAND()</f>
        <v>0.70024087300440063</v>
      </c>
      <c r="B4730" s="1"/>
      <c r="C4730">
        <v>12</v>
      </c>
      <c r="D4730" t="s">
        <v>10292</v>
      </c>
      <c r="E4730" t="s">
        <v>32185</v>
      </c>
      <c r="F4730">
        <v>4</v>
      </c>
      <c r="G4730" t="s">
        <v>0</v>
      </c>
      <c r="H4730" t="s">
        <v>10293</v>
      </c>
      <c r="I4730" t="s">
        <v>30540</v>
      </c>
    </row>
    <row r="4731" spans="1:9">
      <c r="A4731" s="1">
        <f ca="1">RAND()</f>
        <v>0.38612694958557436</v>
      </c>
      <c r="B4731" s="1"/>
      <c r="C4731">
        <v>15</v>
      </c>
      <c r="D4731" t="s">
        <v>10284</v>
      </c>
      <c r="E4731" t="s">
        <v>32186</v>
      </c>
      <c r="F4731">
        <v>5</v>
      </c>
      <c r="G4731" t="s">
        <v>0</v>
      </c>
      <c r="H4731" t="s">
        <v>10285</v>
      </c>
      <c r="I4731" t="s">
        <v>30540</v>
      </c>
    </row>
    <row r="4732" spans="1:9">
      <c r="A4732" s="1">
        <f ca="1">RAND()</f>
        <v>0.50634782215160712</v>
      </c>
      <c r="B4732" s="1"/>
      <c r="C4732">
        <v>1</v>
      </c>
      <c r="D4732" t="s">
        <v>10282</v>
      </c>
      <c r="E4732" t="s">
        <v>32186</v>
      </c>
      <c r="F4732">
        <v>4</v>
      </c>
      <c r="G4732" t="s">
        <v>762</v>
      </c>
      <c r="H4732" t="s">
        <v>10283</v>
      </c>
      <c r="I4732" t="s">
        <v>30540</v>
      </c>
    </row>
    <row r="4733" spans="1:9">
      <c r="A4733" s="1">
        <f ca="1">RAND()</f>
        <v>0.14424642706879998</v>
      </c>
      <c r="B4733" s="1"/>
      <c r="C4733">
        <v>18</v>
      </c>
      <c r="D4733" t="s">
        <v>10278</v>
      </c>
      <c r="E4733" t="s">
        <v>32187</v>
      </c>
      <c r="F4733">
        <v>5</v>
      </c>
      <c r="G4733" t="s">
        <v>0</v>
      </c>
      <c r="H4733" t="s">
        <v>10279</v>
      </c>
      <c r="I4733" t="s">
        <v>30540</v>
      </c>
    </row>
    <row r="4734" spans="1:9">
      <c r="A4734" s="1">
        <f ca="1">RAND()</f>
        <v>0.88073137319167005</v>
      </c>
      <c r="B4734" s="1"/>
      <c r="C4734">
        <v>8</v>
      </c>
      <c r="D4734" t="s">
        <v>10276</v>
      </c>
      <c r="E4734" t="s">
        <v>32187</v>
      </c>
      <c r="F4734">
        <v>5</v>
      </c>
      <c r="G4734" t="s">
        <v>0</v>
      </c>
      <c r="H4734" t="s">
        <v>10277</v>
      </c>
      <c r="I4734" t="s">
        <v>30540</v>
      </c>
    </row>
    <row r="4735" spans="1:9">
      <c r="A4735" s="1">
        <f ca="1">RAND()</f>
        <v>0.20135562839148202</v>
      </c>
      <c r="B4735" s="1"/>
      <c r="C4735">
        <v>6</v>
      </c>
      <c r="D4735" t="s">
        <v>10274</v>
      </c>
      <c r="E4735" t="s">
        <v>32187</v>
      </c>
      <c r="F4735">
        <v>5</v>
      </c>
      <c r="G4735" t="s">
        <v>14</v>
      </c>
      <c r="H4735" t="s">
        <v>10275</v>
      </c>
      <c r="I4735" t="s">
        <v>30540</v>
      </c>
    </row>
    <row r="4736" spans="1:9">
      <c r="A4736" s="1">
        <f ca="1">RAND()</f>
        <v>0.16668469025284061</v>
      </c>
      <c r="B4736" s="1"/>
      <c r="C4736">
        <v>1</v>
      </c>
      <c r="D4736" t="s">
        <v>10272</v>
      </c>
      <c r="E4736" t="s">
        <v>32187</v>
      </c>
      <c r="F4736">
        <v>4</v>
      </c>
      <c r="G4736" t="s">
        <v>766</v>
      </c>
      <c r="H4736" t="s">
        <v>10273</v>
      </c>
      <c r="I4736" t="s">
        <v>30540</v>
      </c>
    </row>
    <row r="4737" spans="1:9">
      <c r="A4737" s="1">
        <f ca="1">RAND()</f>
        <v>0.43054376496159896</v>
      </c>
      <c r="B4737" s="1"/>
      <c r="C4737">
        <v>20</v>
      </c>
      <c r="D4737" t="s">
        <v>10280</v>
      </c>
      <c r="E4737" t="s">
        <v>32187</v>
      </c>
      <c r="F4737">
        <v>3</v>
      </c>
      <c r="G4737" t="s">
        <v>0</v>
      </c>
      <c r="H4737" t="s">
        <v>10281</v>
      </c>
      <c r="I4737" t="s">
        <v>30540</v>
      </c>
    </row>
    <row r="4738" spans="1:9">
      <c r="A4738" s="1">
        <f ca="1">RAND()</f>
        <v>0.22616743857693533</v>
      </c>
      <c r="B4738" s="1"/>
      <c r="C4738">
        <v>17</v>
      </c>
      <c r="D4738" t="s">
        <v>10266</v>
      </c>
      <c r="E4738" t="s">
        <v>32188</v>
      </c>
      <c r="F4738">
        <v>5</v>
      </c>
      <c r="G4738" t="s">
        <v>15</v>
      </c>
      <c r="H4738" t="s">
        <v>10267</v>
      </c>
      <c r="I4738" t="s">
        <v>30540</v>
      </c>
    </row>
    <row r="4739" spans="1:9">
      <c r="A4739" s="1">
        <f ca="1">RAND()</f>
        <v>0.58743639380166712</v>
      </c>
      <c r="B4739" s="1"/>
      <c r="C4739">
        <v>14</v>
      </c>
      <c r="D4739" t="s">
        <v>10262</v>
      </c>
      <c r="E4739" t="s">
        <v>32188</v>
      </c>
      <c r="F4739">
        <v>5</v>
      </c>
      <c r="G4739" t="s">
        <v>0</v>
      </c>
      <c r="H4739" t="s">
        <v>10263</v>
      </c>
      <c r="I4739" t="s">
        <v>30540</v>
      </c>
    </row>
    <row r="4740" spans="1:9">
      <c r="A4740" s="1">
        <f ca="1">RAND()</f>
        <v>0.61239319138646964</v>
      </c>
      <c r="B4740" s="1"/>
      <c r="C4740">
        <v>13</v>
      </c>
      <c r="D4740" t="s">
        <v>10260</v>
      </c>
      <c r="E4740" t="s">
        <v>32188</v>
      </c>
      <c r="F4740">
        <v>5</v>
      </c>
      <c r="G4740" t="s">
        <v>0</v>
      </c>
      <c r="H4740" t="s">
        <v>10261</v>
      </c>
      <c r="I4740" t="s">
        <v>30540</v>
      </c>
    </row>
    <row r="4741" spans="1:9">
      <c r="A4741" s="1">
        <f ca="1">RAND()</f>
        <v>0.88180371081564246</v>
      </c>
      <c r="B4741" s="1"/>
      <c r="C4741">
        <v>1</v>
      </c>
      <c r="D4741" t="s">
        <v>10252</v>
      </c>
      <c r="E4741" t="s">
        <v>32188</v>
      </c>
      <c r="F4741">
        <v>5</v>
      </c>
      <c r="G4741" t="s">
        <v>15</v>
      </c>
      <c r="H4741" t="s">
        <v>10253</v>
      </c>
      <c r="I4741" t="s">
        <v>30540</v>
      </c>
    </row>
    <row r="4742" spans="1:9">
      <c r="A4742" s="1">
        <f ca="1">RAND()</f>
        <v>0.99933028178408845</v>
      </c>
      <c r="B4742" s="1"/>
      <c r="C4742">
        <v>18</v>
      </c>
      <c r="D4742" t="s">
        <v>10268</v>
      </c>
      <c r="E4742" t="s">
        <v>32188</v>
      </c>
      <c r="F4742">
        <v>5</v>
      </c>
      <c r="G4742" t="s">
        <v>1</v>
      </c>
      <c r="H4742" t="s">
        <v>10269</v>
      </c>
      <c r="I4742" t="s">
        <v>30540</v>
      </c>
    </row>
    <row r="4743" spans="1:9">
      <c r="A4743" s="1">
        <f ca="1">RAND()</f>
        <v>0.65837370300280562</v>
      </c>
      <c r="B4743" s="1"/>
      <c r="C4743">
        <v>16</v>
      </c>
      <c r="D4743" t="s">
        <v>10264</v>
      </c>
      <c r="E4743" t="s">
        <v>32188</v>
      </c>
      <c r="F4743">
        <v>4</v>
      </c>
      <c r="G4743" t="s">
        <v>13</v>
      </c>
      <c r="H4743" t="s">
        <v>10265</v>
      </c>
      <c r="I4743" t="s">
        <v>30540</v>
      </c>
    </row>
    <row r="4744" spans="1:9">
      <c r="A4744" s="1">
        <f ca="1">RAND()</f>
        <v>6.1980472046108237E-2</v>
      </c>
      <c r="B4744" s="1"/>
      <c r="C4744">
        <v>4</v>
      </c>
      <c r="D4744" t="s">
        <v>10256</v>
      </c>
      <c r="E4744" t="s">
        <v>32188</v>
      </c>
      <c r="F4744">
        <v>4</v>
      </c>
      <c r="G4744" t="s">
        <v>13</v>
      </c>
      <c r="H4744" t="s">
        <v>10257</v>
      </c>
      <c r="I4744" t="s">
        <v>30540</v>
      </c>
    </row>
    <row r="4745" spans="1:9">
      <c r="A4745" s="1">
        <f ca="1">RAND()</f>
        <v>0.21713441274709167</v>
      </c>
      <c r="B4745" s="1"/>
      <c r="C4745">
        <v>3</v>
      </c>
      <c r="D4745" t="s">
        <v>10254</v>
      </c>
      <c r="E4745" t="s">
        <v>32188</v>
      </c>
      <c r="F4745">
        <v>4</v>
      </c>
      <c r="G4745" t="s">
        <v>0</v>
      </c>
      <c r="H4745" t="s">
        <v>10255</v>
      </c>
      <c r="I4745" t="s">
        <v>30540</v>
      </c>
    </row>
    <row r="4746" spans="1:9">
      <c r="A4746" s="1">
        <f ca="1">RAND()</f>
        <v>0.16946394039479085</v>
      </c>
      <c r="B4746" s="1"/>
      <c r="C4746">
        <v>10</v>
      </c>
      <c r="D4746" t="s">
        <v>10258</v>
      </c>
      <c r="E4746" t="s">
        <v>32188</v>
      </c>
      <c r="F4746">
        <v>4</v>
      </c>
      <c r="G4746" t="s">
        <v>0</v>
      </c>
      <c r="H4746" t="s">
        <v>10259</v>
      </c>
      <c r="I4746" t="s">
        <v>30540</v>
      </c>
    </row>
    <row r="4747" spans="1:9">
      <c r="A4747" s="1">
        <f ca="1">RAND()</f>
        <v>0.19826817090000004</v>
      </c>
      <c r="B4747" s="1"/>
      <c r="C4747">
        <v>19</v>
      </c>
      <c r="D4747" t="s">
        <v>10270</v>
      </c>
      <c r="E4747" t="s">
        <v>32188</v>
      </c>
      <c r="F4747">
        <v>4</v>
      </c>
      <c r="G4747" t="s">
        <v>15</v>
      </c>
      <c r="H4747" t="s">
        <v>10271</v>
      </c>
      <c r="I4747" t="s">
        <v>30540</v>
      </c>
    </row>
    <row r="4748" spans="1:9">
      <c r="A4748" s="1">
        <f ca="1">RAND()</f>
        <v>0.94516032123603755</v>
      </c>
      <c r="B4748" s="1"/>
      <c r="C4748">
        <v>7</v>
      </c>
      <c r="D4748" t="s">
        <v>10248</v>
      </c>
      <c r="E4748" t="s">
        <v>32189</v>
      </c>
      <c r="F4748">
        <v>4</v>
      </c>
      <c r="G4748" t="s">
        <v>0</v>
      </c>
      <c r="H4748" t="s">
        <v>10249</v>
      </c>
      <c r="I4748" t="s">
        <v>30540</v>
      </c>
    </row>
    <row r="4749" spans="1:9">
      <c r="A4749" s="1">
        <f ca="1">RAND()</f>
        <v>0.59110473652800055</v>
      </c>
      <c r="B4749" s="1"/>
      <c r="C4749">
        <v>2</v>
      </c>
      <c r="D4749" t="s">
        <v>10246</v>
      </c>
      <c r="E4749" t="s">
        <v>32189</v>
      </c>
      <c r="F4749">
        <v>4</v>
      </c>
      <c r="G4749" t="s">
        <v>15</v>
      </c>
      <c r="H4749" t="s">
        <v>10247</v>
      </c>
      <c r="I4749" t="s">
        <v>30540</v>
      </c>
    </row>
    <row r="4750" spans="1:9">
      <c r="A4750" s="1">
        <f ca="1">RAND()</f>
        <v>0.22535463043599835</v>
      </c>
      <c r="B4750" s="1"/>
      <c r="C4750">
        <v>17</v>
      </c>
      <c r="D4750" t="s">
        <v>10250</v>
      </c>
      <c r="E4750" t="s">
        <v>32189</v>
      </c>
      <c r="F4750">
        <v>4</v>
      </c>
      <c r="G4750" t="s">
        <v>0</v>
      </c>
      <c r="H4750" t="s">
        <v>10251</v>
      </c>
      <c r="I4750" t="s">
        <v>30540</v>
      </c>
    </row>
    <row r="4751" spans="1:9">
      <c r="A4751" s="1">
        <f ca="1">RAND()</f>
        <v>0.75945873364894034</v>
      </c>
      <c r="B4751" s="1"/>
      <c r="C4751">
        <v>7</v>
      </c>
      <c r="D4751" t="s">
        <v>10238</v>
      </c>
      <c r="E4751" t="s">
        <v>32190</v>
      </c>
      <c r="F4751">
        <v>5</v>
      </c>
      <c r="G4751" t="s">
        <v>13</v>
      </c>
      <c r="H4751" t="s">
        <v>10239</v>
      </c>
      <c r="I4751" t="s">
        <v>30540</v>
      </c>
    </row>
    <row r="4752" spans="1:9">
      <c r="A4752" s="1">
        <f ca="1">RAND()</f>
        <v>0.86820208946180577</v>
      </c>
      <c r="B4752" s="1"/>
      <c r="C4752">
        <v>16</v>
      </c>
      <c r="D4752" t="s">
        <v>10244</v>
      </c>
      <c r="E4752" t="s">
        <v>32190</v>
      </c>
      <c r="F4752">
        <v>5</v>
      </c>
      <c r="G4752" t="s">
        <v>2</v>
      </c>
      <c r="H4752" t="s">
        <v>10245</v>
      </c>
      <c r="I4752" t="s">
        <v>30540</v>
      </c>
    </row>
    <row r="4753" spans="1:9">
      <c r="A4753" s="1">
        <f ca="1">RAND()</f>
        <v>0.25420703729547567</v>
      </c>
      <c r="B4753" s="1"/>
      <c r="C4753">
        <v>10</v>
      </c>
      <c r="D4753" t="s">
        <v>10240</v>
      </c>
      <c r="E4753" t="s">
        <v>32190</v>
      </c>
      <c r="F4753">
        <v>4</v>
      </c>
      <c r="G4753" t="s">
        <v>0</v>
      </c>
      <c r="H4753" t="s">
        <v>10241</v>
      </c>
      <c r="I4753" t="s">
        <v>30540</v>
      </c>
    </row>
    <row r="4754" spans="1:9">
      <c r="A4754" s="1">
        <f ca="1">RAND()</f>
        <v>0.72438991026120603</v>
      </c>
      <c r="B4754" s="1"/>
      <c r="C4754">
        <v>13</v>
      </c>
      <c r="D4754" t="s">
        <v>10242</v>
      </c>
      <c r="E4754" t="s">
        <v>32190</v>
      </c>
      <c r="F4754">
        <v>4</v>
      </c>
      <c r="G4754" t="s">
        <v>0</v>
      </c>
      <c r="H4754" t="s">
        <v>10243</v>
      </c>
      <c r="I4754" t="s">
        <v>30540</v>
      </c>
    </row>
    <row r="4755" spans="1:9">
      <c r="A4755" s="1">
        <f ca="1">RAND()</f>
        <v>0.68403138317246648</v>
      </c>
      <c r="B4755" s="1"/>
      <c r="C4755">
        <v>4</v>
      </c>
      <c r="D4755" t="s">
        <v>10236</v>
      </c>
      <c r="E4755" t="s">
        <v>32190</v>
      </c>
      <c r="F4755">
        <v>4</v>
      </c>
      <c r="G4755" t="s">
        <v>15</v>
      </c>
      <c r="H4755" t="s">
        <v>10237</v>
      </c>
      <c r="I4755" t="s">
        <v>30540</v>
      </c>
    </row>
    <row r="4756" spans="1:9">
      <c r="A4756" s="1">
        <f ca="1">RAND()</f>
        <v>0.87255645756055411</v>
      </c>
      <c r="B4756" s="1"/>
      <c r="C4756">
        <v>3</v>
      </c>
      <c r="D4756" t="s">
        <v>10234</v>
      </c>
      <c r="E4756" t="s">
        <v>32190</v>
      </c>
      <c r="F4756">
        <v>3</v>
      </c>
      <c r="G4756" t="s">
        <v>0</v>
      </c>
      <c r="H4756" t="s">
        <v>10235</v>
      </c>
      <c r="I4756" t="s">
        <v>30540</v>
      </c>
    </row>
    <row r="4757" spans="1:9">
      <c r="A4757" s="1">
        <f ca="1">RAND()</f>
        <v>0.80488226008976294</v>
      </c>
      <c r="B4757" s="1"/>
      <c r="C4757">
        <v>12</v>
      </c>
      <c r="D4757" t="s">
        <v>10230</v>
      </c>
      <c r="E4757" t="s">
        <v>32191</v>
      </c>
      <c r="F4757">
        <v>5</v>
      </c>
      <c r="G4757" t="s">
        <v>14</v>
      </c>
      <c r="H4757" t="s">
        <v>10231</v>
      </c>
      <c r="I4757" t="s">
        <v>30540</v>
      </c>
    </row>
    <row r="4758" spans="1:9">
      <c r="A4758" s="1">
        <f ca="1">RAND()</f>
        <v>0.93823871059370478</v>
      </c>
      <c r="B4758" s="1"/>
      <c r="C4758">
        <v>15</v>
      </c>
      <c r="D4758" t="s">
        <v>10232</v>
      </c>
      <c r="E4758" t="s">
        <v>32191</v>
      </c>
      <c r="F4758">
        <v>5</v>
      </c>
      <c r="G4758" t="s">
        <v>0</v>
      </c>
      <c r="H4758" t="s">
        <v>10233</v>
      </c>
      <c r="I4758" t="s">
        <v>30540</v>
      </c>
    </row>
    <row r="4759" spans="1:9">
      <c r="A4759" s="1">
        <f ca="1">RAND()</f>
        <v>0.12298883700236096</v>
      </c>
      <c r="B4759" s="1"/>
      <c r="C4759">
        <v>11</v>
      </c>
      <c r="D4759" t="s">
        <v>10228</v>
      </c>
      <c r="E4759" t="s">
        <v>32191</v>
      </c>
      <c r="F4759">
        <v>4</v>
      </c>
      <c r="G4759" t="s">
        <v>14</v>
      </c>
      <c r="H4759" t="s">
        <v>10229</v>
      </c>
      <c r="I4759" t="s">
        <v>30540</v>
      </c>
    </row>
    <row r="4760" spans="1:9">
      <c r="A4760" s="1">
        <f ca="1">RAND()</f>
        <v>0.17419582585525972</v>
      </c>
      <c r="B4760" s="1"/>
      <c r="C4760">
        <v>10</v>
      </c>
      <c r="D4760" t="s">
        <v>10226</v>
      </c>
      <c r="E4760" t="s">
        <v>32191</v>
      </c>
      <c r="F4760">
        <v>2</v>
      </c>
      <c r="G4760" t="s">
        <v>13</v>
      </c>
      <c r="H4760" t="s">
        <v>10227</v>
      </c>
      <c r="I4760" t="s">
        <v>30540</v>
      </c>
    </row>
    <row r="4761" spans="1:9">
      <c r="A4761" s="1">
        <f ca="1">RAND()</f>
        <v>0.2387353571643791</v>
      </c>
      <c r="B4761" s="1"/>
      <c r="C4761">
        <v>12</v>
      </c>
      <c r="D4761" t="s">
        <v>10224</v>
      </c>
      <c r="E4761" t="s">
        <v>32192</v>
      </c>
      <c r="F4761">
        <v>5</v>
      </c>
      <c r="G4761" t="s">
        <v>0</v>
      </c>
      <c r="H4761" t="s">
        <v>10225</v>
      </c>
      <c r="I4761" t="s">
        <v>30540</v>
      </c>
    </row>
    <row r="4762" spans="1:9">
      <c r="A4762" s="1">
        <f ca="1">RAND()</f>
        <v>0.51847732814854841</v>
      </c>
      <c r="B4762" s="1"/>
      <c r="C4762">
        <v>10</v>
      </c>
      <c r="D4762" t="s">
        <v>10222</v>
      </c>
      <c r="E4762" t="s">
        <v>32192</v>
      </c>
      <c r="F4762">
        <v>5</v>
      </c>
      <c r="G4762" t="s">
        <v>770</v>
      </c>
      <c r="H4762" t="s">
        <v>10223</v>
      </c>
      <c r="I4762" t="s">
        <v>30540</v>
      </c>
    </row>
    <row r="4763" spans="1:9">
      <c r="A4763" s="1">
        <f ca="1">RAND()</f>
        <v>0.98586154949713289</v>
      </c>
      <c r="B4763" s="1"/>
      <c r="C4763">
        <v>9</v>
      </c>
      <c r="D4763" t="s">
        <v>10220</v>
      </c>
      <c r="E4763" t="s">
        <v>32192</v>
      </c>
      <c r="F4763">
        <v>4</v>
      </c>
      <c r="G4763" t="s">
        <v>1</v>
      </c>
      <c r="H4763" t="s">
        <v>10221</v>
      </c>
      <c r="I4763" t="s">
        <v>30540</v>
      </c>
    </row>
    <row r="4764" spans="1:9">
      <c r="A4764" s="1">
        <f ca="1">RAND()</f>
        <v>0.8199428813694738</v>
      </c>
      <c r="B4764" s="1"/>
      <c r="C4764">
        <v>17</v>
      </c>
      <c r="D4764" t="s">
        <v>10218</v>
      </c>
      <c r="E4764" t="s">
        <v>32193</v>
      </c>
      <c r="F4764">
        <v>4</v>
      </c>
      <c r="G4764" t="s">
        <v>0</v>
      </c>
      <c r="H4764" t="s">
        <v>10219</v>
      </c>
      <c r="I4764" t="s">
        <v>30540</v>
      </c>
    </row>
    <row r="4765" spans="1:9">
      <c r="A4765" s="1">
        <f ca="1">RAND()</f>
        <v>0.14361601996593765</v>
      </c>
      <c r="B4765" s="1"/>
      <c r="C4765">
        <v>16</v>
      </c>
      <c r="D4765" t="s">
        <v>10216</v>
      </c>
      <c r="E4765" t="s">
        <v>32193</v>
      </c>
      <c r="F4765">
        <v>4</v>
      </c>
      <c r="G4765" t="s">
        <v>15</v>
      </c>
      <c r="H4765" t="s">
        <v>10217</v>
      </c>
      <c r="I4765" t="s">
        <v>30540</v>
      </c>
    </row>
    <row r="4766" spans="1:9">
      <c r="A4766" s="1">
        <f ca="1">RAND()</f>
        <v>0.42070198329187314</v>
      </c>
      <c r="B4766" s="1"/>
      <c r="C4766">
        <v>7</v>
      </c>
      <c r="D4766" t="s">
        <v>10214</v>
      </c>
      <c r="E4766" t="s">
        <v>32193</v>
      </c>
      <c r="F4766">
        <v>3</v>
      </c>
      <c r="G4766" t="s">
        <v>0</v>
      </c>
      <c r="H4766" t="s">
        <v>10215</v>
      </c>
      <c r="I4766" t="s">
        <v>30540</v>
      </c>
    </row>
    <row r="4767" spans="1:9">
      <c r="A4767" s="1">
        <f ca="1">RAND()</f>
        <v>0.71903112663583801</v>
      </c>
      <c r="B4767" s="1"/>
      <c r="C4767">
        <v>5</v>
      </c>
      <c r="D4767" t="s">
        <v>10212</v>
      </c>
      <c r="E4767" t="s">
        <v>32193</v>
      </c>
      <c r="F4767">
        <v>2</v>
      </c>
      <c r="G4767" t="s">
        <v>9</v>
      </c>
      <c r="H4767" t="s">
        <v>10213</v>
      </c>
      <c r="I4767" t="s">
        <v>30540</v>
      </c>
    </row>
    <row r="4768" spans="1:9">
      <c r="A4768" s="1">
        <f ca="1">RAND()</f>
        <v>7.8133098479709395E-2</v>
      </c>
      <c r="B4768" s="1"/>
      <c r="C4768">
        <v>7</v>
      </c>
      <c r="D4768" t="s">
        <v>10210</v>
      </c>
      <c r="E4768" t="s">
        <v>32194</v>
      </c>
      <c r="F4768">
        <v>5</v>
      </c>
      <c r="G4768" t="s">
        <v>766</v>
      </c>
      <c r="H4768" t="s">
        <v>10211</v>
      </c>
      <c r="I4768" t="s">
        <v>30540</v>
      </c>
    </row>
    <row r="4769" spans="1:9">
      <c r="A4769" s="1">
        <f ca="1">RAND()</f>
        <v>0.56683951493653217</v>
      </c>
      <c r="B4769" s="1"/>
      <c r="C4769">
        <v>5</v>
      </c>
      <c r="D4769" t="s">
        <v>10208</v>
      </c>
      <c r="E4769" t="s">
        <v>32194</v>
      </c>
      <c r="F4769">
        <v>4</v>
      </c>
      <c r="G4769" t="s">
        <v>0</v>
      </c>
      <c r="H4769" t="s">
        <v>10209</v>
      </c>
      <c r="I4769" t="s">
        <v>30540</v>
      </c>
    </row>
    <row r="4770" spans="1:9">
      <c r="A4770" s="1">
        <f ca="1">RAND()</f>
        <v>0.42454640109925956</v>
      </c>
      <c r="B4770" s="1"/>
      <c r="C4770">
        <v>12</v>
      </c>
      <c r="D4770" t="s">
        <v>10204</v>
      </c>
      <c r="E4770" t="s">
        <v>32195</v>
      </c>
      <c r="F4770">
        <v>4</v>
      </c>
      <c r="G4770" t="s">
        <v>2</v>
      </c>
      <c r="H4770" t="s">
        <v>10205</v>
      </c>
      <c r="I4770" t="s">
        <v>30540</v>
      </c>
    </row>
    <row r="4771" spans="1:9">
      <c r="A4771" s="1">
        <f ca="1">RAND()</f>
        <v>0.18398873668691396</v>
      </c>
      <c r="B4771" s="1"/>
      <c r="C4771">
        <v>3</v>
      </c>
      <c r="D4771" t="s">
        <v>10202</v>
      </c>
      <c r="E4771" t="s">
        <v>32195</v>
      </c>
      <c r="F4771">
        <v>4</v>
      </c>
      <c r="G4771" t="s">
        <v>765</v>
      </c>
      <c r="H4771" t="s">
        <v>10203</v>
      </c>
      <c r="I4771" t="s">
        <v>30540</v>
      </c>
    </row>
    <row r="4772" spans="1:9">
      <c r="A4772" s="1">
        <f ca="1">RAND()</f>
        <v>0.13672114919017575</v>
      </c>
      <c r="B4772" s="1"/>
      <c r="C4772">
        <v>19</v>
      </c>
      <c r="D4772" t="s">
        <v>10206</v>
      </c>
      <c r="E4772" t="s">
        <v>32195</v>
      </c>
      <c r="F4772">
        <v>4</v>
      </c>
      <c r="G4772" t="s">
        <v>0</v>
      </c>
      <c r="H4772" t="s">
        <v>10207</v>
      </c>
      <c r="I4772" t="s">
        <v>30540</v>
      </c>
    </row>
    <row r="4773" spans="1:9">
      <c r="A4773" s="1">
        <f ca="1">RAND()</f>
        <v>0.89608045438211859</v>
      </c>
      <c r="B4773" s="1"/>
      <c r="C4773">
        <v>16</v>
      </c>
      <c r="D4773" t="s">
        <v>10196</v>
      </c>
      <c r="E4773" t="s">
        <v>32196</v>
      </c>
      <c r="F4773">
        <v>5</v>
      </c>
      <c r="G4773" t="s">
        <v>0</v>
      </c>
      <c r="H4773" t="s">
        <v>10197</v>
      </c>
      <c r="I4773" t="s">
        <v>30540</v>
      </c>
    </row>
    <row r="4774" spans="1:9">
      <c r="A4774" s="1">
        <f ca="1">RAND()</f>
        <v>0.43338567478737555</v>
      </c>
      <c r="B4774" s="1"/>
      <c r="C4774">
        <v>10</v>
      </c>
      <c r="D4774" t="s">
        <v>10192</v>
      </c>
      <c r="E4774" t="s">
        <v>32196</v>
      </c>
      <c r="F4774">
        <v>5</v>
      </c>
      <c r="G4774" t="s">
        <v>0</v>
      </c>
      <c r="H4774" t="s">
        <v>10193</v>
      </c>
      <c r="I4774" t="s">
        <v>30540</v>
      </c>
    </row>
    <row r="4775" spans="1:9">
      <c r="A4775" s="1">
        <f ca="1">RAND()</f>
        <v>0.14972432737771069</v>
      </c>
      <c r="B4775" s="1"/>
      <c r="C4775">
        <v>20</v>
      </c>
      <c r="D4775" t="s">
        <v>10200</v>
      </c>
      <c r="E4775" t="s">
        <v>32196</v>
      </c>
      <c r="F4775">
        <v>5</v>
      </c>
      <c r="G4775" t="s">
        <v>0</v>
      </c>
      <c r="H4775" t="s">
        <v>10201</v>
      </c>
      <c r="I4775" t="s">
        <v>30540</v>
      </c>
    </row>
    <row r="4776" spans="1:9">
      <c r="A4776" s="1">
        <f ca="1">RAND()</f>
        <v>0.97603338027740161</v>
      </c>
      <c r="B4776" s="1"/>
      <c r="C4776">
        <v>2</v>
      </c>
      <c r="D4776" t="s">
        <v>10184</v>
      </c>
      <c r="E4776" t="s">
        <v>32196</v>
      </c>
      <c r="F4776">
        <v>5</v>
      </c>
      <c r="G4776" t="s">
        <v>14</v>
      </c>
      <c r="H4776" t="s">
        <v>10185</v>
      </c>
      <c r="I4776" t="s">
        <v>30540</v>
      </c>
    </row>
    <row r="4777" spans="1:9">
      <c r="A4777" s="1">
        <f ca="1">RAND()</f>
        <v>0.38026201839246465</v>
      </c>
      <c r="B4777" s="1"/>
      <c r="C4777">
        <v>6</v>
      </c>
      <c r="D4777" t="s">
        <v>10188</v>
      </c>
      <c r="E4777" t="s">
        <v>32196</v>
      </c>
      <c r="F4777">
        <v>4</v>
      </c>
      <c r="G4777" t="s">
        <v>15</v>
      </c>
      <c r="H4777" t="s">
        <v>10189</v>
      </c>
      <c r="I4777" t="s">
        <v>30540</v>
      </c>
    </row>
    <row r="4778" spans="1:9">
      <c r="A4778" s="1">
        <f ca="1">RAND()</f>
        <v>0.76707932818875801</v>
      </c>
      <c r="B4778" s="1"/>
      <c r="C4778">
        <v>3</v>
      </c>
      <c r="D4778" t="s">
        <v>10186</v>
      </c>
      <c r="E4778" t="s">
        <v>32196</v>
      </c>
      <c r="F4778">
        <v>4</v>
      </c>
      <c r="G4778" t="s">
        <v>0</v>
      </c>
      <c r="H4778" t="s">
        <v>10187</v>
      </c>
      <c r="I4778" t="s">
        <v>30540</v>
      </c>
    </row>
    <row r="4779" spans="1:9">
      <c r="A4779" s="1">
        <f ca="1">RAND()</f>
        <v>0.12762148209439672</v>
      </c>
      <c r="B4779" s="1"/>
      <c r="C4779">
        <v>9</v>
      </c>
      <c r="D4779" t="s">
        <v>10190</v>
      </c>
      <c r="E4779" t="s">
        <v>32196</v>
      </c>
      <c r="F4779">
        <v>4</v>
      </c>
      <c r="G4779" t="s">
        <v>0</v>
      </c>
      <c r="H4779" t="s">
        <v>10191</v>
      </c>
      <c r="I4779" t="s">
        <v>30540</v>
      </c>
    </row>
    <row r="4780" spans="1:9">
      <c r="A4780" s="1">
        <f ca="1">RAND()</f>
        <v>0.18216557391978183</v>
      </c>
      <c r="B4780" s="1"/>
      <c r="C4780">
        <v>11</v>
      </c>
      <c r="D4780" t="s">
        <v>10194</v>
      </c>
      <c r="E4780" t="s">
        <v>32196</v>
      </c>
      <c r="F4780">
        <v>4</v>
      </c>
      <c r="G4780" t="s">
        <v>14</v>
      </c>
      <c r="H4780" t="s">
        <v>10195</v>
      </c>
      <c r="I4780" t="s">
        <v>30540</v>
      </c>
    </row>
    <row r="4781" spans="1:9">
      <c r="A4781" s="1">
        <f ca="1">RAND()</f>
        <v>0.40982015053362364</v>
      </c>
      <c r="B4781" s="1"/>
      <c r="C4781">
        <v>19</v>
      </c>
      <c r="D4781" t="s">
        <v>10198</v>
      </c>
      <c r="E4781" t="s">
        <v>32196</v>
      </c>
      <c r="F4781">
        <v>2</v>
      </c>
      <c r="G4781" t="s">
        <v>0</v>
      </c>
      <c r="H4781" t="s">
        <v>10199</v>
      </c>
      <c r="I4781" t="s">
        <v>30540</v>
      </c>
    </row>
    <row r="4782" spans="1:9">
      <c r="A4782" s="1">
        <f ca="1">RAND()</f>
        <v>0.61463346176949119</v>
      </c>
      <c r="B4782" s="1"/>
      <c r="C4782">
        <v>6</v>
      </c>
      <c r="D4782" t="s">
        <v>10176</v>
      </c>
      <c r="E4782" t="s">
        <v>32197</v>
      </c>
      <c r="F4782">
        <v>5</v>
      </c>
      <c r="G4782" t="s">
        <v>15</v>
      </c>
      <c r="H4782" t="s">
        <v>10177</v>
      </c>
      <c r="I4782" t="s">
        <v>30540</v>
      </c>
    </row>
    <row r="4783" spans="1:9">
      <c r="A4783" s="1">
        <f ca="1">RAND()</f>
        <v>0.61269368929831614</v>
      </c>
      <c r="B4783" s="1"/>
      <c r="C4783">
        <v>3</v>
      </c>
      <c r="D4783" t="s">
        <v>10174</v>
      </c>
      <c r="E4783" t="s">
        <v>32197</v>
      </c>
      <c r="F4783">
        <v>4</v>
      </c>
      <c r="G4783" t="s">
        <v>10</v>
      </c>
      <c r="H4783" t="s">
        <v>10175</v>
      </c>
      <c r="I4783" t="s">
        <v>30540</v>
      </c>
    </row>
    <row r="4784" spans="1:9">
      <c r="A4784" s="1">
        <f ca="1">RAND()</f>
        <v>0.66806286920802349</v>
      </c>
      <c r="B4784" s="1"/>
      <c r="C4784">
        <v>20</v>
      </c>
      <c r="D4784" t="s">
        <v>10182</v>
      </c>
      <c r="E4784" t="s">
        <v>32197</v>
      </c>
      <c r="F4784">
        <v>4</v>
      </c>
      <c r="G4784" t="s">
        <v>15</v>
      </c>
      <c r="H4784" t="s">
        <v>10183</v>
      </c>
      <c r="I4784" t="s">
        <v>30540</v>
      </c>
    </row>
    <row r="4785" spans="1:9">
      <c r="A4785" s="1">
        <f ca="1">RAND()</f>
        <v>3.6908977650197405E-3</v>
      </c>
      <c r="B4785" s="1"/>
      <c r="C4785">
        <v>18</v>
      </c>
      <c r="D4785" t="s">
        <v>10180</v>
      </c>
      <c r="E4785" t="s">
        <v>32197</v>
      </c>
      <c r="F4785">
        <v>4</v>
      </c>
      <c r="G4785" t="s">
        <v>0</v>
      </c>
      <c r="H4785" t="s">
        <v>10181</v>
      </c>
      <c r="I4785" t="s">
        <v>30540</v>
      </c>
    </row>
    <row r="4786" spans="1:9">
      <c r="A4786" s="1">
        <f ca="1">RAND()</f>
        <v>0.69621487146345995</v>
      </c>
      <c r="B4786" s="1"/>
      <c r="C4786">
        <v>12</v>
      </c>
      <c r="D4786" t="s">
        <v>10178</v>
      </c>
      <c r="E4786" t="s">
        <v>32197</v>
      </c>
      <c r="F4786">
        <v>2</v>
      </c>
      <c r="G4786" t="s">
        <v>0</v>
      </c>
      <c r="H4786" t="s">
        <v>10179</v>
      </c>
      <c r="I4786" t="s">
        <v>30540</v>
      </c>
    </row>
    <row r="4787" spans="1:9">
      <c r="A4787" s="1">
        <f ca="1">RAND()</f>
        <v>0.36354420773131269</v>
      </c>
      <c r="B4787" s="1"/>
      <c r="C4787">
        <v>3</v>
      </c>
      <c r="D4787" t="s">
        <v>10156</v>
      </c>
      <c r="E4787" t="s">
        <v>32198</v>
      </c>
      <c r="F4787">
        <v>5</v>
      </c>
      <c r="G4787" t="s">
        <v>13</v>
      </c>
      <c r="H4787" t="s">
        <v>10157</v>
      </c>
      <c r="I4787" t="s">
        <v>30540</v>
      </c>
    </row>
    <row r="4788" spans="1:9">
      <c r="A4788" s="1">
        <f ca="1">RAND()</f>
        <v>0.44184880765156909</v>
      </c>
      <c r="B4788" s="1"/>
      <c r="C4788">
        <v>12</v>
      </c>
      <c r="D4788" t="s">
        <v>10168</v>
      </c>
      <c r="E4788" t="s">
        <v>32198</v>
      </c>
      <c r="F4788">
        <v>5</v>
      </c>
      <c r="G4788" t="s">
        <v>0</v>
      </c>
      <c r="H4788" t="s">
        <v>10169</v>
      </c>
      <c r="I4788" t="s">
        <v>30540</v>
      </c>
    </row>
    <row r="4789" spans="1:9">
      <c r="A4789" s="1">
        <f ca="1">RAND()</f>
        <v>0.59753762892453943</v>
      </c>
      <c r="B4789" s="1"/>
      <c r="C4789">
        <v>15</v>
      </c>
      <c r="D4789" t="s">
        <v>10170</v>
      </c>
      <c r="E4789" t="s">
        <v>32198</v>
      </c>
      <c r="F4789">
        <v>5</v>
      </c>
      <c r="G4789" t="s">
        <v>0</v>
      </c>
      <c r="H4789" t="s">
        <v>10171</v>
      </c>
      <c r="I4789" t="s">
        <v>30540</v>
      </c>
    </row>
    <row r="4790" spans="1:9">
      <c r="A4790" s="1">
        <f ca="1">RAND()</f>
        <v>0.43000716122338356</v>
      </c>
      <c r="B4790" s="1"/>
      <c r="C4790">
        <v>18</v>
      </c>
      <c r="D4790" t="s">
        <v>10172</v>
      </c>
      <c r="E4790" t="s">
        <v>32198</v>
      </c>
      <c r="F4790">
        <v>4</v>
      </c>
      <c r="G4790" t="s">
        <v>0</v>
      </c>
      <c r="H4790" t="s">
        <v>10173</v>
      </c>
      <c r="I4790" t="s">
        <v>30540</v>
      </c>
    </row>
    <row r="4791" spans="1:9">
      <c r="A4791" s="1">
        <f ca="1">RAND()</f>
        <v>0.25785882272209049</v>
      </c>
      <c r="B4791" s="1"/>
      <c r="C4791">
        <v>10</v>
      </c>
      <c r="D4791" t="s">
        <v>10166</v>
      </c>
      <c r="E4791" t="s">
        <v>32198</v>
      </c>
      <c r="F4791">
        <v>4</v>
      </c>
      <c r="G4791" t="s">
        <v>0</v>
      </c>
      <c r="H4791" t="s">
        <v>10167</v>
      </c>
      <c r="I4791" t="s">
        <v>30540</v>
      </c>
    </row>
    <row r="4792" spans="1:9">
      <c r="A4792" s="1">
        <f ca="1">RAND()</f>
        <v>0.64110286401621763</v>
      </c>
      <c r="B4792" s="1"/>
      <c r="C4792">
        <v>5</v>
      </c>
      <c r="D4792" t="s">
        <v>10158</v>
      </c>
      <c r="E4792" t="s">
        <v>32198</v>
      </c>
      <c r="F4792">
        <v>4</v>
      </c>
      <c r="G4792" t="s">
        <v>15</v>
      </c>
      <c r="H4792" t="s">
        <v>10159</v>
      </c>
      <c r="I4792" t="s">
        <v>30540</v>
      </c>
    </row>
    <row r="4793" spans="1:9">
      <c r="A4793" s="1">
        <f ca="1">RAND()</f>
        <v>0.95481872525185008</v>
      </c>
      <c r="B4793" s="1"/>
      <c r="C4793">
        <v>9</v>
      </c>
      <c r="D4793" t="s">
        <v>10164</v>
      </c>
      <c r="E4793" t="s">
        <v>32198</v>
      </c>
      <c r="F4793">
        <v>4</v>
      </c>
      <c r="G4793" t="s">
        <v>15</v>
      </c>
      <c r="H4793" t="s">
        <v>10165</v>
      </c>
      <c r="I4793" t="s">
        <v>30540</v>
      </c>
    </row>
    <row r="4794" spans="1:9">
      <c r="A4794" s="1">
        <f ca="1">RAND()</f>
        <v>0.66872348173012774</v>
      </c>
      <c r="B4794" s="1"/>
      <c r="C4794">
        <v>8</v>
      </c>
      <c r="D4794" t="s">
        <v>10162</v>
      </c>
      <c r="E4794" t="s">
        <v>32198</v>
      </c>
      <c r="F4794">
        <v>4</v>
      </c>
      <c r="G4794" t="s">
        <v>0</v>
      </c>
      <c r="H4794" t="s">
        <v>10163</v>
      </c>
      <c r="I4794" t="s">
        <v>30540</v>
      </c>
    </row>
    <row r="4795" spans="1:9">
      <c r="A4795" s="1">
        <f ca="1">RAND()</f>
        <v>0.38857943492746216</v>
      </c>
      <c r="B4795" s="1"/>
      <c r="C4795">
        <v>6</v>
      </c>
      <c r="D4795" t="s">
        <v>10160</v>
      </c>
      <c r="E4795" t="s">
        <v>32198</v>
      </c>
      <c r="F4795">
        <v>2</v>
      </c>
      <c r="G4795" t="s">
        <v>0</v>
      </c>
      <c r="H4795" t="s">
        <v>10161</v>
      </c>
      <c r="I4795" t="s">
        <v>30540</v>
      </c>
    </row>
    <row r="4796" spans="1:9">
      <c r="A4796" s="1">
        <f ca="1">RAND()</f>
        <v>0.66496668732451192</v>
      </c>
      <c r="B4796" s="1"/>
      <c r="C4796">
        <v>6</v>
      </c>
      <c r="D4796" t="s">
        <v>10148</v>
      </c>
      <c r="E4796" t="s">
        <v>32199</v>
      </c>
      <c r="F4796">
        <v>5</v>
      </c>
      <c r="G4796" t="s">
        <v>9</v>
      </c>
      <c r="H4796" t="s">
        <v>10149</v>
      </c>
      <c r="I4796" t="s">
        <v>30540</v>
      </c>
    </row>
    <row r="4797" spans="1:9">
      <c r="A4797" s="1">
        <f ca="1">RAND()</f>
        <v>0.12402965108827446</v>
      </c>
      <c r="B4797" s="1"/>
      <c r="C4797">
        <v>18</v>
      </c>
      <c r="D4797" t="s">
        <v>10154</v>
      </c>
      <c r="E4797" t="s">
        <v>32199</v>
      </c>
      <c r="F4797">
        <v>4</v>
      </c>
      <c r="G4797" t="s">
        <v>0</v>
      </c>
      <c r="H4797" t="s">
        <v>10155</v>
      </c>
      <c r="I4797" t="s">
        <v>30540</v>
      </c>
    </row>
    <row r="4798" spans="1:9">
      <c r="A4798" s="1">
        <f ca="1">RAND()</f>
        <v>0.40879914038671794</v>
      </c>
      <c r="B4798" s="1"/>
      <c r="C4798">
        <v>9</v>
      </c>
      <c r="D4798" t="s">
        <v>10150</v>
      </c>
      <c r="E4798" t="s">
        <v>32199</v>
      </c>
      <c r="F4798">
        <v>4</v>
      </c>
      <c r="G4798" t="s">
        <v>0</v>
      </c>
      <c r="H4798" t="s">
        <v>10151</v>
      </c>
      <c r="I4798" t="s">
        <v>30540</v>
      </c>
    </row>
    <row r="4799" spans="1:9">
      <c r="A4799" s="1">
        <f ca="1">RAND()</f>
        <v>0.23292518970901566</v>
      </c>
      <c r="B4799" s="1"/>
      <c r="C4799">
        <v>17</v>
      </c>
      <c r="D4799" t="s">
        <v>10152</v>
      </c>
      <c r="E4799" t="s">
        <v>32199</v>
      </c>
      <c r="F4799">
        <v>4</v>
      </c>
      <c r="G4799" t="s">
        <v>762</v>
      </c>
      <c r="H4799" t="s">
        <v>10153</v>
      </c>
      <c r="I4799" t="s">
        <v>30540</v>
      </c>
    </row>
    <row r="4800" spans="1:9">
      <c r="A4800" s="1">
        <f ca="1">RAND()</f>
        <v>0.22618624231302786</v>
      </c>
      <c r="B4800" s="1"/>
      <c r="C4800">
        <v>3</v>
      </c>
      <c r="D4800" t="s">
        <v>10146</v>
      </c>
      <c r="E4800" t="s">
        <v>32199</v>
      </c>
      <c r="F4800">
        <v>4</v>
      </c>
      <c r="G4800" t="s">
        <v>2</v>
      </c>
      <c r="H4800" t="s">
        <v>10147</v>
      </c>
      <c r="I4800" t="s">
        <v>30540</v>
      </c>
    </row>
    <row r="4801" spans="1:9">
      <c r="A4801" s="1">
        <f ca="1">RAND()</f>
        <v>0.86407255463697219</v>
      </c>
      <c r="B4801" s="1"/>
      <c r="C4801">
        <v>12</v>
      </c>
      <c r="D4801" t="s">
        <v>10136</v>
      </c>
      <c r="E4801" t="s">
        <v>32200</v>
      </c>
      <c r="F4801">
        <v>5</v>
      </c>
      <c r="G4801" t="s">
        <v>0</v>
      </c>
      <c r="H4801" t="s">
        <v>10137</v>
      </c>
      <c r="I4801" t="s">
        <v>30540</v>
      </c>
    </row>
    <row r="4802" spans="1:9">
      <c r="A4802" s="1">
        <f ca="1">RAND()</f>
        <v>0.37086000276814501</v>
      </c>
      <c r="B4802" s="1"/>
      <c r="C4802">
        <v>15</v>
      </c>
      <c r="D4802" t="s">
        <v>10140</v>
      </c>
      <c r="E4802" t="s">
        <v>32200</v>
      </c>
      <c r="F4802">
        <v>5</v>
      </c>
      <c r="G4802" t="s">
        <v>0</v>
      </c>
      <c r="H4802" t="s">
        <v>10141</v>
      </c>
      <c r="I4802" t="s">
        <v>30540</v>
      </c>
    </row>
    <row r="4803" spans="1:9">
      <c r="A4803" s="1">
        <f ca="1">RAND()</f>
        <v>3.616478290434344E-2</v>
      </c>
      <c r="B4803" s="1"/>
      <c r="C4803">
        <v>13</v>
      </c>
      <c r="D4803" t="s">
        <v>10138</v>
      </c>
      <c r="E4803" t="s">
        <v>32200</v>
      </c>
      <c r="F4803">
        <v>5</v>
      </c>
      <c r="G4803" t="s">
        <v>15</v>
      </c>
      <c r="H4803" t="s">
        <v>10139</v>
      </c>
      <c r="I4803" t="s">
        <v>30540</v>
      </c>
    </row>
    <row r="4804" spans="1:9">
      <c r="A4804" s="1">
        <f ca="1">RAND()</f>
        <v>0.31432487863508751</v>
      </c>
      <c r="B4804" s="1"/>
      <c r="C4804">
        <v>17</v>
      </c>
      <c r="D4804" t="s">
        <v>10144</v>
      </c>
      <c r="E4804" t="s">
        <v>32200</v>
      </c>
      <c r="F4804">
        <v>4</v>
      </c>
      <c r="G4804" t="s">
        <v>0</v>
      </c>
      <c r="H4804" t="s">
        <v>10145</v>
      </c>
      <c r="I4804" t="s">
        <v>30540</v>
      </c>
    </row>
    <row r="4805" spans="1:9">
      <c r="A4805" s="1">
        <f ca="1">RAND()</f>
        <v>0.41924076620077988</v>
      </c>
      <c r="B4805" s="1"/>
      <c r="C4805">
        <v>16</v>
      </c>
      <c r="D4805" t="s">
        <v>10142</v>
      </c>
      <c r="E4805" t="s">
        <v>32200</v>
      </c>
      <c r="F4805">
        <v>4</v>
      </c>
      <c r="G4805" t="s">
        <v>10</v>
      </c>
      <c r="H4805" t="s">
        <v>10143</v>
      </c>
      <c r="I4805" t="s">
        <v>30540</v>
      </c>
    </row>
    <row r="4806" spans="1:9">
      <c r="A4806" s="1">
        <f ca="1">RAND()</f>
        <v>0.59039688451596994</v>
      </c>
      <c r="B4806" s="1"/>
      <c r="C4806">
        <v>16</v>
      </c>
      <c r="D4806" t="s">
        <v>10130</v>
      </c>
      <c r="E4806" t="s">
        <v>32201</v>
      </c>
      <c r="F4806">
        <v>5</v>
      </c>
      <c r="G4806" t="s">
        <v>15</v>
      </c>
      <c r="H4806" t="s">
        <v>10131</v>
      </c>
      <c r="I4806" t="s">
        <v>30540</v>
      </c>
    </row>
    <row r="4807" spans="1:9">
      <c r="A4807" s="1">
        <f ca="1">RAND()</f>
        <v>0.20771354833896627</v>
      </c>
      <c r="B4807" s="1"/>
      <c r="C4807">
        <v>7</v>
      </c>
      <c r="D4807" t="s">
        <v>10118</v>
      </c>
      <c r="E4807" t="s">
        <v>32201</v>
      </c>
      <c r="F4807">
        <v>5</v>
      </c>
      <c r="G4807" t="s">
        <v>15</v>
      </c>
      <c r="H4807" t="s">
        <v>10119</v>
      </c>
      <c r="I4807" t="s">
        <v>30540</v>
      </c>
    </row>
    <row r="4808" spans="1:9">
      <c r="A4808" s="1">
        <f ca="1">RAND()</f>
        <v>0.53321069268892629</v>
      </c>
      <c r="B4808" s="1"/>
      <c r="C4808">
        <v>17</v>
      </c>
      <c r="D4808" t="s">
        <v>10132</v>
      </c>
      <c r="E4808" t="s">
        <v>32201</v>
      </c>
      <c r="F4808">
        <v>4</v>
      </c>
      <c r="G4808" t="s">
        <v>0</v>
      </c>
      <c r="H4808" t="s">
        <v>10133</v>
      </c>
      <c r="I4808" t="s">
        <v>30540</v>
      </c>
    </row>
    <row r="4809" spans="1:9">
      <c r="A4809" s="1">
        <f ca="1">RAND()</f>
        <v>0.40793804335442085</v>
      </c>
      <c r="B4809" s="1"/>
      <c r="C4809">
        <v>13</v>
      </c>
      <c r="D4809" t="s">
        <v>10126</v>
      </c>
      <c r="E4809" t="s">
        <v>32201</v>
      </c>
      <c r="F4809">
        <v>4</v>
      </c>
      <c r="G4809" t="s">
        <v>0</v>
      </c>
      <c r="H4809" t="s">
        <v>10127</v>
      </c>
      <c r="I4809" t="s">
        <v>30540</v>
      </c>
    </row>
    <row r="4810" spans="1:9">
      <c r="A4810" s="1">
        <f ca="1">RAND()</f>
        <v>0.31757897040212713</v>
      </c>
      <c r="B4810" s="1"/>
      <c r="C4810">
        <v>6</v>
      </c>
      <c r="D4810" t="s">
        <v>10116</v>
      </c>
      <c r="E4810" t="s">
        <v>32201</v>
      </c>
      <c r="F4810">
        <v>4</v>
      </c>
      <c r="G4810" t="s">
        <v>0</v>
      </c>
      <c r="H4810" t="s">
        <v>10117</v>
      </c>
      <c r="I4810" t="s">
        <v>30540</v>
      </c>
    </row>
    <row r="4811" spans="1:9">
      <c r="A4811" s="1">
        <f ca="1">RAND()</f>
        <v>0.91957747564267511</v>
      </c>
      <c r="B4811" s="1"/>
      <c r="C4811">
        <v>15</v>
      </c>
      <c r="D4811" t="s">
        <v>10128</v>
      </c>
      <c r="E4811" t="s">
        <v>32201</v>
      </c>
      <c r="F4811">
        <v>4</v>
      </c>
      <c r="G4811" t="s">
        <v>0</v>
      </c>
      <c r="H4811" t="s">
        <v>10129</v>
      </c>
      <c r="I4811" t="s">
        <v>30540</v>
      </c>
    </row>
    <row r="4812" spans="1:9">
      <c r="A4812" s="1">
        <f ca="1">RAND()</f>
        <v>0.59802835675571531</v>
      </c>
      <c r="B4812" s="1"/>
      <c r="C4812">
        <v>12</v>
      </c>
      <c r="D4812" t="s">
        <v>10124</v>
      </c>
      <c r="E4812" t="s">
        <v>32201</v>
      </c>
      <c r="F4812">
        <v>4</v>
      </c>
      <c r="G4812" t="s">
        <v>0</v>
      </c>
      <c r="H4812" t="s">
        <v>10125</v>
      </c>
      <c r="I4812" t="s">
        <v>30540</v>
      </c>
    </row>
    <row r="4813" spans="1:9">
      <c r="A4813" s="1">
        <f ca="1">RAND()</f>
        <v>0.26483285754639108</v>
      </c>
      <c r="B4813" s="1"/>
      <c r="C4813">
        <v>9</v>
      </c>
      <c r="D4813" t="s">
        <v>10122</v>
      </c>
      <c r="E4813" t="s">
        <v>32201</v>
      </c>
      <c r="F4813">
        <v>4</v>
      </c>
      <c r="G4813" t="s">
        <v>0</v>
      </c>
      <c r="H4813" t="s">
        <v>10123</v>
      </c>
      <c r="I4813" t="s">
        <v>30540</v>
      </c>
    </row>
    <row r="4814" spans="1:9">
      <c r="A4814" s="1">
        <f ca="1">RAND()</f>
        <v>0.48378915460822025</v>
      </c>
      <c r="B4814" s="1"/>
      <c r="C4814">
        <v>8</v>
      </c>
      <c r="D4814" t="s">
        <v>10120</v>
      </c>
      <c r="E4814" t="s">
        <v>32201</v>
      </c>
      <c r="F4814">
        <v>4</v>
      </c>
      <c r="G4814" t="s">
        <v>0</v>
      </c>
      <c r="H4814" t="s">
        <v>10121</v>
      </c>
      <c r="I4814" t="s">
        <v>30540</v>
      </c>
    </row>
    <row r="4815" spans="1:9">
      <c r="A4815" s="1">
        <f ca="1">RAND()</f>
        <v>0.1840455405276844</v>
      </c>
      <c r="B4815" s="1"/>
      <c r="C4815">
        <v>20</v>
      </c>
      <c r="D4815" t="s">
        <v>10134</v>
      </c>
      <c r="E4815" t="s">
        <v>32201</v>
      </c>
      <c r="F4815">
        <v>2</v>
      </c>
      <c r="G4815" t="s">
        <v>10</v>
      </c>
      <c r="H4815" t="s">
        <v>10135</v>
      </c>
      <c r="I4815" t="s">
        <v>30540</v>
      </c>
    </row>
    <row r="4816" spans="1:9">
      <c r="A4816" s="1">
        <f ca="1">RAND()</f>
        <v>0.87316107472825433</v>
      </c>
      <c r="B4816" s="1"/>
      <c r="C4816">
        <v>16</v>
      </c>
      <c r="D4816" t="s">
        <v>10108</v>
      </c>
      <c r="E4816" t="s">
        <v>32202</v>
      </c>
      <c r="F4816">
        <v>4</v>
      </c>
      <c r="G4816" t="s">
        <v>0</v>
      </c>
      <c r="H4816" t="s">
        <v>10109</v>
      </c>
      <c r="I4816" t="s">
        <v>30540</v>
      </c>
    </row>
    <row r="4817" spans="1:9">
      <c r="A4817" s="1">
        <f ca="1">RAND()</f>
        <v>0.95050181411092405</v>
      </c>
      <c r="B4817" s="1"/>
      <c r="C4817">
        <v>19</v>
      </c>
      <c r="D4817" t="s">
        <v>10112</v>
      </c>
      <c r="E4817" t="s">
        <v>32202</v>
      </c>
      <c r="F4817">
        <v>4</v>
      </c>
      <c r="G4817" t="s">
        <v>0</v>
      </c>
      <c r="H4817" t="s">
        <v>10113</v>
      </c>
      <c r="I4817" t="s">
        <v>30540</v>
      </c>
    </row>
    <row r="4818" spans="1:9">
      <c r="A4818" s="1">
        <f ca="1">RAND()</f>
        <v>0.88363311128066691</v>
      </c>
      <c r="B4818" s="1"/>
      <c r="C4818">
        <v>1</v>
      </c>
      <c r="D4818" t="s">
        <v>10102</v>
      </c>
      <c r="E4818" t="s">
        <v>32202</v>
      </c>
      <c r="F4818">
        <v>4</v>
      </c>
      <c r="G4818" t="s">
        <v>2</v>
      </c>
      <c r="H4818" t="s">
        <v>10103</v>
      </c>
      <c r="I4818" t="s">
        <v>30540</v>
      </c>
    </row>
    <row r="4819" spans="1:9">
      <c r="A4819" s="1">
        <f ca="1">RAND()</f>
        <v>0.13288941498079676</v>
      </c>
      <c r="B4819" s="1"/>
      <c r="C4819">
        <v>17</v>
      </c>
      <c r="D4819" t="s">
        <v>10110</v>
      </c>
      <c r="E4819" t="s">
        <v>32202</v>
      </c>
      <c r="F4819">
        <v>4</v>
      </c>
      <c r="G4819" t="s">
        <v>0</v>
      </c>
      <c r="H4819" t="s">
        <v>10111</v>
      </c>
      <c r="I4819" t="s">
        <v>30540</v>
      </c>
    </row>
    <row r="4820" spans="1:9">
      <c r="A4820" s="1">
        <f ca="1">RAND()</f>
        <v>0.69063473449916157</v>
      </c>
      <c r="B4820" s="1"/>
      <c r="C4820">
        <v>20</v>
      </c>
      <c r="D4820" t="s">
        <v>10114</v>
      </c>
      <c r="E4820" t="s">
        <v>32202</v>
      </c>
      <c r="F4820">
        <v>4</v>
      </c>
      <c r="G4820" t="s">
        <v>0</v>
      </c>
      <c r="H4820" t="s">
        <v>10115</v>
      </c>
      <c r="I4820" t="s">
        <v>30540</v>
      </c>
    </row>
    <row r="4821" spans="1:9">
      <c r="A4821" s="1">
        <f ca="1">RAND()</f>
        <v>0.11509539623823384</v>
      </c>
      <c r="B4821" s="1"/>
      <c r="C4821">
        <v>14</v>
      </c>
      <c r="D4821" t="s">
        <v>10104</v>
      </c>
      <c r="E4821" t="s">
        <v>32202</v>
      </c>
      <c r="F4821">
        <v>4</v>
      </c>
      <c r="G4821" t="s">
        <v>0</v>
      </c>
      <c r="H4821" t="s">
        <v>10105</v>
      </c>
      <c r="I4821" t="s">
        <v>30540</v>
      </c>
    </row>
    <row r="4822" spans="1:9">
      <c r="A4822" s="1">
        <f ca="1">RAND()</f>
        <v>0.40062573819716218</v>
      </c>
      <c r="B4822" s="1"/>
      <c r="C4822">
        <v>15</v>
      </c>
      <c r="D4822" t="s">
        <v>10106</v>
      </c>
      <c r="E4822" t="s">
        <v>32202</v>
      </c>
      <c r="F4822">
        <v>4</v>
      </c>
      <c r="G4822" t="s">
        <v>9</v>
      </c>
      <c r="H4822" t="s">
        <v>10107</v>
      </c>
      <c r="I4822" t="s">
        <v>30540</v>
      </c>
    </row>
    <row r="4823" spans="1:9">
      <c r="A4823" s="1">
        <f ca="1">RAND()</f>
        <v>0.85725798891227023</v>
      </c>
      <c r="B4823" s="1"/>
      <c r="C4823">
        <v>15</v>
      </c>
      <c r="D4823" t="s">
        <v>10100</v>
      </c>
      <c r="E4823" t="s">
        <v>32203</v>
      </c>
      <c r="F4823">
        <v>5</v>
      </c>
      <c r="G4823" t="s">
        <v>0</v>
      </c>
      <c r="H4823" t="s">
        <v>10101</v>
      </c>
      <c r="I4823" t="s">
        <v>30540</v>
      </c>
    </row>
    <row r="4824" spans="1:9">
      <c r="A4824" s="1">
        <f ca="1">RAND()</f>
        <v>0.66362794756700894</v>
      </c>
      <c r="B4824" s="1"/>
      <c r="C4824">
        <v>10</v>
      </c>
      <c r="D4824" t="s">
        <v>10098</v>
      </c>
      <c r="E4824" t="s">
        <v>32203</v>
      </c>
      <c r="F4824">
        <v>5</v>
      </c>
      <c r="G4824" t="s">
        <v>0</v>
      </c>
      <c r="H4824" t="s">
        <v>10099</v>
      </c>
      <c r="I4824" t="s">
        <v>30540</v>
      </c>
    </row>
    <row r="4825" spans="1:9">
      <c r="A4825" s="1">
        <f ca="1">RAND()</f>
        <v>0.91343085508572375</v>
      </c>
      <c r="B4825" s="1"/>
      <c r="C4825">
        <v>1</v>
      </c>
      <c r="D4825" t="s">
        <v>10094</v>
      </c>
      <c r="E4825" t="s">
        <v>32203</v>
      </c>
      <c r="F4825">
        <v>4</v>
      </c>
      <c r="G4825" t="s">
        <v>0</v>
      </c>
      <c r="H4825" t="s">
        <v>10095</v>
      </c>
      <c r="I4825" t="s">
        <v>30540</v>
      </c>
    </row>
    <row r="4826" spans="1:9">
      <c r="A4826" s="1">
        <f ca="1">RAND()</f>
        <v>4.393062286125049E-2</v>
      </c>
      <c r="B4826" s="1"/>
      <c r="C4826">
        <v>9</v>
      </c>
      <c r="D4826" t="s">
        <v>10096</v>
      </c>
      <c r="E4826" t="s">
        <v>32203</v>
      </c>
      <c r="F4826">
        <v>4</v>
      </c>
      <c r="G4826" t="s">
        <v>0</v>
      </c>
      <c r="H4826" t="s">
        <v>10097</v>
      </c>
      <c r="I4826" t="s">
        <v>30540</v>
      </c>
    </row>
    <row r="4827" spans="1:9">
      <c r="A4827" s="1">
        <f ca="1">RAND()</f>
        <v>0.65038182708205461</v>
      </c>
      <c r="B4827" s="1"/>
      <c r="C4827">
        <v>1</v>
      </c>
      <c r="D4827" t="s">
        <v>10082</v>
      </c>
      <c r="E4827" t="s">
        <v>32204</v>
      </c>
      <c r="F4827">
        <v>5</v>
      </c>
      <c r="G4827" t="s">
        <v>14</v>
      </c>
      <c r="H4827" t="s">
        <v>10083</v>
      </c>
      <c r="I4827" t="s">
        <v>30540</v>
      </c>
    </row>
    <row r="4828" spans="1:9">
      <c r="A4828" s="1">
        <f ca="1">RAND()</f>
        <v>0.86383462519435195</v>
      </c>
      <c r="B4828" s="1"/>
      <c r="C4828">
        <v>13</v>
      </c>
      <c r="D4828" t="s">
        <v>10088</v>
      </c>
      <c r="E4828" t="s">
        <v>32204</v>
      </c>
      <c r="F4828">
        <v>5</v>
      </c>
      <c r="G4828" t="s">
        <v>0</v>
      </c>
      <c r="H4828" t="s">
        <v>10089</v>
      </c>
      <c r="I4828" t="s">
        <v>30540</v>
      </c>
    </row>
    <row r="4829" spans="1:9">
      <c r="A4829" s="1">
        <f ca="1">RAND()</f>
        <v>0.10128393728135865</v>
      </c>
      <c r="B4829" s="1"/>
      <c r="C4829">
        <v>20</v>
      </c>
      <c r="D4829" t="s">
        <v>10092</v>
      </c>
      <c r="E4829" t="s">
        <v>32204</v>
      </c>
      <c r="F4829">
        <v>5</v>
      </c>
      <c r="G4829" t="s">
        <v>0</v>
      </c>
      <c r="H4829" t="s">
        <v>10093</v>
      </c>
      <c r="I4829" t="s">
        <v>30540</v>
      </c>
    </row>
    <row r="4830" spans="1:9">
      <c r="A4830" s="1">
        <f ca="1">RAND()</f>
        <v>9.9880076029953635E-2</v>
      </c>
      <c r="B4830" s="1"/>
      <c r="C4830">
        <v>8</v>
      </c>
      <c r="D4830" t="s">
        <v>10086</v>
      </c>
      <c r="E4830" t="s">
        <v>32204</v>
      </c>
      <c r="F4830">
        <v>4</v>
      </c>
      <c r="G4830" t="s">
        <v>2</v>
      </c>
      <c r="H4830" t="s">
        <v>10087</v>
      </c>
      <c r="I4830" t="s">
        <v>30540</v>
      </c>
    </row>
    <row r="4831" spans="1:9">
      <c r="A4831" s="1">
        <f ca="1">RAND()</f>
        <v>0.36679177197452817</v>
      </c>
      <c r="B4831" s="1"/>
      <c r="C4831">
        <v>18</v>
      </c>
      <c r="D4831" t="s">
        <v>10090</v>
      </c>
      <c r="E4831" t="s">
        <v>32204</v>
      </c>
      <c r="F4831">
        <v>4</v>
      </c>
      <c r="G4831" t="s">
        <v>14</v>
      </c>
      <c r="H4831" t="s">
        <v>10091</v>
      </c>
      <c r="I4831" t="s">
        <v>30540</v>
      </c>
    </row>
    <row r="4832" spans="1:9">
      <c r="A4832" s="1">
        <f ca="1">RAND()</f>
        <v>0.4944670452216452</v>
      </c>
      <c r="B4832" s="1"/>
      <c r="C4832">
        <v>6</v>
      </c>
      <c r="D4832" t="s">
        <v>10084</v>
      </c>
      <c r="E4832" t="s">
        <v>32204</v>
      </c>
      <c r="F4832">
        <v>3</v>
      </c>
      <c r="G4832" t="s">
        <v>14</v>
      </c>
      <c r="H4832" t="s">
        <v>10085</v>
      </c>
      <c r="I4832" t="s">
        <v>30540</v>
      </c>
    </row>
    <row r="4833" spans="1:9">
      <c r="A4833" s="1">
        <f ca="1">RAND()</f>
        <v>0.94780297918235756</v>
      </c>
      <c r="B4833" s="1"/>
      <c r="C4833">
        <v>8</v>
      </c>
      <c r="D4833" t="s">
        <v>10070</v>
      </c>
      <c r="E4833" t="s">
        <v>32205</v>
      </c>
      <c r="F4833">
        <v>5</v>
      </c>
      <c r="G4833" t="s">
        <v>15</v>
      </c>
      <c r="H4833" t="s">
        <v>10071</v>
      </c>
      <c r="I4833" t="s">
        <v>30540</v>
      </c>
    </row>
    <row r="4834" spans="1:9">
      <c r="A4834" s="1">
        <f ca="1">RAND()</f>
        <v>0.1681731120467983</v>
      </c>
      <c r="B4834" s="1"/>
      <c r="C4834">
        <v>17</v>
      </c>
      <c r="D4834" t="s">
        <v>10076</v>
      </c>
      <c r="E4834" t="s">
        <v>32205</v>
      </c>
      <c r="F4834">
        <v>5</v>
      </c>
      <c r="G4834" t="s">
        <v>0</v>
      </c>
      <c r="H4834" t="s">
        <v>10077</v>
      </c>
      <c r="I4834" t="s">
        <v>30540</v>
      </c>
    </row>
    <row r="4835" spans="1:9">
      <c r="A4835" s="1">
        <f ca="1">RAND()</f>
        <v>0.80721339228504208</v>
      </c>
      <c r="B4835" s="1"/>
      <c r="C4835">
        <v>13</v>
      </c>
      <c r="D4835" t="s">
        <v>10074</v>
      </c>
      <c r="E4835" t="s">
        <v>32205</v>
      </c>
      <c r="F4835">
        <v>5</v>
      </c>
      <c r="G4835" t="s">
        <v>0</v>
      </c>
      <c r="H4835" t="s">
        <v>10075</v>
      </c>
      <c r="I4835" t="s">
        <v>30540</v>
      </c>
    </row>
    <row r="4836" spans="1:9">
      <c r="A4836" s="1">
        <f ca="1">RAND()</f>
        <v>0.58954717079850594</v>
      </c>
      <c r="B4836" s="1"/>
      <c r="C4836">
        <v>19</v>
      </c>
      <c r="D4836" t="s">
        <v>10080</v>
      </c>
      <c r="E4836" t="s">
        <v>32205</v>
      </c>
      <c r="F4836">
        <v>4</v>
      </c>
      <c r="G4836" t="s">
        <v>10</v>
      </c>
      <c r="H4836" t="s">
        <v>10081</v>
      </c>
      <c r="I4836" t="s">
        <v>30540</v>
      </c>
    </row>
    <row r="4837" spans="1:9">
      <c r="A4837" s="1">
        <f ca="1">RAND()</f>
        <v>0.87822890849870894</v>
      </c>
      <c r="B4837" s="1"/>
      <c r="C4837">
        <v>18</v>
      </c>
      <c r="D4837" t="s">
        <v>10078</v>
      </c>
      <c r="E4837" t="s">
        <v>32205</v>
      </c>
      <c r="F4837">
        <v>4</v>
      </c>
      <c r="G4837" t="s">
        <v>10</v>
      </c>
      <c r="H4837" t="s">
        <v>10079</v>
      </c>
      <c r="I4837" t="s">
        <v>30540</v>
      </c>
    </row>
    <row r="4838" spans="1:9">
      <c r="A4838" s="1">
        <f ca="1">RAND()</f>
        <v>0.43066302677913371</v>
      </c>
      <c r="B4838" s="1"/>
      <c r="C4838">
        <v>11</v>
      </c>
      <c r="D4838" t="s">
        <v>10072</v>
      </c>
      <c r="E4838" t="s">
        <v>32205</v>
      </c>
      <c r="F4838">
        <v>3</v>
      </c>
      <c r="G4838" t="s">
        <v>0</v>
      </c>
      <c r="H4838" t="s">
        <v>10073</v>
      </c>
      <c r="I4838" t="s">
        <v>30540</v>
      </c>
    </row>
    <row r="4839" spans="1:9">
      <c r="A4839" s="1">
        <f ca="1">RAND()</f>
        <v>0.20069981793266212</v>
      </c>
      <c r="B4839" s="1"/>
      <c r="C4839">
        <v>8</v>
      </c>
      <c r="D4839" t="s">
        <v>10064</v>
      </c>
      <c r="E4839" t="s">
        <v>32206</v>
      </c>
      <c r="F4839">
        <v>5</v>
      </c>
      <c r="G4839" t="s">
        <v>0</v>
      </c>
      <c r="H4839" t="s">
        <v>10065</v>
      </c>
      <c r="I4839" t="s">
        <v>30540</v>
      </c>
    </row>
    <row r="4840" spans="1:9">
      <c r="A4840" s="1">
        <f ca="1">RAND()</f>
        <v>0.11521592495129473</v>
      </c>
      <c r="B4840" s="1"/>
      <c r="C4840">
        <v>10</v>
      </c>
      <c r="D4840" t="s">
        <v>10068</v>
      </c>
      <c r="E4840" t="s">
        <v>32206</v>
      </c>
      <c r="F4840">
        <v>4</v>
      </c>
      <c r="G4840" t="s">
        <v>0</v>
      </c>
      <c r="H4840" t="s">
        <v>10069</v>
      </c>
      <c r="I4840" t="s">
        <v>30540</v>
      </c>
    </row>
    <row r="4841" spans="1:9">
      <c r="A4841" s="1">
        <f ca="1">RAND()</f>
        <v>0.75128552078602984</v>
      </c>
      <c r="B4841" s="1"/>
      <c r="C4841">
        <v>2</v>
      </c>
      <c r="D4841" t="s">
        <v>10056</v>
      </c>
      <c r="E4841" t="s">
        <v>32206</v>
      </c>
      <c r="F4841">
        <v>4</v>
      </c>
      <c r="G4841" t="s">
        <v>0</v>
      </c>
      <c r="H4841" t="s">
        <v>10057</v>
      </c>
      <c r="I4841" t="s">
        <v>30540</v>
      </c>
    </row>
    <row r="4842" spans="1:9">
      <c r="A4842" s="1">
        <f ca="1">RAND()</f>
        <v>0.67869069831041151</v>
      </c>
      <c r="B4842" s="1"/>
      <c r="C4842">
        <v>7</v>
      </c>
      <c r="D4842" t="s">
        <v>10062</v>
      </c>
      <c r="E4842" t="s">
        <v>32206</v>
      </c>
      <c r="F4842">
        <v>4</v>
      </c>
      <c r="G4842" t="s">
        <v>0</v>
      </c>
      <c r="H4842" t="s">
        <v>10063</v>
      </c>
      <c r="I4842" t="s">
        <v>30540</v>
      </c>
    </row>
    <row r="4843" spans="1:9">
      <c r="A4843" s="1">
        <f ca="1">RAND()</f>
        <v>7.576485652561582E-2</v>
      </c>
      <c r="B4843" s="1"/>
      <c r="C4843">
        <v>9</v>
      </c>
      <c r="D4843" t="s">
        <v>10066</v>
      </c>
      <c r="E4843" t="s">
        <v>32206</v>
      </c>
      <c r="F4843">
        <v>4</v>
      </c>
      <c r="G4843" t="s">
        <v>10</v>
      </c>
      <c r="H4843" t="s">
        <v>10067</v>
      </c>
      <c r="I4843" t="s">
        <v>30540</v>
      </c>
    </row>
    <row r="4844" spans="1:9">
      <c r="A4844" s="1">
        <f ca="1">RAND()</f>
        <v>0.74095699952471084</v>
      </c>
      <c r="B4844" s="1"/>
      <c r="C4844">
        <v>6</v>
      </c>
      <c r="D4844" t="s">
        <v>10060</v>
      </c>
      <c r="E4844" t="s">
        <v>32206</v>
      </c>
      <c r="F4844">
        <v>4</v>
      </c>
      <c r="G4844" t="s">
        <v>0</v>
      </c>
      <c r="H4844" t="s">
        <v>10061</v>
      </c>
      <c r="I4844" t="s">
        <v>30540</v>
      </c>
    </row>
    <row r="4845" spans="1:9">
      <c r="A4845" s="1">
        <f ca="1">RAND()</f>
        <v>0.36703845147067693</v>
      </c>
      <c r="B4845" s="1"/>
      <c r="C4845">
        <v>4</v>
      </c>
      <c r="D4845" t="s">
        <v>10058</v>
      </c>
      <c r="E4845" t="s">
        <v>32206</v>
      </c>
      <c r="F4845">
        <v>4</v>
      </c>
      <c r="G4845" t="s">
        <v>0</v>
      </c>
      <c r="H4845" t="s">
        <v>10059</v>
      </c>
      <c r="I4845" t="s">
        <v>30540</v>
      </c>
    </row>
    <row r="4846" spans="1:9">
      <c r="A4846" s="1">
        <f ca="1">RAND()</f>
        <v>0.70288218392137158</v>
      </c>
      <c r="B4846" s="1"/>
      <c r="C4846">
        <v>12</v>
      </c>
      <c r="D4846" t="s">
        <v>10050</v>
      </c>
      <c r="E4846" t="s">
        <v>32207</v>
      </c>
      <c r="F4846">
        <v>4</v>
      </c>
      <c r="G4846" t="s">
        <v>0</v>
      </c>
      <c r="H4846" t="s">
        <v>10051</v>
      </c>
      <c r="I4846" t="s">
        <v>30540</v>
      </c>
    </row>
    <row r="4847" spans="1:9">
      <c r="A4847" s="1">
        <f ca="1">RAND()</f>
        <v>0.22664131697248868</v>
      </c>
      <c r="B4847" s="1"/>
      <c r="C4847">
        <v>11</v>
      </c>
      <c r="D4847" t="s">
        <v>10048</v>
      </c>
      <c r="E4847" t="s">
        <v>32207</v>
      </c>
      <c r="F4847">
        <v>4</v>
      </c>
      <c r="G4847" t="s">
        <v>0</v>
      </c>
      <c r="H4847" t="s">
        <v>10049</v>
      </c>
      <c r="I4847" t="s">
        <v>30540</v>
      </c>
    </row>
    <row r="4848" spans="1:9">
      <c r="A4848" s="1">
        <f ca="1">RAND()</f>
        <v>0.26818890446831367</v>
      </c>
      <c r="B4848" s="1"/>
      <c r="C4848">
        <v>8</v>
      </c>
      <c r="D4848" t="s">
        <v>10044</v>
      </c>
      <c r="E4848" t="s">
        <v>32207</v>
      </c>
      <c r="F4848">
        <v>4</v>
      </c>
      <c r="G4848" t="s">
        <v>0</v>
      </c>
      <c r="H4848" t="s">
        <v>10045</v>
      </c>
      <c r="I4848" t="s">
        <v>30540</v>
      </c>
    </row>
    <row r="4849" spans="1:9">
      <c r="A4849" s="1">
        <f ca="1">RAND()</f>
        <v>2.9911308212112631E-2</v>
      </c>
      <c r="B4849" s="1"/>
      <c r="C4849">
        <v>14</v>
      </c>
      <c r="D4849" t="s">
        <v>10052</v>
      </c>
      <c r="E4849" t="s">
        <v>32207</v>
      </c>
      <c r="F4849">
        <v>4</v>
      </c>
      <c r="G4849" t="s">
        <v>0</v>
      </c>
      <c r="H4849" t="s">
        <v>10053</v>
      </c>
      <c r="I4849" t="s">
        <v>30540</v>
      </c>
    </row>
    <row r="4850" spans="1:9">
      <c r="A4850" s="1">
        <f ca="1">RAND()</f>
        <v>0.14700054370890547</v>
      </c>
      <c r="B4850" s="1"/>
      <c r="C4850">
        <v>15</v>
      </c>
      <c r="D4850" t="s">
        <v>10054</v>
      </c>
      <c r="E4850" t="s">
        <v>32207</v>
      </c>
      <c r="F4850">
        <v>4</v>
      </c>
      <c r="G4850" t="s">
        <v>15</v>
      </c>
      <c r="H4850" t="s">
        <v>10055</v>
      </c>
      <c r="I4850" t="s">
        <v>30540</v>
      </c>
    </row>
    <row r="4851" spans="1:9">
      <c r="A4851" s="1">
        <f ca="1">RAND()</f>
        <v>0.87814093049357311</v>
      </c>
      <c r="B4851" s="1"/>
      <c r="C4851">
        <v>6</v>
      </c>
      <c r="D4851" t="s">
        <v>10042</v>
      </c>
      <c r="E4851" t="s">
        <v>32207</v>
      </c>
      <c r="F4851">
        <v>4</v>
      </c>
      <c r="G4851" t="s">
        <v>0</v>
      </c>
      <c r="H4851" t="s">
        <v>10043</v>
      </c>
      <c r="I4851" t="s">
        <v>30540</v>
      </c>
    </row>
    <row r="4852" spans="1:9">
      <c r="A4852" s="1">
        <f ca="1">RAND()</f>
        <v>5.3832499523442157E-2</v>
      </c>
      <c r="B4852" s="1"/>
      <c r="C4852">
        <v>9</v>
      </c>
      <c r="D4852" t="s">
        <v>10046</v>
      </c>
      <c r="E4852" t="s">
        <v>32207</v>
      </c>
      <c r="F4852">
        <v>2</v>
      </c>
      <c r="G4852" t="s">
        <v>15</v>
      </c>
      <c r="H4852" t="s">
        <v>10047</v>
      </c>
      <c r="I4852" t="s">
        <v>30540</v>
      </c>
    </row>
    <row r="4853" spans="1:9">
      <c r="A4853" s="1">
        <f ca="1">RAND()</f>
        <v>0.1068620851400256</v>
      </c>
      <c r="B4853" s="1"/>
      <c r="C4853">
        <v>3</v>
      </c>
      <c r="D4853" t="s">
        <v>10040</v>
      </c>
      <c r="E4853" t="s">
        <v>32207</v>
      </c>
      <c r="F4853">
        <v>1</v>
      </c>
      <c r="G4853" t="s">
        <v>766</v>
      </c>
      <c r="H4853" t="s">
        <v>10041</v>
      </c>
      <c r="I4853" t="s">
        <v>30540</v>
      </c>
    </row>
    <row r="4854" spans="1:9">
      <c r="A4854" s="1">
        <f ca="1">RAND()</f>
        <v>0.13511061510239009</v>
      </c>
      <c r="B4854" s="1"/>
      <c r="C4854">
        <v>8</v>
      </c>
      <c r="D4854" t="s">
        <v>10032</v>
      </c>
      <c r="E4854" t="s">
        <v>32208</v>
      </c>
      <c r="F4854">
        <v>5</v>
      </c>
      <c r="G4854" t="s">
        <v>0</v>
      </c>
      <c r="H4854" t="s">
        <v>10033</v>
      </c>
      <c r="I4854" t="s">
        <v>30540</v>
      </c>
    </row>
    <row r="4855" spans="1:9">
      <c r="A4855" s="1">
        <f ca="1">RAND()</f>
        <v>0.80250128414681832</v>
      </c>
      <c r="B4855" s="1"/>
      <c r="C4855">
        <v>17</v>
      </c>
      <c r="D4855" t="s">
        <v>10038</v>
      </c>
      <c r="E4855" t="s">
        <v>32208</v>
      </c>
      <c r="F4855">
        <v>4</v>
      </c>
      <c r="G4855" t="s">
        <v>0</v>
      </c>
      <c r="H4855" t="s">
        <v>10039</v>
      </c>
      <c r="I4855" t="s">
        <v>30540</v>
      </c>
    </row>
    <row r="4856" spans="1:9">
      <c r="A4856" s="1">
        <f ca="1">RAND()</f>
        <v>0.33367884808512316</v>
      </c>
      <c r="B4856" s="1"/>
      <c r="C4856">
        <v>16</v>
      </c>
      <c r="D4856" t="s">
        <v>10036</v>
      </c>
      <c r="E4856" t="s">
        <v>32208</v>
      </c>
      <c r="F4856">
        <v>4</v>
      </c>
      <c r="G4856" t="s">
        <v>0</v>
      </c>
      <c r="H4856" t="s">
        <v>10037</v>
      </c>
      <c r="I4856" t="s">
        <v>30540</v>
      </c>
    </row>
    <row r="4857" spans="1:9">
      <c r="A4857" s="1">
        <f ca="1">RAND()</f>
        <v>0.80335010424512476</v>
      </c>
      <c r="B4857" s="1"/>
      <c r="C4857">
        <v>10</v>
      </c>
      <c r="D4857" t="s">
        <v>10034</v>
      </c>
      <c r="E4857" t="s">
        <v>32208</v>
      </c>
      <c r="F4857">
        <v>4</v>
      </c>
      <c r="G4857" t="s">
        <v>0</v>
      </c>
      <c r="H4857" t="s">
        <v>10035</v>
      </c>
      <c r="I4857" t="s">
        <v>30540</v>
      </c>
    </row>
    <row r="4858" spans="1:9">
      <c r="A4858" s="1">
        <f ca="1">RAND()</f>
        <v>0.14976046576909186</v>
      </c>
      <c r="B4858" s="1"/>
      <c r="C4858">
        <v>5</v>
      </c>
      <c r="D4858" t="s">
        <v>10030</v>
      </c>
      <c r="E4858" t="s">
        <v>32208</v>
      </c>
      <c r="F4858">
        <v>3</v>
      </c>
      <c r="G4858" t="s">
        <v>0</v>
      </c>
      <c r="H4858" t="s">
        <v>10031</v>
      </c>
      <c r="I4858" t="s">
        <v>30540</v>
      </c>
    </row>
    <row r="4859" spans="1:9">
      <c r="A4859" s="1">
        <f ca="1">RAND()</f>
        <v>0.90548114293959403</v>
      </c>
      <c r="B4859" s="1"/>
      <c r="C4859">
        <v>1</v>
      </c>
      <c r="D4859" t="s">
        <v>10028</v>
      </c>
      <c r="E4859" t="s">
        <v>32208</v>
      </c>
      <c r="F4859">
        <v>1</v>
      </c>
      <c r="G4859" t="s">
        <v>0</v>
      </c>
      <c r="H4859" t="s">
        <v>10029</v>
      </c>
      <c r="I4859" t="s">
        <v>30540</v>
      </c>
    </row>
    <row r="4860" spans="1:9">
      <c r="A4860" s="1">
        <f ca="1">RAND()</f>
        <v>0.42624996756971034</v>
      </c>
      <c r="B4860" s="1"/>
      <c r="C4860">
        <v>15</v>
      </c>
      <c r="D4860" t="s">
        <v>10022</v>
      </c>
      <c r="E4860" t="s">
        <v>32209</v>
      </c>
      <c r="F4860">
        <v>5</v>
      </c>
      <c r="G4860" t="s">
        <v>0</v>
      </c>
      <c r="H4860" t="s">
        <v>10023</v>
      </c>
      <c r="I4860" t="s">
        <v>30540</v>
      </c>
    </row>
    <row r="4861" spans="1:9">
      <c r="A4861" s="1">
        <f ca="1">RAND()</f>
        <v>2.0420908627144407E-2</v>
      </c>
      <c r="B4861" s="1"/>
      <c r="C4861">
        <v>17</v>
      </c>
      <c r="D4861" t="s">
        <v>10024</v>
      </c>
      <c r="E4861" t="s">
        <v>32209</v>
      </c>
      <c r="F4861">
        <v>4</v>
      </c>
      <c r="G4861" t="s">
        <v>15</v>
      </c>
      <c r="H4861" t="s">
        <v>10025</v>
      </c>
      <c r="I4861" t="s">
        <v>30540</v>
      </c>
    </row>
    <row r="4862" spans="1:9">
      <c r="A4862" s="1">
        <f ca="1">RAND()</f>
        <v>0.49117159363890506</v>
      </c>
      <c r="B4862" s="1"/>
      <c r="C4862">
        <v>18</v>
      </c>
      <c r="D4862" t="s">
        <v>10026</v>
      </c>
      <c r="E4862" t="s">
        <v>32209</v>
      </c>
      <c r="F4862">
        <v>4</v>
      </c>
      <c r="G4862" t="s">
        <v>0</v>
      </c>
      <c r="H4862" t="s">
        <v>10027</v>
      </c>
      <c r="I4862" t="s">
        <v>30540</v>
      </c>
    </row>
    <row r="4863" spans="1:9">
      <c r="A4863" s="1">
        <f ca="1">RAND()</f>
        <v>0.62510079916456063</v>
      </c>
      <c r="B4863" s="1"/>
      <c r="C4863">
        <v>2</v>
      </c>
      <c r="D4863" t="s">
        <v>10020</v>
      </c>
      <c r="E4863" t="s">
        <v>32209</v>
      </c>
      <c r="F4863">
        <v>4</v>
      </c>
      <c r="G4863" t="s">
        <v>2</v>
      </c>
      <c r="H4863" t="s">
        <v>10021</v>
      </c>
      <c r="I4863" t="s">
        <v>30540</v>
      </c>
    </row>
    <row r="4864" spans="1:9">
      <c r="A4864" s="1">
        <f ca="1">RAND()</f>
        <v>0.63973418412639138</v>
      </c>
      <c r="B4864" s="1"/>
      <c r="C4864">
        <v>18</v>
      </c>
      <c r="D4864" t="s">
        <v>10016</v>
      </c>
      <c r="E4864" t="s">
        <v>32210</v>
      </c>
      <c r="F4864">
        <v>4</v>
      </c>
      <c r="G4864" t="s">
        <v>0</v>
      </c>
      <c r="H4864" t="s">
        <v>10017</v>
      </c>
      <c r="I4864" t="s">
        <v>30540</v>
      </c>
    </row>
    <row r="4865" spans="1:9">
      <c r="A4865" s="1">
        <f ca="1">RAND()</f>
        <v>0.78466224166881682</v>
      </c>
      <c r="B4865" s="1"/>
      <c r="C4865">
        <v>19</v>
      </c>
      <c r="D4865" t="s">
        <v>10018</v>
      </c>
      <c r="E4865" t="s">
        <v>32210</v>
      </c>
      <c r="F4865">
        <v>4</v>
      </c>
      <c r="G4865" t="s">
        <v>10</v>
      </c>
      <c r="H4865" t="s">
        <v>10019</v>
      </c>
      <c r="I4865" t="s">
        <v>30540</v>
      </c>
    </row>
    <row r="4866" spans="1:9">
      <c r="A4866" s="1">
        <f ca="1">RAND()</f>
        <v>0.62057571188261562</v>
      </c>
      <c r="B4866" s="1"/>
      <c r="C4866">
        <v>1</v>
      </c>
      <c r="D4866" t="s">
        <v>10012</v>
      </c>
      <c r="E4866" t="s">
        <v>32210</v>
      </c>
      <c r="F4866">
        <v>4</v>
      </c>
      <c r="G4866" t="s">
        <v>0</v>
      </c>
      <c r="H4866" t="s">
        <v>10013</v>
      </c>
      <c r="I4866" t="s">
        <v>30540</v>
      </c>
    </row>
    <row r="4867" spans="1:9">
      <c r="A4867" s="1">
        <f ca="1">RAND()</f>
        <v>0.72312271579988252</v>
      </c>
      <c r="B4867" s="1"/>
      <c r="C4867">
        <v>14</v>
      </c>
      <c r="D4867" t="s">
        <v>10014</v>
      </c>
      <c r="E4867" t="s">
        <v>32210</v>
      </c>
      <c r="F4867">
        <v>3</v>
      </c>
      <c r="G4867" t="s">
        <v>2</v>
      </c>
      <c r="H4867" t="s">
        <v>10015</v>
      </c>
      <c r="I4867" t="s">
        <v>30540</v>
      </c>
    </row>
    <row r="4868" spans="1:9">
      <c r="A4868" s="1">
        <f ca="1">RAND()</f>
        <v>0.8788543384646601</v>
      </c>
      <c r="B4868" s="1"/>
      <c r="C4868">
        <v>12</v>
      </c>
      <c r="D4868" t="s">
        <v>10004</v>
      </c>
      <c r="E4868" t="s">
        <v>32211</v>
      </c>
      <c r="F4868">
        <v>5</v>
      </c>
      <c r="G4868" t="s">
        <v>0</v>
      </c>
      <c r="H4868" t="s">
        <v>10005</v>
      </c>
      <c r="I4868" t="s">
        <v>30540</v>
      </c>
    </row>
    <row r="4869" spans="1:9">
      <c r="A4869" s="1">
        <f ca="1">RAND()</f>
        <v>0.28669231403505357</v>
      </c>
      <c r="B4869" s="1"/>
      <c r="C4869">
        <v>14</v>
      </c>
      <c r="D4869" t="s">
        <v>10008</v>
      </c>
      <c r="E4869" t="s">
        <v>32211</v>
      </c>
      <c r="F4869">
        <v>4</v>
      </c>
      <c r="G4869" t="s">
        <v>0</v>
      </c>
      <c r="H4869" t="s">
        <v>10009</v>
      </c>
      <c r="I4869" t="s">
        <v>30540</v>
      </c>
    </row>
    <row r="4870" spans="1:9">
      <c r="A4870" s="1">
        <f ca="1">RAND()</f>
        <v>1.6832370461057122E-2</v>
      </c>
      <c r="B4870" s="1"/>
      <c r="C4870">
        <v>13</v>
      </c>
      <c r="D4870" t="s">
        <v>10006</v>
      </c>
      <c r="E4870" t="s">
        <v>32211</v>
      </c>
      <c r="F4870">
        <v>4</v>
      </c>
      <c r="G4870" t="s">
        <v>0</v>
      </c>
      <c r="H4870" t="s">
        <v>10007</v>
      </c>
      <c r="I4870" t="s">
        <v>30540</v>
      </c>
    </row>
    <row r="4871" spans="1:9">
      <c r="A4871" s="1">
        <f ca="1">RAND()</f>
        <v>9.367556970064761E-2</v>
      </c>
      <c r="B4871" s="1"/>
      <c r="C4871">
        <v>11</v>
      </c>
      <c r="D4871" t="s">
        <v>10002</v>
      </c>
      <c r="E4871" t="s">
        <v>32211</v>
      </c>
      <c r="F4871">
        <v>4</v>
      </c>
      <c r="G4871" t="s">
        <v>0</v>
      </c>
      <c r="H4871" t="s">
        <v>10003</v>
      </c>
      <c r="I4871" t="s">
        <v>30540</v>
      </c>
    </row>
    <row r="4872" spans="1:9">
      <c r="A4872" s="1">
        <f ca="1">RAND()</f>
        <v>0.8639621970588709</v>
      </c>
      <c r="B4872" s="1"/>
      <c r="C4872">
        <v>16</v>
      </c>
      <c r="D4872" t="s">
        <v>10010</v>
      </c>
      <c r="E4872" t="s">
        <v>32211</v>
      </c>
      <c r="F4872">
        <v>4</v>
      </c>
      <c r="G4872" t="s">
        <v>0</v>
      </c>
      <c r="H4872" t="s">
        <v>10011</v>
      </c>
      <c r="I4872" t="s">
        <v>30540</v>
      </c>
    </row>
    <row r="4873" spans="1:9">
      <c r="A4873" s="1">
        <f ca="1">RAND()</f>
        <v>0.2877293154567292</v>
      </c>
      <c r="B4873" s="1"/>
      <c r="C4873">
        <v>9</v>
      </c>
      <c r="D4873" t="s">
        <v>10000</v>
      </c>
      <c r="E4873" t="s">
        <v>32211</v>
      </c>
      <c r="F4873">
        <v>4</v>
      </c>
      <c r="G4873" t="s">
        <v>15</v>
      </c>
      <c r="H4873" t="s">
        <v>10001</v>
      </c>
      <c r="I4873" t="s">
        <v>30540</v>
      </c>
    </row>
    <row r="4874" spans="1:9">
      <c r="A4874" s="1">
        <f ca="1">RAND()</f>
        <v>0.50876780138878808</v>
      </c>
      <c r="B4874" s="1"/>
      <c r="C4874">
        <v>16</v>
      </c>
      <c r="D4874" t="s">
        <v>9992</v>
      </c>
      <c r="E4874" t="s">
        <v>32212</v>
      </c>
      <c r="F4874">
        <v>5</v>
      </c>
      <c r="G4874" t="s">
        <v>15</v>
      </c>
      <c r="H4874" t="s">
        <v>9993</v>
      </c>
      <c r="I4874" t="s">
        <v>30540</v>
      </c>
    </row>
    <row r="4875" spans="1:9">
      <c r="A4875" s="1">
        <f ca="1">RAND()</f>
        <v>3.1555410705275344E-2</v>
      </c>
      <c r="B4875" s="1"/>
      <c r="C4875">
        <v>19</v>
      </c>
      <c r="D4875" t="s">
        <v>9996</v>
      </c>
      <c r="E4875" t="s">
        <v>32212</v>
      </c>
      <c r="F4875">
        <v>5</v>
      </c>
      <c r="G4875" t="s">
        <v>0</v>
      </c>
      <c r="H4875" t="s">
        <v>9997</v>
      </c>
      <c r="I4875" t="s">
        <v>30540</v>
      </c>
    </row>
    <row r="4876" spans="1:9">
      <c r="A4876" s="1">
        <f ca="1">RAND()</f>
        <v>0.54241360804442473</v>
      </c>
      <c r="B4876" s="1"/>
      <c r="C4876">
        <v>13</v>
      </c>
      <c r="D4876" t="s">
        <v>9986</v>
      </c>
      <c r="E4876" t="s">
        <v>32212</v>
      </c>
      <c r="F4876">
        <v>5</v>
      </c>
      <c r="G4876" t="s">
        <v>0</v>
      </c>
      <c r="H4876" t="s">
        <v>9987</v>
      </c>
      <c r="I4876" t="s">
        <v>30540</v>
      </c>
    </row>
    <row r="4877" spans="1:9">
      <c r="A4877" s="1">
        <f ca="1">RAND()</f>
        <v>0.9485206070947324</v>
      </c>
      <c r="B4877" s="1"/>
      <c r="C4877">
        <v>3</v>
      </c>
      <c r="D4877" t="s">
        <v>9978</v>
      </c>
      <c r="E4877" t="s">
        <v>32212</v>
      </c>
      <c r="F4877">
        <v>4</v>
      </c>
      <c r="G4877" t="s">
        <v>9</v>
      </c>
      <c r="H4877" t="s">
        <v>9979</v>
      </c>
      <c r="I4877" t="s">
        <v>30540</v>
      </c>
    </row>
    <row r="4878" spans="1:9">
      <c r="A4878" s="1">
        <f ca="1">RAND()</f>
        <v>0.85808365803430675</v>
      </c>
      <c r="B4878" s="1"/>
      <c r="C4878">
        <v>11</v>
      </c>
      <c r="D4878" t="s">
        <v>9984</v>
      </c>
      <c r="E4878" t="s">
        <v>32212</v>
      </c>
      <c r="F4878">
        <v>4</v>
      </c>
      <c r="G4878" t="s">
        <v>0</v>
      </c>
      <c r="H4878" t="s">
        <v>9985</v>
      </c>
      <c r="I4878" t="s">
        <v>30540</v>
      </c>
    </row>
    <row r="4879" spans="1:9">
      <c r="A4879" s="1">
        <f ca="1">RAND()</f>
        <v>3.5571081837112772E-2</v>
      </c>
      <c r="B4879" s="1"/>
      <c r="C4879">
        <v>15</v>
      </c>
      <c r="D4879" t="s">
        <v>9990</v>
      </c>
      <c r="E4879" t="s">
        <v>32212</v>
      </c>
      <c r="F4879">
        <v>4</v>
      </c>
      <c r="G4879" t="s">
        <v>0</v>
      </c>
      <c r="H4879" t="s">
        <v>9991</v>
      </c>
      <c r="I4879" t="s">
        <v>30540</v>
      </c>
    </row>
    <row r="4880" spans="1:9">
      <c r="A4880" s="1">
        <f ca="1">RAND()</f>
        <v>0.63210396830170767</v>
      </c>
      <c r="B4880" s="1"/>
      <c r="C4880">
        <v>10</v>
      </c>
      <c r="D4880" t="s">
        <v>9982</v>
      </c>
      <c r="E4880" t="s">
        <v>32212</v>
      </c>
      <c r="F4880">
        <v>4</v>
      </c>
      <c r="G4880" t="s">
        <v>10</v>
      </c>
      <c r="H4880" t="s">
        <v>9983</v>
      </c>
      <c r="I4880" t="s">
        <v>30540</v>
      </c>
    </row>
    <row r="4881" spans="1:9">
      <c r="A4881" s="1">
        <f ca="1">RAND()</f>
        <v>0.75548141803893432</v>
      </c>
      <c r="B4881" s="1"/>
      <c r="C4881">
        <v>14</v>
      </c>
      <c r="D4881" t="s">
        <v>9988</v>
      </c>
      <c r="E4881" t="s">
        <v>32212</v>
      </c>
      <c r="F4881">
        <v>4</v>
      </c>
      <c r="G4881" t="s">
        <v>0</v>
      </c>
      <c r="H4881" t="s">
        <v>9989</v>
      </c>
      <c r="I4881" t="s">
        <v>30540</v>
      </c>
    </row>
    <row r="4882" spans="1:9">
      <c r="A4882" s="1">
        <f ca="1">RAND()</f>
        <v>0.48187659350313961</v>
      </c>
      <c r="B4882" s="1"/>
      <c r="C4882">
        <v>17</v>
      </c>
      <c r="D4882" t="s">
        <v>9994</v>
      </c>
      <c r="E4882" t="s">
        <v>32212</v>
      </c>
      <c r="F4882">
        <v>3</v>
      </c>
      <c r="G4882" t="s">
        <v>2</v>
      </c>
      <c r="H4882" t="s">
        <v>9995</v>
      </c>
      <c r="I4882" t="s">
        <v>30540</v>
      </c>
    </row>
    <row r="4883" spans="1:9">
      <c r="A4883" s="1">
        <f ca="1">RAND()</f>
        <v>0.65312942855833778</v>
      </c>
      <c r="B4883" s="1"/>
      <c r="C4883">
        <v>8</v>
      </c>
      <c r="D4883" t="s">
        <v>9980</v>
      </c>
      <c r="E4883" t="s">
        <v>32212</v>
      </c>
      <c r="F4883">
        <v>2</v>
      </c>
      <c r="G4883" t="s">
        <v>766</v>
      </c>
      <c r="H4883" t="s">
        <v>9981</v>
      </c>
      <c r="I4883" t="s">
        <v>30540</v>
      </c>
    </row>
    <row r="4884" spans="1:9">
      <c r="A4884" s="1">
        <f ca="1">RAND()</f>
        <v>0.37465877876356368</v>
      </c>
      <c r="B4884" s="1"/>
      <c r="C4884">
        <v>20</v>
      </c>
      <c r="D4884" t="s">
        <v>9998</v>
      </c>
      <c r="E4884" t="s">
        <v>32212</v>
      </c>
      <c r="F4884">
        <v>2</v>
      </c>
      <c r="G4884" t="s">
        <v>766</v>
      </c>
      <c r="H4884" t="s">
        <v>9999</v>
      </c>
      <c r="I4884" t="s">
        <v>30540</v>
      </c>
    </row>
    <row r="4885" spans="1:9">
      <c r="A4885" s="1">
        <f ca="1">RAND()</f>
        <v>0.63442600229544055</v>
      </c>
      <c r="B4885" s="1"/>
      <c r="C4885">
        <v>15</v>
      </c>
      <c r="D4885" t="s">
        <v>9974</v>
      </c>
      <c r="E4885" t="s">
        <v>32213</v>
      </c>
      <c r="F4885">
        <v>4</v>
      </c>
      <c r="G4885" t="s">
        <v>2</v>
      </c>
      <c r="H4885" t="s">
        <v>9975</v>
      </c>
      <c r="I4885" t="s">
        <v>30540</v>
      </c>
    </row>
    <row r="4886" spans="1:9">
      <c r="A4886" s="1">
        <f ca="1">RAND()</f>
        <v>0.54537201260768786</v>
      </c>
      <c r="B4886" s="1"/>
      <c r="C4886">
        <v>6</v>
      </c>
      <c r="D4886" t="s">
        <v>9968</v>
      </c>
      <c r="E4886" t="s">
        <v>32213</v>
      </c>
      <c r="F4886">
        <v>4</v>
      </c>
      <c r="G4886" t="s">
        <v>0</v>
      </c>
      <c r="H4886" t="s">
        <v>9969</v>
      </c>
      <c r="I4886" t="s">
        <v>30540</v>
      </c>
    </row>
    <row r="4887" spans="1:9">
      <c r="A4887" s="1">
        <f ca="1">RAND()</f>
        <v>0.62796073066849967</v>
      </c>
      <c r="B4887" s="1"/>
      <c r="C4887">
        <v>8</v>
      </c>
      <c r="D4887" t="s">
        <v>9970</v>
      </c>
      <c r="E4887" t="s">
        <v>32213</v>
      </c>
      <c r="F4887">
        <v>4</v>
      </c>
      <c r="G4887" t="s">
        <v>0</v>
      </c>
      <c r="H4887" t="s">
        <v>9971</v>
      </c>
      <c r="I4887" t="s">
        <v>30540</v>
      </c>
    </row>
    <row r="4888" spans="1:9">
      <c r="A4888" s="1">
        <f ca="1">RAND()</f>
        <v>0.81940532940792243</v>
      </c>
      <c r="B4888" s="1"/>
      <c r="C4888">
        <v>17</v>
      </c>
      <c r="D4888" t="s">
        <v>9976</v>
      </c>
      <c r="E4888" t="s">
        <v>32213</v>
      </c>
      <c r="F4888">
        <v>4</v>
      </c>
      <c r="G4888" t="s">
        <v>0</v>
      </c>
      <c r="H4888" t="s">
        <v>9977</v>
      </c>
      <c r="I4888" t="s">
        <v>30540</v>
      </c>
    </row>
    <row r="4889" spans="1:9">
      <c r="A4889" s="1">
        <f ca="1">RAND()</f>
        <v>0.11729496029973607</v>
      </c>
      <c r="B4889" s="1"/>
      <c r="C4889">
        <v>14</v>
      </c>
      <c r="D4889" t="s">
        <v>9972</v>
      </c>
      <c r="E4889" t="s">
        <v>32213</v>
      </c>
      <c r="F4889">
        <v>2</v>
      </c>
      <c r="G4889" t="s">
        <v>0</v>
      </c>
      <c r="H4889" t="s">
        <v>9973</v>
      </c>
      <c r="I4889" t="s">
        <v>30540</v>
      </c>
    </row>
    <row r="4890" spans="1:9">
      <c r="A4890" s="1">
        <f ca="1">RAND()</f>
        <v>0.58953523432349009</v>
      </c>
      <c r="B4890" s="1"/>
      <c r="C4890">
        <v>10</v>
      </c>
      <c r="D4890" t="s">
        <v>9960</v>
      </c>
      <c r="E4890" t="s">
        <v>32214</v>
      </c>
      <c r="F4890">
        <v>5</v>
      </c>
      <c r="G4890" t="s">
        <v>0</v>
      </c>
      <c r="H4890" t="s">
        <v>9961</v>
      </c>
      <c r="I4890" t="s">
        <v>30540</v>
      </c>
    </row>
    <row r="4891" spans="1:9">
      <c r="A4891" s="1">
        <f ca="1">RAND()</f>
        <v>4.0724208897045311E-2</v>
      </c>
      <c r="B4891" s="1"/>
      <c r="C4891">
        <v>1</v>
      </c>
      <c r="D4891" t="s">
        <v>9954</v>
      </c>
      <c r="E4891" t="s">
        <v>32214</v>
      </c>
      <c r="F4891">
        <v>5</v>
      </c>
      <c r="G4891" t="s">
        <v>762</v>
      </c>
      <c r="H4891" t="s">
        <v>9955</v>
      </c>
      <c r="I4891" t="s">
        <v>30540</v>
      </c>
    </row>
    <row r="4892" spans="1:9">
      <c r="A4892" s="1">
        <f ca="1">RAND()</f>
        <v>7.3865816360643266E-2</v>
      </c>
      <c r="B4892" s="1"/>
      <c r="C4892">
        <v>6</v>
      </c>
      <c r="D4892" t="s">
        <v>9956</v>
      </c>
      <c r="E4892" t="s">
        <v>32214</v>
      </c>
      <c r="F4892">
        <v>4</v>
      </c>
      <c r="G4892" t="s">
        <v>0</v>
      </c>
      <c r="H4892" t="s">
        <v>9957</v>
      </c>
      <c r="I4892" t="s">
        <v>30540</v>
      </c>
    </row>
    <row r="4893" spans="1:9">
      <c r="A4893" s="1">
        <f ca="1">RAND()</f>
        <v>0.34241541248833007</v>
      </c>
      <c r="B4893" s="1"/>
      <c r="C4893">
        <v>15</v>
      </c>
      <c r="D4893" t="s">
        <v>9966</v>
      </c>
      <c r="E4893" t="s">
        <v>32214</v>
      </c>
      <c r="F4893">
        <v>4</v>
      </c>
      <c r="G4893" t="s">
        <v>9</v>
      </c>
      <c r="H4893" t="s">
        <v>9967</v>
      </c>
      <c r="I4893" t="s">
        <v>30540</v>
      </c>
    </row>
    <row r="4894" spans="1:9">
      <c r="A4894" s="1">
        <f ca="1">RAND()</f>
        <v>0.12446754025565054</v>
      </c>
      <c r="B4894" s="1"/>
      <c r="C4894">
        <v>11</v>
      </c>
      <c r="D4894" t="s">
        <v>9962</v>
      </c>
      <c r="E4894" t="s">
        <v>32214</v>
      </c>
      <c r="F4894">
        <v>4</v>
      </c>
      <c r="G4894" t="s">
        <v>2</v>
      </c>
      <c r="H4894" t="s">
        <v>9963</v>
      </c>
      <c r="I4894" t="s">
        <v>30540</v>
      </c>
    </row>
    <row r="4895" spans="1:9">
      <c r="A4895" s="1">
        <f ca="1">RAND()</f>
        <v>0.74264171535152002</v>
      </c>
      <c r="B4895" s="1"/>
      <c r="C4895">
        <v>13</v>
      </c>
      <c r="D4895" t="s">
        <v>9964</v>
      </c>
      <c r="E4895" t="s">
        <v>32214</v>
      </c>
      <c r="F4895">
        <v>3</v>
      </c>
      <c r="G4895" t="s">
        <v>774</v>
      </c>
      <c r="H4895" t="s">
        <v>9965</v>
      </c>
      <c r="I4895" t="s">
        <v>30540</v>
      </c>
    </row>
    <row r="4896" spans="1:9">
      <c r="A4896" s="1">
        <f ca="1">RAND()</f>
        <v>1.16605769687399E-2</v>
      </c>
      <c r="B4896" s="1"/>
      <c r="C4896">
        <v>7</v>
      </c>
      <c r="D4896" t="s">
        <v>9958</v>
      </c>
      <c r="E4896" t="s">
        <v>32214</v>
      </c>
      <c r="F4896">
        <v>2</v>
      </c>
      <c r="G4896" t="s">
        <v>9</v>
      </c>
      <c r="H4896" t="s">
        <v>9959</v>
      </c>
      <c r="I4896" t="s">
        <v>30540</v>
      </c>
    </row>
    <row r="4897" spans="1:9">
      <c r="A4897" s="1">
        <f ca="1">RAND()</f>
        <v>0.55753442833087463</v>
      </c>
      <c r="B4897" s="1"/>
      <c r="C4897">
        <v>2</v>
      </c>
      <c r="D4897" t="s">
        <v>9948</v>
      </c>
      <c r="E4897" t="s">
        <v>32215</v>
      </c>
      <c r="F4897">
        <v>4</v>
      </c>
      <c r="G4897" t="s">
        <v>771</v>
      </c>
      <c r="H4897" t="s">
        <v>9949</v>
      </c>
      <c r="I4897" t="s">
        <v>30540</v>
      </c>
    </row>
    <row r="4898" spans="1:9">
      <c r="A4898" s="1">
        <f ca="1">RAND()</f>
        <v>0.20814993705702689</v>
      </c>
      <c r="B4898" s="1"/>
      <c r="C4898">
        <v>17</v>
      </c>
      <c r="D4898" t="s">
        <v>9952</v>
      </c>
      <c r="E4898" t="s">
        <v>32215</v>
      </c>
      <c r="F4898">
        <v>4</v>
      </c>
      <c r="G4898" t="s">
        <v>0</v>
      </c>
      <c r="H4898" t="s">
        <v>9953</v>
      </c>
      <c r="I4898" t="s">
        <v>30540</v>
      </c>
    </row>
    <row r="4899" spans="1:9">
      <c r="A4899" s="1">
        <f ca="1">RAND()</f>
        <v>0.9907440069925334</v>
      </c>
      <c r="B4899" s="1"/>
      <c r="C4899">
        <v>12</v>
      </c>
      <c r="D4899" t="s">
        <v>9950</v>
      </c>
      <c r="E4899" t="s">
        <v>32215</v>
      </c>
      <c r="F4899">
        <v>4</v>
      </c>
      <c r="G4899" t="s">
        <v>0</v>
      </c>
      <c r="H4899" t="s">
        <v>9951</v>
      </c>
      <c r="I4899" t="s">
        <v>30540</v>
      </c>
    </row>
    <row r="4900" spans="1:9">
      <c r="A4900" s="1">
        <f ca="1">RAND()</f>
        <v>0.89961915181351781</v>
      </c>
      <c r="B4900" s="1"/>
      <c r="C4900">
        <v>11</v>
      </c>
      <c r="D4900" t="s">
        <v>9944</v>
      </c>
      <c r="E4900" t="s">
        <v>32216</v>
      </c>
      <c r="F4900">
        <v>4</v>
      </c>
      <c r="G4900" t="s">
        <v>0</v>
      </c>
      <c r="H4900" t="s">
        <v>9945</v>
      </c>
      <c r="I4900" t="s">
        <v>30540</v>
      </c>
    </row>
    <row r="4901" spans="1:9">
      <c r="A4901" s="1">
        <f ca="1">RAND()</f>
        <v>6.3576925827152575E-2</v>
      </c>
      <c r="B4901" s="1"/>
      <c r="C4901">
        <v>13</v>
      </c>
      <c r="D4901" t="s">
        <v>9946</v>
      </c>
      <c r="E4901" t="s">
        <v>32216</v>
      </c>
      <c r="F4901">
        <v>4</v>
      </c>
      <c r="G4901" t="s">
        <v>0</v>
      </c>
      <c r="H4901" t="s">
        <v>9947</v>
      </c>
      <c r="I4901" t="s">
        <v>30540</v>
      </c>
    </row>
    <row r="4902" spans="1:9">
      <c r="A4902" s="1">
        <f ca="1">RAND()</f>
        <v>8.7016133503675208E-2</v>
      </c>
      <c r="B4902" s="1"/>
      <c r="C4902">
        <v>2</v>
      </c>
      <c r="D4902" t="s">
        <v>9924</v>
      </c>
      <c r="E4902" t="s">
        <v>32217</v>
      </c>
      <c r="F4902">
        <v>5</v>
      </c>
      <c r="G4902" t="s">
        <v>774</v>
      </c>
      <c r="H4902" t="s">
        <v>9925</v>
      </c>
      <c r="I4902" t="s">
        <v>30540</v>
      </c>
    </row>
    <row r="4903" spans="1:9">
      <c r="A4903" s="1">
        <f ca="1">RAND()</f>
        <v>0.14735670597072337</v>
      </c>
      <c r="B4903" s="1"/>
      <c r="C4903">
        <v>9</v>
      </c>
      <c r="D4903" t="s">
        <v>9932</v>
      </c>
      <c r="E4903" t="s">
        <v>32217</v>
      </c>
      <c r="F4903">
        <v>5</v>
      </c>
      <c r="G4903" t="s">
        <v>0</v>
      </c>
      <c r="H4903" t="s">
        <v>9933</v>
      </c>
      <c r="I4903" t="s">
        <v>30540</v>
      </c>
    </row>
    <row r="4904" spans="1:9">
      <c r="A4904" s="1">
        <f ca="1">RAND()</f>
        <v>0.38901632516794826</v>
      </c>
      <c r="B4904" s="1"/>
      <c r="C4904">
        <v>5</v>
      </c>
      <c r="D4904" t="s">
        <v>9926</v>
      </c>
      <c r="E4904" t="s">
        <v>32217</v>
      </c>
      <c r="F4904">
        <v>5</v>
      </c>
      <c r="G4904" t="s">
        <v>0</v>
      </c>
      <c r="H4904" t="s">
        <v>9927</v>
      </c>
      <c r="I4904" t="s">
        <v>30540</v>
      </c>
    </row>
    <row r="4905" spans="1:9">
      <c r="A4905" s="1">
        <f ca="1">RAND()</f>
        <v>0.91240553346395048</v>
      </c>
      <c r="B4905" s="1"/>
      <c r="C4905">
        <v>8</v>
      </c>
      <c r="D4905" t="s">
        <v>9930</v>
      </c>
      <c r="E4905" t="s">
        <v>32217</v>
      </c>
      <c r="F4905">
        <v>5</v>
      </c>
      <c r="G4905" t="s">
        <v>2</v>
      </c>
      <c r="H4905" t="s">
        <v>9931</v>
      </c>
      <c r="I4905" t="s">
        <v>30540</v>
      </c>
    </row>
    <row r="4906" spans="1:9">
      <c r="A4906" s="1">
        <f ca="1">RAND()</f>
        <v>0.7490359791523542</v>
      </c>
      <c r="B4906" s="1"/>
      <c r="C4906">
        <v>17</v>
      </c>
      <c r="D4906" t="s">
        <v>9938</v>
      </c>
      <c r="E4906" t="s">
        <v>32217</v>
      </c>
      <c r="F4906">
        <v>4</v>
      </c>
      <c r="G4906" t="s">
        <v>2</v>
      </c>
      <c r="H4906" t="s">
        <v>9939</v>
      </c>
      <c r="I4906" t="s">
        <v>30540</v>
      </c>
    </row>
    <row r="4907" spans="1:9">
      <c r="A4907" s="1">
        <f ca="1">RAND()</f>
        <v>0.49376392766498645</v>
      </c>
      <c r="B4907" s="1"/>
      <c r="C4907">
        <v>11</v>
      </c>
      <c r="D4907" t="s">
        <v>9934</v>
      </c>
      <c r="E4907" t="s">
        <v>32217</v>
      </c>
      <c r="F4907">
        <v>4</v>
      </c>
      <c r="G4907" t="s">
        <v>0</v>
      </c>
      <c r="H4907" t="s">
        <v>9935</v>
      </c>
      <c r="I4907" t="s">
        <v>30540</v>
      </c>
    </row>
    <row r="4908" spans="1:9">
      <c r="A4908" s="1">
        <f ca="1">RAND()</f>
        <v>0.68672608787884382</v>
      </c>
      <c r="B4908" s="1"/>
      <c r="C4908">
        <v>20</v>
      </c>
      <c r="D4908" t="s">
        <v>9942</v>
      </c>
      <c r="E4908" t="s">
        <v>32217</v>
      </c>
      <c r="F4908">
        <v>4</v>
      </c>
      <c r="G4908" t="s">
        <v>0</v>
      </c>
      <c r="H4908" t="s">
        <v>9943</v>
      </c>
      <c r="I4908" t="s">
        <v>30540</v>
      </c>
    </row>
    <row r="4909" spans="1:9">
      <c r="A4909" s="1">
        <f ca="1">RAND()</f>
        <v>0.35695797633839133</v>
      </c>
      <c r="B4909" s="1"/>
      <c r="C4909">
        <v>12</v>
      </c>
      <c r="D4909" t="s">
        <v>9936</v>
      </c>
      <c r="E4909" t="s">
        <v>32217</v>
      </c>
      <c r="F4909">
        <v>4</v>
      </c>
      <c r="G4909" t="s">
        <v>0</v>
      </c>
      <c r="H4909" t="s">
        <v>9937</v>
      </c>
      <c r="I4909" t="s">
        <v>30540</v>
      </c>
    </row>
    <row r="4910" spans="1:9">
      <c r="A4910" s="1">
        <f ca="1">RAND()</f>
        <v>0.54937751754440378</v>
      </c>
      <c r="B4910" s="1"/>
      <c r="C4910">
        <v>19</v>
      </c>
      <c r="D4910" t="s">
        <v>9940</v>
      </c>
      <c r="E4910" t="s">
        <v>32217</v>
      </c>
      <c r="F4910">
        <v>4</v>
      </c>
      <c r="G4910" t="s">
        <v>0</v>
      </c>
      <c r="H4910" t="s">
        <v>9941</v>
      </c>
      <c r="I4910" t="s">
        <v>30540</v>
      </c>
    </row>
    <row r="4911" spans="1:9">
      <c r="A4911" s="1">
        <f ca="1">RAND()</f>
        <v>0.47529780075850669</v>
      </c>
      <c r="B4911" s="1"/>
      <c r="C4911">
        <v>7</v>
      </c>
      <c r="D4911" t="s">
        <v>9928</v>
      </c>
      <c r="E4911" t="s">
        <v>32217</v>
      </c>
      <c r="F4911">
        <v>3</v>
      </c>
      <c r="G4911" t="s">
        <v>14</v>
      </c>
      <c r="H4911" t="s">
        <v>9929</v>
      </c>
      <c r="I4911" t="s">
        <v>30540</v>
      </c>
    </row>
    <row r="4912" spans="1:9">
      <c r="A4912" s="1">
        <f ca="1">RAND()</f>
        <v>0.88166554057879887</v>
      </c>
      <c r="B4912" s="1"/>
      <c r="C4912">
        <v>5</v>
      </c>
      <c r="D4912" t="s">
        <v>9914</v>
      </c>
      <c r="E4912" t="s">
        <v>32218</v>
      </c>
      <c r="F4912">
        <v>4</v>
      </c>
      <c r="G4912" t="s">
        <v>0</v>
      </c>
      <c r="H4912" t="s">
        <v>9915</v>
      </c>
      <c r="I4912" t="s">
        <v>30540</v>
      </c>
    </row>
    <row r="4913" spans="1:9">
      <c r="A4913" s="1">
        <f ca="1">RAND()</f>
        <v>0.2441639797603129</v>
      </c>
      <c r="B4913" s="1"/>
      <c r="C4913">
        <v>11</v>
      </c>
      <c r="D4913" t="s">
        <v>9922</v>
      </c>
      <c r="E4913" t="s">
        <v>32218</v>
      </c>
      <c r="F4913">
        <v>4</v>
      </c>
      <c r="G4913" t="s">
        <v>15</v>
      </c>
      <c r="H4913" t="s">
        <v>9923</v>
      </c>
      <c r="I4913" t="s">
        <v>30540</v>
      </c>
    </row>
    <row r="4914" spans="1:9">
      <c r="A4914" s="1">
        <f ca="1">RAND()</f>
        <v>0.60260141488054131</v>
      </c>
      <c r="B4914" s="1"/>
      <c r="C4914">
        <v>10</v>
      </c>
      <c r="D4914" t="s">
        <v>9920</v>
      </c>
      <c r="E4914" t="s">
        <v>32218</v>
      </c>
      <c r="F4914">
        <v>4</v>
      </c>
      <c r="G4914" t="s">
        <v>9</v>
      </c>
      <c r="H4914" t="s">
        <v>9921</v>
      </c>
      <c r="I4914" t="s">
        <v>30540</v>
      </c>
    </row>
    <row r="4915" spans="1:9">
      <c r="A4915" s="1">
        <f ca="1">RAND()</f>
        <v>0.8230142955705354</v>
      </c>
      <c r="B4915" s="1"/>
      <c r="C4915">
        <v>6</v>
      </c>
      <c r="D4915" t="s">
        <v>9916</v>
      </c>
      <c r="E4915" t="s">
        <v>32218</v>
      </c>
      <c r="F4915">
        <v>4</v>
      </c>
      <c r="G4915" t="s">
        <v>0</v>
      </c>
      <c r="H4915" t="s">
        <v>9917</v>
      </c>
      <c r="I4915" t="s">
        <v>30540</v>
      </c>
    </row>
    <row r="4916" spans="1:9">
      <c r="A4916" s="1">
        <f ca="1">RAND()</f>
        <v>0.61063088494713746</v>
      </c>
      <c r="B4916" s="1"/>
      <c r="C4916">
        <v>7</v>
      </c>
      <c r="D4916" t="s">
        <v>9918</v>
      </c>
      <c r="E4916" t="s">
        <v>32218</v>
      </c>
      <c r="F4916">
        <v>4</v>
      </c>
      <c r="G4916" t="s">
        <v>0</v>
      </c>
      <c r="H4916" t="s">
        <v>9919</v>
      </c>
      <c r="I4916" t="s">
        <v>30540</v>
      </c>
    </row>
    <row r="4917" spans="1:9">
      <c r="A4917" s="1">
        <f ca="1">RAND()</f>
        <v>0.94729335537101977</v>
      </c>
      <c r="B4917" s="1"/>
      <c r="C4917">
        <v>4</v>
      </c>
      <c r="D4917" t="s">
        <v>9912</v>
      </c>
      <c r="E4917" t="s">
        <v>32218</v>
      </c>
      <c r="F4917">
        <v>3</v>
      </c>
      <c r="G4917" t="s">
        <v>0</v>
      </c>
      <c r="H4917" t="s">
        <v>9913</v>
      </c>
      <c r="I4917" t="s">
        <v>30540</v>
      </c>
    </row>
    <row r="4918" spans="1:9">
      <c r="A4918" s="1">
        <f ca="1">RAND()</f>
        <v>0.91385237537544928</v>
      </c>
      <c r="B4918" s="1"/>
      <c r="C4918">
        <v>1</v>
      </c>
      <c r="D4918" t="s">
        <v>9910</v>
      </c>
      <c r="E4918" t="s">
        <v>32218</v>
      </c>
      <c r="F4918">
        <v>2</v>
      </c>
      <c r="G4918" t="s">
        <v>14</v>
      </c>
      <c r="H4918" t="s">
        <v>9911</v>
      </c>
      <c r="I4918" t="s">
        <v>30540</v>
      </c>
    </row>
    <row r="4919" spans="1:9">
      <c r="A4919" s="1">
        <f ca="1">RAND()</f>
        <v>0.36279967201281793</v>
      </c>
      <c r="B4919" s="1"/>
      <c r="C4919">
        <v>17</v>
      </c>
      <c r="D4919" t="s">
        <v>9908</v>
      </c>
      <c r="E4919" t="s">
        <v>32219</v>
      </c>
      <c r="F4919">
        <v>5</v>
      </c>
      <c r="G4919" t="s">
        <v>0</v>
      </c>
      <c r="H4919" t="s">
        <v>9909</v>
      </c>
      <c r="I4919" t="s">
        <v>30540</v>
      </c>
    </row>
    <row r="4920" spans="1:9">
      <c r="A4920" s="1">
        <f ca="1">RAND()</f>
        <v>0.90095373217199115</v>
      </c>
      <c r="B4920" s="1"/>
      <c r="C4920">
        <v>5</v>
      </c>
      <c r="D4920" t="s">
        <v>9900</v>
      </c>
      <c r="E4920" t="s">
        <v>32219</v>
      </c>
      <c r="F4920">
        <v>4</v>
      </c>
      <c r="G4920" t="s">
        <v>0</v>
      </c>
      <c r="H4920" t="s">
        <v>9901</v>
      </c>
      <c r="I4920" t="s">
        <v>30540</v>
      </c>
    </row>
    <row r="4921" spans="1:9">
      <c r="A4921" s="1">
        <f ca="1">RAND()</f>
        <v>0.53676890977185321</v>
      </c>
      <c r="B4921" s="1"/>
      <c r="C4921">
        <v>15</v>
      </c>
      <c r="D4921" t="s">
        <v>9906</v>
      </c>
      <c r="E4921" t="s">
        <v>32219</v>
      </c>
      <c r="F4921">
        <v>3</v>
      </c>
      <c r="G4921" t="s">
        <v>2</v>
      </c>
      <c r="H4921" t="s">
        <v>9907</v>
      </c>
      <c r="I4921" t="s">
        <v>30540</v>
      </c>
    </row>
    <row r="4922" spans="1:9">
      <c r="A4922" s="1">
        <f ca="1">RAND()</f>
        <v>0.51722799723251855</v>
      </c>
      <c r="B4922" s="1"/>
      <c r="C4922">
        <v>11</v>
      </c>
      <c r="D4922" t="s">
        <v>9902</v>
      </c>
      <c r="E4922" t="s">
        <v>32219</v>
      </c>
      <c r="F4922">
        <v>3</v>
      </c>
      <c r="G4922" t="s">
        <v>765</v>
      </c>
      <c r="H4922" t="s">
        <v>9903</v>
      </c>
      <c r="I4922" t="s">
        <v>30540</v>
      </c>
    </row>
    <row r="4923" spans="1:9">
      <c r="A4923" s="1">
        <f ca="1">RAND()</f>
        <v>0.64652658422646159</v>
      </c>
      <c r="B4923" s="1"/>
      <c r="C4923">
        <v>13</v>
      </c>
      <c r="D4923" t="s">
        <v>9904</v>
      </c>
      <c r="E4923" t="s">
        <v>32219</v>
      </c>
      <c r="F4923">
        <v>2</v>
      </c>
      <c r="G4923" t="s">
        <v>1295</v>
      </c>
      <c r="H4923" t="s">
        <v>9905</v>
      </c>
      <c r="I4923" t="s">
        <v>30540</v>
      </c>
    </row>
    <row r="4924" spans="1:9">
      <c r="A4924" s="1">
        <f ca="1">RAND()</f>
        <v>0.31073483246336897</v>
      </c>
      <c r="B4924" s="1"/>
      <c r="C4924">
        <v>17</v>
      </c>
      <c r="D4924" t="s">
        <v>9898</v>
      </c>
      <c r="E4924" t="s">
        <v>32220</v>
      </c>
      <c r="F4924">
        <v>4</v>
      </c>
      <c r="G4924" t="s">
        <v>2</v>
      </c>
      <c r="H4924" t="s">
        <v>9899</v>
      </c>
      <c r="I4924" t="s">
        <v>30540</v>
      </c>
    </row>
    <row r="4925" spans="1:9">
      <c r="A4925" s="1">
        <f ca="1">RAND()</f>
        <v>0.80811422394305654</v>
      </c>
      <c r="B4925" s="1"/>
      <c r="C4925">
        <v>7</v>
      </c>
      <c r="D4925" t="s">
        <v>9890</v>
      </c>
      <c r="E4925" t="s">
        <v>32220</v>
      </c>
      <c r="F4925">
        <v>4</v>
      </c>
      <c r="G4925" t="s">
        <v>0</v>
      </c>
      <c r="H4925" t="s">
        <v>9891</v>
      </c>
      <c r="I4925" t="s">
        <v>30540</v>
      </c>
    </row>
    <row r="4926" spans="1:9">
      <c r="A4926" s="1">
        <f ca="1">RAND()</f>
        <v>0.45920326534855138</v>
      </c>
      <c r="B4926" s="1"/>
      <c r="C4926">
        <v>16</v>
      </c>
      <c r="D4926" t="s">
        <v>9896</v>
      </c>
      <c r="E4926" t="s">
        <v>32220</v>
      </c>
      <c r="F4926">
        <v>4</v>
      </c>
      <c r="G4926" t="s">
        <v>2</v>
      </c>
      <c r="H4926" t="s">
        <v>9897</v>
      </c>
      <c r="I4926" t="s">
        <v>30540</v>
      </c>
    </row>
    <row r="4927" spans="1:9">
      <c r="A4927" s="1">
        <f ca="1">RAND()</f>
        <v>0.24378275344042977</v>
      </c>
      <c r="B4927" s="1"/>
      <c r="C4927">
        <v>14</v>
      </c>
      <c r="D4927" t="s">
        <v>9894</v>
      </c>
      <c r="E4927" t="s">
        <v>32220</v>
      </c>
      <c r="F4927">
        <v>4</v>
      </c>
      <c r="G4927" t="s">
        <v>0</v>
      </c>
      <c r="H4927" t="s">
        <v>9895</v>
      </c>
      <c r="I4927" t="s">
        <v>30540</v>
      </c>
    </row>
    <row r="4928" spans="1:9">
      <c r="A4928" s="1">
        <f ca="1">RAND()</f>
        <v>0.27476428141065079</v>
      </c>
      <c r="B4928" s="1"/>
      <c r="C4928">
        <v>11</v>
      </c>
      <c r="D4928" t="s">
        <v>9892</v>
      </c>
      <c r="E4928" t="s">
        <v>32220</v>
      </c>
      <c r="F4928">
        <v>3</v>
      </c>
      <c r="G4928" t="s">
        <v>0</v>
      </c>
      <c r="H4928" t="s">
        <v>9893</v>
      </c>
      <c r="I4928" t="s">
        <v>30540</v>
      </c>
    </row>
    <row r="4929" spans="1:9">
      <c r="A4929" s="1">
        <f ca="1">RAND()</f>
        <v>0.27669504602737893</v>
      </c>
      <c r="B4929" s="1"/>
      <c r="C4929">
        <v>1</v>
      </c>
      <c r="D4929" t="s">
        <v>9882</v>
      </c>
      <c r="E4929" t="s">
        <v>32221</v>
      </c>
      <c r="F4929">
        <v>4</v>
      </c>
      <c r="G4929" t="s">
        <v>2</v>
      </c>
      <c r="H4929" t="s">
        <v>9883</v>
      </c>
      <c r="I4929" t="s">
        <v>30540</v>
      </c>
    </row>
    <row r="4930" spans="1:9">
      <c r="A4930" s="1">
        <f ca="1">RAND()</f>
        <v>0.34200842511114804</v>
      </c>
      <c r="B4930" s="1"/>
      <c r="C4930">
        <v>8</v>
      </c>
      <c r="D4930" t="s">
        <v>9888</v>
      </c>
      <c r="E4930" t="s">
        <v>32221</v>
      </c>
      <c r="F4930">
        <v>4</v>
      </c>
      <c r="G4930" t="s">
        <v>0</v>
      </c>
      <c r="H4930" t="s">
        <v>9889</v>
      </c>
      <c r="I4930" t="s">
        <v>30540</v>
      </c>
    </row>
    <row r="4931" spans="1:9">
      <c r="A4931" s="1">
        <f ca="1">RAND()</f>
        <v>0.91533805108177413</v>
      </c>
      <c r="B4931" s="1"/>
      <c r="C4931">
        <v>4</v>
      </c>
      <c r="D4931" t="s">
        <v>9884</v>
      </c>
      <c r="E4931" t="s">
        <v>32221</v>
      </c>
      <c r="F4931">
        <v>4</v>
      </c>
      <c r="G4931" t="s">
        <v>0</v>
      </c>
      <c r="H4931" t="s">
        <v>9885</v>
      </c>
      <c r="I4931" t="s">
        <v>30540</v>
      </c>
    </row>
    <row r="4932" spans="1:9">
      <c r="A4932" s="1">
        <f ca="1">RAND()</f>
        <v>0.65294012353878372</v>
      </c>
      <c r="B4932" s="1"/>
      <c r="C4932">
        <v>7</v>
      </c>
      <c r="D4932" t="s">
        <v>9886</v>
      </c>
      <c r="E4932" t="s">
        <v>32221</v>
      </c>
      <c r="F4932">
        <v>4</v>
      </c>
      <c r="G4932" t="s">
        <v>0</v>
      </c>
      <c r="H4932" t="s">
        <v>9887</v>
      </c>
      <c r="I4932" t="s">
        <v>30540</v>
      </c>
    </row>
    <row r="4933" spans="1:9">
      <c r="A4933" s="1">
        <f ca="1">RAND()</f>
        <v>0.46751037034738607</v>
      </c>
      <c r="B4933" s="1"/>
      <c r="C4933">
        <v>10</v>
      </c>
      <c r="D4933" t="s">
        <v>9876</v>
      </c>
      <c r="E4933" t="s">
        <v>32222</v>
      </c>
      <c r="F4933">
        <v>4</v>
      </c>
      <c r="G4933" t="s">
        <v>0</v>
      </c>
      <c r="H4933" t="s">
        <v>9877</v>
      </c>
      <c r="I4933" t="s">
        <v>30540</v>
      </c>
    </row>
    <row r="4934" spans="1:9">
      <c r="A4934" s="1">
        <f ca="1">RAND()</f>
        <v>0.4845882758071004</v>
      </c>
      <c r="B4934" s="1"/>
      <c r="C4934">
        <v>17</v>
      </c>
      <c r="D4934" t="s">
        <v>9880</v>
      </c>
      <c r="E4934" t="s">
        <v>32222</v>
      </c>
      <c r="F4934">
        <v>4</v>
      </c>
      <c r="G4934" t="s">
        <v>774</v>
      </c>
      <c r="H4934" t="s">
        <v>9881</v>
      </c>
      <c r="I4934" t="s">
        <v>30540</v>
      </c>
    </row>
    <row r="4935" spans="1:9">
      <c r="A4935" s="1">
        <f ca="1">RAND()</f>
        <v>0.87991928971893063</v>
      </c>
      <c r="B4935" s="1"/>
      <c r="C4935">
        <v>2</v>
      </c>
      <c r="D4935" t="s">
        <v>9874</v>
      </c>
      <c r="E4935" t="s">
        <v>32222</v>
      </c>
      <c r="F4935">
        <v>4</v>
      </c>
      <c r="G4935" t="s">
        <v>1295</v>
      </c>
      <c r="H4935" t="s">
        <v>9875</v>
      </c>
      <c r="I4935" t="s">
        <v>30540</v>
      </c>
    </row>
    <row r="4936" spans="1:9">
      <c r="A4936" s="1">
        <f ca="1">RAND()</f>
        <v>0.76021232455235954</v>
      </c>
      <c r="B4936" s="1"/>
      <c r="C4936">
        <v>14</v>
      </c>
      <c r="D4936" t="s">
        <v>9878</v>
      </c>
      <c r="E4936" t="s">
        <v>32222</v>
      </c>
      <c r="F4936">
        <v>1</v>
      </c>
      <c r="G4936" t="s">
        <v>0</v>
      </c>
      <c r="H4936" t="s">
        <v>9879</v>
      </c>
      <c r="I4936" t="s">
        <v>30540</v>
      </c>
    </row>
    <row r="4937" spans="1:9">
      <c r="A4937" s="1">
        <f ca="1">RAND()</f>
        <v>0.40408117039452551</v>
      </c>
      <c r="B4937" s="1"/>
      <c r="C4937">
        <v>15</v>
      </c>
      <c r="D4937" t="s">
        <v>9868</v>
      </c>
      <c r="E4937" t="s">
        <v>32223</v>
      </c>
      <c r="F4937">
        <v>4</v>
      </c>
      <c r="G4937" t="s">
        <v>15</v>
      </c>
      <c r="H4937" t="s">
        <v>9869</v>
      </c>
      <c r="I4937" t="s">
        <v>30540</v>
      </c>
    </row>
    <row r="4938" spans="1:9">
      <c r="A4938" s="1">
        <f ca="1">RAND()</f>
        <v>9.1226624876970641E-2</v>
      </c>
      <c r="B4938" s="1"/>
      <c r="C4938">
        <v>17</v>
      </c>
      <c r="D4938" t="s">
        <v>9872</v>
      </c>
      <c r="E4938" t="s">
        <v>32223</v>
      </c>
      <c r="F4938">
        <v>4</v>
      </c>
      <c r="G4938" t="s">
        <v>0</v>
      </c>
      <c r="H4938" t="s">
        <v>9873</v>
      </c>
      <c r="I4938" t="s">
        <v>30540</v>
      </c>
    </row>
    <row r="4939" spans="1:9">
      <c r="A4939" s="1">
        <f ca="1">RAND()</f>
        <v>0.24533467015446253</v>
      </c>
      <c r="B4939" s="1"/>
      <c r="C4939">
        <v>16</v>
      </c>
      <c r="D4939" t="s">
        <v>9870</v>
      </c>
      <c r="E4939" t="s">
        <v>32223</v>
      </c>
      <c r="F4939">
        <v>4</v>
      </c>
      <c r="G4939" t="s">
        <v>0</v>
      </c>
      <c r="H4939" t="s">
        <v>9871</v>
      </c>
      <c r="I4939" t="s">
        <v>30540</v>
      </c>
    </row>
    <row r="4940" spans="1:9">
      <c r="A4940" s="1">
        <f ca="1">RAND()</f>
        <v>0.73453042896551179</v>
      </c>
      <c r="B4940" s="1"/>
      <c r="C4940">
        <v>4</v>
      </c>
      <c r="D4940" t="s">
        <v>9866</v>
      </c>
      <c r="E4940" t="s">
        <v>32223</v>
      </c>
      <c r="F4940">
        <v>4</v>
      </c>
      <c r="G4940" t="s">
        <v>771</v>
      </c>
      <c r="H4940" t="s">
        <v>9867</v>
      </c>
      <c r="I4940" t="s">
        <v>30540</v>
      </c>
    </row>
    <row r="4941" spans="1:9">
      <c r="A4941" s="1">
        <f ca="1">RAND()</f>
        <v>0.67693777979150038</v>
      </c>
      <c r="B4941" s="1"/>
      <c r="C4941">
        <v>12</v>
      </c>
      <c r="D4941" t="s">
        <v>9864</v>
      </c>
      <c r="E4941" t="s">
        <v>32224</v>
      </c>
      <c r="F4941">
        <v>5</v>
      </c>
      <c r="G4941" t="s">
        <v>0</v>
      </c>
      <c r="H4941" t="s">
        <v>9865</v>
      </c>
      <c r="I4941" t="s">
        <v>30540</v>
      </c>
    </row>
    <row r="4942" spans="1:9">
      <c r="A4942" s="1">
        <f ca="1">RAND()</f>
        <v>0.45901584294439812</v>
      </c>
      <c r="B4942" s="1"/>
      <c r="C4942">
        <v>10</v>
      </c>
      <c r="D4942" t="s">
        <v>9860</v>
      </c>
      <c r="E4942" t="s">
        <v>32224</v>
      </c>
      <c r="F4942">
        <v>4</v>
      </c>
      <c r="G4942" t="s">
        <v>0</v>
      </c>
      <c r="H4942" t="s">
        <v>9861</v>
      </c>
      <c r="I4942" t="s">
        <v>30540</v>
      </c>
    </row>
    <row r="4943" spans="1:9">
      <c r="A4943" s="1">
        <f ca="1">RAND()</f>
        <v>9.4360969657847016E-2</v>
      </c>
      <c r="B4943" s="1"/>
      <c r="C4943">
        <v>7</v>
      </c>
      <c r="D4943" t="s">
        <v>9858</v>
      </c>
      <c r="E4943" t="s">
        <v>32224</v>
      </c>
      <c r="F4943">
        <v>2</v>
      </c>
      <c r="G4943" t="s">
        <v>0</v>
      </c>
      <c r="H4943" t="s">
        <v>9859</v>
      </c>
      <c r="I4943" t="s">
        <v>30540</v>
      </c>
    </row>
    <row r="4944" spans="1:9">
      <c r="A4944" s="1">
        <f ca="1">RAND()</f>
        <v>0.91068612957838568</v>
      </c>
      <c r="B4944" s="1"/>
      <c r="C4944">
        <v>11</v>
      </c>
      <c r="D4944" t="s">
        <v>9862</v>
      </c>
      <c r="E4944" t="s">
        <v>32224</v>
      </c>
      <c r="F4944">
        <v>2</v>
      </c>
      <c r="G4944" t="s">
        <v>0</v>
      </c>
      <c r="H4944" t="s">
        <v>9863</v>
      </c>
      <c r="I4944" t="s">
        <v>30540</v>
      </c>
    </row>
    <row r="4945" spans="1:9">
      <c r="A4945" s="1">
        <f ca="1">RAND()</f>
        <v>0.93349178306189495</v>
      </c>
      <c r="B4945" s="1"/>
      <c r="C4945">
        <v>8</v>
      </c>
      <c r="D4945" t="s">
        <v>9850</v>
      </c>
      <c r="E4945" t="s">
        <v>32225</v>
      </c>
      <c r="F4945">
        <v>4</v>
      </c>
      <c r="G4945" t="s">
        <v>0</v>
      </c>
      <c r="H4945" t="s">
        <v>9851</v>
      </c>
      <c r="I4945" t="s">
        <v>30540</v>
      </c>
    </row>
    <row r="4946" spans="1:9">
      <c r="A4946" s="1">
        <f ca="1">RAND()</f>
        <v>0.8103005219885856</v>
      </c>
      <c r="B4946" s="1"/>
      <c r="C4946">
        <v>15</v>
      </c>
      <c r="D4946" t="s">
        <v>9856</v>
      </c>
      <c r="E4946" t="s">
        <v>32225</v>
      </c>
      <c r="F4946">
        <v>4</v>
      </c>
      <c r="G4946" t="s">
        <v>0</v>
      </c>
      <c r="H4946" t="s">
        <v>9857</v>
      </c>
      <c r="I4946" t="s">
        <v>30540</v>
      </c>
    </row>
    <row r="4947" spans="1:9">
      <c r="A4947" s="1">
        <f ca="1">RAND()</f>
        <v>0.34159820681789765</v>
      </c>
      <c r="B4947" s="1"/>
      <c r="C4947">
        <v>9</v>
      </c>
      <c r="D4947" t="s">
        <v>9852</v>
      </c>
      <c r="E4947" t="s">
        <v>32225</v>
      </c>
      <c r="F4947">
        <v>3</v>
      </c>
      <c r="G4947" t="s">
        <v>2</v>
      </c>
      <c r="H4947" t="s">
        <v>9853</v>
      </c>
      <c r="I4947" t="s">
        <v>30540</v>
      </c>
    </row>
    <row r="4948" spans="1:9">
      <c r="A4948" s="1">
        <f ca="1">RAND()</f>
        <v>0.94445919914832133</v>
      </c>
      <c r="B4948" s="1"/>
      <c r="C4948">
        <v>12</v>
      </c>
      <c r="D4948" t="s">
        <v>9854</v>
      </c>
      <c r="E4948" t="s">
        <v>32225</v>
      </c>
      <c r="F4948">
        <v>2</v>
      </c>
      <c r="G4948" t="s">
        <v>0</v>
      </c>
      <c r="H4948" t="s">
        <v>9855</v>
      </c>
      <c r="I4948" t="s">
        <v>30540</v>
      </c>
    </row>
    <row r="4949" spans="1:9">
      <c r="A4949" s="1">
        <f ca="1">RAND()</f>
        <v>0.76244588476187636</v>
      </c>
      <c r="B4949" s="1"/>
      <c r="C4949">
        <v>9</v>
      </c>
      <c r="D4949" t="s">
        <v>9846</v>
      </c>
      <c r="E4949" t="s">
        <v>32226</v>
      </c>
      <c r="F4949">
        <v>5</v>
      </c>
      <c r="G4949" t="s">
        <v>0</v>
      </c>
      <c r="H4949" t="s">
        <v>9847</v>
      </c>
      <c r="I4949" t="s">
        <v>30540</v>
      </c>
    </row>
    <row r="4950" spans="1:9">
      <c r="A4950" s="1">
        <f ca="1">RAND()</f>
        <v>0.11485861526741548</v>
      </c>
      <c r="B4950" s="1"/>
      <c r="C4950">
        <v>10</v>
      </c>
      <c r="D4950" t="s">
        <v>9848</v>
      </c>
      <c r="E4950" t="s">
        <v>32226</v>
      </c>
      <c r="F4950">
        <v>5</v>
      </c>
      <c r="G4950" t="s">
        <v>0</v>
      </c>
      <c r="H4950" t="s">
        <v>9849</v>
      </c>
      <c r="I4950" t="s">
        <v>30540</v>
      </c>
    </row>
    <row r="4951" spans="1:9">
      <c r="A4951" s="1">
        <f ca="1">RAND()</f>
        <v>0.68957637696376761</v>
      </c>
      <c r="B4951" s="1"/>
      <c r="C4951">
        <v>2</v>
      </c>
      <c r="D4951" t="s">
        <v>9844</v>
      </c>
      <c r="E4951" t="s">
        <v>32226</v>
      </c>
      <c r="F4951">
        <v>2</v>
      </c>
      <c r="G4951" t="s">
        <v>0</v>
      </c>
      <c r="H4951" t="s">
        <v>9845</v>
      </c>
      <c r="I4951" t="s">
        <v>30540</v>
      </c>
    </row>
    <row r="4952" spans="1:9">
      <c r="A4952" s="1">
        <f ca="1">RAND()</f>
        <v>6.6461987204853301E-2</v>
      </c>
      <c r="B4952" s="1"/>
      <c r="C4952">
        <v>5</v>
      </c>
      <c r="D4952" t="s">
        <v>9836</v>
      </c>
      <c r="E4952" t="s">
        <v>32227</v>
      </c>
      <c r="F4952">
        <v>5</v>
      </c>
      <c r="G4952" t="s">
        <v>1</v>
      </c>
      <c r="H4952" t="s">
        <v>9837</v>
      </c>
      <c r="I4952" t="s">
        <v>30540</v>
      </c>
    </row>
    <row r="4953" spans="1:9">
      <c r="A4953" s="1">
        <f ca="1">RAND()</f>
        <v>0.48377895990368047</v>
      </c>
      <c r="B4953" s="1"/>
      <c r="C4953">
        <v>18</v>
      </c>
      <c r="D4953" t="s">
        <v>9842</v>
      </c>
      <c r="E4953" t="s">
        <v>32227</v>
      </c>
      <c r="F4953">
        <v>4</v>
      </c>
      <c r="G4953" t="s">
        <v>0</v>
      </c>
      <c r="H4953" t="s">
        <v>9843</v>
      </c>
      <c r="I4953" t="s">
        <v>30540</v>
      </c>
    </row>
    <row r="4954" spans="1:9">
      <c r="A4954" s="1">
        <f ca="1">RAND()</f>
        <v>0.43597864030077382</v>
      </c>
      <c r="B4954" s="1"/>
      <c r="C4954">
        <v>10</v>
      </c>
      <c r="D4954" t="s">
        <v>9840</v>
      </c>
      <c r="E4954" t="s">
        <v>32227</v>
      </c>
      <c r="F4954">
        <v>4</v>
      </c>
      <c r="G4954" t="s">
        <v>0</v>
      </c>
      <c r="H4954" t="s">
        <v>9841</v>
      </c>
      <c r="I4954" t="s">
        <v>30540</v>
      </c>
    </row>
    <row r="4955" spans="1:9">
      <c r="A4955" s="1">
        <f ca="1">RAND()</f>
        <v>0.2453588325619539</v>
      </c>
      <c r="B4955" s="1"/>
      <c r="C4955">
        <v>8</v>
      </c>
      <c r="D4955" t="s">
        <v>9838</v>
      </c>
      <c r="E4955" t="s">
        <v>32227</v>
      </c>
      <c r="F4955">
        <v>4</v>
      </c>
      <c r="G4955" t="s">
        <v>1295</v>
      </c>
      <c r="H4955" t="s">
        <v>9839</v>
      </c>
      <c r="I4955" t="s">
        <v>30540</v>
      </c>
    </row>
    <row r="4956" spans="1:9">
      <c r="A4956" s="1">
        <f ca="1">RAND()</f>
        <v>0.87435382955072838</v>
      </c>
      <c r="B4956" s="1"/>
      <c r="C4956">
        <v>13</v>
      </c>
      <c r="D4956" t="s">
        <v>9832</v>
      </c>
      <c r="E4956" t="s">
        <v>32228</v>
      </c>
      <c r="F4956">
        <v>4</v>
      </c>
      <c r="G4956" t="s">
        <v>0</v>
      </c>
      <c r="H4956" t="s">
        <v>9833</v>
      </c>
      <c r="I4956" t="s">
        <v>30540</v>
      </c>
    </row>
    <row r="4957" spans="1:9">
      <c r="A4957" s="1">
        <f ca="1">RAND()</f>
        <v>0.31410902116837347</v>
      </c>
      <c r="B4957" s="1"/>
      <c r="C4957">
        <v>19</v>
      </c>
      <c r="D4957" t="s">
        <v>9834</v>
      </c>
      <c r="E4957" t="s">
        <v>32228</v>
      </c>
      <c r="F4957">
        <v>4</v>
      </c>
      <c r="G4957" t="s">
        <v>1</v>
      </c>
      <c r="H4957" t="s">
        <v>9835</v>
      </c>
      <c r="I4957" t="s">
        <v>30540</v>
      </c>
    </row>
    <row r="4958" spans="1:9">
      <c r="A4958" s="1">
        <f ca="1">RAND()</f>
        <v>0.37228455867059229</v>
      </c>
      <c r="B4958" s="1"/>
      <c r="C4958">
        <v>1</v>
      </c>
      <c r="D4958" t="s">
        <v>9824</v>
      </c>
      <c r="E4958" t="s">
        <v>32229</v>
      </c>
      <c r="F4958">
        <v>5</v>
      </c>
      <c r="G4958" t="s">
        <v>15</v>
      </c>
      <c r="H4958" t="s">
        <v>9825</v>
      </c>
      <c r="I4958" t="s">
        <v>30540</v>
      </c>
    </row>
    <row r="4959" spans="1:9">
      <c r="A4959" s="1">
        <f ca="1">RAND()</f>
        <v>0.28211799545042293</v>
      </c>
      <c r="B4959" s="1"/>
      <c r="C4959">
        <v>10</v>
      </c>
      <c r="D4959" t="s">
        <v>9830</v>
      </c>
      <c r="E4959" t="s">
        <v>32229</v>
      </c>
      <c r="F4959">
        <v>5</v>
      </c>
      <c r="G4959" t="s">
        <v>0</v>
      </c>
      <c r="H4959" t="s">
        <v>9831</v>
      </c>
      <c r="I4959" t="s">
        <v>30540</v>
      </c>
    </row>
    <row r="4960" spans="1:9">
      <c r="A4960" s="1">
        <f ca="1">RAND()</f>
        <v>0.88115431118831766</v>
      </c>
      <c r="B4960" s="1"/>
      <c r="C4960">
        <v>9</v>
      </c>
      <c r="D4960" t="s">
        <v>9828</v>
      </c>
      <c r="E4960" t="s">
        <v>32229</v>
      </c>
      <c r="F4960">
        <v>4</v>
      </c>
      <c r="G4960" t="s">
        <v>0</v>
      </c>
      <c r="H4960" t="s">
        <v>9829</v>
      </c>
      <c r="I4960" t="s">
        <v>30540</v>
      </c>
    </row>
    <row r="4961" spans="1:9">
      <c r="A4961" s="1">
        <f ca="1">RAND()</f>
        <v>0.65992860177900281</v>
      </c>
      <c r="B4961" s="1"/>
      <c r="C4961">
        <v>8</v>
      </c>
      <c r="D4961" t="s">
        <v>9826</v>
      </c>
      <c r="E4961" t="s">
        <v>32229</v>
      </c>
      <c r="F4961">
        <v>4</v>
      </c>
      <c r="G4961" t="s">
        <v>1</v>
      </c>
      <c r="H4961" t="s">
        <v>9827</v>
      </c>
      <c r="I4961" t="s">
        <v>30540</v>
      </c>
    </row>
    <row r="4962" spans="1:9">
      <c r="A4962" s="1">
        <f ca="1">RAND()</f>
        <v>0.69896484736355602</v>
      </c>
      <c r="B4962" s="1"/>
      <c r="C4962">
        <v>12</v>
      </c>
      <c r="D4962" t="s">
        <v>9818</v>
      </c>
      <c r="E4962" t="s">
        <v>32230</v>
      </c>
      <c r="F4962">
        <v>5</v>
      </c>
      <c r="G4962" t="s">
        <v>0</v>
      </c>
      <c r="H4962" t="s">
        <v>9819</v>
      </c>
      <c r="I4962" t="s">
        <v>30540</v>
      </c>
    </row>
    <row r="4963" spans="1:9">
      <c r="A4963" s="1">
        <f ca="1">RAND()</f>
        <v>0.37538905009120249</v>
      </c>
      <c r="B4963" s="1"/>
      <c r="C4963">
        <v>17</v>
      </c>
      <c r="D4963" t="s">
        <v>9820</v>
      </c>
      <c r="E4963" t="s">
        <v>32230</v>
      </c>
      <c r="F4963">
        <v>5</v>
      </c>
      <c r="G4963" t="s">
        <v>0</v>
      </c>
      <c r="H4963" t="s">
        <v>9821</v>
      </c>
      <c r="I4963" t="s">
        <v>30540</v>
      </c>
    </row>
    <row r="4964" spans="1:9">
      <c r="A4964" s="1">
        <f ca="1">RAND()</f>
        <v>0.2148389571927305</v>
      </c>
      <c r="B4964" s="1"/>
      <c r="C4964">
        <v>18</v>
      </c>
      <c r="D4964" t="s">
        <v>9822</v>
      </c>
      <c r="E4964" t="s">
        <v>32230</v>
      </c>
      <c r="F4964">
        <v>4</v>
      </c>
      <c r="G4964" t="s">
        <v>0</v>
      </c>
      <c r="H4964" t="s">
        <v>9823</v>
      </c>
      <c r="I4964" t="s">
        <v>30540</v>
      </c>
    </row>
    <row r="4965" spans="1:9">
      <c r="A4965" s="1">
        <f ca="1">RAND()</f>
        <v>0.20553339960397765</v>
      </c>
      <c r="B4965" s="1"/>
      <c r="C4965">
        <v>5</v>
      </c>
      <c r="D4965" t="s">
        <v>9814</v>
      </c>
      <c r="E4965" t="s">
        <v>32231</v>
      </c>
      <c r="F4965">
        <v>5</v>
      </c>
      <c r="G4965" t="s">
        <v>13</v>
      </c>
      <c r="H4965" t="s">
        <v>9815</v>
      </c>
      <c r="I4965" t="s">
        <v>30540</v>
      </c>
    </row>
    <row r="4966" spans="1:9">
      <c r="A4966" s="1">
        <f ca="1">RAND()</f>
        <v>0.96164888308746488</v>
      </c>
      <c r="B4966" s="1"/>
      <c r="C4966">
        <v>2</v>
      </c>
      <c r="D4966" t="s">
        <v>9810</v>
      </c>
      <c r="E4966" t="s">
        <v>32231</v>
      </c>
      <c r="F4966">
        <v>4</v>
      </c>
      <c r="G4966" t="s">
        <v>0</v>
      </c>
      <c r="H4966" t="s">
        <v>9811</v>
      </c>
      <c r="I4966" t="s">
        <v>30540</v>
      </c>
    </row>
    <row r="4967" spans="1:9">
      <c r="A4967" s="1">
        <f ca="1">RAND()</f>
        <v>0.648024977021597</v>
      </c>
      <c r="B4967" s="1"/>
      <c r="C4967">
        <v>3</v>
      </c>
      <c r="D4967" t="s">
        <v>9812</v>
      </c>
      <c r="E4967" t="s">
        <v>32231</v>
      </c>
      <c r="F4967">
        <v>3</v>
      </c>
      <c r="G4967" t="s">
        <v>0</v>
      </c>
      <c r="H4967" t="s">
        <v>9813</v>
      </c>
      <c r="I4967" t="s">
        <v>30540</v>
      </c>
    </row>
    <row r="4968" spans="1:9">
      <c r="A4968" s="1">
        <f ca="1">RAND()</f>
        <v>0.28634007031443076</v>
      </c>
      <c r="B4968" s="1"/>
      <c r="C4968">
        <v>13</v>
      </c>
      <c r="D4968" t="s">
        <v>9816</v>
      </c>
      <c r="E4968" t="s">
        <v>32231</v>
      </c>
      <c r="F4968">
        <v>2</v>
      </c>
      <c r="G4968" t="s">
        <v>0</v>
      </c>
      <c r="H4968" t="s">
        <v>9817</v>
      </c>
      <c r="I4968" t="s">
        <v>30540</v>
      </c>
    </row>
    <row r="4969" spans="1:9">
      <c r="A4969" s="1">
        <f ca="1">RAND()</f>
        <v>0.71857586950504737</v>
      </c>
      <c r="B4969" s="1"/>
      <c r="C4969">
        <v>15</v>
      </c>
      <c r="D4969" t="s">
        <v>9802</v>
      </c>
      <c r="E4969" t="s">
        <v>32232</v>
      </c>
      <c r="F4969">
        <v>4</v>
      </c>
      <c r="G4969" t="s">
        <v>0</v>
      </c>
      <c r="H4969" t="s">
        <v>9803</v>
      </c>
      <c r="I4969" t="s">
        <v>30540</v>
      </c>
    </row>
    <row r="4970" spans="1:9">
      <c r="A4970" s="1">
        <f ca="1">RAND()</f>
        <v>0.18077774280410708</v>
      </c>
      <c r="B4970" s="1"/>
      <c r="C4970">
        <v>18</v>
      </c>
      <c r="D4970" t="s">
        <v>9806</v>
      </c>
      <c r="E4970" t="s">
        <v>32232</v>
      </c>
      <c r="F4970">
        <v>4</v>
      </c>
      <c r="G4970" t="s">
        <v>0</v>
      </c>
      <c r="H4970" t="s">
        <v>9807</v>
      </c>
      <c r="I4970" t="s">
        <v>30540</v>
      </c>
    </row>
    <row r="4971" spans="1:9">
      <c r="A4971" s="1">
        <f ca="1">RAND()</f>
        <v>0.42219133985351265</v>
      </c>
      <c r="B4971" s="1"/>
      <c r="C4971">
        <v>2</v>
      </c>
      <c r="D4971" t="s">
        <v>9798</v>
      </c>
      <c r="E4971" t="s">
        <v>32232</v>
      </c>
      <c r="F4971">
        <v>3</v>
      </c>
      <c r="G4971" t="s">
        <v>1295</v>
      </c>
      <c r="H4971" t="s">
        <v>9799</v>
      </c>
      <c r="I4971" t="s">
        <v>30540</v>
      </c>
    </row>
    <row r="4972" spans="1:9">
      <c r="A4972" s="1">
        <f ca="1">RAND()</f>
        <v>0.33614777898274684</v>
      </c>
      <c r="B4972" s="1"/>
      <c r="C4972">
        <v>10</v>
      </c>
      <c r="D4972" t="s">
        <v>9800</v>
      </c>
      <c r="E4972" t="s">
        <v>32232</v>
      </c>
      <c r="F4972">
        <v>2</v>
      </c>
      <c r="G4972" t="s">
        <v>770</v>
      </c>
      <c r="H4972" t="s">
        <v>9801</v>
      </c>
      <c r="I4972" t="s">
        <v>30540</v>
      </c>
    </row>
    <row r="4973" spans="1:9">
      <c r="A4973" s="1">
        <f ca="1">RAND()</f>
        <v>0.9814388477163396</v>
      </c>
      <c r="B4973" s="1"/>
      <c r="C4973">
        <v>1</v>
      </c>
      <c r="D4973" t="s">
        <v>9796</v>
      </c>
      <c r="E4973" t="s">
        <v>32232</v>
      </c>
      <c r="F4973">
        <v>2</v>
      </c>
      <c r="G4973" t="s">
        <v>1295</v>
      </c>
      <c r="H4973" t="s">
        <v>9797</v>
      </c>
      <c r="I4973" t="s">
        <v>30540</v>
      </c>
    </row>
    <row r="4974" spans="1:9">
      <c r="A4974" s="1">
        <f ca="1">RAND()</f>
        <v>0.86853581802741386</v>
      </c>
      <c r="B4974" s="1"/>
      <c r="C4974">
        <v>17</v>
      </c>
      <c r="D4974" t="s">
        <v>9804</v>
      </c>
      <c r="E4974" t="s">
        <v>32232</v>
      </c>
      <c r="F4974">
        <v>1</v>
      </c>
      <c r="G4974" t="s">
        <v>765</v>
      </c>
      <c r="H4974" t="s">
        <v>9805</v>
      </c>
      <c r="I4974" t="s">
        <v>30540</v>
      </c>
    </row>
    <row r="4975" spans="1:9">
      <c r="A4975" s="1">
        <f ca="1">RAND()</f>
        <v>2.7917852274942145E-2</v>
      </c>
      <c r="B4975" s="1"/>
      <c r="C4975">
        <v>19</v>
      </c>
      <c r="D4975" t="s">
        <v>9808</v>
      </c>
      <c r="E4975" t="s">
        <v>32232</v>
      </c>
      <c r="F4975">
        <v>1</v>
      </c>
      <c r="G4975" t="s">
        <v>0</v>
      </c>
      <c r="H4975" t="s">
        <v>9809</v>
      </c>
      <c r="I4975" t="s">
        <v>30540</v>
      </c>
    </row>
    <row r="4976" spans="1:9">
      <c r="A4976" s="1">
        <f ca="1">RAND()</f>
        <v>0.76950225005337158</v>
      </c>
      <c r="B4976" s="1"/>
      <c r="C4976">
        <v>5</v>
      </c>
      <c r="D4976" t="s">
        <v>9792</v>
      </c>
      <c r="E4976" t="s">
        <v>32233</v>
      </c>
      <c r="F4976">
        <v>5</v>
      </c>
      <c r="G4976" t="s">
        <v>771</v>
      </c>
      <c r="H4976" t="s">
        <v>9793</v>
      </c>
      <c r="I4976" t="s">
        <v>30540</v>
      </c>
    </row>
    <row r="4977" spans="1:9">
      <c r="A4977" s="1">
        <f ca="1">RAND()</f>
        <v>0.53742933592215869</v>
      </c>
      <c r="B4977" s="1"/>
      <c r="C4977">
        <v>8</v>
      </c>
      <c r="D4977" t="s">
        <v>9794</v>
      </c>
      <c r="E4977" t="s">
        <v>32233</v>
      </c>
      <c r="F4977">
        <v>4</v>
      </c>
      <c r="G4977" t="s">
        <v>765</v>
      </c>
      <c r="H4977" t="s">
        <v>9795</v>
      </c>
      <c r="I4977" t="s">
        <v>30540</v>
      </c>
    </row>
    <row r="4978" spans="1:9">
      <c r="A4978" s="1">
        <f ca="1">RAND()</f>
        <v>0.47047945061335694</v>
      </c>
      <c r="B4978" s="1"/>
      <c r="C4978">
        <v>4</v>
      </c>
      <c r="D4978" t="s">
        <v>9790</v>
      </c>
      <c r="E4978" t="s">
        <v>32233</v>
      </c>
      <c r="F4978">
        <v>4</v>
      </c>
      <c r="G4978" t="s">
        <v>1</v>
      </c>
      <c r="H4978" t="s">
        <v>9791</v>
      </c>
      <c r="I4978" t="s">
        <v>30540</v>
      </c>
    </row>
    <row r="4979" spans="1:9">
      <c r="A4979" s="1">
        <f ca="1">RAND()</f>
        <v>0.57953138187619568</v>
      </c>
      <c r="B4979" s="1"/>
      <c r="C4979">
        <v>11</v>
      </c>
      <c r="D4979" t="s">
        <v>9788</v>
      </c>
      <c r="E4979" t="s">
        <v>32234</v>
      </c>
      <c r="F4979">
        <v>5</v>
      </c>
      <c r="G4979" t="s">
        <v>0</v>
      </c>
      <c r="H4979" t="s">
        <v>9789</v>
      </c>
      <c r="I4979" t="s">
        <v>30540</v>
      </c>
    </row>
    <row r="4980" spans="1:9">
      <c r="A4980" s="1">
        <f ca="1">RAND()</f>
        <v>0.15513915418609803</v>
      </c>
      <c r="B4980" s="1"/>
      <c r="C4980">
        <v>7</v>
      </c>
      <c r="D4980" t="s">
        <v>9786</v>
      </c>
      <c r="E4980" t="s">
        <v>32234</v>
      </c>
      <c r="F4980">
        <v>2</v>
      </c>
      <c r="G4980" t="s">
        <v>0</v>
      </c>
      <c r="H4980" t="s">
        <v>9787</v>
      </c>
      <c r="I4980" t="s">
        <v>30540</v>
      </c>
    </row>
    <row r="4981" spans="1:9">
      <c r="A4981" s="1">
        <f ca="1">RAND()</f>
        <v>0.18563130744310596</v>
      </c>
      <c r="B4981" s="1"/>
      <c r="C4981">
        <v>1</v>
      </c>
      <c r="D4981" t="s">
        <v>9784</v>
      </c>
      <c r="E4981" t="s">
        <v>32234</v>
      </c>
      <c r="F4981">
        <v>2</v>
      </c>
      <c r="G4981" t="s">
        <v>0</v>
      </c>
      <c r="H4981" t="s">
        <v>9785</v>
      </c>
      <c r="I4981" t="s">
        <v>30540</v>
      </c>
    </row>
    <row r="4982" spans="1:9">
      <c r="A4982" s="1">
        <f ca="1">RAND()</f>
        <v>0.22288139241955829</v>
      </c>
      <c r="B4982" s="1"/>
      <c r="C4982">
        <v>11</v>
      </c>
      <c r="D4982" t="s">
        <v>9782</v>
      </c>
      <c r="E4982" t="s">
        <v>32235</v>
      </c>
      <c r="F4982">
        <v>5</v>
      </c>
      <c r="G4982" t="s">
        <v>0</v>
      </c>
      <c r="H4982" t="s">
        <v>9783</v>
      </c>
      <c r="I4982" t="s">
        <v>30540</v>
      </c>
    </row>
    <row r="4983" spans="1:9">
      <c r="A4983" s="1">
        <f ca="1">RAND()</f>
        <v>6.7787632238404338E-2</v>
      </c>
      <c r="B4983" s="1"/>
      <c r="C4983">
        <v>9</v>
      </c>
      <c r="D4983" t="s">
        <v>9780</v>
      </c>
      <c r="E4983" t="s">
        <v>32235</v>
      </c>
      <c r="F4983">
        <v>5</v>
      </c>
      <c r="G4983" t="s">
        <v>0</v>
      </c>
      <c r="H4983" t="s">
        <v>9781</v>
      </c>
      <c r="I4983" t="s">
        <v>30540</v>
      </c>
    </row>
    <row r="4984" spans="1:9">
      <c r="A4984" s="1">
        <f ca="1">RAND()</f>
        <v>0.40356575067455924</v>
      </c>
      <c r="B4984" s="1"/>
      <c r="C4984">
        <v>8</v>
      </c>
      <c r="D4984" t="s">
        <v>9778</v>
      </c>
      <c r="E4984" t="s">
        <v>32235</v>
      </c>
      <c r="F4984">
        <v>4</v>
      </c>
      <c r="G4984" t="s">
        <v>0</v>
      </c>
      <c r="H4984" t="s">
        <v>9779</v>
      </c>
      <c r="I4984" t="s">
        <v>30540</v>
      </c>
    </row>
    <row r="4985" spans="1:9">
      <c r="A4985" s="1">
        <f ca="1">RAND()</f>
        <v>0.4037283117076722</v>
      </c>
      <c r="B4985" s="1"/>
      <c r="C4985">
        <v>9</v>
      </c>
      <c r="D4985" t="s">
        <v>9772</v>
      </c>
      <c r="E4985" t="s">
        <v>32236</v>
      </c>
      <c r="F4985">
        <v>5</v>
      </c>
      <c r="G4985" t="s">
        <v>0</v>
      </c>
      <c r="H4985" t="s">
        <v>9773</v>
      </c>
      <c r="I4985" t="s">
        <v>30540</v>
      </c>
    </row>
    <row r="4986" spans="1:9">
      <c r="A4986" s="1">
        <f ca="1">RAND()</f>
        <v>0.8305885807160418</v>
      </c>
      <c r="B4986" s="1"/>
      <c r="C4986">
        <v>12</v>
      </c>
      <c r="D4986" t="s">
        <v>9776</v>
      </c>
      <c r="E4986" t="s">
        <v>32236</v>
      </c>
      <c r="F4986">
        <v>5</v>
      </c>
      <c r="G4986" t="s">
        <v>10</v>
      </c>
      <c r="H4986" t="s">
        <v>9777</v>
      </c>
      <c r="I4986" t="s">
        <v>30540</v>
      </c>
    </row>
    <row r="4987" spans="1:9">
      <c r="A4987" s="1">
        <f ca="1">RAND()</f>
        <v>0.91050328538742209</v>
      </c>
      <c r="B4987" s="1"/>
      <c r="C4987">
        <v>8</v>
      </c>
      <c r="D4987" t="s">
        <v>9770</v>
      </c>
      <c r="E4987" t="s">
        <v>32236</v>
      </c>
      <c r="F4987">
        <v>4</v>
      </c>
      <c r="G4987" t="s">
        <v>0</v>
      </c>
      <c r="H4987" t="s">
        <v>9771</v>
      </c>
      <c r="I4987" t="s">
        <v>30540</v>
      </c>
    </row>
    <row r="4988" spans="1:9">
      <c r="A4988" s="1">
        <f ca="1">RAND()</f>
        <v>0.5732543792247351</v>
      </c>
      <c r="B4988" s="1"/>
      <c r="C4988">
        <v>10</v>
      </c>
      <c r="D4988" t="s">
        <v>9774</v>
      </c>
      <c r="E4988" t="s">
        <v>32236</v>
      </c>
      <c r="F4988">
        <v>4</v>
      </c>
      <c r="G4988" t="s">
        <v>0</v>
      </c>
      <c r="H4988" t="s">
        <v>9775</v>
      </c>
      <c r="I4988" t="s">
        <v>30540</v>
      </c>
    </row>
    <row r="4989" spans="1:9">
      <c r="A4989" s="1">
        <f ca="1">RAND()</f>
        <v>0.2076297044208717</v>
      </c>
      <c r="B4989" s="1"/>
      <c r="C4989">
        <v>19</v>
      </c>
      <c r="D4989" t="s">
        <v>9768</v>
      </c>
      <c r="E4989" t="s">
        <v>32237</v>
      </c>
      <c r="F4989">
        <v>4</v>
      </c>
      <c r="G4989" t="s">
        <v>770</v>
      </c>
      <c r="H4989" t="s">
        <v>9769</v>
      </c>
      <c r="I4989" t="s">
        <v>30540</v>
      </c>
    </row>
    <row r="4990" spans="1:9">
      <c r="A4990" s="1">
        <f ca="1">RAND()</f>
        <v>0.35303482387931306</v>
      </c>
      <c r="B4990" s="1"/>
      <c r="C4990">
        <v>14</v>
      </c>
      <c r="D4990" t="s">
        <v>9766</v>
      </c>
      <c r="E4990" t="s">
        <v>32237</v>
      </c>
      <c r="F4990">
        <v>4</v>
      </c>
      <c r="G4990" t="s">
        <v>0</v>
      </c>
      <c r="H4990" t="s">
        <v>9767</v>
      </c>
      <c r="I4990" t="s">
        <v>30540</v>
      </c>
    </row>
    <row r="4991" spans="1:9">
      <c r="A4991" s="1">
        <f ca="1">RAND()</f>
        <v>0.12575099188447536</v>
      </c>
      <c r="B4991" s="1"/>
      <c r="C4991">
        <v>5</v>
      </c>
      <c r="D4991" t="s">
        <v>9764</v>
      </c>
      <c r="E4991" t="s">
        <v>32237</v>
      </c>
      <c r="F4991">
        <v>4</v>
      </c>
      <c r="G4991" t="s">
        <v>1</v>
      </c>
      <c r="H4991" t="s">
        <v>9765</v>
      </c>
      <c r="I4991" t="s">
        <v>30540</v>
      </c>
    </row>
    <row r="4992" spans="1:9">
      <c r="A4992" s="1">
        <f ca="1">RAND()</f>
        <v>0.93938290613699549</v>
      </c>
      <c r="B4992" s="1"/>
      <c r="C4992">
        <v>16</v>
      </c>
      <c r="D4992" t="s">
        <v>9762</v>
      </c>
      <c r="E4992" t="s">
        <v>32238</v>
      </c>
      <c r="F4992">
        <v>5</v>
      </c>
      <c r="G4992" t="s">
        <v>0</v>
      </c>
      <c r="H4992" t="s">
        <v>9763</v>
      </c>
      <c r="I4992" t="s">
        <v>30540</v>
      </c>
    </row>
    <row r="4993" spans="1:9">
      <c r="A4993" s="1">
        <f ca="1">RAND()</f>
        <v>0.61193087527428347</v>
      </c>
      <c r="B4993" s="1"/>
      <c r="C4993">
        <v>2</v>
      </c>
      <c r="D4993" t="s">
        <v>9748</v>
      </c>
      <c r="E4993" t="s">
        <v>32238</v>
      </c>
      <c r="F4993">
        <v>5</v>
      </c>
      <c r="G4993" t="s">
        <v>15</v>
      </c>
      <c r="H4993" t="s">
        <v>9749</v>
      </c>
      <c r="I4993" t="s">
        <v>30540</v>
      </c>
    </row>
    <row r="4994" spans="1:9">
      <c r="A4994" s="1">
        <f ca="1">RAND()</f>
        <v>0.16941148256565819</v>
      </c>
      <c r="B4994" s="1"/>
      <c r="C4994">
        <v>14</v>
      </c>
      <c r="D4994" t="s">
        <v>9760</v>
      </c>
      <c r="E4994" t="s">
        <v>32238</v>
      </c>
      <c r="F4994">
        <v>5</v>
      </c>
      <c r="G4994" t="s">
        <v>0</v>
      </c>
      <c r="H4994" t="s">
        <v>9761</v>
      </c>
      <c r="I4994" t="s">
        <v>30540</v>
      </c>
    </row>
    <row r="4995" spans="1:9">
      <c r="A4995" s="1">
        <f ca="1">RAND()</f>
        <v>0.90440545446042142</v>
      </c>
      <c r="B4995" s="1"/>
      <c r="C4995">
        <v>11</v>
      </c>
      <c r="D4995" t="s">
        <v>9756</v>
      </c>
      <c r="E4995" t="s">
        <v>32238</v>
      </c>
      <c r="F4995">
        <v>4</v>
      </c>
      <c r="G4995" t="s">
        <v>15</v>
      </c>
      <c r="H4995" t="s">
        <v>9757</v>
      </c>
      <c r="I4995" t="s">
        <v>30540</v>
      </c>
    </row>
    <row r="4996" spans="1:9">
      <c r="A4996" s="1">
        <f ca="1">RAND()</f>
        <v>0.8000191815053681</v>
      </c>
      <c r="B4996" s="1"/>
      <c r="C4996">
        <v>1</v>
      </c>
      <c r="D4996" t="s">
        <v>9746</v>
      </c>
      <c r="E4996" t="s">
        <v>32238</v>
      </c>
      <c r="F4996">
        <v>4</v>
      </c>
      <c r="G4996" t="s">
        <v>770</v>
      </c>
      <c r="H4996" t="s">
        <v>9747</v>
      </c>
      <c r="I4996" t="s">
        <v>30540</v>
      </c>
    </row>
    <row r="4997" spans="1:9">
      <c r="A4997" s="1">
        <f ca="1">RAND()</f>
        <v>0.17785325914518546</v>
      </c>
      <c r="B4997" s="1"/>
      <c r="C4997">
        <v>6</v>
      </c>
      <c r="D4997" t="s">
        <v>9752</v>
      </c>
      <c r="E4997" t="s">
        <v>32238</v>
      </c>
      <c r="F4997">
        <v>4</v>
      </c>
      <c r="G4997" t="s">
        <v>765</v>
      </c>
      <c r="H4997" t="s">
        <v>9753</v>
      </c>
      <c r="I4997" t="s">
        <v>30540</v>
      </c>
    </row>
    <row r="4998" spans="1:9">
      <c r="A4998" s="1">
        <f ca="1">RAND()</f>
        <v>0.32771569276039691</v>
      </c>
      <c r="B4998" s="1"/>
      <c r="C4998">
        <v>10</v>
      </c>
      <c r="D4998" t="s">
        <v>9754</v>
      </c>
      <c r="E4998" t="s">
        <v>32238</v>
      </c>
      <c r="F4998">
        <v>4</v>
      </c>
      <c r="G4998" t="s">
        <v>2</v>
      </c>
      <c r="H4998" t="s">
        <v>9755</v>
      </c>
      <c r="I4998" t="s">
        <v>30540</v>
      </c>
    </row>
    <row r="4999" spans="1:9">
      <c r="A4999" s="1">
        <f ca="1">RAND()</f>
        <v>0.6372686454944988</v>
      </c>
      <c r="B4999" s="1"/>
      <c r="C4999">
        <v>12</v>
      </c>
      <c r="D4999" t="s">
        <v>9758</v>
      </c>
      <c r="E4999" t="s">
        <v>32238</v>
      </c>
      <c r="F4999">
        <v>4</v>
      </c>
      <c r="G4999" t="s">
        <v>1</v>
      </c>
      <c r="H4999" t="s">
        <v>9759</v>
      </c>
      <c r="I4999" t="s">
        <v>30540</v>
      </c>
    </row>
    <row r="5000" spans="1:9">
      <c r="A5000" s="1">
        <f ca="1">RAND()</f>
        <v>0.90413811366211927</v>
      </c>
      <c r="B5000" s="1"/>
      <c r="C5000">
        <v>4</v>
      </c>
      <c r="D5000" t="s">
        <v>9750</v>
      </c>
      <c r="E5000" t="s">
        <v>32238</v>
      </c>
      <c r="F5000">
        <v>4</v>
      </c>
      <c r="G5000" t="s">
        <v>766</v>
      </c>
      <c r="H5000" t="s">
        <v>9751</v>
      </c>
      <c r="I5000" t="s">
        <v>30540</v>
      </c>
    </row>
    <row r="5001" spans="1:9">
      <c r="A5001" s="1">
        <f ca="1">RAND()</f>
        <v>0.34139403707550742</v>
      </c>
      <c r="B5001" s="1"/>
      <c r="C5001">
        <v>6</v>
      </c>
      <c r="D5001" t="s">
        <v>9740</v>
      </c>
      <c r="E5001" t="s">
        <v>32239</v>
      </c>
      <c r="F5001">
        <v>5</v>
      </c>
      <c r="G5001" t="s">
        <v>0</v>
      </c>
      <c r="H5001" t="s">
        <v>9741</v>
      </c>
      <c r="I5001" t="s">
        <v>30540</v>
      </c>
    </row>
    <row r="5002" spans="1:9">
      <c r="A5002" s="1">
        <f ca="1">RAND()</f>
        <v>0.15431849545441945</v>
      </c>
      <c r="B5002" s="1"/>
      <c r="C5002">
        <v>9</v>
      </c>
      <c r="D5002" t="s">
        <v>9744</v>
      </c>
      <c r="E5002" t="s">
        <v>32239</v>
      </c>
      <c r="F5002">
        <v>4</v>
      </c>
      <c r="G5002" t="s">
        <v>0</v>
      </c>
      <c r="H5002" t="s">
        <v>9745</v>
      </c>
      <c r="I5002" t="s">
        <v>30540</v>
      </c>
    </row>
    <row r="5003" spans="1:9">
      <c r="A5003" s="1">
        <f ca="1">RAND()</f>
        <v>0.83261307774196358</v>
      </c>
      <c r="B5003" s="1"/>
      <c r="C5003">
        <v>3</v>
      </c>
      <c r="D5003" t="s">
        <v>9736</v>
      </c>
      <c r="E5003" t="s">
        <v>32239</v>
      </c>
      <c r="F5003">
        <v>4</v>
      </c>
      <c r="G5003" t="s">
        <v>1</v>
      </c>
      <c r="H5003" t="s">
        <v>9737</v>
      </c>
      <c r="I5003" t="s">
        <v>30540</v>
      </c>
    </row>
    <row r="5004" spans="1:9">
      <c r="A5004" s="1">
        <f ca="1">RAND()</f>
        <v>0.27656530094587983</v>
      </c>
      <c r="B5004" s="1"/>
      <c r="C5004">
        <v>5</v>
      </c>
      <c r="D5004" t="s">
        <v>9738</v>
      </c>
      <c r="E5004" t="s">
        <v>32239</v>
      </c>
      <c r="F5004">
        <v>4</v>
      </c>
      <c r="G5004" t="s">
        <v>0</v>
      </c>
      <c r="H5004" t="s">
        <v>9739</v>
      </c>
      <c r="I5004" t="s">
        <v>30540</v>
      </c>
    </row>
    <row r="5005" spans="1:9">
      <c r="A5005" s="1">
        <f ca="1">RAND()</f>
        <v>0.48309220432756927</v>
      </c>
      <c r="B5005" s="1"/>
      <c r="C5005">
        <v>1</v>
      </c>
      <c r="D5005" t="s">
        <v>9734</v>
      </c>
      <c r="E5005" t="s">
        <v>32239</v>
      </c>
      <c r="F5005">
        <v>4</v>
      </c>
      <c r="G5005" t="s">
        <v>14</v>
      </c>
      <c r="H5005" t="s">
        <v>9735</v>
      </c>
      <c r="I5005" t="s">
        <v>30540</v>
      </c>
    </row>
    <row r="5006" spans="1:9">
      <c r="A5006" s="1">
        <f ca="1">RAND()</f>
        <v>8.9540831909150631E-2</v>
      </c>
      <c r="B5006" s="1"/>
      <c r="C5006">
        <v>8</v>
      </c>
      <c r="D5006" t="s">
        <v>9742</v>
      </c>
      <c r="E5006" t="s">
        <v>32239</v>
      </c>
      <c r="F5006">
        <v>2</v>
      </c>
      <c r="G5006" t="s">
        <v>0</v>
      </c>
      <c r="H5006" t="s">
        <v>9743</v>
      </c>
      <c r="I5006" t="s">
        <v>30540</v>
      </c>
    </row>
    <row r="5007" spans="1:9">
      <c r="A5007" s="1">
        <f ca="1">RAND()</f>
        <v>0.87836249740783368</v>
      </c>
      <c r="B5007" s="1"/>
      <c r="C5007">
        <v>7</v>
      </c>
      <c r="D5007" t="s">
        <v>9720</v>
      </c>
      <c r="E5007" t="s">
        <v>32240</v>
      </c>
      <c r="F5007">
        <v>5</v>
      </c>
      <c r="G5007" t="s">
        <v>2</v>
      </c>
      <c r="H5007" t="s">
        <v>9721</v>
      </c>
      <c r="I5007" t="s">
        <v>30540</v>
      </c>
    </row>
    <row r="5008" spans="1:9">
      <c r="A5008" s="1">
        <f ca="1">RAND()</f>
        <v>0.39273263494368738</v>
      </c>
      <c r="B5008" s="1"/>
      <c r="C5008">
        <v>12</v>
      </c>
      <c r="D5008" t="s">
        <v>9726</v>
      </c>
      <c r="E5008" t="s">
        <v>32240</v>
      </c>
      <c r="F5008">
        <v>4</v>
      </c>
      <c r="G5008" t="s">
        <v>2</v>
      </c>
      <c r="H5008" t="s">
        <v>9727</v>
      </c>
      <c r="I5008" t="s">
        <v>30540</v>
      </c>
    </row>
    <row r="5009" spans="1:9">
      <c r="A5009" s="1">
        <f ca="1">RAND()</f>
        <v>0.73864980589957185</v>
      </c>
      <c r="B5009" s="1"/>
      <c r="C5009">
        <v>11</v>
      </c>
      <c r="D5009" t="s">
        <v>9724</v>
      </c>
      <c r="E5009" t="s">
        <v>32240</v>
      </c>
      <c r="F5009">
        <v>4</v>
      </c>
      <c r="G5009" t="s">
        <v>2</v>
      </c>
      <c r="H5009" t="s">
        <v>9725</v>
      </c>
      <c r="I5009" t="s">
        <v>30540</v>
      </c>
    </row>
    <row r="5010" spans="1:9">
      <c r="A5010" s="1">
        <f ca="1">RAND()</f>
        <v>0.44009203766006144</v>
      </c>
      <c r="B5010" s="1"/>
      <c r="C5010">
        <v>9</v>
      </c>
      <c r="D5010" t="s">
        <v>9722</v>
      </c>
      <c r="E5010" t="s">
        <v>32240</v>
      </c>
      <c r="F5010">
        <v>4</v>
      </c>
      <c r="G5010" t="s">
        <v>9</v>
      </c>
      <c r="H5010" t="s">
        <v>9723</v>
      </c>
      <c r="I5010" t="s">
        <v>30540</v>
      </c>
    </row>
    <row r="5011" spans="1:9">
      <c r="A5011" s="1">
        <f ca="1">RAND()</f>
        <v>0.45948902311394135</v>
      </c>
      <c r="B5011" s="1"/>
      <c r="C5011">
        <v>4</v>
      </c>
      <c r="D5011" t="s">
        <v>9716</v>
      </c>
      <c r="E5011" t="s">
        <v>32240</v>
      </c>
      <c r="F5011">
        <v>4</v>
      </c>
      <c r="G5011" t="s">
        <v>0</v>
      </c>
      <c r="H5011" t="s">
        <v>9717</v>
      </c>
      <c r="I5011" t="s">
        <v>30540</v>
      </c>
    </row>
    <row r="5012" spans="1:9">
      <c r="A5012" s="1">
        <f ca="1">RAND()</f>
        <v>0.60840973826890843</v>
      </c>
      <c r="B5012" s="1"/>
      <c r="C5012">
        <v>13</v>
      </c>
      <c r="D5012" t="s">
        <v>9728</v>
      </c>
      <c r="E5012" t="s">
        <v>32240</v>
      </c>
      <c r="F5012">
        <v>4</v>
      </c>
      <c r="G5012" t="s">
        <v>0</v>
      </c>
      <c r="H5012" t="s">
        <v>9729</v>
      </c>
      <c r="I5012" t="s">
        <v>30540</v>
      </c>
    </row>
    <row r="5013" spans="1:9">
      <c r="A5013" s="1">
        <f ca="1">RAND()</f>
        <v>0.95346136290796346</v>
      </c>
      <c r="B5013" s="1"/>
      <c r="C5013">
        <v>18</v>
      </c>
      <c r="D5013" t="s">
        <v>9732</v>
      </c>
      <c r="E5013" t="s">
        <v>32240</v>
      </c>
      <c r="F5013">
        <v>4</v>
      </c>
      <c r="G5013" t="s">
        <v>2</v>
      </c>
      <c r="H5013" t="s">
        <v>9733</v>
      </c>
      <c r="I5013" t="s">
        <v>30540</v>
      </c>
    </row>
    <row r="5014" spans="1:9">
      <c r="A5014" s="1">
        <f ca="1">RAND()</f>
        <v>0.61446520021254458</v>
      </c>
      <c r="B5014" s="1"/>
      <c r="C5014">
        <v>16</v>
      </c>
      <c r="D5014" t="s">
        <v>9730</v>
      </c>
      <c r="E5014" t="s">
        <v>32240</v>
      </c>
      <c r="F5014">
        <v>4</v>
      </c>
      <c r="G5014" t="s">
        <v>0</v>
      </c>
      <c r="H5014" t="s">
        <v>9731</v>
      </c>
      <c r="I5014" t="s">
        <v>30540</v>
      </c>
    </row>
    <row r="5015" spans="1:9">
      <c r="A5015" s="1">
        <f ca="1">RAND()</f>
        <v>0.50131974711646443</v>
      </c>
      <c r="B5015" s="1"/>
      <c r="C5015">
        <v>5</v>
      </c>
      <c r="D5015" t="s">
        <v>9718</v>
      </c>
      <c r="E5015" t="s">
        <v>32240</v>
      </c>
      <c r="F5015">
        <v>3</v>
      </c>
      <c r="G5015" t="s">
        <v>13</v>
      </c>
      <c r="H5015" t="s">
        <v>9719</v>
      </c>
      <c r="I5015" t="s">
        <v>30540</v>
      </c>
    </row>
    <row r="5016" spans="1:9">
      <c r="A5016" s="1">
        <f ca="1">RAND()</f>
        <v>0.36928826880833499</v>
      </c>
      <c r="B5016" s="1"/>
      <c r="C5016">
        <v>2</v>
      </c>
      <c r="D5016" t="s">
        <v>9706</v>
      </c>
      <c r="E5016" t="s">
        <v>32241</v>
      </c>
      <c r="F5016">
        <v>5</v>
      </c>
      <c r="G5016" t="s">
        <v>0</v>
      </c>
      <c r="H5016" t="s">
        <v>9707</v>
      </c>
      <c r="I5016" t="s">
        <v>30540</v>
      </c>
    </row>
    <row r="5017" spans="1:9">
      <c r="A5017" s="1">
        <f ca="1">RAND()</f>
        <v>0.66315267991987692</v>
      </c>
      <c r="B5017" s="1"/>
      <c r="C5017">
        <v>6</v>
      </c>
      <c r="D5017" t="s">
        <v>9710</v>
      </c>
      <c r="E5017" t="s">
        <v>32241</v>
      </c>
      <c r="F5017">
        <v>5</v>
      </c>
      <c r="G5017" t="s">
        <v>15</v>
      </c>
      <c r="H5017" t="s">
        <v>9711</v>
      </c>
      <c r="I5017" t="s">
        <v>30540</v>
      </c>
    </row>
    <row r="5018" spans="1:9">
      <c r="A5018" s="1">
        <f ca="1">RAND()</f>
        <v>0.45507904984142034</v>
      </c>
      <c r="B5018" s="1"/>
      <c r="C5018">
        <v>8</v>
      </c>
      <c r="D5018" t="s">
        <v>9714</v>
      </c>
      <c r="E5018" t="s">
        <v>32241</v>
      </c>
      <c r="F5018">
        <v>3</v>
      </c>
      <c r="G5018" t="s">
        <v>0</v>
      </c>
      <c r="H5018" t="s">
        <v>9715</v>
      </c>
      <c r="I5018" t="s">
        <v>30540</v>
      </c>
    </row>
    <row r="5019" spans="1:9">
      <c r="A5019" s="1">
        <f ca="1">RAND()</f>
        <v>6.0080551044975117E-2</v>
      </c>
      <c r="B5019" s="1"/>
      <c r="C5019">
        <v>3</v>
      </c>
      <c r="D5019" t="s">
        <v>9708</v>
      </c>
      <c r="E5019" t="s">
        <v>32241</v>
      </c>
      <c r="F5019">
        <v>2</v>
      </c>
      <c r="G5019" t="s">
        <v>0</v>
      </c>
      <c r="H5019" t="s">
        <v>9709</v>
      </c>
      <c r="I5019" t="s">
        <v>30540</v>
      </c>
    </row>
    <row r="5020" spans="1:9">
      <c r="A5020" s="1">
        <f ca="1">RAND()</f>
        <v>0.29439832075208761</v>
      </c>
      <c r="B5020" s="1"/>
      <c r="C5020">
        <v>7</v>
      </c>
      <c r="D5020" t="s">
        <v>9712</v>
      </c>
      <c r="E5020" t="s">
        <v>32241</v>
      </c>
      <c r="F5020">
        <v>1</v>
      </c>
      <c r="G5020" t="s">
        <v>0</v>
      </c>
      <c r="H5020" t="s">
        <v>9713</v>
      </c>
      <c r="I5020" t="s">
        <v>30540</v>
      </c>
    </row>
    <row r="5021" spans="1:9">
      <c r="A5021" s="1">
        <f ca="1">RAND()</f>
        <v>0.16693854686940612</v>
      </c>
      <c r="B5021" s="1"/>
      <c r="C5021">
        <v>20</v>
      </c>
      <c r="D5021" t="s">
        <v>9704</v>
      </c>
      <c r="E5021" t="s">
        <v>32242</v>
      </c>
      <c r="F5021">
        <v>5</v>
      </c>
      <c r="G5021" t="s">
        <v>0</v>
      </c>
      <c r="H5021" t="s">
        <v>9705</v>
      </c>
      <c r="I5021" t="s">
        <v>30540</v>
      </c>
    </row>
    <row r="5022" spans="1:9">
      <c r="A5022" s="1">
        <f ca="1">RAND()</f>
        <v>0.30504188427101697</v>
      </c>
      <c r="B5022" s="1"/>
      <c r="C5022">
        <v>18</v>
      </c>
      <c r="D5022" t="s">
        <v>9702</v>
      </c>
      <c r="E5022" t="s">
        <v>32242</v>
      </c>
      <c r="F5022">
        <v>4</v>
      </c>
      <c r="G5022" t="s">
        <v>0</v>
      </c>
      <c r="H5022" t="s">
        <v>9703</v>
      </c>
      <c r="I5022" t="s">
        <v>30540</v>
      </c>
    </row>
    <row r="5023" spans="1:9">
      <c r="A5023" s="1">
        <f ca="1">RAND()</f>
        <v>0.77737580318711319</v>
      </c>
      <c r="B5023" s="1"/>
      <c r="C5023">
        <v>11</v>
      </c>
      <c r="D5023" t="s">
        <v>9698</v>
      </c>
      <c r="E5023" t="s">
        <v>32243</v>
      </c>
      <c r="F5023">
        <v>5</v>
      </c>
      <c r="G5023" t="s">
        <v>13</v>
      </c>
      <c r="H5023" t="s">
        <v>9699</v>
      </c>
      <c r="I5023" t="s">
        <v>30540</v>
      </c>
    </row>
    <row r="5024" spans="1:9">
      <c r="A5024" s="1">
        <f ca="1">RAND()</f>
        <v>0.98243968099852996</v>
      </c>
      <c r="B5024" s="1"/>
      <c r="C5024">
        <v>12</v>
      </c>
      <c r="D5024" t="s">
        <v>9700</v>
      </c>
      <c r="E5024" t="s">
        <v>32243</v>
      </c>
      <c r="F5024">
        <v>4</v>
      </c>
      <c r="G5024" t="s">
        <v>0</v>
      </c>
      <c r="H5024" t="s">
        <v>9701</v>
      </c>
      <c r="I5024" t="s">
        <v>30540</v>
      </c>
    </row>
    <row r="5025" spans="1:9">
      <c r="A5025" s="1">
        <f ca="1">RAND()</f>
        <v>0.66824512012183446</v>
      </c>
      <c r="B5025" s="1"/>
      <c r="C5025">
        <v>2</v>
      </c>
      <c r="D5025" t="s">
        <v>9696</v>
      </c>
      <c r="E5025" t="s">
        <v>32243</v>
      </c>
      <c r="F5025">
        <v>2</v>
      </c>
      <c r="G5025" t="s">
        <v>770</v>
      </c>
      <c r="H5025" t="s">
        <v>9697</v>
      </c>
      <c r="I5025" t="s">
        <v>30540</v>
      </c>
    </row>
    <row r="5026" spans="1:9">
      <c r="A5026" s="1">
        <f ca="1">RAND()</f>
        <v>0.94142085760376193</v>
      </c>
      <c r="B5026" s="1"/>
      <c r="C5026">
        <v>10</v>
      </c>
      <c r="D5026" t="s">
        <v>9694</v>
      </c>
      <c r="E5026" t="s">
        <v>32244</v>
      </c>
      <c r="F5026">
        <v>4</v>
      </c>
      <c r="G5026" t="s">
        <v>0</v>
      </c>
      <c r="H5026" t="s">
        <v>9695</v>
      </c>
      <c r="I5026" t="s">
        <v>30540</v>
      </c>
    </row>
    <row r="5027" spans="1:9">
      <c r="A5027" s="1">
        <f ca="1">RAND()</f>
        <v>0.27809467604874694</v>
      </c>
      <c r="B5027" s="1"/>
      <c r="C5027">
        <v>3</v>
      </c>
      <c r="D5027" t="s">
        <v>9692</v>
      </c>
      <c r="E5027" t="s">
        <v>32244</v>
      </c>
      <c r="F5027">
        <v>4</v>
      </c>
      <c r="G5027" t="s">
        <v>0</v>
      </c>
      <c r="H5027" t="s">
        <v>9693</v>
      </c>
      <c r="I5027" t="s">
        <v>30540</v>
      </c>
    </row>
    <row r="5028" spans="1:9">
      <c r="A5028" s="1">
        <f ca="1">RAND()</f>
        <v>0.73045060893374936</v>
      </c>
      <c r="B5028" s="1"/>
      <c r="C5028">
        <v>16</v>
      </c>
      <c r="D5028" t="s">
        <v>9690</v>
      </c>
      <c r="E5028" t="s">
        <v>32245</v>
      </c>
      <c r="F5028">
        <v>5</v>
      </c>
      <c r="G5028" t="s">
        <v>0</v>
      </c>
      <c r="H5028" t="s">
        <v>9691</v>
      </c>
      <c r="I5028" t="s">
        <v>30540</v>
      </c>
    </row>
    <row r="5029" spans="1:9">
      <c r="A5029" s="1">
        <f ca="1">RAND()</f>
        <v>0.87439998136812513</v>
      </c>
      <c r="B5029" s="1"/>
      <c r="C5029">
        <v>10</v>
      </c>
      <c r="D5029" t="s">
        <v>9686</v>
      </c>
      <c r="E5029" t="s">
        <v>32245</v>
      </c>
      <c r="F5029">
        <v>4</v>
      </c>
      <c r="G5029" t="s">
        <v>2</v>
      </c>
      <c r="H5029" t="s">
        <v>9687</v>
      </c>
      <c r="I5029" t="s">
        <v>30540</v>
      </c>
    </row>
    <row r="5030" spans="1:9">
      <c r="A5030" s="1">
        <f ca="1">RAND()</f>
        <v>0.38202495422548388</v>
      </c>
      <c r="B5030" s="1"/>
      <c r="C5030">
        <v>8</v>
      </c>
      <c r="D5030" t="s">
        <v>9684</v>
      </c>
      <c r="E5030" t="s">
        <v>32245</v>
      </c>
      <c r="F5030">
        <v>4</v>
      </c>
      <c r="G5030" t="s">
        <v>9</v>
      </c>
      <c r="H5030" t="s">
        <v>9685</v>
      </c>
      <c r="I5030" t="s">
        <v>30540</v>
      </c>
    </row>
    <row r="5031" spans="1:9">
      <c r="A5031" s="1">
        <f ca="1">RAND()</f>
        <v>0.87299224240701778</v>
      </c>
      <c r="B5031" s="1"/>
      <c r="C5031">
        <v>2</v>
      </c>
      <c r="D5031" t="s">
        <v>9680</v>
      </c>
      <c r="E5031" t="s">
        <v>32245</v>
      </c>
      <c r="F5031">
        <v>3</v>
      </c>
      <c r="G5031" t="s">
        <v>774</v>
      </c>
      <c r="H5031" t="s">
        <v>9681</v>
      </c>
      <c r="I5031" t="s">
        <v>30540</v>
      </c>
    </row>
    <row r="5032" spans="1:9">
      <c r="A5032" s="1">
        <f ca="1">RAND()</f>
        <v>0.8822479502241094</v>
      </c>
      <c r="B5032" s="1"/>
      <c r="C5032">
        <v>11</v>
      </c>
      <c r="D5032" t="s">
        <v>9688</v>
      </c>
      <c r="E5032" t="s">
        <v>32245</v>
      </c>
      <c r="F5032">
        <v>2</v>
      </c>
      <c r="G5032" t="s">
        <v>0</v>
      </c>
      <c r="H5032" t="s">
        <v>9689</v>
      </c>
      <c r="I5032" t="s">
        <v>30540</v>
      </c>
    </row>
    <row r="5033" spans="1:9">
      <c r="A5033" s="1">
        <f ca="1">RAND()</f>
        <v>0.45053265636089934</v>
      </c>
      <c r="B5033" s="1"/>
      <c r="C5033">
        <v>5</v>
      </c>
      <c r="D5033" t="s">
        <v>9682</v>
      </c>
      <c r="E5033" t="s">
        <v>32245</v>
      </c>
      <c r="F5033">
        <v>2</v>
      </c>
      <c r="G5033" t="s">
        <v>0</v>
      </c>
      <c r="H5033" t="s">
        <v>9683</v>
      </c>
      <c r="I5033" t="s">
        <v>30540</v>
      </c>
    </row>
    <row r="5034" spans="1:9">
      <c r="A5034" s="1">
        <f ca="1">RAND()</f>
        <v>0.70234646149328783</v>
      </c>
      <c r="B5034" s="1"/>
      <c r="C5034">
        <v>7</v>
      </c>
      <c r="D5034" t="s">
        <v>9672</v>
      </c>
      <c r="E5034" t="s">
        <v>32246</v>
      </c>
      <c r="F5034">
        <v>5</v>
      </c>
      <c r="G5034" t="s">
        <v>0</v>
      </c>
      <c r="H5034" t="s">
        <v>9673</v>
      </c>
      <c r="I5034" t="s">
        <v>30540</v>
      </c>
    </row>
    <row r="5035" spans="1:9">
      <c r="A5035" s="1">
        <f ca="1">RAND()</f>
        <v>0.81142009362663847</v>
      </c>
      <c r="B5035" s="1"/>
      <c r="C5035">
        <v>12</v>
      </c>
      <c r="D5035" t="s">
        <v>9674</v>
      </c>
      <c r="E5035" t="s">
        <v>32246</v>
      </c>
      <c r="F5035">
        <v>4</v>
      </c>
      <c r="G5035" t="s">
        <v>0</v>
      </c>
      <c r="H5035" t="s">
        <v>9675</v>
      </c>
      <c r="I5035" t="s">
        <v>30540</v>
      </c>
    </row>
    <row r="5036" spans="1:9">
      <c r="A5036" s="1">
        <f ca="1">RAND()</f>
        <v>0.19357845726857714</v>
      </c>
      <c r="B5036" s="1"/>
      <c r="C5036">
        <v>14</v>
      </c>
      <c r="D5036" t="s">
        <v>9678</v>
      </c>
      <c r="E5036" t="s">
        <v>32246</v>
      </c>
      <c r="F5036">
        <v>4</v>
      </c>
      <c r="G5036" t="s">
        <v>0</v>
      </c>
      <c r="H5036" t="s">
        <v>9679</v>
      </c>
      <c r="I5036" t="s">
        <v>30540</v>
      </c>
    </row>
    <row r="5037" spans="1:9">
      <c r="A5037" s="1">
        <f ca="1">RAND()</f>
        <v>0.22541288214574395</v>
      </c>
      <c r="B5037" s="1"/>
      <c r="C5037">
        <v>2</v>
      </c>
      <c r="D5037" t="s">
        <v>9670</v>
      </c>
      <c r="E5037" t="s">
        <v>32246</v>
      </c>
      <c r="F5037">
        <v>4</v>
      </c>
      <c r="G5037" t="s">
        <v>2</v>
      </c>
      <c r="H5037" t="s">
        <v>9671</v>
      </c>
      <c r="I5037" t="s">
        <v>30540</v>
      </c>
    </row>
    <row r="5038" spans="1:9">
      <c r="A5038" s="1">
        <f ca="1">RAND()</f>
        <v>0.36713911575551883</v>
      </c>
      <c r="B5038" s="1"/>
      <c r="C5038">
        <v>13</v>
      </c>
      <c r="D5038" t="s">
        <v>9676</v>
      </c>
      <c r="E5038" t="s">
        <v>32246</v>
      </c>
      <c r="F5038">
        <v>4</v>
      </c>
      <c r="G5038" t="s">
        <v>0</v>
      </c>
      <c r="H5038" t="s">
        <v>9677</v>
      </c>
      <c r="I5038" t="s">
        <v>30540</v>
      </c>
    </row>
    <row r="5039" spans="1:9">
      <c r="A5039" s="1">
        <f ca="1">RAND()</f>
        <v>0.72545747818655615</v>
      </c>
      <c r="B5039" s="1"/>
      <c r="C5039">
        <v>13</v>
      </c>
      <c r="D5039" t="s">
        <v>9668</v>
      </c>
      <c r="E5039" t="s">
        <v>32247</v>
      </c>
      <c r="F5039">
        <v>4</v>
      </c>
      <c r="G5039" t="s">
        <v>0</v>
      </c>
      <c r="H5039" t="s">
        <v>9669</v>
      </c>
      <c r="I5039" t="s">
        <v>30540</v>
      </c>
    </row>
    <row r="5040" spans="1:9">
      <c r="A5040" s="1">
        <f ca="1">RAND()</f>
        <v>0.19958383946601388</v>
      </c>
      <c r="B5040" s="1"/>
      <c r="C5040">
        <v>9</v>
      </c>
      <c r="D5040" t="s">
        <v>9666</v>
      </c>
      <c r="E5040" t="s">
        <v>32247</v>
      </c>
      <c r="F5040">
        <v>2</v>
      </c>
      <c r="G5040" t="s">
        <v>0</v>
      </c>
      <c r="H5040" t="s">
        <v>9667</v>
      </c>
      <c r="I5040" t="s">
        <v>30540</v>
      </c>
    </row>
    <row r="5041" spans="1:9">
      <c r="A5041" s="1">
        <f ca="1">RAND()</f>
        <v>3.6521911139861807E-3</v>
      </c>
      <c r="B5041" s="1"/>
      <c r="C5041">
        <v>6</v>
      </c>
      <c r="D5041" t="s">
        <v>9662</v>
      </c>
      <c r="E5041" t="s">
        <v>32248</v>
      </c>
      <c r="F5041">
        <v>5</v>
      </c>
      <c r="G5041" t="s">
        <v>0</v>
      </c>
      <c r="H5041" t="s">
        <v>9663</v>
      </c>
      <c r="I5041" t="s">
        <v>30540</v>
      </c>
    </row>
    <row r="5042" spans="1:9">
      <c r="A5042" s="1">
        <f ca="1">RAND()</f>
        <v>0.66978853281965511</v>
      </c>
      <c r="B5042" s="1"/>
      <c r="C5042">
        <v>9</v>
      </c>
      <c r="D5042" t="s">
        <v>9664</v>
      </c>
      <c r="E5042" t="s">
        <v>32248</v>
      </c>
      <c r="F5042">
        <v>2</v>
      </c>
      <c r="G5042" t="s">
        <v>0</v>
      </c>
      <c r="H5042" t="s">
        <v>9665</v>
      </c>
      <c r="I5042" t="s">
        <v>30540</v>
      </c>
    </row>
    <row r="5043" spans="1:9">
      <c r="A5043" s="1">
        <f ca="1">RAND()</f>
        <v>0.14820572425797018</v>
      </c>
      <c r="B5043" s="1"/>
      <c r="C5043">
        <v>10</v>
      </c>
      <c r="D5043" t="s">
        <v>9652</v>
      </c>
      <c r="E5043" t="s">
        <v>32249</v>
      </c>
      <c r="F5043">
        <v>5</v>
      </c>
      <c r="G5043" t="s">
        <v>2</v>
      </c>
      <c r="H5043" t="s">
        <v>9653</v>
      </c>
      <c r="I5043" t="s">
        <v>30540</v>
      </c>
    </row>
    <row r="5044" spans="1:9">
      <c r="A5044" s="1">
        <f ca="1">RAND()</f>
        <v>0.2417909445538845</v>
      </c>
      <c r="B5044" s="1"/>
      <c r="C5044">
        <v>14</v>
      </c>
      <c r="D5044" t="s">
        <v>9658</v>
      </c>
      <c r="E5044" t="s">
        <v>32249</v>
      </c>
      <c r="F5044">
        <v>4</v>
      </c>
      <c r="G5044" t="s">
        <v>2</v>
      </c>
      <c r="H5044" t="s">
        <v>9659</v>
      </c>
      <c r="I5044" t="s">
        <v>30540</v>
      </c>
    </row>
    <row r="5045" spans="1:9">
      <c r="A5045" s="1">
        <f ca="1">RAND()</f>
        <v>0.97479327727602216</v>
      </c>
      <c r="B5045" s="1"/>
      <c r="C5045">
        <v>13</v>
      </c>
      <c r="D5045" t="s">
        <v>9656</v>
      </c>
      <c r="E5045" t="s">
        <v>32249</v>
      </c>
      <c r="F5045">
        <v>4</v>
      </c>
      <c r="G5045" t="s">
        <v>2</v>
      </c>
      <c r="H5045" t="s">
        <v>9657</v>
      </c>
      <c r="I5045" t="s">
        <v>30540</v>
      </c>
    </row>
    <row r="5046" spans="1:9">
      <c r="A5046" s="1">
        <f ca="1">RAND()</f>
        <v>0.42857411241190158</v>
      </c>
      <c r="B5046" s="1"/>
      <c r="C5046">
        <v>9</v>
      </c>
      <c r="D5046" t="s">
        <v>9650</v>
      </c>
      <c r="E5046" t="s">
        <v>32249</v>
      </c>
      <c r="F5046">
        <v>4</v>
      </c>
      <c r="G5046" t="s">
        <v>0</v>
      </c>
      <c r="H5046" t="s">
        <v>9651</v>
      </c>
      <c r="I5046" t="s">
        <v>30540</v>
      </c>
    </row>
    <row r="5047" spans="1:9">
      <c r="A5047" s="1">
        <f ca="1">RAND()</f>
        <v>0.27545922257133837</v>
      </c>
      <c r="B5047" s="1"/>
      <c r="C5047">
        <v>12</v>
      </c>
      <c r="D5047" t="s">
        <v>9654</v>
      </c>
      <c r="E5047" t="s">
        <v>32249</v>
      </c>
      <c r="F5047">
        <v>4</v>
      </c>
      <c r="G5047" t="s">
        <v>2</v>
      </c>
      <c r="H5047" t="s">
        <v>9655</v>
      </c>
      <c r="I5047" t="s">
        <v>30540</v>
      </c>
    </row>
    <row r="5048" spans="1:9">
      <c r="A5048" s="1">
        <f ca="1">RAND()</f>
        <v>0.21616786680922973</v>
      </c>
      <c r="B5048" s="1"/>
      <c r="C5048">
        <v>17</v>
      </c>
      <c r="D5048" t="s">
        <v>9660</v>
      </c>
      <c r="E5048" t="s">
        <v>32249</v>
      </c>
      <c r="F5048">
        <v>4</v>
      </c>
      <c r="G5048" t="s">
        <v>0</v>
      </c>
      <c r="H5048" t="s">
        <v>9661</v>
      </c>
      <c r="I5048" t="s">
        <v>30540</v>
      </c>
    </row>
    <row r="5049" spans="1:9">
      <c r="A5049" s="1">
        <f ca="1">RAND()</f>
        <v>0.64225305780550113</v>
      </c>
      <c r="B5049" s="1"/>
      <c r="C5049">
        <v>11</v>
      </c>
      <c r="D5049" t="s">
        <v>9648</v>
      </c>
      <c r="E5049" t="s">
        <v>32250</v>
      </c>
      <c r="F5049">
        <v>5</v>
      </c>
      <c r="G5049" t="s">
        <v>0</v>
      </c>
      <c r="H5049" t="s">
        <v>9649</v>
      </c>
      <c r="I5049" t="s">
        <v>30540</v>
      </c>
    </row>
    <row r="5050" spans="1:9">
      <c r="A5050" s="1">
        <f ca="1">RAND()</f>
        <v>0.51690036339923673</v>
      </c>
      <c r="B5050" s="1"/>
      <c r="C5050">
        <v>2</v>
      </c>
      <c r="D5050" t="s">
        <v>9644</v>
      </c>
      <c r="E5050" t="s">
        <v>32250</v>
      </c>
      <c r="F5050">
        <v>4</v>
      </c>
      <c r="G5050" t="s">
        <v>0</v>
      </c>
      <c r="H5050" t="s">
        <v>9645</v>
      </c>
      <c r="I5050" t="s">
        <v>30540</v>
      </c>
    </row>
    <row r="5051" spans="1:9">
      <c r="A5051" s="1">
        <f ca="1">RAND()</f>
        <v>0.57824709246992756</v>
      </c>
      <c r="B5051" s="1"/>
      <c r="C5051">
        <v>8</v>
      </c>
      <c r="D5051" t="s">
        <v>9646</v>
      </c>
      <c r="E5051" t="s">
        <v>32250</v>
      </c>
      <c r="F5051">
        <v>4</v>
      </c>
      <c r="G5051" t="s">
        <v>0</v>
      </c>
      <c r="H5051" t="s">
        <v>9647</v>
      </c>
      <c r="I5051" t="s">
        <v>30540</v>
      </c>
    </row>
    <row r="5052" spans="1:9">
      <c r="A5052" s="1">
        <f ca="1">RAND()</f>
        <v>0.74985615120847338</v>
      </c>
      <c r="B5052" s="1"/>
      <c r="C5052">
        <v>16</v>
      </c>
      <c r="D5052" t="s">
        <v>9640</v>
      </c>
      <c r="E5052" t="s">
        <v>32251</v>
      </c>
      <c r="F5052">
        <v>5</v>
      </c>
      <c r="G5052" t="s">
        <v>0</v>
      </c>
      <c r="H5052" t="s">
        <v>9641</v>
      </c>
      <c r="I5052" t="s">
        <v>30540</v>
      </c>
    </row>
    <row r="5053" spans="1:9">
      <c r="A5053" s="1">
        <f ca="1">RAND()</f>
        <v>0.8460338902729756</v>
      </c>
      <c r="B5053" s="1"/>
      <c r="C5053">
        <v>13</v>
      </c>
      <c r="D5053" t="s">
        <v>9638</v>
      </c>
      <c r="E5053" t="s">
        <v>32251</v>
      </c>
      <c r="F5053">
        <v>5</v>
      </c>
      <c r="G5053" t="s">
        <v>774</v>
      </c>
      <c r="H5053" t="s">
        <v>9639</v>
      </c>
      <c r="I5053" t="s">
        <v>30540</v>
      </c>
    </row>
    <row r="5054" spans="1:9">
      <c r="A5054" s="1">
        <f ca="1">RAND()</f>
        <v>0.7684670779130518</v>
      </c>
      <c r="B5054" s="1"/>
      <c r="C5054">
        <v>5</v>
      </c>
      <c r="D5054" t="s">
        <v>9636</v>
      </c>
      <c r="E5054" t="s">
        <v>32251</v>
      </c>
      <c r="F5054">
        <v>4</v>
      </c>
      <c r="G5054" t="s">
        <v>769</v>
      </c>
      <c r="H5054" t="s">
        <v>9637</v>
      </c>
      <c r="I5054" t="s">
        <v>30540</v>
      </c>
    </row>
    <row r="5055" spans="1:9">
      <c r="A5055" s="1">
        <f ca="1">RAND()</f>
        <v>0.47306124403878591</v>
      </c>
      <c r="B5055" s="1"/>
      <c r="C5055">
        <v>1</v>
      </c>
      <c r="D5055" t="s">
        <v>9634</v>
      </c>
      <c r="E5055" t="s">
        <v>32251</v>
      </c>
      <c r="F5055">
        <v>4</v>
      </c>
      <c r="G5055" t="s">
        <v>1295</v>
      </c>
      <c r="H5055" t="s">
        <v>9635</v>
      </c>
      <c r="I5055" t="s">
        <v>30540</v>
      </c>
    </row>
    <row r="5056" spans="1:9">
      <c r="A5056" s="1">
        <f ca="1">RAND()</f>
        <v>0.75072798563347454</v>
      </c>
      <c r="B5056" s="1"/>
      <c r="C5056">
        <v>18</v>
      </c>
      <c r="D5056" t="s">
        <v>9642</v>
      </c>
      <c r="E5056" t="s">
        <v>32251</v>
      </c>
      <c r="F5056">
        <v>4</v>
      </c>
      <c r="G5056" t="s">
        <v>0</v>
      </c>
      <c r="H5056" t="s">
        <v>9643</v>
      </c>
      <c r="I5056" t="s">
        <v>30540</v>
      </c>
    </row>
    <row r="5057" spans="1:9">
      <c r="A5057" s="1">
        <f ca="1">RAND()</f>
        <v>0.29433812112926128</v>
      </c>
      <c r="B5057" s="1"/>
      <c r="C5057">
        <v>2</v>
      </c>
      <c r="D5057" t="s">
        <v>9626</v>
      </c>
      <c r="E5057" t="s">
        <v>32252</v>
      </c>
      <c r="F5057">
        <v>5</v>
      </c>
      <c r="G5057" t="s">
        <v>0</v>
      </c>
      <c r="H5057" t="s">
        <v>9627</v>
      </c>
      <c r="I5057" t="s">
        <v>30540</v>
      </c>
    </row>
    <row r="5058" spans="1:9">
      <c r="A5058" s="1">
        <f ca="1">RAND()</f>
        <v>0.73856654490949403</v>
      </c>
      <c r="B5058" s="1"/>
      <c r="C5058">
        <v>9</v>
      </c>
      <c r="D5058" t="s">
        <v>9630</v>
      </c>
      <c r="E5058" t="s">
        <v>32252</v>
      </c>
      <c r="F5058">
        <v>2</v>
      </c>
      <c r="G5058" t="s">
        <v>762</v>
      </c>
      <c r="H5058" t="s">
        <v>9631</v>
      </c>
      <c r="I5058" t="s">
        <v>30540</v>
      </c>
    </row>
    <row r="5059" spans="1:9">
      <c r="A5059" s="1">
        <f ca="1">RAND()</f>
        <v>0.55969395468011662</v>
      </c>
      <c r="B5059" s="1"/>
      <c r="C5059">
        <v>8</v>
      </c>
      <c r="D5059" t="s">
        <v>9628</v>
      </c>
      <c r="E5059" t="s">
        <v>32252</v>
      </c>
      <c r="F5059">
        <v>2</v>
      </c>
      <c r="G5059" t="s">
        <v>765</v>
      </c>
      <c r="H5059" t="s">
        <v>9629</v>
      </c>
      <c r="I5059" t="s">
        <v>30540</v>
      </c>
    </row>
    <row r="5060" spans="1:9">
      <c r="A5060" s="1">
        <f ca="1">RAND()</f>
        <v>0.10909330085173408</v>
      </c>
      <c r="B5060" s="1"/>
      <c r="C5060">
        <v>10</v>
      </c>
      <c r="D5060" t="s">
        <v>9632</v>
      </c>
      <c r="E5060" t="s">
        <v>32252</v>
      </c>
      <c r="F5060">
        <v>2</v>
      </c>
      <c r="G5060" t="s">
        <v>771</v>
      </c>
      <c r="H5060" t="s">
        <v>9633</v>
      </c>
      <c r="I5060" t="s">
        <v>30540</v>
      </c>
    </row>
    <row r="5061" spans="1:9">
      <c r="A5061" s="1">
        <f ca="1">RAND()</f>
        <v>0.17440697485244083</v>
      </c>
      <c r="B5061" s="1"/>
      <c r="C5061">
        <v>8</v>
      </c>
      <c r="D5061" t="s">
        <v>9624</v>
      </c>
      <c r="E5061" t="s">
        <v>32253</v>
      </c>
      <c r="F5061">
        <v>5</v>
      </c>
      <c r="G5061" t="s">
        <v>15</v>
      </c>
      <c r="H5061" t="s">
        <v>9625</v>
      </c>
      <c r="I5061" t="s">
        <v>30540</v>
      </c>
    </row>
    <row r="5062" spans="1:9">
      <c r="A5062" s="1">
        <f ca="1">RAND()</f>
        <v>0.69372251846199651</v>
      </c>
      <c r="B5062" s="1"/>
      <c r="C5062">
        <v>4</v>
      </c>
      <c r="D5062" t="s">
        <v>9620</v>
      </c>
      <c r="E5062" t="s">
        <v>32253</v>
      </c>
      <c r="F5062">
        <v>4</v>
      </c>
      <c r="G5062" t="s">
        <v>0</v>
      </c>
      <c r="H5062" t="s">
        <v>9621</v>
      </c>
      <c r="I5062" t="s">
        <v>30540</v>
      </c>
    </row>
    <row r="5063" spans="1:9">
      <c r="A5063" s="1">
        <f ca="1">RAND()</f>
        <v>6.3286771714364365E-2</v>
      </c>
      <c r="B5063" s="1"/>
      <c r="C5063">
        <v>7</v>
      </c>
      <c r="D5063" t="s">
        <v>9622</v>
      </c>
      <c r="E5063" t="s">
        <v>32253</v>
      </c>
      <c r="F5063">
        <v>3</v>
      </c>
      <c r="G5063" t="s">
        <v>0</v>
      </c>
      <c r="H5063" t="s">
        <v>9623</v>
      </c>
      <c r="I5063" t="s">
        <v>30540</v>
      </c>
    </row>
    <row r="5064" spans="1:9">
      <c r="A5064" s="1">
        <f ca="1">RAND()</f>
        <v>0.39341251797564691</v>
      </c>
      <c r="B5064" s="1"/>
      <c r="C5064">
        <v>14</v>
      </c>
      <c r="D5064" t="s">
        <v>9616</v>
      </c>
      <c r="E5064" t="s">
        <v>32254</v>
      </c>
      <c r="F5064">
        <v>5</v>
      </c>
      <c r="G5064" t="s">
        <v>15</v>
      </c>
      <c r="H5064" t="s">
        <v>9617</v>
      </c>
      <c r="I5064" t="s">
        <v>30540</v>
      </c>
    </row>
    <row r="5065" spans="1:9">
      <c r="A5065" s="1">
        <f ca="1">RAND()</f>
        <v>0.52706047034171644</v>
      </c>
      <c r="B5065" s="1"/>
      <c r="C5065">
        <v>8</v>
      </c>
      <c r="D5065" t="s">
        <v>9612</v>
      </c>
      <c r="E5065" t="s">
        <v>32254</v>
      </c>
      <c r="F5065">
        <v>5</v>
      </c>
      <c r="G5065" t="s">
        <v>0</v>
      </c>
      <c r="H5065" t="s">
        <v>9613</v>
      </c>
      <c r="I5065" t="s">
        <v>30540</v>
      </c>
    </row>
    <row r="5066" spans="1:9">
      <c r="A5066" s="1">
        <f ca="1">RAND()</f>
        <v>0.96457594531576885</v>
      </c>
      <c r="B5066" s="1"/>
      <c r="C5066">
        <v>16</v>
      </c>
      <c r="D5066" t="s">
        <v>9618</v>
      </c>
      <c r="E5066" t="s">
        <v>32254</v>
      </c>
      <c r="F5066">
        <v>5</v>
      </c>
      <c r="G5066" t="s">
        <v>0</v>
      </c>
      <c r="H5066" t="s">
        <v>9619</v>
      </c>
      <c r="I5066" t="s">
        <v>30540</v>
      </c>
    </row>
    <row r="5067" spans="1:9">
      <c r="A5067" s="1">
        <f ca="1">RAND()</f>
        <v>0.92504401032643169</v>
      </c>
      <c r="B5067" s="1"/>
      <c r="C5067">
        <v>10</v>
      </c>
      <c r="D5067" t="s">
        <v>9614</v>
      </c>
      <c r="E5067" t="s">
        <v>32254</v>
      </c>
      <c r="F5067">
        <v>4</v>
      </c>
      <c r="G5067" t="s">
        <v>0</v>
      </c>
      <c r="H5067" t="s">
        <v>9615</v>
      </c>
      <c r="I5067" t="s">
        <v>30540</v>
      </c>
    </row>
    <row r="5068" spans="1:9">
      <c r="A5068" s="1">
        <f ca="1">RAND()</f>
        <v>0.27264536902944658</v>
      </c>
      <c r="B5068" s="1"/>
      <c r="C5068">
        <v>2</v>
      </c>
      <c r="D5068" t="s">
        <v>9610</v>
      </c>
      <c r="E5068" t="s">
        <v>32254</v>
      </c>
      <c r="F5068">
        <v>3</v>
      </c>
      <c r="G5068" t="s">
        <v>0</v>
      </c>
      <c r="H5068" t="s">
        <v>9611</v>
      </c>
      <c r="I5068" t="s">
        <v>30540</v>
      </c>
    </row>
    <row r="5069" spans="1:9">
      <c r="A5069" s="1">
        <f ca="1">RAND()</f>
        <v>0.18046099698858886</v>
      </c>
      <c r="B5069" s="1"/>
      <c r="C5069">
        <v>5</v>
      </c>
      <c r="D5069" t="s">
        <v>9608</v>
      </c>
      <c r="E5069" t="s">
        <v>32255</v>
      </c>
      <c r="F5069">
        <v>4</v>
      </c>
      <c r="G5069" t="s">
        <v>0</v>
      </c>
      <c r="H5069" t="s">
        <v>9609</v>
      </c>
      <c r="I5069" t="s">
        <v>30540</v>
      </c>
    </row>
    <row r="5070" spans="1:9">
      <c r="A5070" s="1">
        <f ca="1">RAND()</f>
        <v>0.66697290589730862</v>
      </c>
      <c r="B5070" s="1"/>
      <c r="C5070">
        <v>11</v>
      </c>
      <c r="D5070" t="s">
        <v>9602</v>
      </c>
      <c r="E5070" t="s">
        <v>32256</v>
      </c>
      <c r="F5070">
        <v>4</v>
      </c>
      <c r="G5070" t="s">
        <v>0</v>
      </c>
      <c r="H5070" t="s">
        <v>9603</v>
      </c>
      <c r="I5070" t="s">
        <v>30540</v>
      </c>
    </row>
    <row r="5071" spans="1:9">
      <c r="A5071" s="1">
        <f ca="1">RAND()</f>
        <v>0.55212206284033227</v>
      </c>
      <c r="B5071" s="1"/>
      <c r="C5071">
        <v>8</v>
      </c>
      <c r="D5071" t="s">
        <v>9600</v>
      </c>
      <c r="E5071" t="s">
        <v>32256</v>
      </c>
      <c r="F5071">
        <v>4</v>
      </c>
      <c r="G5071" t="s">
        <v>0</v>
      </c>
      <c r="H5071" t="s">
        <v>9601</v>
      </c>
      <c r="I5071" t="s">
        <v>30540</v>
      </c>
    </row>
    <row r="5072" spans="1:9">
      <c r="A5072" s="1">
        <f ca="1">RAND()</f>
        <v>0.15558947442286941</v>
      </c>
      <c r="B5072" s="1"/>
      <c r="C5072">
        <v>1</v>
      </c>
      <c r="D5072" t="s">
        <v>9598</v>
      </c>
      <c r="E5072" t="s">
        <v>32256</v>
      </c>
      <c r="F5072">
        <v>4</v>
      </c>
      <c r="G5072" t="s">
        <v>1295</v>
      </c>
      <c r="H5072" t="s">
        <v>9599</v>
      </c>
      <c r="I5072" t="s">
        <v>30540</v>
      </c>
    </row>
    <row r="5073" spans="1:9">
      <c r="A5073" s="1">
        <f ca="1">RAND()</f>
        <v>0.96944952048138866</v>
      </c>
      <c r="B5073" s="1"/>
      <c r="C5073">
        <v>19</v>
      </c>
      <c r="D5073" t="s">
        <v>9604</v>
      </c>
      <c r="E5073" t="s">
        <v>32256</v>
      </c>
      <c r="F5073">
        <v>4</v>
      </c>
      <c r="G5073" t="s">
        <v>0</v>
      </c>
      <c r="H5073" t="s">
        <v>9605</v>
      </c>
      <c r="I5073" t="s">
        <v>30540</v>
      </c>
    </row>
    <row r="5074" spans="1:9">
      <c r="A5074" s="1">
        <f ca="1">RAND()</f>
        <v>0.98903722334465782</v>
      </c>
      <c r="B5074" s="1"/>
      <c r="C5074">
        <v>20</v>
      </c>
      <c r="D5074" t="s">
        <v>9606</v>
      </c>
      <c r="E5074" t="s">
        <v>32256</v>
      </c>
      <c r="F5074">
        <v>2</v>
      </c>
      <c r="G5074" t="s">
        <v>0</v>
      </c>
      <c r="H5074" t="s">
        <v>9607</v>
      </c>
      <c r="I5074" t="s">
        <v>30540</v>
      </c>
    </row>
    <row r="5075" spans="1:9">
      <c r="A5075" s="1">
        <f ca="1">RAND()</f>
        <v>0.17816671689053931</v>
      </c>
      <c r="B5075" s="1"/>
      <c r="C5075">
        <v>7</v>
      </c>
      <c r="D5075" t="s">
        <v>9592</v>
      </c>
      <c r="E5075" t="s">
        <v>32257</v>
      </c>
      <c r="F5075">
        <v>4</v>
      </c>
      <c r="G5075" t="s">
        <v>0</v>
      </c>
      <c r="H5075" t="s">
        <v>9593</v>
      </c>
      <c r="I5075" t="s">
        <v>30540</v>
      </c>
    </row>
    <row r="5076" spans="1:9">
      <c r="A5076" s="1">
        <f ca="1">RAND()</f>
        <v>0.2758556040512995</v>
      </c>
      <c r="B5076" s="1"/>
      <c r="C5076">
        <v>10</v>
      </c>
      <c r="D5076" t="s">
        <v>9596</v>
      </c>
      <c r="E5076" t="s">
        <v>32257</v>
      </c>
      <c r="F5076">
        <v>4</v>
      </c>
      <c r="G5076" t="s">
        <v>0</v>
      </c>
      <c r="H5076" t="s">
        <v>9597</v>
      </c>
      <c r="I5076" t="s">
        <v>30540</v>
      </c>
    </row>
    <row r="5077" spans="1:9">
      <c r="A5077" s="1">
        <f ca="1">RAND()</f>
        <v>2.7226805701600187E-2</v>
      </c>
      <c r="B5077" s="1"/>
      <c r="C5077">
        <v>9</v>
      </c>
      <c r="D5077" t="s">
        <v>9594</v>
      </c>
      <c r="E5077" t="s">
        <v>32257</v>
      </c>
      <c r="F5077">
        <v>4</v>
      </c>
      <c r="G5077" t="s">
        <v>0</v>
      </c>
      <c r="H5077" t="s">
        <v>9595</v>
      </c>
      <c r="I5077" t="s">
        <v>30540</v>
      </c>
    </row>
    <row r="5078" spans="1:9">
      <c r="A5078" s="1">
        <f ca="1">RAND()</f>
        <v>0.11651452073667579</v>
      </c>
      <c r="B5078" s="1"/>
      <c r="C5078">
        <v>9</v>
      </c>
      <c r="D5078" t="s">
        <v>9590</v>
      </c>
      <c r="E5078" t="s">
        <v>32258</v>
      </c>
      <c r="F5078">
        <v>4</v>
      </c>
      <c r="G5078" t="s">
        <v>0</v>
      </c>
      <c r="H5078" t="s">
        <v>9591</v>
      </c>
      <c r="I5078" t="s">
        <v>30540</v>
      </c>
    </row>
    <row r="5079" spans="1:9">
      <c r="A5079" s="1">
        <f ca="1">RAND()</f>
        <v>0.47298316020784092</v>
      </c>
      <c r="B5079" s="1"/>
      <c r="C5079">
        <v>5</v>
      </c>
      <c r="D5079" t="s">
        <v>9588</v>
      </c>
      <c r="E5079" t="s">
        <v>32258</v>
      </c>
      <c r="F5079">
        <v>3</v>
      </c>
      <c r="G5079" t="s">
        <v>1</v>
      </c>
      <c r="H5079" t="s">
        <v>9589</v>
      </c>
      <c r="I5079" t="s">
        <v>30540</v>
      </c>
    </row>
    <row r="5080" spans="1:9">
      <c r="A5080" s="1">
        <f ca="1">RAND()</f>
        <v>0.13413602518092826</v>
      </c>
      <c r="B5080" s="1"/>
      <c r="C5080">
        <v>3</v>
      </c>
      <c r="D5080" t="s">
        <v>9578</v>
      </c>
      <c r="E5080" t="s">
        <v>32259</v>
      </c>
      <c r="F5080">
        <v>5</v>
      </c>
      <c r="G5080" t="s">
        <v>9</v>
      </c>
      <c r="H5080" t="s">
        <v>9579</v>
      </c>
      <c r="I5080" t="s">
        <v>30540</v>
      </c>
    </row>
    <row r="5081" spans="1:9">
      <c r="A5081" s="1">
        <f ca="1">RAND()</f>
        <v>0.59873951830642236</v>
      </c>
      <c r="B5081" s="1"/>
      <c r="C5081">
        <v>8</v>
      </c>
      <c r="D5081" t="s">
        <v>9582</v>
      </c>
      <c r="E5081" t="s">
        <v>32259</v>
      </c>
      <c r="F5081">
        <v>4</v>
      </c>
      <c r="G5081" t="s">
        <v>0</v>
      </c>
      <c r="H5081" t="s">
        <v>9583</v>
      </c>
      <c r="I5081" t="s">
        <v>30540</v>
      </c>
    </row>
    <row r="5082" spans="1:9">
      <c r="A5082" s="1">
        <f ca="1">RAND()</f>
        <v>0.21742227966520278</v>
      </c>
      <c r="B5082" s="1"/>
      <c r="C5082">
        <v>9</v>
      </c>
      <c r="D5082" t="s">
        <v>9584</v>
      </c>
      <c r="E5082" t="s">
        <v>32259</v>
      </c>
      <c r="F5082">
        <v>4</v>
      </c>
      <c r="G5082" t="s">
        <v>0</v>
      </c>
      <c r="H5082" t="s">
        <v>9585</v>
      </c>
      <c r="I5082" t="s">
        <v>30540</v>
      </c>
    </row>
    <row r="5083" spans="1:9">
      <c r="A5083" s="1">
        <f ca="1">RAND()</f>
        <v>0.57492487305782247</v>
      </c>
      <c r="B5083" s="1"/>
      <c r="C5083">
        <v>4</v>
      </c>
      <c r="D5083" t="s">
        <v>9580</v>
      </c>
      <c r="E5083" t="s">
        <v>32259</v>
      </c>
      <c r="F5083">
        <v>4</v>
      </c>
      <c r="G5083" t="s">
        <v>0</v>
      </c>
      <c r="H5083" t="s">
        <v>9581</v>
      </c>
      <c r="I5083" t="s">
        <v>30540</v>
      </c>
    </row>
    <row r="5084" spans="1:9">
      <c r="A5084" s="1">
        <f ca="1">RAND()</f>
        <v>0.41145233940642112</v>
      </c>
      <c r="B5084" s="1"/>
      <c r="C5084">
        <v>12</v>
      </c>
      <c r="D5084" t="s">
        <v>9586</v>
      </c>
      <c r="E5084" t="s">
        <v>32259</v>
      </c>
      <c r="F5084">
        <v>4</v>
      </c>
      <c r="G5084" t="s">
        <v>15</v>
      </c>
      <c r="H5084" t="s">
        <v>9587</v>
      </c>
      <c r="I5084" t="s">
        <v>30540</v>
      </c>
    </row>
    <row r="5085" spans="1:9">
      <c r="A5085" s="1">
        <f ca="1">RAND()</f>
        <v>0.50789104184776745</v>
      </c>
      <c r="B5085" s="1"/>
      <c r="C5085">
        <v>3</v>
      </c>
      <c r="D5085" t="s">
        <v>9572</v>
      </c>
      <c r="E5085" t="s">
        <v>32260</v>
      </c>
      <c r="F5085">
        <v>5</v>
      </c>
      <c r="G5085" t="s">
        <v>0</v>
      </c>
      <c r="H5085" t="s">
        <v>9573</v>
      </c>
      <c r="I5085" t="s">
        <v>30540</v>
      </c>
    </row>
    <row r="5086" spans="1:9">
      <c r="A5086" s="1">
        <f ca="1">RAND()</f>
        <v>0.80465621249623664</v>
      </c>
      <c r="B5086" s="1"/>
      <c r="C5086">
        <v>7</v>
      </c>
      <c r="D5086" t="s">
        <v>9574</v>
      </c>
      <c r="E5086" t="s">
        <v>32260</v>
      </c>
      <c r="F5086">
        <v>4</v>
      </c>
      <c r="G5086" t="s">
        <v>0</v>
      </c>
      <c r="H5086" t="s">
        <v>9575</v>
      </c>
      <c r="I5086" t="s">
        <v>30540</v>
      </c>
    </row>
    <row r="5087" spans="1:9">
      <c r="A5087" s="1">
        <f ca="1">RAND()</f>
        <v>0.36579229576769179</v>
      </c>
      <c r="B5087" s="1"/>
      <c r="C5087">
        <v>9</v>
      </c>
      <c r="D5087" t="s">
        <v>9576</v>
      </c>
      <c r="E5087" t="s">
        <v>32260</v>
      </c>
      <c r="F5087">
        <v>3</v>
      </c>
      <c r="G5087" t="s">
        <v>0</v>
      </c>
      <c r="H5087" t="s">
        <v>9577</v>
      </c>
      <c r="I5087" t="s">
        <v>30540</v>
      </c>
    </row>
    <row r="5088" spans="1:9">
      <c r="A5088" s="1">
        <f ca="1">RAND()</f>
        <v>0.71012682307097497</v>
      </c>
      <c r="B5088" s="1"/>
      <c r="C5088">
        <v>1</v>
      </c>
      <c r="D5088" t="s">
        <v>9562</v>
      </c>
      <c r="E5088" t="s">
        <v>32261</v>
      </c>
      <c r="F5088">
        <v>5</v>
      </c>
      <c r="G5088" t="s">
        <v>14</v>
      </c>
      <c r="H5088" t="s">
        <v>9563</v>
      </c>
      <c r="I5088" t="s">
        <v>30540</v>
      </c>
    </row>
    <row r="5089" spans="1:9">
      <c r="A5089" s="1">
        <f ca="1">RAND()</f>
        <v>0.681002189124847</v>
      </c>
      <c r="B5089" s="1"/>
      <c r="C5089">
        <v>7</v>
      </c>
      <c r="D5089" t="s">
        <v>9564</v>
      </c>
      <c r="E5089" t="s">
        <v>32261</v>
      </c>
      <c r="F5089">
        <v>4</v>
      </c>
      <c r="G5089" t="s">
        <v>0</v>
      </c>
      <c r="H5089" t="s">
        <v>9565</v>
      </c>
      <c r="I5089" t="s">
        <v>30540</v>
      </c>
    </row>
    <row r="5090" spans="1:9">
      <c r="A5090" s="1">
        <f ca="1">RAND()</f>
        <v>0.84379153494547554</v>
      </c>
      <c r="B5090" s="1"/>
      <c r="C5090">
        <v>9</v>
      </c>
      <c r="D5090" t="s">
        <v>9568</v>
      </c>
      <c r="E5090" t="s">
        <v>32261</v>
      </c>
      <c r="F5090">
        <v>4</v>
      </c>
      <c r="G5090" t="s">
        <v>0</v>
      </c>
      <c r="H5090" t="s">
        <v>9569</v>
      </c>
      <c r="I5090" t="s">
        <v>30540</v>
      </c>
    </row>
    <row r="5091" spans="1:9">
      <c r="A5091" s="1">
        <f ca="1">RAND()</f>
        <v>0.44485989718670049</v>
      </c>
      <c r="B5091" s="1"/>
      <c r="C5091">
        <v>10</v>
      </c>
      <c r="D5091" t="s">
        <v>9570</v>
      </c>
      <c r="E5091" t="s">
        <v>32261</v>
      </c>
      <c r="F5091">
        <v>4</v>
      </c>
      <c r="G5091" t="s">
        <v>0</v>
      </c>
      <c r="H5091" t="s">
        <v>9571</v>
      </c>
      <c r="I5091" t="s">
        <v>30540</v>
      </c>
    </row>
    <row r="5092" spans="1:9">
      <c r="A5092" s="1">
        <f ca="1">RAND()</f>
        <v>0.83091037977391646</v>
      </c>
      <c r="B5092" s="1"/>
      <c r="C5092">
        <v>8</v>
      </c>
      <c r="D5092" t="s">
        <v>9566</v>
      </c>
      <c r="E5092" t="s">
        <v>32261</v>
      </c>
      <c r="F5092">
        <v>3</v>
      </c>
      <c r="G5092" t="s">
        <v>0</v>
      </c>
      <c r="H5092" t="s">
        <v>9567</v>
      </c>
      <c r="I5092" t="s">
        <v>30540</v>
      </c>
    </row>
    <row r="5093" spans="1:9">
      <c r="A5093" s="1">
        <f ca="1">RAND()</f>
        <v>0.65169539240798413</v>
      </c>
      <c r="B5093" s="1"/>
      <c r="C5093">
        <v>4</v>
      </c>
      <c r="D5093" t="s">
        <v>9556</v>
      </c>
      <c r="E5093" t="s">
        <v>32262</v>
      </c>
      <c r="F5093">
        <v>4</v>
      </c>
      <c r="G5093" t="s">
        <v>0</v>
      </c>
      <c r="H5093" t="s">
        <v>9557</v>
      </c>
      <c r="I5093" t="s">
        <v>30540</v>
      </c>
    </row>
    <row r="5094" spans="1:9">
      <c r="A5094" s="1">
        <f ca="1">RAND()</f>
        <v>0.44726069887455722</v>
      </c>
      <c r="B5094" s="1"/>
      <c r="C5094">
        <v>5</v>
      </c>
      <c r="D5094" t="s">
        <v>9558</v>
      </c>
      <c r="E5094" t="s">
        <v>32262</v>
      </c>
      <c r="F5094">
        <v>4</v>
      </c>
      <c r="G5094" t="s">
        <v>0</v>
      </c>
      <c r="H5094" t="s">
        <v>9559</v>
      </c>
      <c r="I5094" t="s">
        <v>30540</v>
      </c>
    </row>
    <row r="5095" spans="1:9">
      <c r="A5095" s="1">
        <f ca="1">RAND()</f>
        <v>0.54154436719734189</v>
      </c>
      <c r="B5095" s="1"/>
      <c r="C5095">
        <v>3</v>
      </c>
      <c r="D5095" t="s">
        <v>9554</v>
      </c>
      <c r="E5095" t="s">
        <v>32262</v>
      </c>
      <c r="F5095">
        <v>4</v>
      </c>
      <c r="G5095" t="s">
        <v>0</v>
      </c>
      <c r="H5095" t="s">
        <v>9555</v>
      </c>
      <c r="I5095" t="s">
        <v>30540</v>
      </c>
    </row>
    <row r="5096" spans="1:9">
      <c r="A5096" s="1">
        <f ca="1">RAND()</f>
        <v>0.84247439369557575</v>
      </c>
      <c r="B5096" s="1"/>
      <c r="C5096">
        <v>1</v>
      </c>
      <c r="D5096" t="s">
        <v>9552</v>
      </c>
      <c r="E5096" t="s">
        <v>32262</v>
      </c>
      <c r="F5096">
        <v>2</v>
      </c>
      <c r="G5096" t="s">
        <v>14</v>
      </c>
      <c r="H5096" t="s">
        <v>9553</v>
      </c>
      <c r="I5096" t="s">
        <v>30540</v>
      </c>
    </row>
    <row r="5097" spans="1:9">
      <c r="A5097" s="1">
        <f ca="1">RAND()</f>
        <v>0.15612392259465846</v>
      </c>
      <c r="B5097" s="1"/>
      <c r="C5097">
        <v>6</v>
      </c>
      <c r="D5097" t="s">
        <v>9560</v>
      </c>
      <c r="E5097" t="s">
        <v>32262</v>
      </c>
      <c r="F5097">
        <v>2</v>
      </c>
      <c r="G5097" t="s">
        <v>0</v>
      </c>
      <c r="H5097" t="s">
        <v>9561</v>
      </c>
      <c r="I5097" t="s">
        <v>30540</v>
      </c>
    </row>
    <row r="5098" spans="1:9">
      <c r="A5098" s="1">
        <f ca="1">RAND()</f>
        <v>0.6432175127340255</v>
      </c>
      <c r="B5098" s="1"/>
      <c r="C5098">
        <v>2</v>
      </c>
      <c r="D5098" t="s">
        <v>9536</v>
      </c>
      <c r="E5098" t="s">
        <v>32263</v>
      </c>
      <c r="F5098">
        <v>5</v>
      </c>
      <c r="G5098" t="s">
        <v>0</v>
      </c>
      <c r="H5098" t="s">
        <v>9537</v>
      </c>
      <c r="I5098" t="s">
        <v>30540</v>
      </c>
    </row>
    <row r="5099" spans="1:9">
      <c r="A5099" s="1">
        <f ca="1">RAND()</f>
        <v>0.246740392522239</v>
      </c>
      <c r="B5099" s="1"/>
      <c r="C5099">
        <v>6</v>
      </c>
      <c r="D5099" t="s">
        <v>9544</v>
      </c>
      <c r="E5099" t="s">
        <v>32263</v>
      </c>
      <c r="F5099">
        <v>4</v>
      </c>
      <c r="G5099" t="s">
        <v>0</v>
      </c>
      <c r="H5099" t="s">
        <v>9545</v>
      </c>
      <c r="I5099" t="s">
        <v>30540</v>
      </c>
    </row>
    <row r="5100" spans="1:9">
      <c r="A5100" s="1">
        <f ca="1">RAND()</f>
        <v>0.29029863941127976</v>
      </c>
      <c r="B5100" s="1"/>
      <c r="C5100">
        <v>10</v>
      </c>
      <c r="D5100" t="s">
        <v>9550</v>
      </c>
      <c r="E5100" t="s">
        <v>32263</v>
      </c>
      <c r="F5100">
        <v>4</v>
      </c>
      <c r="G5100" t="s">
        <v>0</v>
      </c>
      <c r="H5100" t="s">
        <v>9551</v>
      </c>
      <c r="I5100" t="s">
        <v>30540</v>
      </c>
    </row>
    <row r="5101" spans="1:9">
      <c r="A5101" s="1">
        <f ca="1">RAND()</f>
        <v>0.55779758822540848</v>
      </c>
      <c r="B5101" s="1"/>
      <c r="C5101">
        <v>8</v>
      </c>
      <c r="D5101" t="s">
        <v>9548</v>
      </c>
      <c r="E5101" t="s">
        <v>32263</v>
      </c>
      <c r="F5101">
        <v>4</v>
      </c>
      <c r="G5101" t="s">
        <v>0</v>
      </c>
      <c r="H5101" t="s">
        <v>9549</v>
      </c>
      <c r="I5101" t="s">
        <v>30540</v>
      </c>
    </row>
    <row r="5102" spans="1:9">
      <c r="A5102" s="1">
        <f ca="1">RAND()</f>
        <v>0.66248877180644916</v>
      </c>
      <c r="B5102" s="1"/>
      <c r="C5102">
        <v>4</v>
      </c>
      <c r="D5102" t="s">
        <v>9540</v>
      </c>
      <c r="E5102" t="s">
        <v>32263</v>
      </c>
      <c r="F5102">
        <v>4</v>
      </c>
      <c r="G5102" t="s">
        <v>0</v>
      </c>
      <c r="H5102" t="s">
        <v>9541</v>
      </c>
      <c r="I5102" t="s">
        <v>30540</v>
      </c>
    </row>
    <row r="5103" spans="1:9">
      <c r="A5103" s="1">
        <f ca="1">RAND()</f>
        <v>0.20963004737717084</v>
      </c>
      <c r="B5103" s="1"/>
      <c r="C5103">
        <v>7</v>
      </c>
      <c r="D5103" t="s">
        <v>9546</v>
      </c>
      <c r="E5103" t="s">
        <v>32263</v>
      </c>
      <c r="F5103">
        <v>4</v>
      </c>
      <c r="G5103" t="s">
        <v>0</v>
      </c>
      <c r="H5103" t="s">
        <v>9547</v>
      </c>
      <c r="I5103" t="s">
        <v>30540</v>
      </c>
    </row>
    <row r="5104" spans="1:9">
      <c r="A5104" s="1">
        <f ca="1">RAND()</f>
        <v>0.72343987237699914</v>
      </c>
      <c r="B5104" s="1"/>
      <c r="C5104">
        <v>3</v>
      </c>
      <c r="D5104" t="s">
        <v>9538</v>
      </c>
      <c r="E5104" t="s">
        <v>32263</v>
      </c>
      <c r="F5104">
        <v>3</v>
      </c>
      <c r="G5104" t="s">
        <v>0</v>
      </c>
      <c r="H5104" t="s">
        <v>9539</v>
      </c>
      <c r="I5104" t="s">
        <v>30540</v>
      </c>
    </row>
    <row r="5105" spans="1:9">
      <c r="A5105" s="1">
        <f ca="1">RAND()</f>
        <v>0.54336130109748815</v>
      </c>
      <c r="B5105" s="1"/>
      <c r="C5105">
        <v>5</v>
      </c>
      <c r="D5105" t="s">
        <v>9542</v>
      </c>
      <c r="E5105" t="s">
        <v>32263</v>
      </c>
      <c r="F5105">
        <v>2</v>
      </c>
      <c r="G5105" t="s">
        <v>0</v>
      </c>
      <c r="H5105" t="s">
        <v>9543</v>
      </c>
      <c r="I5105" t="s">
        <v>30540</v>
      </c>
    </row>
    <row r="5106" spans="1:9">
      <c r="A5106" s="1">
        <f ca="1">RAND()</f>
        <v>0.6586354723261908</v>
      </c>
      <c r="B5106" s="1"/>
      <c r="C5106">
        <v>7</v>
      </c>
      <c r="D5106" t="s">
        <v>9532</v>
      </c>
      <c r="E5106" t="s">
        <v>32264</v>
      </c>
      <c r="F5106">
        <v>4</v>
      </c>
      <c r="G5106" t="s">
        <v>0</v>
      </c>
      <c r="H5106" t="s">
        <v>9533</v>
      </c>
      <c r="I5106" t="s">
        <v>30540</v>
      </c>
    </row>
    <row r="5107" spans="1:9">
      <c r="A5107" s="1">
        <f ca="1">RAND()</f>
        <v>0.83404850007724252</v>
      </c>
      <c r="B5107" s="1"/>
      <c r="C5107">
        <v>3</v>
      </c>
      <c r="D5107" t="s">
        <v>9526</v>
      </c>
      <c r="E5107" t="s">
        <v>32264</v>
      </c>
      <c r="F5107">
        <v>4</v>
      </c>
      <c r="G5107" t="s">
        <v>0</v>
      </c>
      <c r="H5107" t="s">
        <v>9527</v>
      </c>
      <c r="I5107" t="s">
        <v>30540</v>
      </c>
    </row>
    <row r="5108" spans="1:9">
      <c r="A5108" s="1">
        <f ca="1">RAND()</f>
        <v>0.71741337347853062</v>
      </c>
      <c r="B5108" s="1"/>
      <c r="C5108">
        <v>8</v>
      </c>
      <c r="D5108" t="s">
        <v>9534</v>
      </c>
      <c r="E5108" t="s">
        <v>32264</v>
      </c>
      <c r="F5108">
        <v>4</v>
      </c>
      <c r="G5108" t="s">
        <v>0</v>
      </c>
      <c r="H5108" t="s">
        <v>9535</v>
      </c>
      <c r="I5108" t="s">
        <v>30540</v>
      </c>
    </row>
    <row r="5109" spans="1:9">
      <c r="A5109" s="1">
        <f ca="1">RAND()</f>
        <v>0.87979129787682309</v>
      </c>
      <c r="B5109" s="1"/>
      <c r="C5109">
        <v>6</v>
      </c>
      <c r="D5109" t="s">
        <v>9530</v>
      </c>
      <c r="E5109" t="s">
        <v>32264</v>
      </c>
      <c r="F5109">
        <v>4</v>
      </c>
      <c r="G5109" t="s">
        <v>0</v>
      </c>
      <c r="H5109" t="s">
        <v>9531</v>
      </c>
      <c r="I5109" t="s">
        <v>30540</v>
      </c>
    </row>
    <row r="5110" spans="1:9">
      <c r="A5110" s="1">
        <f ca="1">RAND()</f>
        <v>0.84768895426533519</v>
      </c>
      <c r="B5110" s="1"/>
      <c r="C5110">
        <v>4</v>
      </c>
      <c r="D5110" t="s">
        <v>9528</v>
      </c>
      <c r="E5110" t="s">
        <v>32264</v>
      </c>
      <c r="F5110">
        <v>1</v>
      </c>
      <c r="G5110" t="s">
        <v>0</v>
      </c>
      <c r="H5110" t="s">
        <v>9529</v>
      </c>
      <c r="I5110" t="s">
        <v>30540</v>
      </c>
    </row>
    <row r="5111" spans="1:9">
      <c r="A5111" s="1">
        <f ca="1">RAND()</f>
        <v>0.29117325331151322</v>
      </c>
      <c r="B5111" s="1"/>
      <c r="C5111">
        <v>2</v>
      </c>
      <c r="D5111" t="s">
        <v>9512</v>
      </c>
      <c r="E5111" t="s">
        <v>32265</v>
      </c>
      <c r="F5111">
        <v>5</v>
      </c>
      <c r="G5111" t="s">
        <v>0</v>
      </c>
      <c r="H5111" t="s">
        <v>9513</v>
      </c>
      <c r="I5111" t="s">
        <v>30540</v>
      </c>
    </row>
    <row r="5112" spans="1:9">
      <c r="A5112" s="1">
        <f ca="1">RAND()</f>
        <v>0.67148026298883967</v>
      </c>
      <c r="B5112" s="1"/>
      <c r="C5112">
        <v>7</v>
      </c>
      <c r="D5112" t="s">
        <v>9522</v>
      </c>
      <c r="E5112" t="s">
        <v>32265</v>
      </c>
      <c r="F5112">
        <v>4</v>
      </c>
      <c r="G5112" t="s">
        <v>0</v>
      </c>
      <c r="H5112" t="s">
        <v>9523</v>
      </c>
      <c r="I5112" t="s">
        <v>30540</v>
      </c>
    </row>
    <row r="5113" spans="1:9">
      <c r="A5113" s="1">
        <f ca="1">RAND()</f>
        <v>0.60283451909655439</v>
      </c>
      <c r="B5113" s="1"/>
      <c r="C5113">
        <v>3</v>
      </c>
      <c r="D5113" t="s">
        <v>9514</v>
      </c>
      <c r="E5113" t="s">
        <v>32265</v>
      </c>
      <c r="F5113">
        <v>4</v>
      </c>
      <c r="G5113" t="s">
        <v>0</v>
      </c>
      <c r="H5113" t="s">
        <v>9515</v>
      </c>
      <c r="I5113" t="s">
        <v>30540</v>
      </c>
    </row>
    <row r="5114" spans="1:9">
      <c r="A5114" s="1">
        <f ca="1">RAND()</f>
        <v>0.20735802940196546</v>
      </c>
      <c r="B5114" s="1"/>
      <c r="C5114">
        <v>4</v>
      </c>
      <c r="D5114" t="s">
        <v>9516</v>
      </c>
      <c r="E5114" t="s">
        <v>32265</v>
      </c>
      <c r="F5114">
        <v>4</v>
      </c>
      <c r="G5114" t="s">
        <v>0</v>
      </c>
      <c r="H5114" t="s">
        <v>9517</v>
      </c>
      <c r="I5114" t="s">
        <v>30540</v>
      </c>
    </row>
    <row r="5115" spans="1:9">
      <c r="A5115" s="1">
        <f ca="1">RAND()</f>
        <v>0.22154017236404544</v>
      </c>
      <c r="B5115" s="1"/>
      <c r="C5115">
        <v>6</v>
      </c>
      <c r="D5115" t="s">
        <v>9520</v>
      </c>
      <c r="E5115" t="s">
        <v>32265</v>
      </c>
      <c r="F5115">
        <v>4</v>
      </c>
      <c r="G5115" t="s">
        <v>0</v>
      </c>
      <c r="H5115" t="s">
        <v>9521</v>
      </c>
      <c r="I5115" t="s">
        <v>30540</v>
      </c>
    </row>
    <row r="5116" spans="1:9">
      <c r="A5116" s="1">
        <f ca="1">RAND()</f>
        <v>0.73651026956883814</v>
      </c>
      <c r="B5116" s="1"/>
      <c r="C5116">
        <v>5</v>
      </c>
      <c r="D5116" t="s">
        <v>9518</v>
      </c>
      <c r="E5116" t="s">
        <v>32265</v>
      </c>
      <c r="F5116">
        <v>4</v>
      </c>
      <c r="G5116" t="s">
        <v>0</v>
      </c>
      <c r="H5116" t="s">
        <v>9519</v>
      </c>
      <c r="I5116" t="s">
        <v>30540</v>
      </c>
    </row>
    <row r="5117" spans="1:9">
      <c r="A5117" s="1">
        <f ca="1">RAND()</f>
        <v>0.48732457055317535</v>
      </c>
      <c r="B5117" s="1"/>
      <c r="C5117">
        <v>9</v>
      </c>
      <c r="D5117" t="s">
        <v>9524</v>
      </c>
      <c r="E5117" t="s">
        <v>32265</v>
      </c>
      <c r="F5117">
        <v>4</v>
      </c>
      <c r="G5117" t="s">
        <v>0</v>
      </c>
      <c r="H5117" t="s">
        <v>9525</v>
      </c>
      <c r="I5117" t="s">
        <v>30540</v>
      </c>
    </row>
    <row r="5118" spans="1:9">
      <c r="A5118" s="1">
        <f ca="1">RAND()</f>
        <v>0.79600866339835508</v>
      </c>
      <c r="B5118" s="1"/>
      <c r="C5118">
        <v>13</v>
      </c>
      <c r="D5118" t="s">
        <v>9504</v>
      </c>
      <c r="E5118" t="s">
        <v>32266</v>
      </c>
      <c r="F5118">
        <v>4</v>
      </c>
      <c r="G5118" t="s">
        <v>766</v>
      </c>
      <c r="H5118" t="s">
        <v>9505</v>
      </c>
      <c r="I5118" t="s">
        <v>30540</v>
      </c>
    </row>
    <row r="5119" spans="1:9">
      <c r="A5119" s="1">
        <f ca="1">RAND()</f>
        <v>0.25588121940075592</v>
      </c>
      <c r="B5119" s="1"/>
      <c r="C5119">
        <v>16</v>
      </c>
      <c r="D5119" t="s">
        <v>9506</v>
      </c>
      <c r="E5119" t="s">
        <v>32266</v>
      </c>
      <c r="F5119">
        <v>4</v>
      </c>
      <c r="G5119" t="s">
        <v>0</v>
      </c>
      <c r="H5119" t="s">
        <v>9507</v>
      </c>
      <c r="I5119" t="s">
        <v>30540</v>
      </c>
    </row>
    <row r="5120" spans="1:9">
      <c r="A5120" s="1">
        <f ca="1">RAND()</f>
        <v>7.0857482760859791E-2</v>
      </c>
      <c r="B5120" s="1"/>
      <c r="C5120">
        <v>3</v>
      </c>
      <c r="D5120" t="s">
        <v>9500</v>
      </c>
      <c r="E5120" t="s">
        <v>32266</v>
      </c>
      <c r="F5120">
        <v>4</v>
      </c>
      <c r="G5120" t="s">
        <v>1295</v>
      </c>
      <c r="H5120" t="s">
        <v>9501</v>
      </c>
      <c r="I5120" t="s">
        <v>30540</v>
      </c>
    </row>
    <row r="5121" spans="1:9">
      <c r="A5121" s="1">
        <f ca="1">RAND()</f>
        <v>0.93145018516121691</v>
      </c>
      <c r="B5121" s="1"/>
      <c r="C5121">
        <v>11</v>
      </c>
      <c r="D5121" t="s">
        <v>9502</v>
      </c>
      <c r="E5121" t="s">
        <v>32266</v>
      </c>
      <c r="F5121">
        <v>4</v>
      </c>
      <c r="G5121" t="s">
        <v>0</v>
      </c>
      <c r="H5121" t="s">
        <v>9503</v>
      </c>
      <c r="I5121" t="s">
        <v>30540</v>
      </c>
    </row>
    <row r="5122" spans="1:9">
      <c r="A5122" s="1">
        <f ca="1">RAND()</f>
        <v>3.3477780678078384E-3</v>
      </c>
      <c r="B5122" s="1"/>
      <c r="C5122">
        <v>18</v>
      </c>
      <c r="D5122" t="s">
        <v>9508</v>
      </c>
      <c r="E5122" t="s">
        <v>32266</v>
      </c>
      <c r="F5122">
        <v>4</v>
      </c>
      <c r="G5122" t="s">
        <v>0</v>
      </c>
      <c r="H5122" t="s">
        <v>9509</v>
      </c>
      <c r="I5122" t="s">
        <v>30540</v>
      </c>
    </row>
    <row r="5123" spans="1:9">
      <c r="A5123" s="1">
        <f ca="1">RAND()</f>
        <v>0.31418781079116187</v>
      </c>
      <c r="B5123" s="1"/>
      <c r="C5123">
        <v>20</v>
      </c>
      <c r="D5123" t="s">
        <v>9510</v>
      </c>
      <c r="E5123" t="s">
        <v>32266</v>
      </c>
      <c r="F5123">
        <v>2</v>
      </c>
      <c r="G5123" t="s">
        <v>765</v>
      </c>
      <c r="H5123" t="s">
        <v>9511</v>
      </c>
      <c r="I5123" t="s">
        <v>30540</v>
      </c>
    </row>
    <row r="5124" spans="1:9">
      <c r="A5124" s="1">
        <f ca="1">RAND()</f>
        <v>0.27182348670279566</v>
      </c>
      <c r="B5124" s="1"/>
      <c r="C5124">
        <v>3</v>
      </c>
      <c r="D5124" t="s">
        <v>9496</v>
      </c>
      <c r="E5124" t="s">
        <v>32267</v>
      </c>
      <c r="F5124">
        <v>3</v>
      </c>
      <c r="G5124" t="s">
        <v>0</v>
      </c>
      <c r="H5124" t="s">
        <v>9497</v>
      </c>
      <c r="I5124" t="s">
        <v>30540</v>
      </c>
    </row>
    <row r="5125" spans="1:9">
      <c r="A5125" s="1">
        <f ca="1">RAND()</f>
        <v>0.17730121895982598</v>
      </c>
      <c r="B5125" s="1"/>
      <c r="C5125">
        <v>4</v>
      </c>
      <c r="D5125" t="s">
        <v>9498</v>
      </c>
      <c r="E5125" t="s">
        <v>32267</v>
      </c>
      <c r="F5125">
        <v>2</v>
      </c>
      <c r="G5125" t="s">
        <v>0</v>
      </c>
      <c r="H5125" t="s">
        <v>9499</v>
      </c>
      <c r="I5125" t="s">
        <v>30540</v>
      </c>
    </row>
    <row r="5126" spans="1:9">
      <c r="A5126" s="1">
        <f ca="1">RAND()</f>
        <v>0.82970632143283918</v>
      </c>
      <c r="B5126" s="1"/>
      <c r="C5126">
        <v>3</v>
      </c>
      <c r="D5126" t="s">
        <v>9486</v>
      </c>
      <c r="E5126" t="s">
        <v>32268</v>
      </c>
      <c r="F5126">
        <v>4</v>
      </c>
      <c r="G5126" t="s">
        <v>0</v>
      </c>
      <c r="H5126" t="s">
        <v>9487</v>
      </c>
      <c r="I5126" t="s">
        <v>30540</v>
      </c>
    </row>
    <row r="5127" spans="1:9">
      <c r="A5127" s="1">
        <f ca="1">RAND()</f>
        <v>0.8563280282469159</v>
      </c>
      <c r="B5127" s="1"/>
      <c r="C5127">
        <v>8</v>
      </c>
      <c r="D5127" t="s">
        <v>9494</v>
      </c>
      <c r="E5127" t="s">
        <v>32268</v>
      </c>
      <c r="F5127">
        <v>4</v>
      </c>
      <c r="G5127" t="s">
        <v>0</v>
      </c>
      <c r="H5127" t="s">
        <v>9495</v>
      </c>
      <c r="I5127" t="s">
        <v>30540</v>
      </c>
    </row>
    <row r="5128" spans="1:9">
      <c r="A5128" s="1">
        <f ca="1">RAND()</f>
        <v>0.27266814423073649</v>
      </c>
      <c r="B5128" s="1"/>
      <c r="C5128">
        <v>4</v>
      </c>
      <c r="D5128" t="s">
        <v>9488</v>
      </c>
      <c r="E5128" t="s">
        <v>32268</v>
      </c>
      <c r="F5128">
        <v>4</v>
      </c>
      <c r="G5128" t="s">
        <v>0</v>
      </c>
      <c r="H5128" t="s">
        <v>9489</v>
      </c>
      <c r="I5128" t="s">
        <v>30540</v>
      </c>
    </row>
    <row r="5129" spans="1:9">
      <c r="A5129" s="1">
        <f ca="1">RAND()</f>
        <v>0.72493748521595336</v>
      </c>
      <c r="B5129" s="1"/>
      <c r="C5129">
        <v>6</v>
      </c>
      <c r="D5129" t="s">
        <v>9492</v>
      </c>
      <c r="E5129" t="s">
        <v>32268</v>
      </c>
      <c r="F5129">
        <v>4</v>
      </c>
      <c r="G5129" t="s">
        <v>0</v>
      </c>
      <c r="H5129" t="s">
        <v>9493</v>
      </c>
      <c r="I5129" t="s">
        <v>30540</v>
      </c>
    </row>
    <row r="5130" spans="1:9">
      <c r="A5130" s="1">
        <f ca="1">RAND()</f>
        <v>0.34765274808265156</v>
      </c>
      <c r="B5130" s="1"/>
      <c r="C5130">
        <v>5</v>
      </c>
      <c r="D5130" t="s">
        <v>9490</v>
      </c>
      <c r="E5130" t="s">
        <v>32268</v>
      </c>
      <c r="F5130">
        <v>4</v>
      </c>
      <c r="G5130" t="s">
        <v>0</v>
      </c>
      <c r="H5130" t="s">
        <v>9491</v>
      </c>
      <c r="I5130" t="s">
        <v>30540</v>
      </c>
    </row>
    <row r="5131" spans="1:9">
      <c r="A5131" s="1">
        <f ca="1">RAND()</f>
        <v>0.46618672811944062</v>
      </c>
      <c r="B5131" s="1"/>
      <c r="C5131">
        <v>8</v>
      </c>
      <c r="D5131" t="s">
        <v>9484</v>
      </c>
      <c r="E5131" t="s">
        <v>32269</v>
      </c>
      <c r="F5131">
        <v>5</v>
      </c>
      <c r="G5131" t="s">
        <v>0</v>
      </c>
      <c r="H5131" t="s">
        <v>9485</v>
      </c>
      <c r="I5131" t="s">
        <v>30540</v>
      </c>
    </row>
    <row r="5132" spans="1:9">
      <c r="A5132" s="1">
        <f ca="1">RAND()</f>
        <v>0.10674579979484955</v>
      </c>
      <c r="B5132" s="1"/>
      <c r="C5132">
        <v>4</v>
      </c>
      <c r="D5132" t="s">
        <v>9476</v>
      </c>
      <c r="E5132" t="s">
        <v>32269</v>
      </c>
      <c r="F5132">
        <v>5</v>
      </c>
      <c r="G5132" t="s">
        <v>14</v>
      </c>
      <c r="H5132" t="s">
        <v>9477</v>
      </c>
      <c r="I5132" t="s">
        <v>30540</v>
      </c>
    </row>
    <row r="5133" spans="1:9">
      <c r="A5133" s="1">
        <f ca="1">RAND()</f>
        <v>2.6526456343852645E-2</v>
      </c>
      <c r="B5133" s="1"/>
      <c r="C5133">
        <v>2</v>
      </c>
      <c r="D5133" t="s">
        <v>9474</v>
      </c>
      <c r="E5133" t="s">
        <v>32269</v>
      </c>
      <c r="F5133">
        <v>4</v>
      </c>
      <c r="G5133" t="s">
        <v>0</v>
      </c>
      <c r="H5133" t="s">
        <v>9475</v>
      </c>
      <c r="I5133" t="s">
        <v>30540</v>
      </c>
    </row>
    <row r="5134" spans="1:9">
      <c r="A5134" s="1">
        <f ca="1">RAND()</f>
        <v>0.26348972004019655</v>
      </c>
      <c r="B5134" s="1"/>
      <c r="C5134">
        <v>5</v>
      </c>
      <c r="D5134" t="s">
        <v>9478</v>
      </c>
      <c r="E5134" t="s">
        <v>32269</v>
      </c>
      <c r="F5134">
        <v>4</v>
      </c>
      <c r="G5134" t="s">
        <v>0</v>
      </c>
      <c r="H5134" t="s">
        <v>9479</v>
      </c>
      <c r="I5134" t="s">
        <v>30540</v>
      </c>
    </row>
    <row r="5135" spans="1:9">
      <c r="A5135" s="1">
        <f ca="1">RAND()</f>
        <v>0.49306669448911056</v>
      </c>
      <c r="B5135" s="1"/>
      <c r="C5135">
        <v>6</v>
      </c>
      <c r="D5135" t="s">
        <v>9480</v>
      </c>
      <c r="E5135" t="s">
        <v>32269</v>
      </c>
      <c r="F5135">
        <v>3</v>
      </c>
      <c r="G5135" t="s">
        <v>0</v>
      </c>
      <c r="H5135" t="s">
        <v>9481</v>
      </c>
      <c r="I5135" t="s">
        <v>30540</v>
      </c>
    </row>
    <row r="5136" spans="1:9">
      <c r="A5136" s="1">
        <f ca="1">RAND()</f>
        <v>0.52533607633247981</v>
      </c>
      <c r="B5136" s="1"/>
      <c r="C5136">
        <v>7</v>
      </c>
      <c r="D5136" t="s">
        <v>9482</v>
      </c>
      <c r="E5136" t="s">
        <v>32269</v>
      </c>
      <c r="F5136">
        <v>3</v>
      </c>
      <c r="G5136" t="s">
        <v>0</v>
      </c>
      <c r="H5136" t="s">
        <v>9483</v>
      </c>
      <c r="I5136" t="s">
        <v>30540</v>
      </c>
    </row>
    <row r="5137" spans="1:9">
      <c r="A5137" s="1">
        <f ca="1">RAND()</f>
        <v>0.75130547529779423</v>
      </c>
      <c r="B5137" s="1"/>
      <c r="C5137">
        <v>6</v>
      </c>
      <c r="D5137" t="s">
        <v>9470</v>
      </c>
      <c r="E5137" t="s">
        <v>32270</v>
      </c>
      <c r="F5137">
        <v>4</v>
      </c>
      <c r="G5137" t="s">
        <v>0</v>
      </c>
      <c r="H5137" t="s">
        <v>9471</v>
      </c>
      <c r="I5137" t="s">
        <v>30540</v>
      </c>
    </row>
    <row r="5138" spans="1:9">
      <c r="A5138" s="1">
        <f ca="1">RAND()</f>
        <v>1.4828143922084536E-2</v>
      </c>
      <c r="B5138" s="1"/>
      <c r="C5138">
        <v>3</v>
      </c>
      <c r="D5138" t="s">
        <v>9466</v>
      </c>
      <c r="E5138" t="s">
        <v>32270</v>
      </c>
      <c r="F5138">
        <v>4</v>
      </c>
      <c r="G5138" t="s">
        <v>0</v>
      </c>
      <c r="H5138" t="s">
        <v>9467</v>
      </c>
      <c r="I5138" t="s">
        <v>30540</v>
      </c>
    </row>
    <row r="5139" spans="1:9">
      <c r="A5139" s="1">
        <f ca="1">RAND()</f>
        <v>0.71078166300072188</v>
      </c>
      <c r="B5139" s="1"/>
      <c r="C5139">
        <v>4</v>
      </c>
      <c r="D5139" t="s">
        <v>9468</v>
      </c>
      <c r="E5139" t="s">
        <v>32270</v>
      </c>
      <c r="F5139">
        <v>4</v>
      </c>
      <c r="G5139" t="s">
        <v>0</v>
      </c>
      <c r="H5139" t="s">
        <v>9469</v>
      </c>
      <c r="I5139" t="s">
        <v>30540</v>
      </c>
    </row>
    <row r="5140" spans="1:9">
      <c r="A5140" s="1">
        <f ca="1">RAND()</f>
        <v>6.0110394358328212E-2</v>
      </c>
      <c r="B5140" s="1"/>
      <c r="C5140">
        <v>7</v>
      </c>
      <c r="D5140" t="s">
        <v>9472</v>
      </c>
      <c r="E5140" t="s">
        <v>32270</v>
      </c>
      <c r="F5140">
        <v>3</v>
      </c>
      <c r="G5140" t="s">
        <v>0</v>
      </c>
      <c r="H5140" t="s">
        <v>9473</v>
      </c>
      <c r="I5140" t="s">
        <v>30540</v>
      </c>
    </row>
    <row r="5141" spans="1:9">
      <c r="A5141" s="1">
        <f ca="1">RAND()</f>
        <v>0.93353580703820171</v>
      </c>
      <c r="B5141" s="1"/>
      <c r="C5141">
        <v>8</v>
      </c>
      <c r="D5141" t="s">
        <v>9458</v>
      </c>
      <c r="E5141" t="s">
        <v>32271</v>
      </c>
      <c r="F5141">
        <v>4</v>
      </c>
      <c r="G5141" t="s">
        <v>0</v>
      </c>
      <c r="H5141" t="s">
        <v>9459</v>
      </c>
      <c r="I5141" t="s">
        <v>30540</v>
      </c>
    </row>
    <row r="5142" spans="1:9">
      <c r="A5142" s="1">
        <f ca="1">RAND()</f>
        <v>5.4909801767302535E-2</v>
      </c>
      <c r="B5142" s="1"/>
      <c r="C5142">
        <v>14</v>
      </c>
      <c r="D5142" t="s">
        <v>9462</v>
      </c>
      <c r="E5142" t="s">
        <v>32271</v>
      </c>
      <c r="F5142">
        <v>4</v>
      </c>
      <c r="G5142" t="s">
        <v>0</v>
      </c>
      <c r="H5142" t="s">
        <v>9463</v>
      </c>
      <c r="I5142" t="s">
        <v>30540</v>
      </c>
    </row>
    <row r="5143" spans="1:9">
      <c r="A5143" s="1">
        <f ca="1">RAND()</f>
        <v>0.77909103667175594</v>
      </c>
      <c r="B5143" s="1"/>
      <c r="C5143">
        <v>13</v>
      </c>
      <c r="D5143" t="s">
        <v>9460</v>
      </c>
      <c r="E5143" t="s">
        <v>32271</v>
      </c>
      <c r="F5143">
        <v>4</v>
      </c>
      <c r="G5143" t="s">
        <v>0</v>
      </c>
      <c r="H5143" t="s">
        <v>9461</v>
      </c>
      <c r="I5143" t="s">
        <v>30540</v>
      </c>
    </row>
    <row r="5144" spans="1:9">
      <c r="A5144" s="1">
        <f ca="1">RAND()</f>
        <v>0.2272346795627993</v>
      </c>
      <c r="B5144" s="1"/>
      <c r="C5144">
        <v>15</v>
      </c>
      <c r="D5144" t="s">
        <v>9464</v>
      </c>
      <c r="E5144" t="s">
        <v>32271</v>
      </c>
      <c r="F5144">
        <v>4</v>
      </c>
      <c r="G5144" t="s">
        <v>0</v>
      </c>
      <c r="H5144" t="s">
        <v>9465</v>
      </c>
      <c r="I5144" t="s">
        <v>30540</v>
      </c>
    </row>
    <row r="5145" spans="1:9">
      <c r="A5145" s="1">
        <f ca="1">RAND()</f>
        <v>0.92705560928782016</v>
      </c>
      <c r="B5145" s="1"/>
      <c r="C5145">
        <v>6</v>
      </c>
      <c r="D5145" t="s">
        <v>9452</v>
      </c>
      <c r="E5145" t="s">
        <v>32272</v>
      </c>
      <c r="F5145">
        <v>4</v>
      </c>
      <c r="G5145" t="s">
        <v>15</v>
      </c>
      <c r="H5145" t="s">
        <v>9453</v>
      </c>
      <c r="I5145" t="s">
        <v>30540</v>
      </c>
    </row>
    <row r="5146" spans="1:9">
      <c r="A5146" s="1">
        <f ca="1">RAND()</f>
        <v>0.32028722504080753</v>
      </c>
      <c r="B5146" s="1"/>
      <c r="C5146">
        <v>12</v>
      </c>
      <c r="D5146" t="s">
        <v>9456</v>
      </c>
      <c r="E5146" t="s">
        <v>32272</v>
      </c>
      <c r="F5146">
        <v>4</v>
      </c>
      <c r="G5146" t="s">
        <v>0</v>
      </c>
      <c r="H5146" t="s">
        <v>9457</v>
      </c>
      <c r="I5146" t="s">
        <v>30540</v>
      </c>
    </row>
    <row r="5147" spans="1:9">
      <c r="A5147" s="1">
        <f ca="1">RAND()</f>
        <v>0.88303896998350961</v>
      </c>
      <c r="B5147" s="1"/>
      <c r="C5147">
        <v>1</v>
      </c>
      <c r="D5147" t="s">
        <v>9450</v>
      </c>
      <c r="E5147" t="s">
        <v>32272</v>
      </c>
      <c r="F5147">
        <v>4</v>
      </c>
      <c r="G5147" t="s">
        <v>1</v>
      </c>
      <c r="H5147" t="s">
        <v>9451</v>
      </c>
      <c r="I5147" t="s">
        <v>30540</v>
      </c>
    </row>
    <row r="5148" spans="1:9">
      <c r="A5148" s="1">
        <f ca="1">RAND()</f>
        <v>0.46312359336537334</v>
      </c>
      <c r="B5148" s="1"/>
      <c r="C5148">
        <v>11</v>
      </c>
      <c r="D5148" t="s">
        <v>9454</v>
      </c>
      <c r="E5148" t="s">
        <v>32272</v>
      </c>
      <c r="F5148">
        <v>3</v>
      </c>
      <c r="G5148" t="s">
        <v>0</v>
      </c>
      <c r="H5148" t="s">
        <v>9455</v>
      </c>
      <c r="I5148" t="s">
        <v>30540</v>
      </c>
    </row>
    <row r="5149" spans="1:9">
      <c r="A5149" s="1">
        <f ca="1">RAND()</f>
        <v>0.71308189969362457</v>
      </c>
      <c r="B5149" s="1"/>
      <c r="C5149">
        <v>8</v>
      </c>
      <c r="D5149" t="s">
        <v>9442</v>
      </c>
      <c r="E5149" t="s">
        <v>32273</v>
      </c>
      <c r="F5149">
        <v>5</v>
      </c>
      <c r="G5149" t="s">
        <v>2</v>
      </c>
      <c r="H5149" t="s">
        <v>9443</v>
      </c>
      <c r="I5149" t="s">
        <v>30540</v>
      </c>
    </row>
    <row r="5150" spans="1:9">
      <c r="A5150" s="1">
        <f ca="1">RAND()</f>
        <v>0.40076686221107571</v>
      </c>
      <c r="B5150" s="1"/>
      <c r="C5150">
        <v>2</v>
      </c>
      <c r="D5150" t="s">
        <v>9434</v>
      </c>
      <c r="E5150" t="s">
        <v>32273</v>
      </c>
      <c r="F5150">
        <v>5</v>
      </c>
      <c r="G5150" t="s">
        <v>0</v>
      </c>
      <c r="H5150" t="s">
        <v>9435</v>
      </c>
      <c r="I5150" t="s">
        <v>30540</v>
      </c>
    </row>
    <row r="5151" spans="1:9">
      <c r="A5151" s="1">
        <f ca="1">RAND()</f>
        <v>0.8373583861490399</v>
      </c>
      <c r="B5151" s="1"/>
      <c r="C5151">
        <v>4</v>
      </c>
      <c r="D5151" t="s">
        <v>9436</v>
      </c>
      <c r="E5151" t="s">
        <v>32273</v>
      </c>
      <c r="F5151">
        <v>5</v>
      </c>
      <c r="G5151" t="s">
        <v>0</v>
      </c>
      <c r="H5151" t="s">
        <v>9437</v>
      </c>
      <c r="I5151" t="s">
        <v>30540</v>
      </c>
    </row>
    <row r="5152" spans="1:9">
      <c r="A5152" s="1">
        <f ca="1">RAND()</f>
        <v>0.20626151256313752</v>
      </c>
      <c r="B5152" s="1"/>
      <c r="C5152">
        <v>10</v>
      </c>
      <c r="D5152" t="s">
        <v>9446</v>
      </c>
      <c r="E5152" t="s">
        <v>32273</v>
      </c>
      <c r="F5152">
        <v>5</v>
      </c>
      <c r="G5152" t="s">
        <v>0</v>
      </c>
      <c r="H5152" t="s">
        <v>9447</v>
      </c>
      <c r="I5152" t="s">
        <v>30540</v>
      </c>
    </row>
    <row r="5153" spans="1:9">
      <c r="A5153" s="1">
        <f ca="1">RAND()</f>
        <v>0.35937437584440901</v>
      </c>
      <c r="B5153" s="1"/>
      <c r="C5153">
        <v>9</v>
      </c>
      <c r="D5153" t="s">
        <v>9444</v>
      </c>
      <c r="E5153" t="s">
        <v>32273</v>
      </c>
      <c r="F5153">
        <v>5</v>
      </c>
      <c r="G5153" t="s">
        <v>0</v>
      </c>
      <c r="H5153" t="s">
        <v>9445</v>
      </c>
      <c r="I5153" t="s">
        <v>30540</v>
      </c>
    </row>
    <row r="5154" spans="1:9">
      <c r="A5154" s="1">
        <f ca="1">RAND()</f>
        <v>0.97250211391518848</v>
      </c>
      <c r="B5154" s="1"/>
      <c r="C5154">
        <v>5</v>
      </c>
      <c r="D5154" t="s">
        <v>9438</v>
      </c>
      <c r="E5154" t="s">
        <v>32273</v>
      </c>
      <c r="F5154">
        <v>4</v>
      </c>
      <c r="G5154" t="s">
        <v>0</v>
      </c>
      <c r="H5154" t="s">
        <v>9439</v>
      </c>
      <c r="I5154" t="s">
        <v>30540</v>
      </c>
    </row>
    <row r="5155" spans="1:9">
      <c r="A5155" s="1">
        <f ca="1">RAND()</f>
        <v>0.81424900886239859</v>
      </c>
      <c r="B5155" s="1"/>
      <c r="C5155">
        <v>1</v>
      </c>
      <c r="D5155" t="s">
        <v>9432</v>
      </c>
      <c r="E5155" t="s">
        <v>32273</v>
      </c>
      <c r="F5155">
        <v>4</v>
      </c>
      <c r="G5155" t="s">
        <v>15</v>
      </c>
      <c r="H5155" t="s">
        <v>9433</v>
      </c>
      <c r="I5155" t="s">
        <v>30540</v>
      </c>
    </row>
    <row r="5156" spans="1:9">
      <c r="A5156" s="1">
        <f ca="1">RAND()</f>
        <v>0.94016930998094306</v>
      </c>
      <c r="B5156" s="1"/>
      <c r="C5156">
        <v>13</v>
      </c>
      <c r="D5156" t="s">
        <v>9448</v>
      </c>
      <c r="E5156" t="s">
        <v>32273</v>
      </c>
      <c r="F5156">
        <v>4</v>
      </c>
      <c r="G5156" t="s">
        <v>0</v>
      </c>
      <c r="H5156" t="s">
        <v>9449</v>
      </c>
      <c r="I5156" t="s">
        <v>30540</v>
      </c>
    </row>
    <row r="5157" spans="1:9">
      <c r="A5157" s="1">
        <f ca="1">RAND()</f>
        <v>0.64728311405067729</v>
      </c>
      <c r="B5157" s="1"/>
      <c r="C5157">
        <v>6</v>
      </c>
      <c r="D5157" t="s">
        <v>9440</v>
      </c>
      <c r="E5157" t="s">
        <v>32273</v>
      </c>
      <c r="F5157">
        <v>3</v>
      </c>
      <c r="G5157" t="s">
        <v>1</v>
      </c>
      <c r="H5157" t="s">
        <v>9441</v>
      </c>
      <c r="I5157" t="s">
        <v>30540</v>
      </c>
    </row>
    <row r="5158" spans="1:9">
      <c r="A5158" s="1">
        <f ca="1">RAND()</f>
        <v>0.61066530203915681</v>
      </c>
      <c r="B5158" s="1"/>
      <c r="C5158">
        <v>15</v>
      </c>
      <c r="D5158" t="s">
        <v>9422</v>
      </c>
      <c r="E5158" t="s">
        <v>32274</v>
      </c>
      <c r="F5158">
        <v>4</v>
      </c>
      <c r="G5158" t="s">
        <v>2</v>
      </c>
      <c r="H5158" t="s">
        <v>9423</v>
      </c>
      <c r="I5158" t="s">
        <v>30540</v>
      </c>
    </row>
    <row r="5159" spans="1:9">
      <c r="A5159" s="1">
        <f ca="1">RAND()</f>
        <v>6.694091746242925E-2</v>
      </c>
      <c r="B5159" s="1"/>
      <c r="C5159">
        <v>18</v>
      </c>
      <c r="D5159" t="s">
        <v>9428</v>
      </c>
      <c r="E5159" t="s">
        <v>32274</v>
      </c>
      <c r="F5159">
        <v>4</v>
      </c>
      <c r="G5159" t="s">
        <v>0</v>
      </c>
      <c r="H5159" t="s">
        <v>9429</v>
      </c>
      <c r="I5159" t="s">
        <v>30540</v>
      </c>
    </row>
    <row r="5160" spans="1:9">
      <c r="A5160" s="1">
        <f ca="1">RAND()</f>
        <v>0.78622983044978867</v>
      </c>
      <c r="B5160" s="1"/>
      <c r="C5160">
        <v>1</v>
      </c>
      <c r="D5160" t="s">
        <v>9412</v>
      </c>
      <c r="E5160" t="s">
        <v>32274</v>
      </c>
      <c r="F5160">
        <v>4</v>
      </c>
      <c r="G5160" t="s">
        <v>762</v>
      </c>
      <c r="H5160" t="s">
        <v>9413</v>
      </c>
      <c r="I5160" t="s">
        <v>30540</v>
      </c>
    </row>
    <row r="5161" spans="1:9">
      <c r="A5161" s="1">
        <f ca="1">RAND()</f>
        <v>2.060999495857252E-2</v>
      </c>
      <c r="B5161" s="1"/>
      <c r="C5161">
        <v>16</v>
      </c>
      <c r="D5161" t="s">
        <v>9424</v>
      </c>
      <c r="E5161" t="s">
        <v>32274</v>
      </c>
      <c r="F5161">
        <v>4</v>
      </c>
      <c r="G5161" t="s">
        <v>2</v>
      </c>
      <c r="H5161" t="s">
        <v>9425</v>
      </c>
      <c r="I5161" t="s">
        <v>30540</v>
      </c>
    </row>
    <row r="5162" spans="1:9">
      <c r="A5162" s="1">
        <f ca="1">RAND()</f>
        <v>0.84689644482287563</v>
      </c>
      <c r="B5162" s="1"/>
      <c r="C5162">
        <v>17</v>
      </c>
      <c r="D5162" t="s">
        <v>9426</v>
      </c>
      <c r="E5162" t="s">
        <v>32274</v>
      </c>
      <c r="F5162">
        <v>4</v>
      </c>
      <c r="G5162" t="s">
        <v>0</v>
      </c>
      <c r="H5162" t="s">
        <v>9427</v>
      </c>
      <c r="I5162" t="s">
        <v>30540</v>
      </c>
    </row>
    <row r="5163" spans="1:9">
      <c r="A5163" s="1">
        <f ca="1">RAND()</f>
        <v>0.82087552180192003</v>
      </c>
      <c r="B5163" s="1"/>
      <c r="C5163">
        <v>14</v>
      </c>
      <c r="D5163" t="s">
        <v>9420</v>
      </c>
      <c r="E5163" t="s">
        <v>32274</v>
      </c>
      <c r="F5163">
        <v>4</v>
      </c>
      <c r="G5163" t="s">
        <v>0</v>
      </c>
      <c r="H5163" t="s">
        <v>9421</v>
      </c>
      <c r="I5163" t="s">
        <v>30540</v>
      </c>
    </row>
    <row r="5164" spans="1:9">
      <c r="A5164" s="1">
        <f ca="1">RAND()</f>
        <v>0.95747122916144267</v>
      </c>
      <c r="B5164" s="1"/>
      <c r="C5164">
        <v>20</v>
      </c>
      <c r="D5164" t="s">
        <v>9430</v>
      </c>
      <c r="E5164" t="s">
        <v>32274</v>
      </c>
      <c r="F5164">
        <v>4</v>
      </c>
      <c r="G5164" t="s">
        <v>2</v>
      </c>
      <c r="H5164" t="s">
        <v>9431</v>
      </c>
      <c r="I5164" t="s">
        <v>30540</v>
      </c>
    </row>
    <row r="5165" spans="1:9">
      <c r="A5165" s="1">
        <f ca="1">RAND()</f>
        <v>0.14982641044444289</v>
      </c>
      <c r="B5165" s="1"/>
      <c r="C5165">
        <v>13</v>
      </c>
      <c r="D5165" t="s">
        <v>9418</v>
      </c>
      <c r="E5165" t="s">
        <v>32274</v>
      </c>
      <c r="F5165">
        <v>4</v>
      </c>
      <c r="G5165" t="s">
        <v>1</v>
      </c>
      <c r="H5165" t="s">
        <v>9419</v>
      </c>
      <c r="I5165" t="s">
        <v>30540</v>
      </c>
    </row>
    <row r="5166" spans="1:9">
      <c r="A5166" s="1">
        <f ca="1">RAND()</f>
        <v>0.68838867487691369</v>
      </c>
      <c r="B5166" s="1"/>
      <c r="C5166">
        <v>4</v>
      </c>
      <c r="D5166" t="s">
        <v>9414</v>
      </c>
      <c r="E5166" t="s">
        <v>32274</v>
      </c>
      <c r="F5166">
        <v>4</v>
      </c>
      <c r="G5166" t="s">
        <v>14</v>
      </c>
      <c r="H5166" t="s">
        <v>9415</v>
      </c>
      <c r="I5166" t="s">
        <v>30540</v>
      </c>
    </row>
    <row r="5167" spans="1:9">
      <c r="A5167" s="1">
        <f ca="1">RAND()</f>
        <v>0.40669513237006871</v>
      </c>
      <c r="B5167" s="1"/>
      <c r="C5167">
        <v>10</v>
      </c>
      <c r="D5167" t="s">
        <v>9416</v>
      </c>
      <c r="E5167" t="s">
        <v>32274</v>
      </c>
      <c r="F5167">
        <v>3</v>
      </c>
      <c r="G5167" t="s">
        <v>0</v>
      </c>
      <c r="H5167" t="s">
        <v>9417</v>
      </c>
      <c r="I5167" t="s">
        <v>30540</v>
      </c>
    </row>
    <row r="5168" spans="1:9">
      <c r="A5168" s="1">
        <f ca="1">RAND()</f>
        <v>0.21231996496353023</v>
      </c>
      <c r="B5168" s="1"/>
      <c r="C5168">
        <v>11</v>
      </c>
      <c r="D5168" t="s">
        <v>9410</v>
      </c>
      <c r="E5168" t="s">
        <v>32275</v>
      </c>
      <c r="F5168">
        <v>4</v>
      </c>
      <c r="G5168" t="s">
        <v>0</v>
      </c>
      <c r="H5168" t="s">
        <v>9411</v>
      </c>
      <c r="I5168" t="s">
        <v>30540</v>
      </c>
    </row>
    <row r="5169" spans="1:9">
      <c r="A5169" s="1">
        <f ca="1">RAND()</f>
        <v>0.14898735996734469</v>
      </c>
      <c r="B5169" s="1"/>
      <c r="C5169">
        <v>8</v>
      </c>
      <c r="D5169" t="s">
        <v>9408</v>
      </c>
      <c r="E5169" t="s">
        <v>32275</v>
      </c>
      <c r="F5169">
        <v>4</v>
      </c>
      <c r="G5169" t="s">
        <v>0</v>
      </c>
      <c r="H5169" t="s">
        <v>9409</v>
      </c>
      <c r="I5169" t="s">
        <v>30540</v>
      </c>
    </row>
    <row r="5170" spans="1:9">
      <c r="A5170" s="1">
        <f ca="1">RAND()</f>
        <v>0.33718864534764437</v>
      </c>
      <c r="B5170" s="1"/>
      <c r="C5170">
        <v>4</v>
      </c>
      <c r="D5170" t="s">
        <v>9404</v>
      </c>
      <c r="E5170" t="s">
        <v>32275</v>
      </c>
      <c r="F5170">
        <v>4</v>
      </c>
      <c r="G5170" t="s">
        <v>0</v>
      </c>
      <c r="H5170" t="s">
        <v>9405</v>
      </c>
      <c r="I5170" t="s">
        <v>30540</v>
      </c>
    </row>
    <row r="5171" spans="1:9">
      <c r="A5171" s="1">
        <f ca="1">RAND()</f>
        <v>0.43934694532077467</v>
      </c>
      <c r="B5171" s="1"/>
      <c r="C5171">
        <v>5</v>
      </c>
      <c r="D5171" t="s">
        <v>9406</v>
      </c>
      <c r="E5171" t="s">
        <v>32275</v>
      </c>
      <c r="F5171">
        <v>2</v>
      </c>
      <c r="G5171" t="s">
        <v>0</v>
      </c>
      <c r="H5171" t="s">
        <v>9407</v>
      </c>
      <c r="I5171" t="s">
        <v>30540</v>
      </c>
    </row>
    <row r="5172" spans="1:9">
      <c r="A5172" s="1">
        <f ca="1">RAND()</f>
        <v>0.38967844085828574</v>
      </c>
      <c r="B5172" s="1"/>
      <c r="C5172">
        <v>16</v>
      </c>
      <c r="D5172" t="s">
        <v>9400</v>
      </c>
      <c r="E5172" t="s">
        <v>32276</v>
      </c>
      <c r="F5172">
        <v>4</v>
      </c>
      <c r="G5172" t="s">
        <v>0</v>
      </c>
      <c r="H5172" t="s">
        <v>9401</v>
      </c>
      <c r="I5172" t="s">
        <v>30540</v>
      </c>
    </row>
    <row r="5173" spans="1:9">
      <c r="A5173" s="1">
        <f ca="1">RAND()</f>
        <v>0.48552997898939687</v>
      </c>
      <c r="B5173" s="1"/>
      <c r="C5173">
        <v>15</v>
      </c>
      <c r="D5173" t="s">
        <v>9398</v>
      </c>
      <c r="E5173" t="s">
        <v>32276</v>
      </c>
      <c r="F5173">
        <v>4</v>
      </c>
      <c r="G5173" t="s">
        <v>0</v>
      </c>
      <c r="H5173" t="s">
        <v>9399</v>
      </c>
      <c r="I5173" t="s">
        <v>30540</v>
      </c>
    </row>
    <row r="5174" spans="1:9">
      <c r="A5174" s="1">
        <f ca="1">RAND()</f>
        <v>0.94139219990208756</v>
      </c>
      <c r="B5174" s="1"/>
      <c r="C5174">
        <v>20</v>
      </c>
      <c r="D5174" t="s">
        <v>9402</v>
      </c>
      <c r="E5174" t="s">
        <v>32276</v>
      </c>
      <c r="F5174">
        <v>4</v>
      </c>
      <c r="G5174" t="s">
        <v>0</v>
      </c>
      <c r="H5174" t="s">
        <v>9403</v>
      </c>
      <c r="I5174" t="s">
        <v>30540</v>
      </c>
    </row>
    <row r="5175" spans="1:9">
      <c r="A5175" s="1">
        <f ca="1">RAND()</f>
        <v>0.10914748653762218</v>
      </c>
      <c r="B5175" s="1"/>
      <c r="C5175">
        <v>12</v>
      </c>
      <c r="D5175" t="s">
        <v>9394</v>
      </c>
      <c r="E5175" t="s">
        <v>32277</v>
      </c>
      <c r="F5175">
        <v>4</v>
      </c>
      <c r="G5175" t="s">
        <v>0</v>
      </c>
      <c r="H5175" t="s">
        <v>9395</v>
      </c>
      <c r="I5175" t="s">
        <v>30540</v>
      </c>
    </row>
    <row r="5176" spans="1:9">
      <c r="A5176" s="1">
        <f ca="1">RAND()</f>
        <v>0.57778901537118332</v>
      </c>
      <c r="B5176" s="1"/>
      <c r="C5176">
        <v>15</v>
      </c>
      <c r="D5176" t="s">
        <v>9396</v>
      </c>
      <c r="E5176" t="s">
        <v>32277</v>
      </c>
      <c r="F5176">
        <v>4</v>
      </c>
      <c r="G5176" t="s">
        <v>0</v>
      </c>
      <c r="H5176" t="s">
        <v>9397</v>
      </c>
      <c r="I5176" t="s">
        <v>30540</v>
      </c>
    </row>
    <row r="5177" spans="1:9">
      <c r="A5177" s="1">
        <f ca="1">RAND()</f>
        <v>0.2956317472914255</v>
      </c>
      <c r="B5177" s="1"/>
      <c r="C5177">
        <v>12</v>
      </c>
      <c r="D5177" t="s">
        <v>9392</v>
      </c>
      <c r="E5177" t="s">
        <v>32278</v>
      </c>
      <c r="F5177">
        <v>4</v>
      </c>
      <c r="G5177" t="s">
        <v>0</v>
      </c>
      <c r="H5177" t="s">
        <v>9393</v>
      </c>
      <c r="I5177" t="s">
        <v>30540</v>
      </c>
    </row>
    <row r="5178" spans="1:9">
      <c r="A5178" s="1">
        <f ca="1">RAND()</f>
        <v>0.96457971540678433</v>
      </c>
      <c r="B5178" s="1"/>
      <c r="C5178">
        <v>8</v>
      </c>
      <c r="D5178" t="s">
        <v>9390</v>
      </c>
      <c r="E5178" t="s">
        <v>32278</v>
      </c>
      <c r="F5178">
        <v>4</v>
      </c>
      <c r="G5178" t="s">
        <v>0</v>
      </c>
      <c r="H5178" t="s">
        <v>9391</v>
      </c>
      <c r="I5178" t="s">
        <v>30540</v>
      </c>
    </row>
    <row r="5179" spans="1:9">
      <c r="A5179" s="1">
        <f ca="1">RAND()</f>
        <v>0.49493901390788897</v>
      </c>
      <c r="B5179" s="1"/>
      <c r="C5179">
        <v>1</v>
      </c>
      <c r="D5179" t="s">
        <v>9386</v>
      </c>
      <c r="E5179" t="s">
        <v>32278</v>
      </c>
      <c r="F5179">
        <v>4</v>
      </c>
      <c r="G5179" t="s">
        <v>0</v>
      </c>
      <c r="H5179" t="s">
        <v>9387</v>
      </c>
      <c r="I5179" t="s">
        <v>30540</v>
      </c>
    </row>
    <row r="5180" spans="1:9">
      <c r="A5180" s="1">
        <f ca="1">RAND()</f>
        <v>0.2458386335093391</v>
      </c>
      <c r="B5180" s="1"/>
      <c r="C5180">
        <v>4</v>
      </c>
      <c r="D5180" t="s">
        <v>9388</v>
      </c>
      <c r="E5180" t="s">
        <v>32278</v>
      </c>
      <c r="F5180">
        <v>3</v>
      </c>
      <c r="G5180" t="s">
        <v>0</v>
      </c>
      <c r="H5180" t="s">
        <v>9389</v>
      </c>
      <c r="I5180" t="s">
        <v>30540</v>
      </c>
    </row>
    <row r="5181" spans="1:9">
      <c r="A5181" s="1">
        <f ca="1">RAND()</f>
        <v>5.1680557171687402E-2</v>
      </c>
      <c r="B5181" s="1"/>
      <c r="C5181">
        <v>11</v>
      </c>
      <c r="D5181" t="s">
        <v>9382</v>
      </c>
      <c r="E5181" t="s">
        <v>32279</v>
      </c>
      <c r="F5181">
        <v>4</v>
      </c>
      <c r="G5181" t="s">
        <v>13</v>
      </c>
      <c r="H5181" t="s">
        <v>9383</v>
      </c>
      <c r="I5181" t="s">
        <v>30540</v>
      </c>
    </row>
    <row r="5182" spans="1:9">
      <c r="A5182" s="1">
        <f ca="1">RAND()</f>
        <v>0.25077173156869548</v>
      </c>
      <c r="B5182" s="1"/>
      <c r="C5182">
        <v>13</v>
      </c>
      <c r="D5182" t="s">
        <v>9384</v>
      </c>
      <c r="E5182" t="s">
        <v>32279</v>
      </c>
      <c r="F5182">
        <v>4</v>
      </c>
      <c r="G5182" t="s">
        <v>0</v>
      </c>
      <c r="H5182" t="s">
        <v>9385</v>
      </c>
      <c r="I5182" t="s">
        <v>30540</v>
      </c>
    </row>
    <row r="5183" spans="1:9">
      <c r="A5183" s="1">
        <f ca="1">RAND()</f>
        <v>0.39805272769063327</v>
      </c>
      <c r="B5183" s="1"/>
      <c r="C5183">
        <v>8</v>
      </c>
      <c r="D5183" t="s">
        <v>9380</v>
      </c>
      <c r="E5183" t="s">
        <v>32279</v>
      </c>
      <c r="F5183">
        <v>2</v>
      </c>
      <c r="G5183" t="s">
        <v>0</v>
      </c>
      <c r="H5183" t="s">
        <v>9381</v>
      </c>
      <c r="I5183" t="s">
        <v>30540</v>
      </c>
    </row>
    <row r="5184" spans="1:9">
      <c r="A5184" s="1">
        <f ca="1">RAND()</f>
        <v>0.74258429330266018</v>
      </c>
      <c r="B5184" s="1"/>
      <c r="C5184">
        <v>2</v>
      </c>
      <c r="D5184" t="s">
        <v>9374</v>
      </c>
      <c r="E5184" t="s">
        <v>32280</v>
      </c>
      <c r="F5184">
        <v>5</v>
      </c>
      <c r="G5184" t="s">
        <v>14</v>
      </c>
      <c r="H5184" t="s">
        <v>9375</v>
      </c>
      <c r="I5184" t="s">
        <v>30540</v>
      </c>
    </row>
    <row r="5185" spans="1:9">
      <c r="A5185" s="1">
        <f ca="1">RAND()</f>
        <v>0.71605949786320222</v>
      </c>
      <c r="B5185" s="1"/>
      <c r="C5185">
        <v>10</v>
      </c>
      <c r="D5185" t="s">
        <v>9376</v>
      </c>
      <c r="E5185" t="s">
        <v>32280</v>
      </c>
      <c r="F5185">
        <v>4</v>
      </c>
      <c r="G5185" t="s">
        <v>0</v>
      </c>
      <c r="H5185" t="s">
        <v>9377</v>
      </c>
      <c r="I5185" t="s">
        <v>30540</v>
      </c>
    </row>
    <row r="5186" spans="1:9">
      <c r="A5186" s="1">
        <f ca="1">RAND()</f>
        <v>0.33930733274348102</v>
      </c>
      <c r="B5186" s="1"/>
      <c r="C5186">
        <v>14</v>
      </c>
      <c r="D5186" t="s">
        <v>9378</v>
      </c>
      <c r="E5186" t="s">
        <v>32280</v>
      </c>
      <c r="F5186">
        <v>4</v>
      </c>
      <c r="G5186" t="s">
        <v>0</v>
      </c>
      <c r="H5186" t="s">
        <v>9379</v>
      </c>
      <c r="I5186" t="s">
        <v>30540</v>
      </c>
    </row>
    <row r="5187" spans="1:9">
      <c r="A5187" s="1">
        <f ca="1">RAND()</f>
        <v>0.17580479086915735</v>
      </c>
      <c r="B5187" s="1"/>
      <c r="C5187">
        <v>5</v>
      </c>
      <c r="D5187" t="s">
        <v>9366</v>
      </c>
      <c r="E5187" t="s">
        <v>32281</v>
      </c>
      <c r="F5187">
        <v>4</v>
      </c>
      <c r="G5187" t="s">
        <v>1295</v>
      </c>
      <c r="H5187" t="s">
        <v>9367</v>
      </c>
      <c r="I5187" t="s">
        <v>30540</v>
      </c>
    </row>
    <row r="5188" spans="1:9">
      <c r="A5188" s="1">
        <f ca="1">RAND()</f>
        <v>9.6746523877193735E-2</v>
      </c>
      <c r="B5188" s="1"/>
      <c r="C5188">
        <v>1</v>
      </c>
      <c r="D5188" t="s">
        <v>9364</v>
      </c>
      <c r="E5188" t="s">
        <v>32281</v>
      </c>
      <c r="F5188">
        <v>4</v>
      </c>
      <c r="G5188" t="s">
        <v>1295</v>
      </c>
      <c r="H5188" t="s">
        <v>9365</v>
      </c>
      <c r="I5188" t="s">
        <v>30540</v>
      </c>
    </row>
    <row r="5189" spans="1:9">
      <c r="A5189" s="1">
        <f ca="1">RAND()</f>
        <v>3.2274233582632039E-3</v>
      </c>
      <c r="B5189" s="1"/>
      <c r="C5189">
        <v>16</v>
      </c>
      <c r="D5189" t="s">
        <v>9372</v>
      </c>
      <c r="E5189" t="s">
        <v>32281</v>
      </c>
      <c r="F5189">
        <v>4</v>
      </c>
      <c r="G5189" t="s">
        <v>770</v>
      </c>
      <c r="H5189" t="s">
        <v>9373</v>
      </c>
      <c r="I5189" t="s">
        <v>30540</v>
      </c>
    </row>
    <row r="5190" spans="1:9">
      <c r="A5190" s="1">
        <f ca="1">RAND()</f>
        <v>0.79438670292768454</v>
      </c>
      <c r="B5190" s="1"/>
      <c r="C5190">
        <v>12</v>
      </c>
      <c r="D5190" t="s">
        <v>9370</v>
      </c>
      <c r="E5190" t="s">
        <v>32281</v>
      </c>
      <c r="F5190">
        <v>4</v>
      </c>
      <c r="G5190" t="s">
        <v>0</v>
      </c>
      <c r="H5190" t="s">
        <v>9371</v>
      </c>
      <c r="I5190" t="s">
        <v>30540</v>
      </c>
    </row>
    <row r="5191" spans="1:9">
      <c r="A5191" s="1">
        <f ca="1">RAND()</f>
        <v>0.98127659201280604</v>
      </c>
      <c r="B5191" s="1"/>
      <c r="C5191">
        <v>11</v>
      </c>
      <c r="D5191" t="s">
        <v>9368</v>
      </c>
      <c r="E5191" t="s">
        <v>32281</v>
      </c>
      <c r="F5191">
        <v>4</v>
      </c>
      <c r="G5191" t="s">
        <v>765</v>
      </c>
      <c r="H5191" t="s">
        <v>9369</v>
      </c>
      <c r="I5191" t="s">
        <v>30540</v>
      </c>
    </row>
    <row r="5192" spans="1:9">
      <c r="A5192" s="1">
        <f ca="1">RAND()</f>
        <v>0.32293256219417776</v>
      </c>
      <c r="B5192" s="1"/>
      <c r="C5192">
        <v>11</v>
      </c>
      <c r="D5192" t="s">
        <v>9360</v>
      </c>
      <c r="E5192" t="s">
        <v>32282</v>
      </c>
      <c r="F5192">
        <v>4</v>
      </c>
      <c r="G5192" t="s">
        <v>0</v>
      </c>
      <c r="H5192" t="s">
        <v>9361</v>
      </c>
      <c r="I5192" t="s">
        <v>30540</v>
      </c>
    </row>
    <row r="5193" spans="1:9">
      <c r="A5193" s="1">
        <f ca="1">RAND()</f>
        <v>0.7213607278327715</v>
      </c>
      <c r="B5193" s="1"/>
      <c r="C5193">
        <v>15</v>
      </c>
      <c r="D5193" t="s">
        <v>9362</v>
      </c>
      <c r="E5193" t="s">
        <v>32282</v>
      </c>
      <c r="F5193">
        <v>4</v>
      </c>
      <c r="G5193" t="s">
        <v>0</v>
      </c>
      <c r="H5193" t="s">
        <v>9363</v>
      </c>
      <c r="I5193" t="s">
        <v>30540</v>
      </c>
    </row>
    <row r="5194" spans="1:9">
      <c r="A5194" s="1">
        <f ca="1">RAND()</f>
        <v>0.35464554552075456</v>
      </c>
      <c r="B5194" s="1"/>
      <c r="C5194">
        <v>5</v>
      </c>
      <c r="D5194" t="s">
        <v>9358</v>
      </c>
      <c r="E5194" t="s">
        <v>32282</v>
      </c>
      <c r="F5194">
        <v>3</v>
      </c>
      <c r="G5194" t="s">
        <v>762</v>
      </c>
      <c r="H5194" t="s">
        <v>9359</v>
      </c>
      <c r="I5194" t="s">
        <v>30540</v>
      </c>
    </row>
    <row r="5195" spans="1:9">
      <c r="A5195" s="1">
        <f ca="1">RAND()</f>
        <v>0.93934063214414643</v>
      </c>
      <c r="B5195" s="1"/>
      <c r="C5195">
        <v>2</v>
      </c>
      <c r="D5195" t="s">
        <v>9352</v>
      </c>
      <c r="E5195" t="s">
        <v>32283</v>
      </c>
      <c r="F5195">
        <v>4</v>
      </c>
      <c r="G5195" t="s">
        <v>10</v>
      </c>
      <c r="H5195" t="s">
        <v>9353</v>
      </c>
      <c r="I5195" t="s">
        <v>30540</v>
      </c>
    </row>
    <row r="5196" spans="1:9">
      <c r="A5196" s="1">
        <f ca="1">RAND()</f>
        <v>5.7532971201211702E-2</v>
      </c>
      <c r="B5196" s="1"/>
      <c r="C5196">
        <v>5</v>
      </c>
      <c r="D5196" t="s">
        <v>9354</v>
      </c>
      <c r="E5196" t="s">
        <v>32283</v>
      </c>
      <c r="F5196">
        <v>3</v>
      </c>
      <c r="G5196" t="s">
        <v>0</v>
      </c>
      <c r="H5196" t="s">
        <v>9355</v>
      </c>
      <c r="I5196" t="s">
        <v>30540</v>
      </c>
    </row>
    <row r="5197" spans="1:9">
      <c r="A5197" s="1">
        <f ca="1">RAND()</f>
        <v>0.46189875554161275</v>
      </c>
      <c r="B5197" s="1"/>
      <c r="C5197">
        <v>1</v>
      </c>
      <c r="D5197" t="s">
        <v>9350</v>
      </c>
      <c r="E5197" t="s">
        <v>32283</v>
      </c>
      <c r="F5197">
        <v>3</v>
      </c>
      <c r="G5197" t="s">
        <v>15</v>
      </c>
      <c r="H5197" t="s">
        <v>9351</v>
      </c>
      <c r="I5197" t="s">
        <v>30540</v>
      </c>
    </row>
    <row r="5198" spans="1:9">
      <c r="A5198" s="1">
        <f ca="1">RAND()</f>
        <v>0.15482540473317763</v>
      </c>
      <c r="B5198" s="1"/>
      <c r="C5198">
        <v>8</v>
      </c>
      <c r="D5198" t="s">
        <v>9356</v>
      </c>
      <c r="E5198" t="s">
        <v>32283</v>
      </c>
      <c r="F5198">
        <v>1</v>
      </c>
      <c r="G5198" t="s">
        <v>0</v>
      </c>
      <c r="H5198" t="s">
        <v>9357</v>
      </c>
      <c r="I5198" t="s">
        <v>30540</v>
      </c>
    </row>
    <row r="5199" spans="1:9">
      <c r="A5199" s="1">
        <f ca="1">RAND()</f>
        <v>3.5578495902154894E-2</v>
      </c>
      <c r="B5199" s="1"/>
      <c r="C5199">
        <v>10</v>
      </c>
      <c r="D5199" t="s">
        <v>9338</v>
      </c>
      <c r="E5199" t="s">
        <v>32284</v>
      </c>
      <c r="F5199">
        <v>4</v>
      </c>
      <c r="G5199" t="s">
        <v>0</v>
      </c>
      <c r="H5199" t="s">
        <v>9339</v>
      </c>
      <c r="I5199" t="s">
        <v>30540</v>
      </c>
    </row>
    <row r="5200" spans="1:9">
      <c r="A5200" s="1">
        <f ca="1">RAND()</f>
        <v>0.38480656280218728</v>
      </c>
      <c r="B5200" s="1"/>
      <c r="C5200">
        <v>4</v>
      </c>
      <c r="D5200" t="s">
        <v>9334</v>
      </c>
      <c r="E5200" t="s">
        <v>32284</v>
      </c>
      <c r="F5200">
        <v>4</v>
      </c>
      <c r="G5200" t="s">
        <v>9</v>
      </c>
      <c r="H5200" t="s">
        <v>9335</v>
      </c>
      <c r="I5200" t="s">
        <v>30540</v>
      </c>
    </row>
    <row r="5201" spans="1:9">
      <c r="A5201" s="1">
        <f ca="1">RAND()</f>
        <v>0.18546049728654901</v>
      </c>
      <c r="B5201" s="1"/>
      <c r="C5201">
        <v>20</v>
      </c>
      <c r="D5201" t="s">
        <v>9348</v>
      </c>
      <c r="E5201" t="s">
        <v>32284</v>
      </c>
      <c r="F5201">
        <v>4</v>
      </c>
      <c r="G5201" t="s">
        <v>0</v>
      </c>
      <c r="H5201" t="s">
        <v>9349</v>
      </c>
      <c r="I5201" t="s">
        <v>30540</v>
      </c>
    </row>
    <row r="5202" spans="1:9">
      <c r="A5202" s="1">
        <f ca="1">RAND()</f>
        <v>1.90394082193025E-2</v>
      </c>
      <c r="B5202" s="1"/>
      <c r="C5202">
        <v>8</v>
      </c>
      <c r="D5202" t="s">
        <v>9336</v>
      </c>
      <c r="E5202" t="s">
        <v>32284</v>
      </c>
      <c r="F5202">
        <v>4</v>
      </c>
      <c r="G5202" t="s">
        <v>0</v>
      </c>
      <c r="H5202" t="s">
        <v>9337</v>
      </c>
      <c r="I5202" t="s">
        <v>30540</v>
      </c>
    </row>
    <row r="5203" spans="1:9">
      <c r="A5203" s="1">
        <f ca="1">RAND()</f>
        <v>0.51902288316415168</v>
      </c>
      <c r="B5203" s="1"/>
      <c r="C5203">
        <v>14</v>
      </c>
      <c r="D5203" t="s">
        <v>9340</v>
      </c>
      <c r="E5203" t="s">
        <v>32284</v>
      </c>
      <c r="F5203">
        <v>4</v>
      </c>
      <c r="G5203" t="s">
        <v>0</v>
      </c>
      <c r="H5203" t="s">
        <v>9341</v>
      </c>
      <c r="I5203" t="s">
        <v>30540</v>
      </c>
    </row>
    <row r="5204" spans="1:9">
      <c r="A5204" s="1">
        <f ca="1">RAND()</f>
        <v>0.18823555075316456</v>
      </c>
      <c r="B5204" s="1"/>
      <c r="C5204">
        <v>19</v>
      </c>
      <c r="D5204" t="s">
        <v>9346</v>
      </c>
      <c r="E5204" t="s">
        <v>32284</v>
      </c>
      <c r="F5204">
        <v>4</v>
      </c>
      <c r="G5204" t="s">
        <v>15</v>
      </c>
      <c r="H5204" t="s">
        <v>9347</v>
      </c>
      <c r="I5204" t="s">
        <v>30540</v>
      </c>
    </row>
    <row r="5205" spans="1:9">
      <c r="A5205" s="1">
        <f ca="1">RAND()</f>
        <v>0.67509147762778743</v>
      </c>
      <c r="B5205" s="1"/>
      <c r="C5205">
        <v>18</v>
      </c>
      <c r="D5205" t="s">
        <v>9344</v>
      </c>
      <c r="E5205" t="s">
        <v>32284</v>
      </c>
      <c r="F5205">
        <v>3</v>
      </c>
      <c r="G5205" t="s">
        <v>0</v>
      </c>
      <c r="H5205" t="s">
        <v>9345</v>
      </c>
      <c r="I5205" t="s">
        <v>30540</v>
      </c>
    </row>
    <row r="5206" spans="1:9">
      <c r="A5206" s="1">
        <f ca="1">RAND()</f>
        <v>0.10355778565152662</v>
      </c>
      <c r="B5206" s="1"/>
      <c r="C5206">
        <v>17</v>
      </c>
      <c r="D5206" t="s">
        <v>9342</v>
      </c>
      <c r="E5206" t="s">
        <v>32284</v>
      </c>
      <c r="F5206">
        <v>3</v>
      </c>
      <c r="G5206" t="s">
        <v>0</v>
      </c>
      <c r="H5206" t="s">
        <v>9343</v>
      </c>
      <c r="I5206" t="s">
        <v>30540</v>
      </c>
    </row>
    <row r="5207" spans="1:9">
      <c r="A5207" s="1">
        <f ca="1">RAND()</f>
        <v>9.7450109784411265E-2</v>
      </c>
      <c r="B5207" s="1"/>
      <c r="C5207">
        <v>5</v>
      </c>
      <c r="D5207" t="s">
        <v>9322</v>
      </c>
      <c r="E5207" t="s">
        <v>32285</v>
      </c>
      <c r="F5207">
        <v>5</v>
      </c>
      <c r="G5207" t="s">
        <v>0</v>
      </c>
      <c r="H5207" t="s">
        <v>9323</v>
      </c>
      <c r="I5207" t="s">
        <v>30540</v>
      </c>
    </row>
    <row r="5208" spans="1:9">
      <c r="A5208" s="1">
        <f ca="1">RAND()</f>
        <v>0.93187358543025067</v>
      </c>
      <c r="B5208" s="1"/>
      <c r="C5208">
        <v>10</v>
      </c>
      <c r="D5208" t="s">
        <v>9328</v>
      </c>
      <c r="E5208" t="s">
        <v>32285</v>
      </c>
      <c r="F5208">
        <v>4</v>
      </c>
      <c r="G5208" t="s">
        <v>15</v>
      </c>
      <c r="H5208" t="s">
        <v>9329</v>
      </c>
      <c r="I5208" t="s">
        <v>30540</v>
      </c>
    </row>
    <row r="5209" spans="1:9">
      <c r="A5209" s="1">
        <f ca="1">RAND()</f>
        <v>0.9089296526539552</v>
      </c>
      <c r="B5209" s="1"/>
      <c r="C5209">
        <v>9</v>
      </c>
      <c r="D5209" t="s">
        <v>9326</v>
      </c>
      <c r="E5209" t="s">
        <v>32285</v>
      </c>
      <c r="F5209">
        <v>4</v>
      </c>
      <c r="G5209" t="s">
        <v>0</v>
      </c>
      <c r="H5209" t="s">
        <v>9327</v>
      </c>
      <c r="I5209" t="s">
        <v>30540</v>
      </c>
    </row>
    <row r="5210" spans="1:9">
      <c r="A5210" s="1">
        <f ca="1">RAND()</f>
        <v>0.11489027606646662</v>
      </c>
      <c r="B5210" s="1"/>
      <c r="C5210">
        <v>3</v>
      </c>
      <c r="D5210" t="s">
        <v>9318</v>
      </c>
      <c r="E5210" t="s">
        <v>32285</v>
      </c>
      <c r="F5210">
        <v>4</v>
      </c>
      <c r="G5210" t="s">
        <v>0</v>
      </c>
      <c r="H5210" t="s">
        <v>9319</v>
      </c>
      <c r="I5210" t="s">
        <v>30540</v>
      </c>
    </row>
    <row r="5211" spans="1:9">
      <c r="A5211" s="1">
        <f ca="1">RAND()</f>
        <v>0.72356763056256557</v>
      </c>
      <c r="B5211" s="1"/>
      <c r="C5211">
        <v>6</v>
      </c>
      <c r="D5211" t="s">
        <v>9324</v>
      </c>
      <c r="E5211" t="s">
        <v>32285</v>
      </c>
      <c r="F5211">
        <v>4</v>
      </c>
      <c r="G5211" t="s">
        <v>0</v>
      </c>
      <c r="H5211" t="s">
        <v>9325</v>
      </c>
      <c r="I5211" t="s">
        <v>30540</v>
      </c>
    </row>
    <row r="5212" spans="1:9">
      <c r="A5212" s="1">
        <f ca="1">RAND()</f>
        <v>0.37210375313055399</v>
      </c>
      <c r="B5212" s="1"/>
      <c r="C5212">
        <v>12</v>
      </c>
      <c r="D5212" t="s">
        <v>9332</v>
      </c>
      <c r="E5212" t="s">
        <v>32285</v>
      </c>
      <c r="F5212">
        <v>4</v>
      </c>
      <c r="G5212" t="s">
        <v>0</v>
      </c>
      <c r="H5212" t="s">
        <v>9333</v>
      </c>
      <c r="I5212" t="s">
        <v>30540</v>
      </c>
    </row>
    <row r="5213" spans="1:9">
      <c r="A5213" s="1">
        <f ca="1">RAND()</f>
        <v>0.38497309830597171</v>
      </c>
      <c r="B5213" s="1"/>
      <c r="C5213">
        <v>4</v>
      </c>
      <c r="D5213" t="s">
        <v>9320</v>
      </c>
      <c r="E5213" t="s">
        <v>32285</v>
      </c>
      <c r="F5213">
        <v>4</v>
      </c>
      <c r="G5213" t="s">
        <v>15</v>
      </c>
      <c r="H5213" t="s">
        <v>9321</v>
      </c>
      <c r="I5213" t="s">
        <v>30540</v>
      </c>
    </row>
    <row r="5214" spans="1:9">
      <c r="A5214" s="1">
        <f ca="1">RAND()</f>
        <v>0.88314871053596078</v>
      </c>
      <c r="B5214" s="1"/>
      <c r="C5214">
        <v>11</v>
      </c>
      <c r="D5214" t="s">
        <v>9330</v>
      </c>
      <c r="E5214" t="s">
        <v>32285</v>
      </c>
      <c r="F5214">
        <v>3</v>
      </c>
      <c r="G5214" t="s">
        <v>0</v>
      </c>
      <c r="H5214" t="s">
        <v>9331</v>
      </c>
      <c r="I5214" t="s">
        <v>30540</v>
      </c>
    </row>
    <row r="5215" spans="1:9">
      <c r="A5215" s="1">
        <f ca="1">RAND()</f>
        <v>0.71766197518830166</v>
      </c>
      <c r="B5215" s="1"/>
      <c r="C5215">
        <v>7</v>
      </c>
      <c r="D5215" t="s">
        <v>9314</v>
      </c>
      <c r="E5215" t="s">
        <v>32286</v>
      </c>
      <c r="F5215">
        <v>4</v>
      </c>
      <c r="G5215" t="s">
        <v>0</v>
      </c>
      <c r="H5215" t="s">
        <v>9315</v>
      </c>
      <c r="I5215" t="s">
        <v>30540</v>
      </c>
    </row>
    <row r="5216" spans="1:9">
      <c r="A5216" s="1">
        <f ca="1">RAND()</f>
        <v>0.95419737026044615</v>
      </c>
      <c r="B5216" s="1"/>
      <c r="C5216">
        <v>12</v>
      </c>
      <c r="D5216" t="s">
        <v>9316</v>
      </c>
      <c r="E5216" t="s">
        <v>32286</v>
      </c>
      <c r="F5216">
        <v>4</v>
      </c>
      <c r="G5216" t="s">
        <v>765</v>
      </c>
      <c r="H5216" t="s">
        <v>9317</v>
      </c>
      <c r="I5216" t="s">
        <v>30540</v>
      </c>
    </row>
    <row r="5217" spans="1:9">
      <c r="A5217" s="1">
        <f ca="1">RAND()</f>
        <v>7.8721424090198666E-2</v>
      </c>
      <c r="B5217" s="1"/>
      <c r="C5217">
        <v>5</v>
      </c>
      <c r="D5217" t="s">
        <v>9312</v>
      </c>
      <c r="E5217" t="s">
        <v>32287</v>
      </c>
      <c r="F5217">
        <v>5</v>
      </c>
      <c r="G5217" t="s">
        <v>0</v>
      </c>
      <c r="H5217" t="s">
        <v>9313</v>
      </c>
      <c r="I5217" t="s">
        <v>30540</v>
      </c>
    </row>
    <row r="5218" spans="1:9">
      <c r="A5218" s="1">
        <f ca="1">RAND()</f>
        <v>0.98014039048701695</v>
      </c>
      <c r="B5218" s="1"/>
      <c r="C5218">
        <v>1</v>
      </c>
      <c r="D5218" t="s">
        <v>9310</v>
      </c>
      <c r="E5218" t="s">
        <v>32287</v>
      </c>
      <c r="F5218">
        <v>2</v>
      </c>
      <c r="G5218" t="s">
        <v>15</v>
      </c>
      <c r="H5218" t="s">
        <v>9311</v>
      </c>
      <c r="I5218" t="s">
        <v>30540</v>
      </c>
    </row>
    <row r="5219" spans="1:9">
      <c r="A5219" s="1">
        <f ca="1">RAND()</f>
        <v>0.93399652186434023</v>
      </c>
      <c r="B5219" s="1"/>
      <c r="C5219">
        <v>15</v>
      </c>
      <c r="D5219" t="s">
        <v>9306</v>
      </c>
      <c r="E5219" t="s">
        <v>32288</v>
      </c>
      <c r="F5219">
        <v>5</v>
      </c>
      <c r="G5219" t="s">
        <v>15</v>
      </c>
      <c r="H5219" t="s">
        <v>9307</v>
      </c>
      <c r="I5219" t="s">
        <v>30540</v>
      </c>
    </row>
    <row r="5220" spans="1:9">
      <c r="A5220" s="1">
        <f ca="1">RAND()</f>
        <v>0.38702150144106273</v>
      </c>
      <c r="B5220" s="1"/>
      <c r="C5220">
        <v>6</v>
      </c>
      <c r="D5220" t="s">
        <v>9300</v>
      </c>
      <c r="E5220" t="s">
        <v>32288</v>
      </c>
      <c r="F5220">
        <v>4</v>
      </c>
      <c r="G5220" t="s">
        <v>0</v>
      </c>
      <c r="H5220" t="s">
        <v>9301</v>
      </c>
      <c r="I5220" t="s">
        <v>30540</v>
      </c>
    </row>
    <row r="5221" spans="1:9">
      <c r="A5221" s="1">
        <f ca="1">RAND()</f>
        <v>0.1057835975400947</v>
      </c>
      <c r="B5221" s="1"/>
      <c r="C5221">
        <v>5</v>
      </c>
      <c r="D5221" t="s">
        <v>9298</v>
      </c>
      <c r="E5221" t="s">
        <v>32288</v>
      </c>
      <c r="F5221">
        <v>4</v>
      </c>
      <c r="G5221" t="s">
        <v>770</v>
      </c>
      <c r="H5221" t="s">
        <v>9299</v>
      </c>
      <c r="I5221" t="s">
        <v>30540</v>
      </c>
    </row>
    <row r="5222" spans="1:9">
      <c r="A5222" s="1">
        <f ca="1">RAND()</f>
        <v>0.63239692280595927</v>
      </c>
      <c r="B5222" s="1"/>
      <c r="C5222">
        <v>8</v>
      </c>
      <c r="D5222" t="s">
        <v>9302</v>
      </c>
      <c r="E5222" t="s">
        <v>32288</v>
      </c>
      <c r="F5222">
        <v>4</v>
      </c>
      <c r="G5222" t="s">
        <v>1</v>
      </c>
      <c r="H5222" t="s">
        <v>9303</v>
      </c>
      <c r="I5222" t="s">
        <v>30540</v>
      </c>
    </row>
    <row r="5223" spans="1:9">
      <c r="A5223" s="1">
        <f ca="1">RAND()</f>
        <v>0.69264039960236901</v>
      </c>
      <c r="B5223" s="1"/>
      <c r="C5223">
        <v>10</v>
      </c>
      <c r="D5223" t="s">
        <v>9304</v>
      </c>
      <c r="E5223" t="s">
        <v>32288</v>
      </c>
      <c r="F5223">
        <v>4</v>
      </c>
      <c r="G5223" t="s">
        <v>0</v>
      </c>
      <c r="H5223" t="s">
        <v>9305</v>
      </c>
      <c r="I5223" t="s">
        <v>30540</v>
      </c>
    </row>
    <row r="5224" spans="1:9">
      <c r="A5224" s="1">
        <f ca="1">RAND()</f>
        <v>0.72372469294622521</v>
      </c>
      <c r="B5224" s="1"/>
      <c r="C5224">
        <v>17</v>
      </c>
      <c r="D5224" t="s">
        <v>9308</v>
      </c>
      <c r="E5224" t="s">
        <v>32288</v>
      </c>
      <c r="F5224">
        <v>1</v>
      </c>
      <c r="G5224" t="s">
        <v>0</v>
      </c>
      <c r="H5224" t="s">
        <v>9309</v>
      </c>
      <c r="I5224" t="s">
        <v>30540</v>
      </c>
    </row>
    <row r="5225" spans="1:9">
      <c r="A5225" s="1">
        <f ca="1">RAND()</f>
        <v>0.19929089807222855</v>
      </c>
      <c r="B5225" s="1"/>
      <c r="C5225">
        <v>3</v>
      </c>
      <c r="D5225" t="s">
        <v>9288</v>
      </c>
      <c r="E5225" t="s">
        <v>32289</v>
      </c>
      <c r="F5225">
        <v>5</v>
      </c>
      <c r="G5225" t="s">
        <v>1</v>
      </c>
      <c r="H5225" t="s">
        <v>9289</v>
      </c>
      <c r="I5225" t="s">
        <v>30540</v>
      </c>
    </row>
    <row r="5226" spans="1:9">
      <c r="A5226" s="1">
        <f ca="1">RAND()</f>
        <v>0.22108156073968954</v>
      </c>
      <c r="B5226" s="1"/>
      <c r="C5226">
        <v>6</v>
      </c>
      <c r="D5226" t="s">
        <v>9290</v>
      </c>
      <c r="E5226" t="s">
        <v>32289</v>
      </c>
      <c r="F5226">
        <v>5</v>
      </c>
      <c r="G5226" t="s">
        <v>0</v>
      </c>
      <c r="H5226" t="s">
        <v>9291</v>
      </c>
      <c r="I5226" t="s">
        <v>30540</v>
      </c>
    </row>
    <row r="5227" spans="1:9">
      <c r="A5227" s="1">
        <f ca="1">RAND()</f>
        <v>0.20558222091200218</v>
      </c>
      <c r="B5227" s="1"/>
      <c r="C5227">
        <v>10</v>
      </c>
      <c r="D5227" t="s">
        <v>9296</v>
      </c>
      <c r="E5227" t="s">
        <v>32289</v>
      </c>
      <c r="F5227">
        <v>4</v>
      </c>
      <c r="G5227" t="s">
        <v>0</v>
      </c>
      <c r="H5227" t="s">
        <v>9297</v>
      </c>
      <c r="I5227" t="s">
        <v>30540</v>
      </c>
    </row>
    <row r="5228" spans="1:9">
      <c r="A5228" s="1">
        <f ca="1">RAND()</f>
        <v>0.96941707638516472</v>
      </c>
      <c r="B5228" s="1"/>
      <c r="C5228">
        <v>9</v>
      </c>
      <c r="D5228" t="s">
        <v>9294</v>
      </c>
      <c r="E5228" t="s">
        <v>32289</v>
      </c>
      <c r="F5228">
        <v>4</v>
      </c>
      <c r="G5228" t="s">
        <v>0</v>
      </c>
      <c r="H5228" t="s">
        <v>9295</v>
      </c>
      <c r="I5228" t="s">
        <v>30540</v>
      </c>
    </row>
    <row r="5229" spans="1:9">
      <c r="A5229" s="1">
        <f ca="1">RAND()</f>
        <v>0.3790693734651398</v>
      </c>
      <c r="B5229" s="1"/>
      <c r="C5229">
        <v>7</v>
      </c>
      <c r="D5229" t="s">
        <v>9292</v>
      </c>
      <c r="E5229" t="s">
        <v>32289</v>
      </c>
      <c r="F5229">
        <v>3</v>
      </c>
      <c r="G5229" t="s">
        <v>0</v>
      </c>
      <c r="H5229" t="s">
        <v>9293</v>
      </c>
      <c r="I5229" t="s">
        <v>30540</v>
      </c>
    </row>
    <row r="5230" spans="1:9">
      <c r="A5230" s="1">
        <f ca="1">RAND()</f>
        <v>0.49561707452308179</v>
      </c>
      <c r="B5230" s="1"/>
      <c r="C5230">
        <v>13</v>
      </c>
      <c r="D5230" t="s">
        <v>9278</v>
      </c>
      <c r="E5230" t="s">
        <v>32290</v>
      </c>
      <c r="F5230">
        <v>5</v>
      </c>
      <c r="G5230" t="s">
        <v>0</v>
      </c>
      <c r="H5230" t="s">
        <v>9279</v>
      </c>
      <c r="I5230" t="s">
        <v>30540</v>
      </c>
    </row>
    <row r="5231" spans="1:9">
      <c r="A5231" s="1">
        <f ca="1">RAND()</f>
        <v>0.46527766606630738</v>
      </c>
      <c r="B5231" s="1"/>
      <c r="C5231">
        <v>15</v>
      </c>
      <c r="D5231" t="s">
        <v>9282</v>
      </c>
      <c r="E5231" t="s">
        <v>32290</v>
      </c>
      <c r="F5231">
        <v>5</v>
      </c>
      <c r="G5231" t="s">
        <v>0</v>
      </c>
      <c r="H5231" t="s">
        <v>9283</v>
      </c>
      <c r="I5231" t="s">
        <v>30540</v>
      </c>
    </row>
    <row r="5232" spans="1:9">
      <c r="A5232" s="1">
        <f ca="1">RAND()</f>
        <v>0.89413246110032574</v>
      </c>
      <c r="B5232" s="1"/>
      <c r="C5232">
        <v>16</v>
      </c>
      <c r="D5232" t="s">
        <v>9284</v>
      </c>
      <c r="E5232" t="s">
        <v>32290</v>
      </c>
      <c r="F5232">
        <v>5</v>
      </c>
      <c r="G5232" t="s">
        <v>0</v>
      </c>
      <c r="H5232" t="s">
        <v>9285</v>
      </c>
      <c r="I5232" t="s">
        <v>30540</v>
      </c>
    </row>
    <row r="5233" spans="1:9">
      <c r="A5233" s="1">
        <f ca="1">RAND()</f>
        <v>0.98518185877791364</v>
      </c>
      <c r="B5233" s="1"/>
      <c r="C5233">
        <v>17</v>
      </c>
      <c r="D5233" t="s">
        <v>9286</v>
      </c>
      <c r="E5233" t="s">
        <v>32290</v>
      </c>
      <c r="F5233">
        <v>4</v>
      </c>
      <c r="G5233" t="s">
        <v>9</v>
      </c>
      <c r="H5233" t="s">
        <v>9287</v>
      </c>
      <c r="I5233" t="s">
        <v>30540</v>
      </c>
    </row>
    <row r="5234" spans="1:9">
      <c r="A5234" s="1">
        <f ca="1">RAND()</f>
        <v>0.9597717841605129</v>
      </c>
      <c r="B5234" s="1"/>
      <c r="C5234">
        <v>14</v>
      </c>
      <c r="D5234" t="s">
        <v>9280</v>
      </c>
      <c r="E5234" t="s">
        <v>32290</v>
      </c>
      <c r="F5234">
        <v>4</v>
      </c>
      <c r="G5234" t="s">
        <v>2</v>
      </c>
      <c r="H5234" t="s">
        <v>9281</v>
      </c>
      <c r="I5234" t="s">
        <v>30540</v>
      </c>
    </row>
    <row r="5235" spans="1:9">
      <c r="A5235" s="1">
        <f ca="1">RAND()</f>
        <v>0.1321644905401177</v>
      </c>
      <c r="B5235" s="1"/>
      <c r="C5235">
        <v>1</v>
      </c>
      <c r="D5235" t="s">
        <v>9274</v>
      </c>
      <c r="E5235" t="s">
        <v>32290</v>
      </c>
      <c r="F5235">
        <v>4</v>
      </c>
      <c r="G5235" t="s">
        <v>10</v>
      </c>
      <c r="H5235" t="s">
        <v>9275</v>
      </c>
      <c r="I5235" t="s">
        <v>30540</v>
      </c>
    </row>
    <row r="5236" spans="1:9">
      <c r="A5236" s="1">
        <f ca="1">RAND()</f>
        <v>0.41231782008117546</v>
      </c>
      <c r="B5236" s="1"/>
      <c r="C5236">
        <v>11</v>
      </c>
      <c r="D5236" t="s">
        <v>9276</v>
      </c>
      <c r="E5236" t="s">
        <v>32290</v>
      </c>
      <c r="F5236">
        <v>4</v>
      </c>
      <c r="G5236" t="s">
        <v>0</v>
      </c>
      <c r="H5236" t="s">
        <v>9277</v>
      </c>
      <c r="I5236" t="s">
        <v>30540</v>
      </c>
    </row>
    <row r="5237" spans="1:9">
      <c r="A5237" s="1">
        <f ca="1">RAND()</f>
        <v>0.3160575318423734</v>
      </c>
      <c r="B5237" s="1"/>
      <c r="C5237">
        <v>1</v>
      </c>
      <c r="D5237" t="s">
        <v>9266</v>
      </c>
      <c r="E5237" t="s">
        <v>32291</v>
      </c>
      <c r="F5237">
        <v>5</v>
      </c>
      <c r="G5237" t="s">
        <v>14</v>
      </c>
      <c r="H5237" t="s">
        <v>9267</v>
      </c>
      <c r="I5237" t="s">
        <v>30540</v>
      </c>
    </row>
    <row r="5238" spans="1:9">
      <c r="A5238" s="1">
        <f ca="1">RAND()</f>
        <v>1.8594757412911389E-2</v>
      </c>
      <c r="B5238" s="1"/>
      <c r="C5238">
        <v>6</v>
      </c>
      <c r="D5238" t="s">
        <v>9268</v>
      </c>
      <c r="E5238" t="s">
        <v>32291</v>
      </c>
      <c r="F5238">
        <v>4</v>
      </c>
      <c r="G5238" t="s">
        <v>765</v>
      </c>
      <c r="H5238" t="s">
        <v>9269</v>
      </c>
      <c r="I5238" t="s">
        <v>30540</v>
      </c>
    </row>
    <row r="5239" spans="1:9">
      <c r="A5239" s="1">
        <f ca="1">RAND()</f>
        <v>0.92609751169308574</v>
      </c>
      <c r="B5239" s="1"/>
      <c r="C5239">
        <v>9</v>
      </c>
      <c r="D5239" t="s">
        <v>9270</v>
      </c>
      <c r="E5239" t="s">
        <v>32291</v>
      </c>
      <c r="F5239">
        <v>4</v>
      </c>
      <c r="G5239" t="s">
        <v>762</v>
      </c>
      <c r="H5239" t="s">
        <v>9271</v>
      </c>
      <c r="I5239" t="s">
        <v>30540</v>
      </c>
    </row>
    <row r="5240" spans="1:9">
      <c r="A5240" s="1">
        <f ca="1">RAND()</f>
        <v>0.68303527191379299</v>
      </c>
      <c r="B5240" s="1"/>
      <c r="C5240">
        <v>16</v>
      </c>
      <c r="D5240" t="s">
        <v>9272</v>
      </c>
      <c r="E5240" t="s">
        <v>32291</v>
      </c>
      <c r="F5240">
        <v>2</v>
      </c>
      <c r="G5240" t="s">
        <v>0</v>
      </c>
      <c r="H5240" t="s">
        <v>9273</v>
      </c>
      <c r="I5240" t="s">
        <v>30540</v>
      </c>
    </row>
    <row r="5241" spans="1:9">
      <c r="A5241" s="1">
        <f ca="1">RAND()</f>
        <v>0.25499932105554368</v>
      </c>
      <c r="B5241" s="1"/>
      <c r="C5241">
        <v>14</v>
      </c>
      <c r="D5241" t="s">
        <v>9262</v>
      </c>
      <c r="E5241" t="s">
        <v>32292</v>
      </c>
      <c r="F5241">
        <v>4</v>
      </c>
      <c r="G5241" t="s">
        <v>0</v>
      </c>
      <c r="H5241" t="s">
        <v>9263</v>
      </c>
      <c r="I5241" t="s">
        <v>30540</v>
      </c>
    </row>
    <row r="5242" spans="1:9">
      <c r="A5242" s="1">
        <f ca="1">RAND()</f>
        <v>1.2913670912901742E-2</v>
      </c>
      <c r="B5242" s="1"/>
      <c r="C5242">
        <v>10</v>
      </c>
      <c r="D5242" t="s">
        <v>9260</v>
      </c>
      <c r="E5242" t="s">
        <v>32292</v>
      </c>
      <c r="F5242">
        <v>4</v>
      </c>
      <c r="G5242" t="s">
        <v>0</v>
      </c>
      <c r="H5242" t="s">
        <v>9261</v>
      </c>
      <c r="I5242" t="s">
        <v>30540</v>
      </c>
    </row>
    <row r="5243" spans="1:9">
      <c r="A5243" s="1">
        <f ca="1">RAND()</f>
        <v>0.48406327077899713</v>
      </c>
      <c r="B5243" s="1"/>
      <c r="C5243">
        <v>7</v>
      </c>
      <c r="D5243" t="s">
        <v>9256</v>
      </c>
      <c r="E5243" t="s">
        <v>32292</v>
      </c>
      <c r="F5243">
        <v>4</v>
      </c>
      <c r="G5243" t="s">
        <v>15</v>
      </c>
      <c r="H5243" t="s">
        <v>9257</v>
      </c>
      <c r="I5243" t="s">
        <v>30540</v>
      </c>
    </row>
    <row r="5244" spans="1:9">
      <c r="A5244" s="1">
        <f ca="1">RAND()</f>
        <v>0.87040699414611333</v>
      </c>
      <c r="B5244" s="1"/>
      <c r="C5244">
        <v>16</v>
      </c>
      <c r="D5244" t="s">
        <v>9264</v>
      </c>
      <c r="E5244" t="s">
        <v>32292</v>
      </c>
      <c r="F5244">
        <v>4</v>
      </c>
      <c r="G5244" t="s">
        <v>0</v>
      </c>
      <c r="H5244" t="s">
        <v>9265</v>
      </c>
      <c r="I5244" t="s">
        <v>30540</v>
      </c>
    </row>
    <row r="5245" spans="1:9">
      <c r="A5245" s="1">
        <f ca="1">RAND()</f>
        <v>0.23163439131253916</v>
      </c>
      <c r="B5245" s="1"/>
      <c r="C5245">
        <v>9</v>
      </c>
      <c r="D5245" t="s">
        <v>9258</v>
      </c>
      <c r="E5245" t="s">
        <v>32292</v>
      </c>
      <c r="F5245">
        <v>4</v>
      </c>
      <c r="G5245" t="s">
        <v>0</v>
      </c>
      <c r="H5245" t="s">
        <v>9259</v>
      </c>
      <c r="I5245" t="s">
        <v>30540</v>
      </c>
    </row>
    <row r="5246" spans="1:9">
      <c r="A5246" s="1">
        <f ca="1">RAND()</f>
        <v>1.0023113667287253E-2</v>
      </c>
      <c r="B5246" s="1"/>
      <c r="C5246">
        <v>4</v>
      </c>
      <c r="D5246" t="s">
        <v>9242</v>
      </c>
      <c r="E5246" t="s">
        <v>32293</v>
      </c>
      <c r="F5246">
        <v>5</v>
      </c>
      <c r="G5246" t="s">
        <v>9</v>
      </c>
      <c r="H5246" t="s">
        <v>9243</v>
      </c>
      <c r="I5246" t="s">
        <v>30540</v>
      </c>
    </row>
    <row r="5247" spans="1:9">
      <c r="A5247" s="1">
        <f ca="1">RAND()</f>
        <v>0.48835553278130395</v>
      </c>
      <c r="B5247" s="1"/>
      <c r="C5247">
        <v>13</v>
      </c>
      <c r="D5247" t="s">
        <v>9248</v>
      </c>
      <c r="E5247" t="s">
        <v>32293</v>
      </c>
      <c r="F5247">
        <v>5</v>
      </c>
      <c r="G5247" t="s">
        <v>0</v>
      </c>
      <c r="H5247" t="s">
        <v>9249</v>
      </c>
      <c r="I5247" t="s">
        <v>30540</v>
      </c>
    </row>
    <row r="5248" spans="1:9">
      <c r="A5248" s="1">
        <f ca="1">RAND()</f>
        <v>0.39895727559201943</v>
      </c>
      <c r="B5248" s="1"/>
      <c r="C5248">
        <v>18</v>
      </c>
      <c r="D5248" t="s">
        <v>9252</v>
      </c>
      <c r="E5248" t="s">
        <v>32293</v>
      </c>
      <c r="F5248">
        <v>5</v>
      </c>
      <c r="G5248" t="s">
        <v>0</v>
      </c>
      <c r="H5248" t="s">
        <v>9253</v>
      </c>
      <c r="I5248" t="s">
        <v>30540</v>
      </c>
    </row>
    <row r="5249" spans="1:9">
      <c r="A5249" s="1">
        <f ca="1">RAND()</f>
        <v>1.1307092471558922E-2</v>
      </c>
      <c r="B5249" s="1"/>
      <c r="C5249">
        <v>17</v>
      </c>
      <c r="D5249" t="s">
        <v>9250</v>
      </c>
      <c r="E5249" t="s">
        <v>32293</v>
      </c>
      <c r="F5249">
        <v>4</v>
      </c>
      <c r="G5249" t="s">
        <v>0</v>
      </c>
      <c r="H5249" t="s">
        <v>9251</v>
      </c>
      <c r="I5249" t="s">
        <v>30540</v>
      </c>
    </row>
    <row r="5250" spans="1:9">
      <c r="A5250" s="1">
        <f ca="1">RAND()</f>
        <v>0.92240342141278187</v>
      </c>
      <c r="B5250" s="1"/>
      <c r="C5250">
        <v>12</v>
      </c>
      <c r="D5250" t="s">
        <v>9246</v>
      </c>
      <c r="E5250" t="s">
        <v>32293</v>
      </c>
      <c r="F5250">
        <v>4</v>
      </c>
      <c r="G5250" t="s">
        <v>0</v>
      </c>
      <c r="H5250" t="s">
        <v>9247</v>
      </c>
      <c r="I5250" t="s">
        <v>30540</v>
      </c>
    </row>
    <row r="5251" spans="1:9">
      <c r="A5251" s="1">
        <f ca="1">RAND()</f>
        <v>0.400424866345231</v>
      </c>
      <c r="B5251" s="1"/>
      <c r="C5251">
        <v>19</v>
      </c>
      <c r="D5251" t="s">
        <v>9254</v>
      </c>
      <c r="E5251" t="s">
        <v>32293</v>
      </c>
      <c r="F5251">
        <v>4</v>
      </c>
      <c r="G5251" t="s">
        <v>0</v>
      </c>
      <c r="H5251" t="s">
        <v>9255</v>
      </c>
      <c r="I5251" t="s">
        <v>30540</v>
      </c>
    </row>
    <row r="5252" spans="1:9">
      <c r="A5252" s="1">
        <f ca="1">RAND()</f>
        <v>0.90378196469488425</v>
      </c>
      <c r="B5252" s="1"/>
      <c r="C5252">
        <v>10</v>
      </c>
      <c r="D5252" t="s">
        <v>9244</v>
      </c>
      <c r="E5252" t="s">
        <v>32293</v>
      </c>
      <c r="F5252">
        <v>3</v>
      </c>
      <c r="G5252" t="s">
        <v>0</v>
      </c>
      <c r="H5252" t="s">
        <v>9245</v>
      </c>
      <c r="I5252" t="s">
        <v>30540</v>
      </c>
    </row>
    <row r="5253" spans="1:9">
      <c r="A5253" s="1">
        <f ca="1">RAND()</f>
        <v>0.39209416590395263</v>
      </c>
      <c r="B5253" s="1"/>
      <c r="C5253">
        <v>10</v>
      </c>
      <c r="D5253" t="s">
        <v>9238</v>
      </c>
      <c r="E5253" t="s">
        <v>32294</v>
      </c>
      <c r="F5253">
        <v>5</v>
      </c>
      <c r="G5253" t="s">
        <v>0</v>
      </c>
      <c r="H5253" t="s">
        <v>9239</v>
      </c>
      <c r="I5253" t="s">
        <v>30540</v>
      </c>
    </row>
    <row r="5254" spans="1:9">
      <c r="A5254" s="1">
        <f ca="1">RAND()</f>
        <v>0.34067125555598055</v>
      </c>
      <c r="B5254" s="1"/>
      <c r="C5254">
        <v>9</v>
      </c>
      <c r="D5254" t="s">
        <v>9236</v>
      </c>
      <c r="E5254" t="s">
        <v>32294</v>
      </c>
      <c r="F5254">
        <v>5</v>
      </c>
      <c r="G5254" t="s">
        <v>0</v>
      </c>
      <c r="H5254" t="s">
        <v>9237</v>
      </c>
      <c r="I5254" t="s">
        <v>30540</v>
      </c>
    </row>
    <row r="5255" spans="1:9">
      <c r="A5255" s="1">
        <f ca="1">RAND()</f>
        <v>0.70799519357105778</v>
      </c>
      <c r="B5255" s="1"/>
      <c r="C5255">
        <v>11</v>
      </c>
      <c r="D5255" t="s">
        <v>9240</v>
      </c>
      <c r="E5255" t="s">
        <v>32294</v>
      </c>
      <c r="F5255">
        <v>4</v>
      </c>
      <c r="G5255" t="s">
        <v>9</v>
      </c>
      <c r="H5255" t="s">
        <v>9241</v>
      </c>
      <c r="I5255" t="s">
        <v>30540</v>
      </c>
    </row>
    <row r="5256" spans="1:9">
      <c r="A5256" s="1">
        <f ca="1">RAND()</f>
        <v>0.97446238010289155</v>
      </c>
      <c r="B5256" s="1"/>
      <c r="C5256">
        <v>5</v>
      </c>
      <c r="D5256" t="s">
        <v>9234</v>
      </c>
      <c r="E5256" t="s">
        <v>32294</v>
      </c>
      <c r="F5256">
        <v>4</v>
      </c>
      <c r="G5256" t="s">
        <v>0</v>
      </c>
      <c r="H5256" t="s">
        <v>9235</v>
      </c>
      <c r="I5256" t="s">
        <v>30540</v>
      </c>
    </row>
    <row r="5257" spans="1:9">
      <c r="A5257" s="1">
        <f ca="1">RAND()</f>
        <v>0.17580602193338146</v>
      </c>
      <c r="B5257" s="1"/>
      <c r="C5257">
        <v>2</v>
      </c>
      <c r="D5257" t="s">
        <v>9232</v>
      </c>
      <c r="E5257" t="s">
        <v>32294</v>
      </c>
      <c r="F5257">
        <v>2</v>
      </c>
      <c r="G5257" t="s">
        <v>10</v>
      </c>
      <c r="H5257" t="s">
        <v>9233</v>
      </c>
      <c r="I5257" t="s">
        <v>30540</v>
      </c>
    </row>
    <row r="5258" spans="1:9">
      <c r="A5258" s="1">
        <f ca="1">RAND()</f>
        <v>0.55783035069470976</v>
      </c>
      <c r="B5258" s="1"/>
      <c r="C5258">
        <v>12</v>
      </c>
      <c r="D5258" t="s">
        <v>9226</v>
      </c>
      <c r="E5258" t="s">
        <v>32295</v>
      </c>
      <c r="F5258">
        <v>5</v>
      </c>
      <c r="G5258" t="s">
        <v>0</v>
      </c>
      <c r="H5258" t="s">
        <v>9227</v>
      </c>
      <c r="I5258" t="s">
        <v>30540</v>
      </c>
    </row>
    <row r="5259" spans="1:9">
      <c r="A5259" s="1">
        <f ca="1">RAND()</f>
        <v>0.44554491305007249</v>
      </c>
      <c r="B5259" s="1"/>
      <c r="C5259">
        <v>15</v>
      </c>
      <c r="D5259" t="s">
        <v>9230</v>
      </c>
      <c r="E5259" t="s">
        <v>32295</v>
      </c>
      <c r="F5259">
        <v>4</v>
      </c>
      <c r="G5259" t="s">
        <v>0</v>
      </c>
      <c r="H5259" t="s">
        <v>9231</v>
      </c>
      <c r="I5259" t="s">
        <v>30540</v>
      </c>
    </row>
    <row r="5260" spans="1:9">
      <c r="A5260" s="1">
        <f ca="1">RAND()</f>
        <v>5.5128258226227689E-2</v>
      </c>
      <c r="B5260" s="1"/>
      <c r="C5260">
        <v>13</v>
      </c>
      <c r="D5260" t="s">
        <v>9228</v>
      </c>
      <c r="E5260" t="s">
        <v>32295</v>
      </c>
      <c r="F5260">
        <v>4</v>
      </c>
      <c r="G5260" t="s">
        <v>0</v>
      </c>
      <c r="H5260" t="s">
        <v>9229</v>
      </c>
      <c r="I5260" t="s">
        <v>30540</v>
      </c>
    </row>
    <row r="5261" spans="1:9">
      <c r="A5261" s="1">
        <f ca="1">RAND()</f>
        <v>0.73911173167421784</v>
      </c>
      <c r="B5261" s="1"/>
      <c r="C5261">
        <v>11</v>
      </c>
      <c r="D5261" t="s">
        <v>9224</v>
      </c>
      <c r="E5261" t="s">
        <v>32295</v>
      </c>
      <c r="F5261">
        <v>4</v>
      </c>
      <c r="G5261" t="s">
        <v>0</v>
      </c>
      <c r="H5261" t="s">
        <v>9225</v>
      </c>
      <c r="I5261" t="s">
        <v>30540</v>
      </c>
    </row>
    <row r="5262" spans="1:9">
      <c r="A5262" s="1">
        <f ca="1">RAND()</f>
        <v>0.26303459695467091</v>
      </c>
      <c r="B5262" s="1"/>
      <c r="C5262">
        <v>6</v>
      </c>
      <c r="D5262" t="s">
        <v>9220</v>
      </c>
      <c r="E5262" t="s">
        <v>32295</v>
      </c>
      <c r="F5262">
        <v>4</v>
      </c>
      <c r="G5262" t="s">
        <v>10</v>
      </c>
      <c r="H5262" t="s">
        <v>9221</v>
      </c>
      <c r="I5262" t="s">
        <v>30540</v>
      </c>
    </row>
    <row r="5263" spans="1:9">
      <c r="A5263" s="1">
        <f ca="1">RAND()</f>
        <v>0.36247592743668233</v>
      </c>
      <c r="B5263" s="1"/>
      <c r="C5263">
        <v>8</v>
      </c>
      <c r="D5263" t="s">
        <v>9222</v>
      </c>
      <c r="E5263" t="s">
        <v>32295</v>
      </c>
      <c r="F5263">
        <v>3</v>
      </c>
      <c r="G5263" t="s">
        <v>1295</v>
      </c>
      <c r="H5263" t="s">
        <v>9223</v>
      </c>
      <c r="I5263" t="s">
        <v>30540</v>
      </c>
    </row>
    <row r="5264" spans="1:9">
      <c r="A5264" s="1">
        <f ca="1">RAND()</f>
        <v>0.83969351923277613</v>
      </c>
      <c r="B5264" s="1"/>
      <c r="C5264">
        <v>5</v>
      </c>
      <c r="D5264" t="s">
        <v>9218</v>
      </c>
      <c r="E5264" t="s">
        <v>32295</v>
      </c>
      <c r="F5264">
        <v>1</v>
      </c>
      <c r="G5264" t="s">
        <v>771</v>
      </c>
      <c r="H5264" t="s">
        <v>9219</v>
      </c>
      <c r="I5264" t="s">
        <v>30540</v>
      </c>
    </row>
    <row r="5265" spans="1:9">
      <c r="A5265" s="1">
        <f ca="1">RAND()</f>
        <v>0.93942869161120601</v>
      </c>
      <c r="B5265" s="1"/>
      <c r="C5265">
        <v>8</v>
      </c>
      <c r="D5265" t="s">
        <v>9214</v>
      </c>
      <c r="E5265" t="s">
        <v>32296</v>
      </c>
      <c r="F5265">
        <v>4</v>
      </c>
      <c r="G5265" t="s">
        <v>0</v>
      </c>
      <c r="H5265" t="s">
        <v>9215</v>
      </c>
      <c r="I5265" t="s">
        <v>30540</v>
      </c>
    </row>
    <row r="5266" spans="1:9">
      <c r="A5266" s="1">
        <f ca="1">RAND()</f>
        <v>0.35540051880393675</v>
      </c>
      <c r="B5266" s="1"/>
      <c r="C5266">
        <v>7</v>
      </c>
      <c r="D5266" t="s">
        <v>9212</v>
      </c>
      <c r="E5266" t="s">
        <v>32296</v>
      </c>
      <c r="F5266">
        <v>4</v>
      </c>
      <c r="G5266" t="s">
        <v>9</v>
      </c>
      <c r="H5266" t="s">
        <v>9213</v>
      </c>
      <c r="I5266" t="s">
        <v>30540</v>
      </c>
    </row>
    <row r="5267" spans="1:9">
      <c r="A5267" s="1">
        <f ca="1">RAND()</f>
        <v>0.78614647687337658</v>
      </c>
      <c r="B5267" s="1"/>
      <c r="C5267">
        <v>13</v>
      </c>
      <c r="D5267" t="s">
        <v>9216</v>
      </c>
      <c r="E5267" t="s">
        <v>32296</v>
      </c>
      <c r="F5267">
        <v>4</v>
      </c>
      <c r="G5267" t="s">
        <v>0</v>
      </c>
      <c r="H5267" t="s">
        <v>9217</v>
      </c>
      <c r="I5267" t="s">
        <v>30540</v>
      </c>
    </row>
    <row r="5268" spans="1:9">
      <c r="A5268" s="1">
        <f ca="1">RAND()</f>
        <v>0.5274253855262766</v>
      </c>
      <c r="B5268" s="1"/>
      <c r="C5268">
        <v>11</v>
      </c>
      <c r="D5268" t="s">
        <v>9210</v>
      </c>
      <c r="E5268" t="s">
        <v>32297</v>
      </c>
      <c r="F5268">
        <v>5</v>
      </c>
      <c r="G5268" t="s">
        <v>0</v>
      </c>
      <c r="H5268" t="s">
        <v>9211</v>
      </c>
      <c r="I5268" t="s">
        <v>30540</v>
      </c>
    </row>
    <row r="5269" spans="1:9">
      <c r="A5269" s="1">
        <f ca="1">RAND()</f>
        <v>0.1716872515055482</v>
      </c>
      <c r="B5269" s="1"/>
      <c r="C5269">
        <v>1</v>
      </c>
      <c r="D5269" t="s">
        <v>9206</v>
      </c>
      <c r="E5269" t="s">
        <v>32297</v>
      </c>
      <c r="F5269">
        <v>5</v>
      </c>
      <c r="G5269" t="s">
        <v>1</v>
      </c>
      <c r="H5269" t="s">
        <v>9207</v>
      </c>
      <c r="I5269" t="s">
        <v>30540</v>
      </c>
    </row>
    <row r="5270" spans="1:9">
      <c r="A5270" s="1">
        <f ca="1">RAND()</f>
        <v>0.51491810681617278</v>
      </c>
      <c r="B5270" s="1"/>
      <c r="C5270">
        <v>8</v>
      </c>
      <c r="D5270" t="s">
        <v>9208</v>
      </c>
      <c r="E5270" t="s">
        <v>32297</v>
      </c>
      <c r="F5270">
        <v>3</v>
      </c>
      <c r="G5270" t="s">
        <v>2</v>
      </c>
      <c r="H5270" t="s">
        <v>9209</v>
      </c>
      <c r="I5270" t="s">
        <v>30540</v>
      </c>
    </row>
    <row r="5271" spans="1:9">
      <c r="A5271" s="1">
        <f ca="1">RAND()</f>
        <v>0.92818157511439747</v>
      </c>
      <c r="B5271" s="1"/>
      <c r="C5271">
        <v>18</v>
      </c>
      <c r="D5271" t="s">
        <v>9202</v>
      </c>
      <c r="E5271" t="s">
        <v>32298</v>
      </c>
      <c r="F5271">
        <v>5</v>
      </c>
      <c r="G5271" t="s">
        <v>9</v>
      </c>
      <c r="H5271" t="s">
        <v>9203</v>
      </c>
      <c r="I5271" t="s">
        <v>30540</v>
      </c>
    </row>
    <row r="5272" spans="1:9">
      <c r="A5272" s="1">
        <f ca="1">RAND()</f>
        <v>0.92510425691701736</v>
      </c>
      <c r="B5272" s="1"/>
      <c r="C5272">
        <v>19</v>
      </c>
      <c r="D5272" t="s">
        <v>9204</v>
      </c>
      <c r="E5272" t="s">
        <v>32298</v>
      </c>
      <c r="F5272">
        <v>4</v>
      </c>
      <c r="G5272" t="s">
        <v>0</v>
      </c>
      <c r="H5272" t="s">
        <v>9205</v>
      </c>
      <c r="I5272" t="s">
        <v>30540</v>
      </c>
    </row>
    <row r="5273" spans="1:9">
      <c r="A5273" s="1">
        <f ca="1">RAND()</f>
        <v>0.2733885492473187</v>
      </c>
      <c r="B5273" s="1"/>
      <c r="C5273">
        <v>16</v>
      </c>
      <c r="D5273" t="s">
        <v>9200</v>
      </c>
      <c r="E5273" t="s">
        <v>32298</v>
      </c>
      <c r="F5273">
        <v>4</v>
      </c>
      <c r="G5273" t="s">
        <v>15</v>
      </c>
      <c r="H5273" t="s">
        <v>9201</v>
      </c>
      <c r="I5273" t="s">
        <v>30540</v>
      </c>
    </row>
    <row r="5274" spans="1:9">
      <c r="A5274" s="1">
        <f ca="1">RAND()</f>
        <v>0.28084107295731719</v>
      </c>
      <c r="B5274" s="1"/>
      <c r="C5274">
        <v>2</v>
      </c>
      <c r="D5274" t="s">
        <v>9178</v>
      </c>
      <c r="E5274" t="s">
        <v>32299</v>
      </c>
      <c r="F5274">
        <v>5</v>
      </c>
      <c r="G5274" t="s">
        <v>9</v>
      </c>
      <c r="H5274" t="s">
        <v>9179</v>
      </c>
      <c r="I5274" t="s">
        <v>30540</v>
      </c>
    </row>
    <row r="5275" spans="1:9">
      <c r="A5275" s="1">
        <f ca="1">RAND()</f>
        <v>0.55596486441295201</v>
      </c>
      <c r="B5275" s="1"/>
      <c r="C5275">
        <v>6</v>
      </c>
      <c r="D5275" t="s">
        <v>9182</v>
      </c>
      <c r="E5275" t="s">
        <v>32299</v>
      </c>
      <c r="F5275">
        <v>5</v>
      </c>
      <c r="G5275" t="s">
        <v>1</v>
      </c>
      <c r="H5275" t="s">
        <v>9183</v>
      </c>
      <c r="I5275" t="s">
        <v>30540</v>
      </c>
    </row>
    <row r="5276" spans="1:9">
      <c r="A5276" s="1">
        <f ca="1">RAND()</f>
        <v>0.43715871418153684</v>
      </c>
      <c r="B5276" s="1"/>
      <c r="C5276">
        <v>4</v>
      </c>
      <c r="D5276" t="s">
        <v>9180</v>
      </c>
      <c r="E5276" t="s">
        <v>32299</v>
      </c>
      <c r="F5276">
        <v>5</v>
      </c>
      <c r="G5276" t="s">
        <v>10</v>
      </c>
      <c r="H5276" t="s">
        <v>9181</v>
      </c>
      <c r="I5276" t="s">
        <v>30540</v>
      </c>
    </row>
    <row r="5277" spans="1:9">
      <c r="A5277" s="1">
        <f ca="1">RAND()</f>
        <v>0.10631752956590435</v>
      </c>
      <c r="B5277" s="1"/>
      <c r="C5277">
        <v>16</v>
      </c>
      <c r="D5277" t="s">
        <v>9198</v>
      </c>
      <c r="E5277" t="s">
        <v>32299</v>
      </c>
      <c r="F5277">
        <v>4</v>
      </c>
      <c r="G5277" t="s">
        <v>0</v>
      </c>
      <c r="H5277" t="s">
        <v>9199</v>
      </c>
      <c r="I5277" t="s">
        <v>30540</v>
      </c>
    </row>
    <row r="5278" spans="1:9">
      <c r="A5278" s="1">
        <f ca="1">RAND()</f>
        <v>0.99172992644589641</v>
      </c>
      <c r="B5278" s="1"/>
      <c r="C5278">
        <v>8</v>
      </c>
      <c r="D5278" t="s">
        <v>9186</v>
      </c>
      <c r="E5278" t="s">
        <v>32299</v>
      </c>
      <c r="F5278">
        <v>4</v>
      </c>
      <c r="G5278" t="s">
        <v>13</v>
      </c>
      <c r="H5278" t="s">
        <v>9187</v>
      </c>
      <c r="I5278" t="s">
        <v>30540</v>
      </c>
    </row>
    <row r="5279" spans="1:9">
      <c r="A5279" s="1">
        <f ca="1">RAND()</f>
        <v>0.59172679210480073</v>
      </c>
      <c r="B5279" s="1"/>
      <c r="C5279">
        <v>11</v>
      </c>
      <c r="D5279" t="s">
        <v>9192</v>
      </c>
      <c r="E5279" t="s">
        <v>32299</v>
      </c>
      <c r="F5279">
        <v>4</v>
      </c>
      <c r="G5279" t="s">
        <v>0</v>
      </c>
      <c r="H5279" t="s">
        <v>9193</v>
      </c>
      <c r="I5279" t="s">
        <v>30540</v>
      </c>
    </row>
    <row r="5280" spans="1:9">
      <c r="A5280" s="1">
        <f ca="1">RAND()</f>
        <v>0.91485197942544993</v>
      </c>
      <c r="B5280" s="1"/>
      <c r="C5280">
        <v>7</v>
      </c>
      <c r="D5280" t="s">
        <v>9184</v>
      </c>
      <c r="E5280" t="s">
        <v>32299</v>
      </c>
      <c r="F5280">
        <v>4</v>
      </c>
      <c r="G5280" t="s">
        <v>0</v>
      </c>
      <c r="H5280" t="s">
        <v>9185</v>
      </c>
      <c r="I5280" t="s">
        <v>30540</v>
      </c>
    </row>
    <row r="5281" spans="1:9">
      <c r="A5281" s="1">
        <f ca="1">RAND()</f>
        <v>0.38801305496359817</v>
      </c>
      <c r="B5281" s="1"/>
      <c r="C5281">
        <v>14</v>
      </c>
      <c r="D5281" t="s">
        <v>9196</v>
      </c>
      <c r="E5281" t="s">
        <v>32299</v>
      </c>
      <c r="F5281">
        <v>4</v>
      </c>
      <c r="G5281" t="s">
        <v>0</v>
      </c>
      <c r="H5281" t="s">
        <v>9197</v>
      </c>
      <c r="I5281" t="s">
        <v>30540</v>
      </c>
    </row>
    <row r="5282" spans="1:9">
      <c r="A5282" s="1">
        <f ca="1">RAND()</f>
        <v>0.29516652278608324</v>
      </c>
      <c r="B5282" s="1"/>
      <c r="C5282">
        <v>10</v>
      </c>
      <c r="D5282" t="s">
        <v>9190</v>
      </c>
      <c r="E5282" t="s">
        <v>32299</v>
      </c>
      <c r="F5282">
        <v>4</v>
      </c>
      <c r="G5282" t="s">
        <v>2</v>
      </c>
      <c r="H5282" t="s">
        <v>9191</v>
      </c>
      <c r="I5282" t="s">
        <v>30540</v>
      </c>
    </row>
    <row r="5283" spans="1:9">
      <c r="A5283" s="1">
        <f ca="1">RAND()</f>
        <v>0.91523451424848257</v>
      </c>
      <c r="B5283" s="1"/>
      <c r="C5283">
        <v>9</v>
      </c>
      <c r="D5283" t="s">
        <v>9188</v>
      </c>
      <c r="E5283" t="s">
        <v>32299</v>
      </c>
      <c r="F5283">
        <v>2</v>
      </c>
      <c r="G5283" t="s">
        <v>9</v>
      </c>
      <c r="H5283" t="s">
        <v>9189</v>
      </c>
      <c r="I5283" t="s">
        <v>30540</v>
      </c>
    </row>
    <row r="5284" spans="1:9">
      <c r="A5284" s="1">
        <f ca="1">RAND()</f>
        <v>0.27800395534942512</v>
      </c>
      <c r="B5284" s="1"/>
      <c r="C5284">
        <v>13</v>
      </c>
      <c r="D5284" t="s">
        <v>9194</v>
      </c>
      <c r="E5284" t="s">
        <v>32299</v>
      </c>
      <c r="F5284">
        <v>1</v>
      </c>
      <c r="G5284" t="s">
        <v>0</v>
      </c>
      <c r="H5284" t="s">
        <v>9195</v>
      </c>
      <c r="I5284" t="s">
        <v>30540</v>
      </c>
    </row>
    <row r="5285" spans="1:9">
      <c r="A5285" s="1">
        <f ca="1">RAND()</f>
        <v>0.95965663808706236</v>
      </c>
      <c r="B5285" s="1"/>
      <c r="C5285">
        <v>7</v>
      </c>
      <c r="D5285" t="s">
        <v>9172</v>
      </c>
      <c r="E5285" t="s">
        <v>32300</v>
      </c>
      <c r="F5285">
        <v>4</v>
      </c>
      <c r="G5285" t="s">
        <v>1</v>
      </c>
      <c r="H5285" t="s">
        <v>9173</v>
      </c>
      <c r="I5285" t="s">
        <v>30540</v>
      </c>
    </row>
    <row r="5286" spans="1:9">
      <c r="A5286" s="1">
        <f ca="1">RAND()</f>
        <v>0.44321074018005646</v>
      </c>
      <c r="B5286" s="1"/>
      <c r="C5286">
        <v>16</v>
      </c>
      <c r="D5286" t="s">
        <v>9176</v>
      </c>
      <c r="E5286" t="s">
        <v>32300</v>
      </c>
      <c r="F5286">
        <v>4</v>
      </c>
      <c r="G5286" t="s">
        <v>0</v>
      </c>
      <c r="H5286" t="s">
        <v>9177</v>
      </c>
      <c r="I5286" t="s">
        <v>30540</v>
      </c>
    </row>
    <row r="5287" spans="1:9">
      <c r="A5287" s="1">
        <f ca="1">RAND()</f>
        <v>0.26897831986289167</v>
      </c>
      <c r="B5287" s="1"/>
      <c r="C5287">
        <v>12</v>
      </c>
      <c r="D5287" t="s">
        <v>9174</v>
      </c>
      <c r="E5287" t="s">
        <v>32300</v>
      </c>
      <c r="F5287">
        <v>4</v>
      </c>
      <c r="G5287" t="s">
        <v>0</v>
      </c>
      <c r="H5287" t="s">
        <v>9175</v>
      </c>
      <c r="I5287" t="s">
        <v>30540</v>
      </c>
    </row>
    <row r="5288" spans="1:9">
      <c r="A5288" s="1">
        <f ca="1">RAND()</f>
        <v>0.68456791480320145</v>
      </c>
      <c r="B5288" s="1"/>
      <c r="C5288">
        <v>2</v>
      </c>
      <c r="D5288" t="s">
        <v>9170</v>
      </c>
      <c r="E5288" t="s">
        <v>32300</v>
      </c>
      <c r="F5288">
        <v>2</v>
      </c>
      <c r="G5288" t="s">
        <v>1295</v>
      </c>
      <c r="H5288" t="s">
        <v>9171</v>
      </c>
      <c r="I5288" t="s">
        <v>30540</v>
      </c>
    </row>
    <row r="5289" spans="1:9">
      <c r="A5289" s="1">
        <f ca="1">RAND()</f>
        <v>0.56123617546745652</v>
      </c>
      <c r="B5289" s="1"/>
      <c r="C5289">
        <v>4</v>
      </c>
      <c r="D5289" t="s">
        <v>9164</v>
      </c>
      <c r="E5289" t="s">
        <v>32301</v>
      </c>
      <c r="F5289">
        <v>5</v>
      </c>
      <c r="G5289" t="s">
        <v>0</v>
      </c>
      <c r="H5289" t="s">
        <v>9165</v>
      </c>
      <c r="I5289" t="s">
        <v>30540</v>
      </c>
    </row>
    <row r="5290" spans="1:9">
      <c r="A5290" s="1">
        <f ca="1">RAND()</f>
        <v>9.7773656856965263E-2</v>
      </c>
      <c r="B5290" s="1"/>
      <c r="C5290">
        <v>7</v>
      </c>
      <c r="D5290" t="s">
        <v>9166</v>
      </c>
      <c r="E5290" t="s">
        <v>32301</v>
      </c>
      <c r="F5290">
        <v>4</v>
      </c>
      <c r="G5290" t="s">
        <v>774</v>
      </c>
      <c r="H5290" t="s">
        <v>9167</v>
      </c>
      <c r="I5290" t="s">
        <v>30540</v>
      </c>
    </row>
    <row r="5291" spans="1:9">
      <c r="A5291" s="1">
        <f ca="1">RAND()</f>
        <v>2.4611734120811635E-2</v>
      </c>
      <c r="B5291" s="1"/>
      <c r="C5291">
        <v>11</v>
      </c>
      <c r="D5291" t="s">
        <v>9168</v>
      </c>
      <c r="E5291" t="s">
        <v>32301</v>
      </c>
      <c r="F5291">
        <v>4</v>
      </c>
      <c r="G5291" t="s">
        <v>762</v>
      </c>
      <c r="H5291" t="s">
        <v>9169</v>
      </c>
      <c r="I5291" t="s">
        <v>30540</v>
      </c>
    </row>
    <row r="5292" spans="1:9">
      <c r="A5292" s="1">
        <f ca="1">RAND()</f>
        <v>0.86107695573670295</v>
      </c>
      <c r="B5292" s="1"/>
      <c r="C5292">
        <v>2</v>
      </c>
      <c r="D5292" t="s">
        <v>9156</v>
      </c>
      <c r="E5292" t="s">
        <v>32302</v>
      </c>
      <c r="F5292">
        <v>5</v>
      </c>
      <c r="G5292" t="s">
        <v>0</v>
      </c>
      <c r="H5292" t="s">
        <v>9157</v>
      </c>
      <c r="I5292" t="s">
        <v>30540</v>
      </c>
    </row>
    <row r="5293" spans="1:9">
      <c r="A5293" s="1">
        <f ca="1">RAND()</f>
        <v>0.94012537678861741</v>
      </c>
      <c r="B5293" s="1"/>
      <c r="C5293">
        <v>9</v>
      </c>
      <c r="D5293" t="s">
        <v>9160</v>
      </c>
      <c r="E5293" t="s">
        <v>32302</v>
      </c>
      <c r="F5293">
        <v>5</v>
      </c>
      <c r="G5293" t="s">
        <v>15</v>
      </c>
      <c r="H5293" t="s">
        <v>9161</v>
      </c>
      <c r="I5293" t="s">
        <v>30540</v>
      </c>
    </row>
    <row r="5294" spans="1:9">
      <c r="A5294" s="1">
        <f ca="1">RAND()</f>
        <v>0.92301164628174504</v>
      </c>
      <c r="B5294" s="1"/>
      <c r="C5294">
        <v>8</v>
      </c>
      <c r="D5294" t="s">
        <v>9158</v>
      </c>
      <c r="E5294" t="s">
        <v>32302</v>
      </c>
      <c r="F5294">
        <v>4</v>
      </c>
      <c r="G5294" t="s">
        <v>0</v>
      </c>
      <c r="H5294" t="s">
        <v>9159</v>
      </c>
      <c r="I5294" t="s">
        <v>30540</v>
      </c>
    </row>
    <row r="5295" spans="1:9">
      <c r="A5295" s="1">
        <f ca="1">RAND()</f>
        <v>0.72148791920649247</v>
      </c>
      <c r="B5295" s="1"/>
      <c r="C5295">
        <v>10</v>
      </c>
      <c r="D5295" t="s">
        <v>9162</v>
      </c>
      <c r="E5295" t="s">
        <v>32302</v>
      </c>
      <c r="F5295">
        <v>2</v>
      </c>
      <c r="G5295" t="s">
        <v>2</v>
      </c>
      <c r="H5295" t="s">
        <v>9163</v>
      </c>
      <c r="I5295" t="s">
        <v>30540</v>
      </c>
    </row>
    <row r="5296" spans="1:9">
      <c r="A5296" s="1">
        <f ca="1">RAND()</f>
        <v>0.957151187651192</v>
      </c>
      <c r="B5296" s="1"/>
      <c r="C5296">
        <v>2</v>
      </c>
      <c r="D5296" t="s">
        <v>9150</v>
      </c>
      <c r="E5296" t="s">
        <v>32303</v>
      </c>
      <c r="F5296">
        <v>5</v>
      </c>
      <c r="G5296" t="s">
        <v>766</v>
      </c>
      <c r="H5296" t="s">
        <v>9151</v>
      </c>
      <c r="I5296" t="s">
        <v>30540</v>
      </c>
    </row>
    <row r="5297" spans="1:9">
      <c r="A5297" s="1">
        <f ca="1">RAND()</f>
        <v>0.59366194955358831</v>
      </c>
      <c r="B5297" s="1"/>
      <c r="C5297">
        <v>17</v>
      </c>
      <c r="D5297" t="s">
        <v>9154</v>
      </c>
      <c r="E5297" t="s">
        <v>32303</v>
      </c>
      <c r="F5297">
        <v>4</v>
      </c>
      <c r="G5297" t="s">
        <v>0</v>
      </c>
      <c r="H5297" t="s">
        <v>9155</v>
      </c>
      <c r="I5297" t="s">
        <v>30540</v>
      </c>
    </row>
    <row r="5298" spans="1:9">
      <c r="A5298" s="1">
        <f ca="1">RAND()</f>
        <v>0.88123985141576455</v>
      </c>
      <c r="B5298" s="1"/>
      <c r="C5298">
        <v>8</v>
      </c>
      <c r="D5298" t="s">
        <v>9152</v>
      </c>
      <c r="E5298" t="s">
        <v>32303</v>
      </c>
      <c r="F5298">
        <v>3</v>
      </c>
      <c r="G5298" t="s">
        <v>0</v>
      </c>
      <c r="H5298" t="s">
        <v>9153</v>
      </c>
      <c r="I5298" t="s">
        <v>30540</v>
      </c>
    </row>
    <row r="5299" spans="1:9">
      <c r="A5299" s="1">
        <f ca="1">RAND()</f>
        <v>0.62024911948818362</v>
      </c>
      <c r="B5299" s="1"/>
      <c r="C5299">
        <v>7</v>
      </c>
      <c r="D5299" t="s">
        <v>9138</v>
      </c>
      <c r="E5299" t="s">
        <v>32304</v>
      </c>
      <c r="F5299">
        <v>5</v>
      </c>
      <c r="G5299" t="s">
        <v>13</v>
      </c>
      <c r="H5299" t="s">
        <v>9139</v>
      </c>
      <c r="I5299" t="s">
        <v>30540</v>
      </c>
    </row>
    <row r="5300" spans="1:9">
      <c r="A5300" s="1">
        <f ca="1">RAND()</f>
        <v>3.3175680954384834E-2</v>
      </c>
      <c r="B5300" s="1"/>
      <c r="C5300">
        <v>11</v>
      </c>
      <c r="D5300" t="s">
        <v>9144</v>
      </c>
      <c r="E5300" t="s">
        <v>32304</v>
      </c>
      <c r="F5300">
        <v>4</v>
      </c>
      <c r="G5300" t="s">
        <v>13</v>
      </c>
      <c r="H5300" t="s">
        <v>9145</v>
      </c>
      <c r="I5300" t="s">
        <v>30540</v>
      </c>
    </row>
    <row r="5301" spans="1:9">
      <c r="A5301" s="1">
        <f ca="1">RAND()</f>
        <v>1.3673731881082341E-2</v>
      </c>
      <c r="B5301" s="1"/>
      <c r="C5301">
        <v>8</v>
      </c>
      <c r="D5301" t="s">
        <v>9140</v>
      </c>
      <c r="E5301" t="s">
        <v>32304</v>
      </c>
      <c r="F5301">
        <v>4</v>
      </c>
      <c r="G5301" t="s">
        <v>15</v>
      </c>
      <c r="H5301" t="s">
        <v>9141</v>
      </c>
      <c r="I5301" t="s">
        <v>30540</v>
      </c>
    </row>
    <row r="5302" spans="1:9">
      <c r="A5302" s="1">
        <f ca="1">RAND()</f>
        <v>0.73960148553695504</v>
      </c>
      <c r="B5302" s="1"/>
      <c r="C5302">
        <v>13</v>
      </c>
      <c r="D5302" t="s">
        <v>9148</v>
      </c>
      <c r="E5302" t="s">
        <v>32304</v>
      </c>
      <c r="F5302">
        <v>4</v>
      </c>
      <c r="G5302" t="s">
        <v>0</v>
      </c>
      <c r="H5302" t="s">
        <v>9149</v>
      </c>
      <c r="I5302" t="s">
        <v>30540</v>
      </c>
    </row>
    <row r="5303" spans="1:9">
      <c r="A5303" s="1">
        <f ca="1">RAND()</f>
        <v>0.8464023316358491</v>
      </c>
      <c r="B5303" s="1"/>
      <c r="C5303">
        <v>6</v>
      </c>
      <c r="D5303" t="s">
        <v>9136</v>
      </c>
      <c r="E5303" t="s">
        <v>32304</v>
      </c>
      <c r="F5303">
        <v>4</v>
      </c>
      <c r="G5303" t="s">
        <v>0</v>
      </c>
      <c r="H5303" t="s">
        <v>9137</v>
      </c>
      <c r="I5303" t="s">
        <v>30540</v>
      </c>
    </row>
    <row r="5304" spans="1:9">
      <c r="A5304" s="1">
        <f ca="1">RAND()</f>
        <v>0.4525037450292797</v>
      </c>
      <c r="B5304" s="1"/>
      <c r="C5304">
        <v>9</v>
      </c>
      <c r="D5304" t="s">
        <v>9142</v>
      </c>
      <c r="E5304" t="s">
        <v>32304</v>
      </c>
      <c r="F5304">
        <v>2</v>
      </c>
      <c r="G5304" t="s">
        <v>15</v>
      </c>
      <c r="H5304" t="s">
        <v>9143</v>
      </c>
      <c r="I5304" t="s">
        <v>30540</v>
      </c>
    </row>
    <row r="5305" spans="1:9">
      <c r="A5305" s="1">
        <f ca="1">RAND()</f>
        <v>0.79634328399487764</v>
      </c>
      <c r="B5305" s="1"/>
      <c r="C5305">
        <v>12</v>
      </c>
      <c r="D5305" t="s">
        <v>9146</v>
      </c>
      <c r="E5305" t="s">
        <v>32304</v>
      </c>
      <c r="F5305">
        <v>2</v>
      </c>
      <c r="G5305" t="s">
        <v>0</v>
      </c>
      <c r="H5305" t="s">
        <v>9147</v>
      </c>
      <c r="I5305" t="s">
        <v>30540</v>
      </c>
    </row>
    <row r="5306" spans="1:9">
      <c r="A5306" s="1">
        <f ca="1">RAND()</f>
        <v>0.27190896514621199</v>
      </c>
      <c r="B5306" s="1"/>
      <c r="C5306">
        <v>2</v>
      </c>
      <c r="D5306" t="s">
        <v>9124</v>
      </c>
      <c r="E5306" t="s">
        <v>32305</v>
      </c>
      <c r="F5306">
        <v>5</v>
      </c>
      <c r="G5306" t="s">
        <v>762</v>
      </c>
      <c r="H5306" t="s">
        <v>9125</v>
      </c>
      <c r="I5306" t="s">
        <v>30540</v>
      </c>
    </row>
    <row r="5307" spans="1:9">
      <c r="A5307" s="1">
        <f ca="1">RAND()</f>
        <v>0.15456859058293793</v>
      </c>
      <c r="B5307" s="1"/>
      <c r="C5307">
        <v>9</v>
      </c>
      <c r="D5307" t="s">
        <v>9128</v>
      </c>
      <c r="E5307" t="s">
        <v>32305</v>
      </c>
      <c r="F5307">
        <v>5</v>
      </c>
      <c r="G5307" t="s">
        <v>0</v>
      </c>
      <c r="H5307" t="s">
        <v>9129</v>
      </c>
      <c r="I5307" t="s">
        <v>30540</v>
      </c>
    </row>
    <row r="5308" spans="1:9">
      <c r="A5308" s="1">
        <f ca="1">RAND()</f>
        <v>0.72969256436835528</v>
      </c>
      <c r="B5308" s="1"/>
      <c r="C5308">
        <v>16</v>
      </c>
      <c r="D5308" t="s">
        <v>9134</v>
      </c>
      <c r="E5308" t="s">
        <v>32305</v>
      </c>
      <c r="F5308">
        <v>4</v>
      </c>
      <c r="G5308" t="s">
        <v>0</v>
      </c>
      <c r="H5308" t="s">
        <v>9135</v>
      </c>
      <c r="I5308" t="s">
        <v>30540</v>
      </c>
    </row>
    <row r="5309" spans="1:9">
      <c r="A5309" s="1">
        <f ca="1">RAND()</f>
        <v>0.98270919237788723</v>
      </c>
      <c r="B5309" s="1"/>
      <c r="C5309">
        <v>6</v>
      </c>
      <c r="D5309" t="s">
        <v>9126</v>
      </c>
      <c r="E5309" t="s">
        <v>32305</v>
      </c>
      <c r="F5309">
        <v>4</v>
      </c>
      <c r="G5309" t="s">
        <v>1295</v>
      </c>
      <c r="H5309" t="s">
        <v>9127</v>
      </c>
      <c r="I5309" t="s">
        <v>30540</v>
      </c>
    </row>
    <row r="5310" spans="1:9">
      <c r="A5310" s="1">
        <f ca="1">RAND()</f>
        <v>0.24744026073029335</v>
      </c>
      <c r="B5310" s="1"/>
      <c r="C5310">
        <v>13</v>
      </c>
      <c r="D5310" t="s">
        <v>9132</v>
      </c>
      <c r="E5310" t="s">
        <v>32305</v>
      </c>
      <c r="F5310">
        <v>3</v>
      </c>
      <c r="G5310" t="s">
        <v>0</v>
      </c>
      <c r="H5310" t="s">
        <v>9133</v>
      </c>
      <c r="I5310" t="s">
        <v>30540</v>
      </c>
    </row>
    <row r="5311" spans="1:9">
      <c r="A5311" s="1">
        <f ca="1">RAND()</f>
        <v>0.77892445760065554</v>
      </c>
      <c r="B5311" s="1"/>
      <c r="C5311">
        <v>12</v>
      </c>
      <c r="D5311" t="s">
        <v>9130</v>
      </c>
      <c r="E5311" t="s">
        <v>32305</v>
      </c>
      <c r="F5311">
        <v>2</v>
      </c>
      <c r="G5311" t="s">
        <v>9</v>
      </c>
      <c r="H5311" t="s">
        <v>9131</v>
      </c>
      <c r="I5311" t="s">
        <v>30540</v>
      </c>
    </row>
    <row r="5312" spans="1:9">
      <c r="A5312" s="1">
        <f ca="1">RAND()</f>
        <v>0.83019494483283962</v>
      </c>
      <c r="B5312" s="1"/>
      <c r="C5312">
        <v>9</v>
      </c>
      <c r="D5312" t="s">
        <v>9122</v>
      </c>
      <c r="E5312" t="s">
        <v>32306</v>
      </c>
      <c r="F5312">
        <v>4</v>
      </c>
      <c r="G5312" t="s">
        <v>771</v>
      </c>
      <c r="H5312" t="s">
        <v>9123</v>
      </c>
      <c r="I5312" t="s">
        <v>30540</v>
      </c>
    </row>
    <row r="5313" spans="1:9">
      <c r="A5313" s="1">
        <f ca="1">RAND()</f>
        <v>0.41749675910955442</v>
      </c>
      <c r="B5313" s="1"/>
      <c r="C5313">
        <v>8</v>
      </c>
      <c r="D5313" t="s">
        <v>9120</v>
      </c>
      <c r="E5313" t="s">
        <v>32306</v>
      </c>
      <c r="F5313">
        <v>4</v>
      </c>
      <c r="G5313" t="s">
        <v>762</v>
      </c>
      <c r="H5313" t="s">
        <v>9121</v>
      </c>
      <c r="I5313" t="s">
        <v>30540</v>
      </c>
    </row>
    <row r="5314" spans="1:9">
      <c r="A5314" s="1">
        <f ca="1">RAND()</f>
        <v>0.34891710087338856</v>
      </c>
      <c r="B5314" s="1"/>
      <c r="C5314">
        <v>11</v>
      </c>
      <c r="D5314" t="s">
        <v>9118</v>
      </c>
      <c r="E5314" t="s">
        <v>32307</v>
      </c>
      <c r="F5314">
        <v>5</v>
      </c>
      <c r="G5314" t="s">
        <v>15</v>
      </c>
      <c r="H5314" t="s">
        <v>9119</v>
      </c>
      <c r="I5314" t="s">
        <v>30540</v>
      </c>
    </row>
    <row r="5315" spans="1:9">
      <c r="A5315" s="1">
        <f ca="1">RAND()</f>
        <v>0.50932346224944514</v>
      </c>
      <c r="B5315" s="1"/>
      <c r="C5315">
        <v>9</v>
      </c>
      <c r="D5315" t="s">
        <v>9116</v>
      </c>
      <c r="E5315" t="s">
        <v>32307</v>
      </c>
      <c r="F5315">
        <v>2</v>
      </c>
      <c r="G5315" t="s">
        <v>0</v>
      </c>
      <c r="H5315" t="s">
        <v>9117</v>
      </c>
      <c r="I5315" t="s">
        <v>30540</v>
      </c>
    </row>
    <row r="5316" spans="1:9">
      <c r="A5316" s="1">
        <f ca="1">RAND()</f>
        <v>0.51130100777802523</v>
      </c>
      <c r="B5316" s="1"/>
      <c r="C5316">
        <v>6</v>
      </c>
      <c r="D5316" t="s">
        <v>9102</v>
      </c>
      <c r="E5316" t="s">
        <v>32308</v>
      </c>
      <c r="F5316">
        <v>5</v>
      </c>
      <c r="G5316" t="s">
        <v>2</v>
      </c>
      <c r="H5316" t="s">
        <v>9103</v>
      </c>
      <c r="I5316" t="s">
        <v>30540</v>
      </c>
    </row>
    <row r="5317" spans="1:9">
      <c r="A5317" s="1">
        <f ca="1">RAND()</f>
        <v>0.25206424549336415</v>
      </c>
      <c r="B5317" s="1"/>
      <c r="C5317">
        <v>17</v>
      </c>
      <c r="D5317" t="s">
        <v>9112</v>
      </c>
      <c r="E5317" t="s">
        <v>32308</v>
      </c>
      <c r="F5317">
        <v>5</v>
      </c>
      <c r="G5317" t="s">
        <v>0</v>
      </c>
      <c r="H5317" t="s">
        <v>9113</v>
      </c>
      <c r="I5317" t="s">
        <v>30540</v>
      </c>
    </row>
    <row r="5318" spans="1:9">
      <c r="A5318" s="1">
        <f ca="1">RAND()</f>
        <v>0.11299537353741562</v>
      </c>
      <c r="B5318" s="1"/>
      <c r="C5318">
        <v>18</v>
      </c>
      <c r="D5318" t="s">
        <v>9114</v>
      </c>
      <c r="E5318" t="s">
        <v>32308</v>
      </c>
      <c r="F5318">
        <v>5</v>
      </c>
      <c r="G5318" t="s">
        <v>769</v>
      </c>
      <c r="H5318" t="s">
        <v>9115</v>
      </c>
      <c r="I5318" t="s">
        <v>30540</v>
      </c>
    </row>
    <row r="5319" spans="1:9">
      <c r="A5319" s="1">
        <f ca="1">RAND()</f>
        <v>0.22464854358719522</v>
      </c>
      <c r="B5319" s="1"/>
      <c r="C5319">
        <v>12</v>
      </c>
      <c r="D5319" t="s">
        <v>9108</v>
      </c>
      <c r="E5319" t="s">
        <v>32308</v>
      </c>
      <c r="F5319">
        <v>4</v>
      </c>
      <c r="G5319" t="s">
        <v>0</v>
      </c>
      <c r="H5319" t="s">
        <v>9109</v>
      </c>
      <c r="I5319" t="s">
        <v>30540</v>
      </c>
    </row>
    <row r="5320" spans="1:9">
      <c r="A5320" s="1">
        <f ca="1">RAND()</f>
        <v>0.14114066152569094</v>
      </c>
      <c r="B5320" s="1"/>
      <c r="C5320">
        <v>11</v>
      </c>
      <c r="D5320" t="s">
        <v>9106</v>
      </c>
      <c r="E5320" t="s">
        <v>32308</v>
      </c>
      <c r="F5320">
        <v>4</v>
      </c>
      <c r="G5320" t="s">
        <v>770</v>
      </c>
      <c r="H5320" t="s">
        <v>9107</v>
      </c>
      <c r="I5320" t="s">
        <v>30540</v>
      </c>
    </row>
    <row r="5321" spans="1:9">
      <c r="A5321" s="1">
        <f ca="1">RAND()</f>
        <v>0.51029481808572175</v>
      </c>
      <c r="B5321" s="1"/>
      <c r="C5321">
        <v>13</v>
      </c>
      <c r="D5321" t="s">
        <v>9110</v>
      </c>
      <c r="E5321" t="s">
        <v>32308</v>
      </c>
      <c r="F5321">
        <v>4</v>
      </c>
      <c r="G5321" t="s">
        <v>0</v>
      </c>
      <c r="H5321" t="s">
        <v>9111</v>
      </c>
      <c r="I5321" t="s">
        <v>30540</v>
      </c>
    </row>
    <row r="5322" spans="1:9">
      <c r="A5322" s="1">
        <f ca="1">RAND()</f>
        <v>0.36284110495324706</v>
      </c>
      <c r="B5322" s="1"/>
      <c r="C5322">
        <v>1</v>
      </c>
      <c r="D5322" t="s">
        <v>9100</v>
      </c>
      <c r="E5322" t="s">
        <v>32308</v>
      </c>
      <c r="F5322">
        <v>4</v>
      </c>
      <c r="G5322" t="s">
        <v>13</v>
      </c>
      <c r="H5322" t="s">
        <v>9101</v>
      </c>
      <c r="I5322" t="s">
        <v>30540</v>
      </c>
    </row>
    <row r="5323" spans="1:9">
      <c r="A5323" s="1">
        <f ca="1">RAND()</f>
        <v>0.98982725315267284</v>
      </c>
      <c r="B5323" s="1"/>
      <c r="C5323">
        <v>8</v>
      </c>
      <c r="D5323" t="s">
        <v>9104</v>
      </c>
      <c r="E5323" t="s">
        <v>32308</v>
      </c>
      <c r="F5323">
        <v>2</v>
      </c>
      <c r="G5323" t="s">
        <v>0</v>
      </c>
      <c r="H5323" t="s">
        <v>9105</v>
      </c>
      <c r="I5323" t="s">
        <v>30540</v>
      </c>
    </row>
    <row r="5324" spans="1:9">
      <c r="A5324" s="1">
        <f ca="1">RAND()</f>
        <v>0.64829818262886763</v>
      </c>
      <c r="B5324" s="1"/>
      <c r="C5324">
        <v>8</v>
      </c>
      <c r="D5324" t="s">
        <v>9098</v>
      </c>
      <c r="E5324" t="s">
        <v>32309</v>
      </c>
      <c r="F5324">
        <v>5</v>
      </c>
      <c r="G5324" t="s">
        <v>1</v>
      </c>
      <c r="H5324" t="s">
        <v>9099</v>
      </c>
      <c r="I5324" t="s">
        <v>30540</v>
      </c>
    </row>
    <row r="5325" spans="1:9">
      <c r="A5325" s="1">
        <f ca="1">RAND()</f>
        <v>0.89031160721048952</v>
      </c>
      <c r="B5325" s="1"/>
      <c r="C5325">
        <v>2</v>
      </c>
      <c r="D5325" t="s">
        <v>9092</v>
      </c>
      <c r="E5325" t="s">
        <v>32309</v>
      </c>
      <c r="F5325">
        <v>5</v>
      </c>
      <c r="G5325" t="s">
        <v>13</v>
      </c>
      <c r="H5325" t="s">
        <v>9093</v>
      </c>
      <c r="I5325" t="s">
        <v>30540</v>
      </c>
    </row>
    <row r="5326" spans="1:9">
      <c r="A5326" s="1">
        <f ca="1">RAND()</f>
        <v>0.76155998433202354</v>
      </c>
      <c r="B5326" s="1"/>
      <c r="C5326">
        <v>7</v>
      </c>
      <c r="D5326" t="s">
        <v>9096</v>
      </c>
      <c r="E5326" t="s">
        <v>32309</v>
      </c>
      <c r="F5326">
        <v>5</v>
      </c>
      <c r="G5326" t="s">
        <v>15</v>
      </c>
      <c r="H5326" t="s">
        <v>9097</v>
      </c>
      <c r="I5326" t="s">
        <v>30540</v>
      </c>
    </row>
    <row r="5327" spans="1:9">
      <c r="A5327" s="1">
        <f ca="1">RAND()</f>
        <v>0.4118159283326277</v>
      </c>
      <c r="B5327" s="1"/>
      <c r="C5327">
        <v>6</v>
      </c>
      <c r="D5327" t="s">
        <v>9094</v>
      </c>
      <c r="E5327" t="s">
        <v>32309</v>
      </c>
      <c r="F5327">
        <v>4</v>
      </c>
      <c r="G5327" t="s">
        <v>0</v>
      </c>
      <c r="H5327" t="s">
        <v>9095</v>
      </c>
      <c r="I5327" t="s">
        <v>30540</v>
      </c>
    </row>
    <row r="5328" spans="1:9">
      <c r="A5328" s="1">
        <f ca="1">RAND()</f>
        <v>0.47806466010416926</v>
      </c>
      <c r="B5328" s="1"/>
      <c r="C5328">
        <v>15</v>
      </c>
      <c r="D5328" t="s">
        <v>9090</v>
      </c>
      <c r="E5328" t="s">
        <v>32310</v>
      </c>
      <c r="F5328">
        <v>4</v>
      </c>
      <c r="G5328" t="s">
        <v>0</v>
      </c>
      <c r="H5328" t="s">
        <v>9091</v>
      </c>
      <c r="I5328" t="s">
        <v>30540</v>
      </c>
    </row>
    <row r="5329" spans="1:9">
      <c r="A5329" s="1">
        <f ca="1">RAND()</f>
        <v>0.5552073033835524</v>
      </c>
      <c r="B5329" s="1"/>
      <c r="C5329">
        <v>1</v>
      </c>
      <c r="D5329" t="s">
        <v>9088</v>
      </c>
      <c r="E5329" t="s">
        <v>32310</v>
      </c>
      <c r="F5329">
        <v>4</v>
      </c>
      <c r="G5329" t="s">
        <v>1295</v>
      </c>
      <c r="H5329" t="s">
        <v>9089</v>
      </c>
      <c r="I5329" t="s">
        <v>30540</v>
      </c>
    </row>
    <row r="5330" spans="1:9">
      <c r="A5330" s="1">
        <f ca="1">RAND()</f>
        <v>6.4255442369209437E-2</v>
      </c>
      <c r="B5330" s="1"/>
      <c r="C5330">
        <v>18</v>
      </c>
      <c r="D5330" t="s">
        <v>9086</v>
      </c>
      <c r="E5330" t="s">
        <v>32311</v>
      </c>
      <c r="F5330">
        <v>5</v>
      </c>
      <c r="G5330" t="s">
        <v>1</v>
      </c>
      <c r="H5330" t="s">
        <v>9087</v>
      </c>
      <c r="I5330" t="s">
        <v>30540</v>
      </c>
    </row>
    <row r="5331" spans="1:9">
      <c r="A5331" s="1">
        <f ca="1">RAND()</f>
        <v>0.98835490377015145</v>
      </c>
      <c r="B5331" s="1"/>
      <c r="C5331">
        <v>7</v>
      </c>
      <c r="D5331" t="s">
        <v>9078</v>
      </c>
      <c r="E5331" t="s">
        <v>32312</v>
      </c>
      <c r="F5331">
        <v>5</v>
      </c>
      <c r="G5331" t="s">
        <v>762</v>
      </c>
      <c r="H5331" t="s">
        <v>9079</v>
      </c>
      <c r="I5331" t="s">
        <v>30540</v>
      </c>
    </row>
    <row r="5332" spans="1:9">
      <c r="A5332" s="1">
        <f ca="1">RAND()</f>
        <v>0.4604104749154696</v>
      </c>
      <c r="B5332" s="1"/>
      <c r="C5332">
        <v>6</v>
      </c>
      <c r="D5332" t="s">
        <v>9076</v>
      </c>
      <c r="E5332" t="s">
        <v>32312</v>
      </c>
      <c r="F5332">
        <v>5</v>
      </c>
      <c r="G5332" t="s">
        <v>1</v>
      </c>
      <c r="H5332" t="s">
        <v>9077</v>
      </c>
      <c r="I5332" t="s">
        <v>30540</v>
      </c>
    </row>
    <row r="5333" spans="1:9">
      <c r="A5333" s="1">
        <f ca="1">RAND()</f>
        <v>0.51559628874461305</v>
      </c>
      <c r="B5333" s="1"/>
      <c r="C5333">
        <v>9</v>
      </c>
      <c r="D5333" t="s">
        <v>9080</v>
      </c>
      <c r="E5333" t="s">
        <v>32312</v>
      </c>
      <c r="F5333">
        <v>4</v>
      </c>
      <c r="G5333" t="s">
        <v>9</v>
      </c>
      <c r="H5333" t="s">
        <v>9081</v>
      </c>
      <c r="I5333" t="s">
        <v>30540</v>
      </c>
    </row>
    <row r="5334" spans="1:9">
      <c r="A5334" s="1">
        <f ca="1">RAND()</f>
        <v>0.37286035739751144</v>
      </c>
      <c r="B5334" s="1"/>
      <c r="C5334">
        <v>15</v>
      </c>
      <c r="D5334" t="s">
        <v>9084</v>
      </c>
      <c r="E5334" t="s">
        <v>32312</v>
      </c>
      <c r="F5334">
        <v>4</v>
      </c>
      <c r="G5334" t="s">
        <v>0</v>
      </c>
      <c r="H5334" t="s">
        <v>9085</v>
      </c>
      <c r="I5334" t="s">
        <v>30540</v>
      </c>
    </row>
    <row r="5335" spans="1:9">
      <c r="A5335" s="1">
        <f ca="1">RAND()</f>
        <v>0.50403382396178364</v>
      </c>
      <c r="B5335" s="1"/>
      <c r="C5335">
        <v>14</v>
      </c>
      <c r="D5335" t="s">
        <v>9082</v>
      </c>
      <c r="E5335" t="s">
        <v>32312</v>
      </c>
      <c r="F5335">
        <v>4</v>
      </c>
      <c r="G5335" t="s">
        <v>2</v>
      </c>
      <c r="H5335" t="s">
        <v>9083</v>
      </c>
      <c r="I5335" t="s">
        <v>30540</v>
      </c>
    </row>
    <row r="5336" spans="1:9">
      <c r="A5336" s="1">
        <f ca="1">RAND()</f>
        <v>0.15540798253149124</v>
      </c>
      <c r="B5336" s="1"/>
      <c r="C5336">
        <v>1</v>
      </c>
      <c r="D5336" t="s">
        <v>9074</v>
      </c>
      <c r="E5336" t="s">
        <v>32312</v>
      </c>
      <c r="F5336">
        <v>2</v>
      </c>
      <c r="G5336" t="s">
        <v>769</v>
      </c>
      <c r="H5336" t="s">
        <v>9075</v>
      </c>
      <c r="I5336" t="s">
        <v>30540</v>
      </c>
    </row>
    <row r="5337" spans="1:9">
      <c r="A5337" s="1">
        <f ca="1">RAND()</f>
        <v>0.53955302161591823</v>
      </c>
      <c r="B5337" s="1"/>
      <c r="C5337">
        <v>4</v>
      </c>
      <c r="D5337" t="s">
        <v>9068</v>
      </c>
      <c r="E5337" t="s">
        <v>32313</v>
      </c>
      <c r="F5337">
        <v>5</v>
      </c>
      <c r="G5337" t="s">
        <v>2</v>
      </c>
      <c r="H5337" t="s">
        <v>9069</v>
      </c>
      <c r="I5337" t="s">
        <v>30540</v>
      </c>
    </row>
    <row r="5338" spans="1:9">
      <c r="A5338" s="1">
        <f ca="1">RAND()</f>
        <v>0.50708512642520809</v>
      </c>
      <c r="B5338" s="1"/>
      <c r="C5338">
        <v>6</v>
      </c>
      <c r="D5338" t="s">
        <v>9072</v>
      </c>
      <c r="E5338" t="s">
        <v>32313</v>
      </c>
      <c r="F5338">
        <v>5</v>
      </c>
      <c r="G5338" t="s">
        <v>0</v>
      </c>
      <c r="H5338" t="s">
        <v>9073</v>
      </c>
      <c r="I5338" t="s">
        <v>30540</v>
      </c>
    </row>
    <row r="5339" spans="1:9">
      <c r="A5339" s="1">
        <f ca="1">RAND()</f>
        <v>0.86882576727678762</v>
      </c>
      <c r="B5339" s="1"/>
      <c r="C5339">
        <v>2</v>
      </c>
      <c r="D5339" t="s">
        <v>9066</v>
      </c>
      <c r="E5339" t="s">
        <v>32313</v>
      </c>
      <c r="F5339">
        <v>4</v>
      </c>
      <c r="G5339" t="s">
        <v>15</v>
      </c>
      <c r="H5339" t="s">
        <v>9067</v>
      </c>
      <c r="I5339" t="s">
        <v>30540</v>
      </c>
    </row>
    <row r="5340" spans="1:9">
      <c r="A5340" s="1">
        <f ca="1">RAND()</f>
        <v>0.55640074900311864</v>
      </c>
      <c r="B5340" s="1"/>
      <c r="C5340">
        <v>5</v>
      </c>
      <c r="D5340" t="s">
        <v>9070</v>
      </c>
      <c r="E5340" t="s">
        <v>32313</v>
      </c>
      <c r="F5340">
        <v>3</v>
      </c>
      <c r="G5340" t="s">
        <v>0</v>
      </c>
      <c r="H5340" t="s">
        <v>9071</v>
      </c>
      <c r="I5340" t="s">
        <v>30540</v>
      </c>
    </row>
    <row r="5341" spans="1:9">
      <c r="A5341" s="1">
        <f ca="1">RAND()</f>
        <v>0.7437700225149666</v>
      </c>
      <c r="B5341" s="1"/>
      <c r="C5341">
        <v>7</v>
      </c>
      <c r="D5341" t="s">
        <v>9062</v>
      </c>
      <c r="E5341" t="s">
        <v>32314</v>
      </c>
      <c r="F5341">
        <v>5</v>
      </c>
      <c r="G5341" t="s">
        <v>769</v>
      </c>
      <c r="H5341" t="s">
        <v>9063</v>
      </c>
      <c r="I5341" t="s">
        <v>30540</v>
      </c>
    </row>
    <row r="5342" spans="1:9">
      <c r="A5342" s="1">
        <f ca="1">RAND()</f>
        <v>0.57844134794859947</v>
      </c>
      <c r="B5342" s="1"/>
      <c r="C5342">
        <v>8</v>
      </c>
      <c r="D5342" t="s">
        <v>9064</v>
      </c>
      <c r="E5342" t="s">
        <v>32314</v>
      </c>
      <c r="F5342">
        <v>4</v>
      </c>
      <c r="G5342" t="s">
        <v>1</v>
      </c>
      <c r="H5342" t="s">
        <v>9065</v>
      </c>
      <c r="I5342" t="s">
        <v>30540</v>
      </c>
    </row>
    <row r="5343" spans="1:9">
      <c r="A5343" s="1">
        <f ca="1">RAND()</f>
        <v>0.67755408930013461</v>
      </c>
      <c r="B5343" s="1"/>
      <c r="C5343">
        <v>16</v>
      </c>
      <c r="D5343" t="s">
        <v>9060</v>
      </c>
      <c r="E5343" t="s">
        <v>32315</v>
      </c>
      <c r="F5343">
        <v>4</v>
      </c>
      <c r="G5343" t="s">
        <v>762</v>
      </c>
      <c r="H5343" t="s">
        <v>9061</v>
      </c>
      <c r="I5343" t="s">
        <v>30540</v>
      </c>
    </row>
    <row r="5344" spans="1:9">
      <c r="A5344" s="1">
        <f ca="1">RAND()</f>
        <v>0.70291585224597108</v>
      </c>
      <c r="B5344" s="1"/>
      <c r="C5344">
        <v>7</v>
      </c>
      <c r="D5344" t="s">
        <v>9056</v>
      </c>
      <c r="E5344" t="s">
        <v>32315</v>
      </c>
      <c r="F5344">
        <v>4</v>
      </c>
      <c r="G5344" t="s">
        <v>15</v>
      </c>
      <c r="H5344" t="s">
        <v>9057</v>
      </c>
      <c r="I5344" t="s">
        <v>30540</v>
      </c>
    </row>
    <row r="5345" spans="1:9">
      <c r="A5345" s="1">
        <f ca="1">RAND()</f>
        <v>0.56290651185079521</v>
      </c>
      <c r="B5345" s="1"/>
      <c r="C5345">
        <v>15</v>
      </c>
      <c r="D5345" t="s">
        <v>9058</v>
      </c>
      <c r="E5345" t="s">
        <v>32315</v>
      </c>
      <c r="F5345">
        <v>3</v>
      </c>
      <c r="G5345" t="s">
        <v>0</v>
      </c>
      <c r="H5345" t="s">
        <v>9059</v>
      </c>
      <c r="I5345" t="s">
        <v>30540</v>
      </c>
    </row>
    <row r="5346" spans="1:9">
      <c r="A5346" s="1">
        <f ca="1">RAND()</f>
        <v>0.59596913743201363</v>
      </c>
      <c r="B5346" s="1"/>
      <c r="C5346">
        <v>6</v>
      </c>
      <c r="D5346" t="s">
        <v>9050</v>
      </c>
      <c r="E5346" t="s">
        <v>32316</v>
      </c>
      <c r="F5346">
        <v>5</v>
      </c>
      <c r="G5346" t="s">
        <v>2</v>
      </c>
      <c r="H5346" t="s">
        <v>9051</v>
      </c>
      <c r="I5346" t="s">
        <v>30540</v>
      </c>
    </row>
    <row r="5347" spans="1:9">
      <c r="A5347" s="1">
        <f ca="1">RAND()</f>
        <v>0.51308335079536438</v>
      </c>
      <c r="B5347" s="1"/>
      <c r="C5347">
        <v>10</v>
      </c>
      <c r="D5347" t="s">
        <v>9054</v>
      </c>
      <c r="E5347" t="s">
        <v>32316</v>
      </c>
      <c r="F5347">
        <v>4</v>
      </c>
      <c r="G5347" t="s">
        <v>0</v>
      </c>
      <c r="H5347" t="s">
        <v>9055</v>
      </c>
      <c r="I5347" t="s">
        <v>30540</v>
      </c>
    </row>
    <row r="5348" spans="1:9">
      <c r="A5348" s="1">
        <f ca="1">RAND()</f>
        <v>0.97645850746765084</v>
      </c>
      <c r="B5348" s="1"/>
      <c r="C5348">
        <v>9</v>
      </c>
      <c r="D5348" t="s">
        <v>9052</v>
      </c>
      <c r="E5348" t="s">
        <v>32316</v>
      </c>
      <c r="F5348">
        <v>3</v>
      </c>
      <c r="G5348" t="s">
        <v>0</v>
      </c>
      <c r="H5348" t="s">
        <v>9053</v>
      </c>
      <c r="I5348" t="s">
        <v>30540</v>
      </c>
    </row>
    <row r="5349" spans="1:9">
      <c r="A5349" s="1">
        <f ca="1">RAND()</f>
        <v>0.95598558452616356</v>
      </c>
      <c r="B5349" s="1"/>
      <c r="C5349">
        <v>16</v>
      </c>
      <c r="D5349" t="s">
        <v>9048</v>
      </c>
      <c r="E5349" t="s">
        <v>32317</v>
      </c>
      <c r="F5349">
        <v>5</v>
      </c>
      <c r="G5349" t="s">
        <v>0</v>
      </c>
      <c r="H5349" t="s">
        <v>9049</v>
      </c>
      <c r="I5349" t="s">
        <v>30540</v>
      </c>
    </row>
    <row r="5350" spans="1:9">
      <c r="A5350" s="1">
        <f ca="1">RAND()</f>
        <v>0.13740449350929806</v>
      </c>
      <c r="B5350" s="1"/>
      <c r="C5350">
        <v>13</v>
      </c>
      <c r="D5350" t="s">
        <v>9042</v>
      </c>
      <c r="E5350" t="s">
        <v>32317</v>
      </c>
      <c r="F5350">
        <v>5</v>
      </c>
      <c r="G5350" t="s">
        <v>2</v>
      </c>
      <c r="H5350" t="s">
        <v>9043</v>
      </c>
      <c r="I5350" t="s">
        <v>30540</v>
      </c>
    </row>
    <row r="5351" spans="1:9">
      <c r="A5351" s="1">
        <f ca="1">RAND()</f>
        <v>0.75559291105394422</v>
      </c>
      <c r="B5351" s="1"/>
      <c r="C5351">
        <v>14</v>
      </c>
      <c r="D5351" t="s">
        <v>9044</v>
      </c>
      <c r="E5351" t="s">
        <v>32317</v>
      </c>
      <c r="F5351">
        <v>4</v>
      </c>
      <c r="G5351" t="s">
        <v>15</v>
      </c>
      <c r="H5351" t="s">
        <v>9045</v>
      </c>
      <c r="I5351" t="s">
        <v>30540</v>
      </c>
    </row>
    <row r="5352" spans="1:9">
      <c r="A5352" s="1">
        <f ca="1">RAND()</f>
        <v>4.0410329277878798E-2</v>
      </c>
      <c r="B5352" s="1"/>
      <c r="C5352">
        <v>9</v>
      </c>
      <c r="D5352" t="s">
        <v>9038</v>
      </c>
      <c r="E5352" t="s">
        <v>32317</v>
      </c>
      <c r="F5352">
        <v>4</v>
      </c>
      <c r="G5352" t="s">
        <v>0</v>
      </c>
      <c r="H5352" t="s">
        <v>9039</v>
      </c>
      <c r="I5352" t="s">
        <v>30540</v>
      </c>
    </row>
    <row r="5353" spans="1:9">
      <c r="A5353" s="1">
        <f ca="1">RAND()</f>
        <v>0.74454878124939894</v>
      </c>
      <c r="B5353" s="1"/>
      <c r="C5353">
        <v>11</v>
      </c>
      <c r="D5353" t="s">
        <v>9040</v>
      </c>
      <c r="E5353" t="s">
        <v>32317</v>
      </c>
      <c r="F5353">
        <v>4</v>
      </c>
      <c r="G5353" t="s">
        <v>0</v>
      </c>
      <c r="H5353" t="s">
        <v>9041</v>
      </c>
      <c r="I5353" t="s">
        <v>30540</v>
      </c>
    </row>
    <row r="5354" spans="1:9">
      <c r="A5354" s="1">
        <f ca="1">RAND()</f>
        <v>0.6018501443387545</v>
      </c>
      <c r="B5354" s="1"/>
      <c r="C5354">
        <v>15</v>
      </c>
      <c r="D5354" t="s">
        <v>9046</v>
      </c>
      <c r="E5354" t="s">
        <v>32317</v>
      </c>
      <c r="F5354">
        <v>4</v>
      </c>
      <c r="G5354" t="s">
        <v>2</v>
      </c>
      <c r="H5354" t="s">
        <v>9047</v>
      </c>
      <c r="I5354" t="s">
        <v>30540</v>
      </c>
    </row>
    <row r="5355" spans="1:9">
      <c r="A5355" s="1">
        <f ca="1">RAND()</f>
        <v>0.20044917143947527</v>
      </c>
      <c r="B5355" s="1"/>
      <c r="C5355">
        <v>12</v>
      </c>
      <c r="D5355" t="s">
        <v>9036</v>
      </c>
      <c r="E5355" t="s">
        <v>32318</v>
      </c>
      <c r="F5355">
        <v>4</v>
      </c>
      <c r="G5355" t="s">
        <v>10</v>
      </c>
      <c r="H5355" t="s">
        <v>9037</v>
      </c>
      <c r="I5355" t="s">
        <v>30540</v>
      </c>
    </row>
    <row r="5356" spans="1:9">
      <c r="A5356" s="1">
        <f ca="1">RAND()</f>
        <v>4.3450710617787713E-2</v>
      </c>
      <c r="B5356" s="1"/>
      <c r="C5356">
        <v>1</v>
      </c>
      <c r="D5356" t="s">
        <v>9030</v>
      </c>
      <c r="E5356" t="s">
        <v>32318</v>
      </c>
      <c r="F5356">
        <v>3</v>
      </c>
      <c r="G5356" t="s">
        <v>1</v>
      </c>
      <c r="H5356" t="s">
        <v>9031</v>
      </c>
      <c r="I5356" t="s">
        <v>30540</v>
      </c>
    </row>
    <row r="5357" spans="1:9">
      <c r="A5357" s="1">
        <f ca="1">RAND()</f>
        <v>0.59830237521451723</v>
      </c>
      <c r="B5357" s="1"/>
      <c r="C5357">
        <v>10</v>
      </c>
      <c r="D5357" t="s">
        <v>9032</v>
      </c>
      <c r="E5357" t="s">
        <v>32318</v>
      </c>
      <c r="F5357">
        <v>3</v>
      </c>
      <c r="G5357" t="s">
        <v>0</v>
      </c>
      <c r="H5357" t="s">
        <v>9033</v>
      </c>
      <c r="I5357" t="s">
        <v>30540</v>
      </c>
    </row>
    <row r="5358" spans="1:9">
      <c r="A5358" s="1">
        <f ca="1">RAND()</f>
        <v>0.35611444551725513</v>
      </c>
      <c r="B5358" s="1"/>
      <c r="C5358">
        <v>11</v>
      </c>
      <c r="D5358" t="s">
        <v>9034</v>
      </c>
      <c r="E5358" t="s">
        <v>32318</v>
      </c>
      <c r="F5358">
        <v>3</v>
      </c>
      <c r="G5358" t="s">
        <v>9</v>
      </c>
      <c r="H5358" t="s">
        <v>9035</v>
      </c>
      <c r="I5358" t="s">
        <v>30540</v>
      </c>
    </row>
    <row r="5359" spans="1:9">
      <c r="A5359" s="1">
        <f ca="1">RAND()</f>
        <v>0.79261124383842674</v>
      </c>
      <c r="B5359" s="1"/>
      <c r="C5359">
        <v>4</v>
      </c>
      <c r="D5359" t="s">
        <v>9026</v>
      </c>
      <c r="E5359" t="s">
        <v>32319</v>
      </c>
      <c r="F5359">
        <v>5</v>
      </c>
      <c r="G5359" t="s">
        <v>766</v>
      </c>
      <c r="H5359" t="s">
        <v>9027</v>
      </c>
      <c r="I5359" t="s">
        <v>30540</v>
      </c>
    </row>
    <row r="5360" spans="1:9">
      <c r="A5360" s="1">
        <f ca="1">RAND()</f>
        <v>0.52309632532163552</v>
      </c>
      <c r="B5360" s="1"/>
      <c r="C5360">
        <v>1</v>
      </c>
      <c r="D5360" t="s">
        <v>9024</v>
      </c>
      <c r="E5360" t="s">
        <v>32319</v>
      </c>
      <c r="F5360">
        <v>4</v>
      </c>
      <c r="G5360" t="s">
        <v>762</v>
      </c>
      <c r="H5360" t="s">
        <v>9025</v>
      </c>
      <c r="I5360" t="s">
        <v>30540</v>
      </c>
    </row>
    <row r="5361" spans="1:9">
      <c r="A5361" s="1">
        <f ca="1">RAND()</f>
        <v>0.54405582071186909</v>
      </c>
      <c r="B5361" s="1"/>
      <c r="C5361">
        <v>9</v>
      </c>
      <c r="D5361" t="s">
        <v>9028</v>
      </c>
      <c r="E5361" t="s">
        <v>32319</v>
      </c>
      <c r="F5361">
        <v>2</v>
      </c>
      <c r="G5361" t="s">
        <v>762</v>
      </c>
      <c r="H5361" t="s">
        <v>9029</v>
      </c>
      <c r="I5361" t="s">
        <v>30540</v>
      </c>
    </row>
    <row r="5362" spans="1:9">
      <c r="A5362" s="1">
        <f ca="1">RAND()</f>
        <v>0.3127557705094417</v>
      </c>
      <c r="B5362" s="1"/>
      <c r="C5362">
        <v>12</v>
      </c>
      <c r="D5362" t="s">
        <v>9022</v>
      </c>
      <c r="E5362" t="s">
        <v>32320</v>
      </c>
      <c r="F5362">
        <v>4</v>
      </c>
      <c r="G5362" t="s">
        <v>0</v>
      </c>
      <c r="H5362" t="s">
        <v>9023</v>
      </c>
      <c r="I5362" t="s">
        <v>30540</v>
      </c>
    </row>
    <row r="5363" spans="1:9">
      <c r="A5363" s="1">
        <f ca="1">RAND()</f>
        <v>0.94580441323219566</v>
      </c>
      <c r="B5363" s="1"/>
      <c r="C5363">
        <v>8</v>
      </c>
      <c r="D5363" t="s">
        <v>9018</v>
      </c>
      <c r="E5363" t="s">
        <v>32321</v>
      </c>
      <c r="F5363">
        <v>5</v>
      </c>
      <c r="G5363" t="s">
        <v>0</v>
      </c>
      <c r="H5363" t="s">
        <v>9019</v>
      </c>
      <c r="I5363" t="s">
        <v>30540</v>
      </c>
    </row>
    <row r="5364" spans="1:9">
      <c r="A5364" s="1">
        <f ca="1">RAND()</f>
        <v>0.64716020924551798</v>
      </c>
      <c r="B5364" s="1"/>
      <c r="C5364">
        <v>9</v>
      </c>
      <c r="D5364" t="s">
        <v>9020</v>
      </c>
      <c r="E5364" t="s">
        <v>32321</v>
      </c>
      <c r="F5364">
        <v>4</v>
      </c>
      <c r="G5364" t="s">
        <v>15</v>
      </c>
      <c r="H5364" t="s">
        <v>9021</v>
      </c>
      <c r="I5364" t="s">
        <v>30540</v>
      </c>
    </row>
    <row r="5365" spans="1:9">
      <c r="A5365" s="1">
        <f ca="1">RAND()</f>
        <v>0.57334241334307945</v>
      </c>
      <c r="B5365" s="1"/>
      <c r="C5365">
        <v>4</v>
      </c>
      <c r="D5365" t="s">
        <v>9016</v>
      </c>
      <c r="E5365" t="s">
        <v>32321</v>
      </c>
      <c r="F5365">
        <v>4</v>
      </c>
      <c r="G5365" t="s">
        <v>9</v>
      </c>
      <c r="H5365" t="s">
        <v>9017</v>
      </c>
      <c r="I5365" t="s">
        <v>30540</v>
      </c>
    </row>
    <row r="5366" spans="1:9">
      <c r="A5366" s="1">
        <f ca="1">RAND()</f>
        <v>0.62976530942258424</v>
      </c>
      <c r="B5366" s="1"/>
      <c r="C5366">
        <v>3</v>
      </c>
      <c r="D5366" t="s">
        <v>9014</v>
      </c>
      <c r="E5366" t="s">
        <v>32321</v>
      </c>
      <c r="F5366">
        <v>4</v>
      </c>
      <c r="G5366" t="s">
        <v>10</v>
      </c>
      <c r="H5366" t="s">
        <v>9015</v>
      </c>
      <c r="I5366" t="s">
        <v>30540</v>
      </c>
    </row>
    <row r="5367" spans="1:9">
      <c r="A5367" s="1">
        <f ca="1">RAND()</f>
        <v>0.5376158986800188</v>
      </c>
      <c r="B5367" s="1"/>
      <c r="C5367">
        <v>17</v>
      </c>
      <c r="D5367" t="s">
        <v>9012</v>
      </c>
      <c r="E5367" t="s">
        <v>32322</v>
      </c>
      <c r="F5367">
        <v>4</v>
      </c>
      <c r="G5367" t="s">
        <v>1295</v>
      </c>
      <c r="H5367" t="s">
        <v>9013</v>
      </c>
      <c r="I5367" t="s">
        <v>30540</v>
      </c>
    </row>
    <row r="5368" spans="1:9">
      <c r="A5368" s="1">
        <f ca="1">RAND()</f>
        <v>0.52166006818212241</v>
      </c>
      <c r="B5368" s="1"/>
      <c r="C5368">
        <v>13</v>
      </c>
      <c r="D5368" t="s">
        <v>9008</v>
      </c>
      <c r="E5368" t="s">
        <v>32322</v>
      </c>
      <c r="F5368">
        <v>4</v>
      </c>
      <c r="G5368" t="s">
        <v>0</v>
      </c>
      <c r="H5368" t="s">
        <v>9009</v>
      </c>
      <c r="I5368" t="s">
        <v>30540</v>
      </c>
    </row>
    <row r="5369" spans="1:9">
      <c r="A5369" s="1">
        <f ca="1">RAND()</f>
        <v>0.46609927971821707</v>
      </c>
      <c r="B5369" s="1"/>
      <c r="C5369">
        <v>14</v>
      </c>
      <c r="D5369" t="s">
        <v>9010</v>
      </c>
      <c r="E5369" t="s">
        <v>32322</v>
      </c>
      <c r="F5369">
        <v>4</v>
      </c>
      <c r="G5369" t="s">
        <v>770</v>
      </c>
      <c r="H5369" t="s">
        <v>9011</v>
      </c>
      <c r="I5369" t="s">
        <v>30540</v>
      </c>
    </row>
    <row r="5370" spans="1:9">
      <c r="A5370" s="1">
        <f ca="1">RAND()</f>
        <v>0.72449680845592646</v>
      </c>
      <c r="B5370" s="1"/>
      <c r="C5370">
        <v>14</v>
      </c>
      <c r="D5370" t="s">
        <v>9006</v>
      </c>
      <c r="E5370" t="s">
        <v>32323</v>
      </c>
      <c r="F5370">
        <v>5</v>
      </c>
      <c r="G5370" t="s">
        <v>15</v>
      </c>
      <c r="H5370" t="s">
        <v>9007</v>
      </c>
      <c r="I5370" t="s">
        <v>30540</v>
      </c>
    </row>
    <row r="5371" spans="1:9">
      <c r="A5371" s="1">
        <f ca="1">RAND()</f>
        <v>8.5324993737925015E-2</v>
      </c>
      <c r="B5371" s="1"/>
      <c r="C5371">
        <v>10</v>
      </c>
      <c r="D5371" t="s">
        <v>9002</v>
      </c>
      <c r="E5371" t="s">
        <v>32323</v>
      </c>
      <c r="F5371">
        <v>4</v>
      </c>
      <c r="G5371" t="s">
        <v>0</v>
      </c>
      <c r="H5371" t="s">
        <v>9003</v>
      </c>
      <c r="I5371" t="s">
        <v>30540</v>
      </c>
    </row>
    <row r="5372" spans="1:9">
      <c r="A5372" s="1">
        <f ca="1">RAND()</f>
        <v>0.47261724312027042</v>
      </c>
      <c r="B5372" s="1"/>
      <c r="C5372">
        <v>6</v>
      </c>
      <c r="D5372" t="s">
        <v>9000</v>
      </c>
      <c r="E5372" t="s">
        <v>32323</v>
      </c>
      <c r="F5372">
        <v>4</v>
      </c>
      <c r="G5372" t="s">
        <v>0</v>
      </c>
      <c r="H5372" t="s">
        <v>9001</v>
      </c>
      <c r="I5372" t="s">
        <v>30540</v>
      </c>
    </row>
    <row r="5373" spans="1:9">
      <c r="A5373" s="1">
        <f ca="1">RAND()</f>
        <v>0.74513757495161981</v>
      </c>
      <c r="B5373" s="1"/>
      <c r="C5373">
        <v>11</v>
      </c>
      <c r="D5373" t="s">
        <v>9004</v>
      </c>
      <c r="E5373" t="s">
        <v>32323</v>
      </c>
      <c r="F5373">
        <v>4</v>
      </c>
      <c r="G5373" t="s">
        <v>0</v>
      </c>
      <c r="H5373" t="s">
        <v>9005</v>
      </c>
      <c r="I5373" t="s">
        <v>30540</v>
      </c>
    </row>
    <row r="5374" spans="1:9">
      <c r="A5374" s="1">
        <f ca="1">RAND()</f>
        <v>0.87124209038831402</v>
      </c>
      <c r="B5374" s="1"/>
      <c r="C5374">
        <v>1</v>
      </c>
      <c r="D5374" t="s">
        <v>8998</v>
      </c>
      <c r="E5374" t="s">
        <v>32323</v>
      </c>
      <c r="F5374">
        <v>2</v>
      </c>
      <c r="G5374" t="s">
        <v>14</v>
      </c>
      <c r="H5374" t="s">
        <v>8999</v>
      </c>
      <c r="I5374" t="s">
        <v>30540</v>
      </c>
    </row>
    <row r="5375" spans="1:9">
      <c r="A5375" s="1">
        <f ca="1">RAND()</f>
        <v>0.30797542608406314</v>
      </c>
      <c r="B5375" s="1"/>
      <c r="C5375">
        <v>1</v>
      </c>
      <c r="D5375" t="s">
        <v>8986</v>
      </c>
      <c r="E5375" t="s">
        <v>32324</v>
      </c>
      <c r="F5375">
        <v>5</v>
      </c>
      <c r="G5375" t="s">
        <v>762</v>
      </c>
      <c r="H5375" t="s">
        <v>8987</v>
      </c>
      <c r="I5375" t="s">
        <v>30540</v>
      </c>
    </row>
    <row r="5376" spans="1:9">
      <c r="A5376" s="1">
        <f ca="1">RAND()</f>
        <v>0.72151462072447148</v>
      </c>
      <c r="B5376" s="1"/>
      <c r="C5376">
        <v>17</v>
      </c>
      <c r="D5376" t="s">
        <v>8994</v>
      </c>
      <c r="E5376" t="s">
        <v>32324</v>
      </c>
      <c r="F5376">
        <v>4</v>
      </c>
      <c r="G5376" t="s">
        <v>9</v>
      </c>
      <c r="H5376" t="s">
        <v>8995</v>
      </c>
      <c r="I5376" t="s">
        <v>30540</v>
      </c>
    </row>
    <row r="5377" spans="1:9">
      <c r="A5377" s="1">
        <f ca="1">RAND()</f>
        <v>0.19620564416137909</v>
      </c>
      <c r="B5377" s="1"/>
      <c r="C5377">
        <v>15</v>
      </c>
      <c r="D5377" t="s">
        <v>8990</v>
      </c>
      <c r="E5377" t="s">
        <v>32324</v>
      </c>
      <c r="F5377">
        <v>4</v>
      </c>
      <c r="G5377" t="s">
        <v>0</v>
      </c>
      <c r="H5377" t="s">
        <v>8991</v>
      </c>
      <c r="I5377" t="s">
        <v>30540</v>
      </c>
    </row>
    <row r="5378" spans="1:9">
      <c r="A5378" s="1">
        <f ca="1">RAND()</f>
        <v>0.19098079480437635</v>
      </c>
      <c r="B5378" s="1"/>
      <c r="C5378">
        <v>18</v>
      </c>
      <c r="D5378" t="s">
        <v>8996</v>
      </c>
      <c r="E5378" t="s">
        <v>32324</v>
      </c>
      <c r="F5378">
        <v>3</v>
      </c>
      <c r="G5378" t="s">
        <v>771</v>
      </c>
      <c r="H5378" t="s">
        <v>8997</v>
      </c>
      <c r="I5378" t="s">
        <v>30540</v>
      </c>
    </row>
    <row r="5379" spans="1:9">
      <c r="A5379" s="1">
        <f ca="1">RAND()</f>
        <v>0.80992962377681155</v>
      </c>
      <c r="B5379" s="1"/>
      <c r="C5379">
        <v>10</v>
      </c>
      <c r="D5379" t="s">
        <v>8988</v>
      </c>
      <c r="E5379" t="s">
        <v>32324</v>
      </c>
      <c r="F5379">
        <v>3</v>
      </c>
      <c r="G5379" t="s">
        <v>762</v>
      </c>
      <c r="H5379" t="s">
        <v>8989</v>
      </c>
      <c r="I5379" t="s">
        <v>30540</v>
      </c>
    </row>
    <row r="5380" spans="1:9">
      <c r="A5380" s="1">
        <f ca="1">RAND()</f>
        <v>0.661205848190491</v>
      </c>
      <c r="B5380" s="1"/>
      <c r="C5380">
        <v>16</v>
      </c>
      <c r="D5380" t="s">
        <v>8992</v>
      </c>
      <c r="E5380" t="s">
        <v>32324</v>
      </c>
      <c r="F5380">
        <v>3</v>
      </c>
      <c r="G5380" t="s">
        <v>0</v>
      </c>
      <c r="H5380" t="s">
        <v>8993</v>
      </c>
      <c r="I5380" t="s">
        <v>30540</v>
      </c>
    </row>
    <row r="5381" spans="1:9">
      <c r="A5381" s="1">
        <f ca="1">RAND()</f>
        <v>0.56702831019582978</v>
      </c>
      <c r="B5381" s="1"/>
      <c r="C5381">
        <v>4</v>
      </c>
      <c r="D5381" t="s">
        <v>8978</v>
      </c>
      <c r="E5381" t="s">
        <v>32325</v>
      </c>
      <c r="F5381">
        <v>4</v>
      </c>
      <c r="G5381" t="s">
        <v>765</v>
      </c>
      <c r="H5381" t="s">
        <v>8979</v>
      </c>
      <c r="I5381" t="s">
        <v>30540</v>
      </c>
    </row>
    <row r="5382" spans="1:9">
      <c r="A5382" s="1">
        <f ca="1">RAND()</f>
        <v>0.51928852330332653</v>
      </c>
      <c r="B5382" s="1"/>
      <c r="C5382">
        <v>17</v>
      </c>
      <c r="D5382" t="s">
        <v>8980</v>
      </c>
      <c r="E5382" t="s">
        <v>32325</v>
      </c>
      <c r="F5382">
        <v>4</v>
      </c>
      <c r="G5382" t="s">
        <v>774</v>
      </c>
      <c r="H5382" t="s">
        <v>8981</v>
      </c>
      <c r="I5382" t="s">
        <v>30540</v>
      </c>
    </row>
    <row r="5383" spans="1:9">
      <c r="A5383" s="1">
        <f ca="1">RAND()</f>
        <v>5.5726998401296468E-3</v>
      </c>
      <c r="B5383" s="1"/>
      <c r="C5383">
        <v>19</v>
      </c>
      <c r="D5383" t="s">
        <v>8982</v>
      </c>
      <c r="E5383" t="s">
        <v>32325</v>
      </c>
      <c r="F5383">
        <v>3</v>
      </c>
      <c r="G5383" t="s">
        <v>0</v>
      </c>
      <c r="H5383" t="s">
        <v>8983</v>
      </c>
      <c r="I5383" t="s">
        <v>30540</v>
      </c>
    </row>
    <row r="5384" spans="1:9">
      <c r="A5384" s="1">
        <f ca="1">RAND()</f>
        <v>0.2767697011453959</v>
      </c>
      <c r="B5384" s="1"/>
      <c r="C5384">
        <v>20</v>
      </c>
      <c r="D5384" t="s">
        <v>8984</v>
      </c>
      <c r="E5384" t="s">
        <v>32325</v>
      </c>
      <c r="F5384">
        <v>2</v>
      </c>
      <c r="G5384" t="s">
        <v>774</v>
      </c>
      <c r="H5384" t="s">
        <v>8985</v>
      </c>
      <c r="I5384" t="s">
        <v>30540</v>
      </c>
    </row>
    <row r="5385" spans="1:9">
      <c r="A5385" s="1">
        <f ca="1">RAND()</f>
        <v>0.22242613999386529</v>
      </c>
      <c r="B5385" s="1"/>
      <c r="C5385">
        <v>4</v>
      </c>
      <c r="D5385" t="s">
        <v>8970</v>
      </c>
      <c r="E5385" t="s">
        <v>32326</v>
      </c>
      <c r="F5385">
        <v>5</v>
      </c>
      <c r="G5385" t="s">
        <v>14</v>
      </c>
      <c r="H5385" t="s">
        <v>8971</v>
      </c>
      <c r="I5385" t="s">
        <v>30540</v>
      </c>
    </row>
    <row r="5386" spans="1:9">
      <c r="A5386" s="1">
        <f ca="1">RAND()</f>
        <v>0.55037158213891191</v>
      </c>
      <c r="B5386" s="1"/>
      <c r="C5386">
        <v>9</v>
      </c>
      <c r="D5386" t="s">
        <v>8976</v>
      </c>
      <c r="E5386" t="s">
        <v>32326</v>
      </c>
      <c r="F5386">
        <v>5</v>
      </c>
      <c r="G5386" t="s">
        <v>0</v>
      </c>
      <c r="H5386" t="s">
        <v>8977</v>
      </c>
      <c r="I5386" t="s">
        <v>30540</v>
      </c>
    </row>
    <row r="5387" spans="1:9">
      <c r="A5387" s="1">
        <f ca="1">RAND()</f>
        <v>0.39215498646818836</v>
      </c>
      <c r="B5387" s="1"/>
      <c r="C5387">
        <v>8</v>
      </c>
      <c r="D5387" t="s">
        <v>8974</v>
      </c>
      <c r="E5387" t="s">
        <v>32326</v>
      </c>
      <c r="F5387">
        <v>4</v>
      </c>
      <c r="G5387" t="s">
        <v>0</v>
      </c>
      <c r="H5387" t="s">
        <v>8975</v>
      </c>
      <c r="I5387" t="s">
        <v>30540</v>
      </c>
    </row>
    <row r="5388" spans="1:9">
      <c r="A5388" s="1">
        <f ca="1">RAND()</f>
        <v>9.6648721714319263E-2</v>
      </c>
      <c r="B5388" s="1"/>
      <c r="C5388">
        <v>7</v>
      </c>
      <c r="D5388" t="s">
        <v>8972</v>
      </c>
      <c r="E5388" t="s">
        <v>32326</v>
      </c>
      <c r="F5388">
        <v>4</v>
      </c>
      <c r="G5388" t="s">
        <v>0</v>
      </c>
      <c r="H5388" t="s">
        <v>8973</v>
      </c>
      <c r="I5388" t="s">
        <v>30540</v>
      </c>
    </row>
    <row r="5389" spans="1:9">
      <c r="A5389" s="1">
        <f ca="1">RAND()</f>
        <v>0.14020920740725429</v>
      </c>
      <c r="B5389" s="1"/>
      <c r="C5389">
        <v>5</v>
      </c>
      <c r="D5389" t="s">
        <v>8968</v>
      </c>
      <c r="E5389" t="s">
        <v>32327</v>
      </c>
      <c r="F5389">
        <v>5</v>
      </c>
      <c r="G5389" t="s">
        <v>15</v>
      </c>
      <c r="H5389" t="s">
        <v>8969</v>
      </c>
      <c r="I5389" t="s">
        <v>30540</v>
      </c>
    </row>
    <row r="5390" spans="1:9">
      <c r="A5390" s="1">
        <f ca="1">RAND()</f>
        <v>0.57890461570784524</v>
      </c>
      <c r="B5390" s="1"/>
      <c r="C5390">
        <v>1</v>
      </c>
      <c r="D5390" t="s">
        <v>8964</v>
      </c>
      <c r="E5390" t="s">
        <v>32327</v>
      </c>
      <c r="F5390">
        <v>4</v>
      </c>
      <c r="G5390" t="s">
        <v>2</v>
      </c>
      <c r="H5390" t="s">
        <v>8965</v>
      </c>
      <c r="I5390" t="s">
        <v>30540</v>
      </c>
    </row>
    <row r="5391" spans="1:9">
      <c r="A5391" s="1">
        <f ca="1">RAND()</f>
        <v>0.69752822875961051</v>
      </c>
      <c r="B5391" s="1"/>
      <c r="C5391">
        <v>3</v>
      </c>
      <c r="D5391" t="s">
        <v>8966</v>
      </c>
      <c r="E5391" t="s">
        <v>32327</v>
      </c>
      <c r="F5391">
        <v>4</v>
      </c>
      <c r="G5391" t="s">
        <v>1295</v>
      </c>
      <c r="H5391" t="s">
        <v>8967</v>
      </c>
      <c r="I5391" t="s">
        <v>30540</v>
      </c>
    </row>
    <row r="5392" spans="1:9">
      <c r="A5392" s="1">
        <f ca="1">RAND()</f>
        <v>0.85877606775860005</v>
      </c>
      <c r="B5392" s="1"/>
      <c r="C5392">
        <v>4</v>
      </c>
      <c r="D5392" t="s">
        <v>8958</v>
      </c>
      <c r="E5392" t="s">
        <v>32328</v>
      </c>
      <c r="F5392">
        <v>4</v>
      </c>
      <c r="G5392" t="s">
        <v>0</v>
      </c>
      <c r="H5392" t="s">
        <v>8959</v>
      </c>
      <c r="I5392" t="s">
        <v>30540</v>
      </c>
    </row>
    <row r="5393" spans="1:9">
      <c r="A5393" s="1">
        <f ca="1">RAND()</f>
        <v>0.19295708169232917</v>
      </c>
      <c r="B5393" s="1"/>
      <c r="C5393">
        <v>9</v>
      </c>
      <c r="D5393" t="s">
        <v>8962</v>
      </c>
      <c r="E5393" t="s">
        <v>32328</v>
      </c>
      <c r="F5393">
        <v>4</v>
      </c>
      <c r="G5393" t="s">
        <v>0</v>
      </c>
      <c r="H5393" t="s">
        <v>8963</v>
      </c>
      <c r="I5393" t="s">
        <v>30540</v>
      </c>
    </row>
    <row r="5394" spans="1:9">
      <c r="A5394" s="1">
        <f ca="1">RAND()</f>
        <v>0.23102270162900562</v>
      </c>
      <c r="B5394" s="1"/>
      <c r="C5394">
        <v>5</v>
      </c>
      <c r="D5394" t="s">
        <v>8960</v>
      </c>
      <c r="E5394" t="s">
        <v>32328</v>
      </c>
      <c r="F5394">
        <v>2</v>
      </c>
      <c r="G5394" t="s">
        <v>0</v>
      </c>
      <c r="H5394" t="s">
        <v>8961</v>
      </c>
      <c r="I5394" t="s">
        <v>30540</v>
      </c>
    </row>
    <row r="5395" spans="1:9">
      <c r="A5395" s="1">
        <f ca="1">RAND()</f>
        <v>0.61514929716407496</v>
      </c>
      <c r="B5395" s="1"/>
      <c r="C5395">
        <v>1</v>
      </c>
      <c r="D5395" t="s">
        <v>8953</v>
      </c>
      <c r="E5395" t="s">
        <v>32329</v>
      </c>
      <c r="F5395">
        <v>4</v>
      </c>
      <c r="G5395" t="s">
        <v>762</v>
      </c>
      <c r="H5395" t="s">
        <v>8954</v>
      </c>
      <c r="I5395" t="s">
        <v>30540</v>
      </c>
    </row>
    <row r="5396" spans="1:9">
      <c r="A5396" s="1">
        <f ca="1">RAND()</f>
        <v>0.60427827837796733</v>
      </c>
      <c r="B5396" s="1"/>
      <c r="C5396">
        <v>4</v>
      </c>
      <c r="D5396" t="s">
        <v>3404</v>
      </c>
      <c r="E5396" t="s">
        <v>32329</v>
      </c>
      <c r="F5396">
        <v>4</v>
      </c>
      <c r="G5396" t="s">
        <v>769</v>
      </c>
      <c r="H5396" t="s">
        <v>8955</v>
      </c>
      <c r="I5396" t="s">
        <v>30540</v>
      </c>
    </row>
    <row r="5397" spans="1:9">
      <c r="A5397" s="1">
        <f ca="1">RAND()</f>
        <v>0.14121591556035007</v>
      </c>
      <c r="B5397" s="1"/>
      <c r="C5397">
        <v>6</v>
      </c>
      <c r="D5397" t="s">
        <v>8956</v>
      </c>
      <c r="E5397" t="s">
        <v>32329</v>
      </c>
      <c r="F5397">
        <v>2</v>
      </c>
      <c r="G5397" t="s">
        <v>9</v>
      </c>
      <c r="H5397" t="s">
        <v>8957</v>
      </c>
      <c r="I5397" t="s">
        <v>30540</v>
      </c>
    </row>
    <row r="5398" spans="1:9">
      <c r="A5398" s="1">
        <f ca="1">RAND()</f>
        <v>0.82926378089915298</v>
      </c>
      <c r="B5398" s="1"/>
      <c r="C5398">
        <v>20</v>
      </c>
      <c r="D5398" t="s">
        <v>8951</v>
      </c>
      <c r="E5398" t="s">
        <v>32330</v>
      </c>
      <c r="F5398">
        <v>5</v>
      </c>
      <c r="G5398" t="s">
        <v>9</v>
      </c>
      <c r="H5398" t="s">
        <v>8952</v>
      </c>
      <c r="I5398" t="s">
        <v>30540</v>
      </c>
    </row>
    <row r="5399" spans="1:9">
      <c r="A5399" s="1">
        <f ca="1">RAND()</f>
        <v>0.50379448511455793</v>
      </c>
      <c r="B5399" s="1"/>
      <c r="C5399">
        <v>16</v>
      </c>
      <c r="D5399" t="s">
        <v>8947</v>
      </c>
      <c r="E5399" t="s">
        <v>32330</v>
      </c>
      <c r="F5399">
        <v>4</v>
      </c>
      <c r="G5399" t="s">
        <v>0</v>
      </c>
      <c r="H5399" t="s">
        <v>8948</v>
      </c>
      <c r="I5399" t="s">
        <v>30540</v>
      </c>
    </row>
    <row r="5400" spans="1:9">
      <c r="A5400" s="1">
        <f ca="1">RAND()</f>
        <v>0.25226977375154014</v>
      </c>
      <c r="B5400" s="1"/>
      <c r="C5400">
        <v>7</v>
      </c>
      <c r="D5400" t="s">
        <v>8943</v>
      </c>
      <c r="E5400" t="s">
        <v>32330</v>
      </c>
      <c r="F5400">
        <v>4</v>
      </c>
      <c r="G5400" t="s">
        <v>771</v>
      </c>
      <c r="H5400" t="s">
        <v>8944</v>
      </c>
      <c r="I5400" t="s">
        <v>30540</v>
      </c>
    </row>
    <row r="5401" spans="1:9">
      <c r="A5401" s="1">
        <f ca="1">RAND()</f>
        <v>0.89537956871575231</v>
      </c>
      <c r="B5401" s="1"/>
      <c r="C5401">
        <v>8</v>
      </c>
      <c r="D5401" t="s">
        <v>8945</v>
      </c>
      <c r="E5401" t="s">
        <v>32330</v>
      </c>
      <c r="F5401">
        <v>4</v>
      </c>
      <c r="G5401" t="s">
        <v>770</v>
      </c>
      <c r="H5401" t="s">
        <v>8946</v>
      </c>
      <c r="I5401" t="s">
        <v>30540</v>
      </c>
    </row>
    <row r="5402" spans="1:9">
      <c r="A5402" s="1">
        <f ca="1">RAND()</f>
        <v>0.46879663311588193</v>
      </c>
      <c r="B5402" s="1"/>
      <c r="C5402">
        <v>19</v>
      </c>
      <c r="D5402" t="s">
        <v>8949</v>
      </c>
      <c r="E5402" t="s">
        <v>32330</v>
      </c>
      <c r="F5402">
        <v>3</v>
      </c>
      <c r="G5402" t="s">
        <v>0</v>
      </c>
      <c r="H5402" t="s">
        <v>8950</v>
      </c>
      <c r="I5402" t="s">
        <v>30540</v>
      </c>
    </row>
    <row r="5403" spans="1:9">
      <c r="A5403" s="1">
        <f ca="1">RAND()</f>
        <v>8.4951449136584367E-3</v>
      </c>
      <c r="B5403" s="1"/>
      <c r="C5403">
        <v>2</v>
      </c>
      <c r="D5403" t="s">
        <v>8941</v>
      </c>
      <c r="E5403" t="s">
        <v>32331</v>
      </c>
      <c r="F5403">
        <v>4</v>
      </c>
      <c r="G5403" t="s">
        <v>2</v>
      </c>
      <c r="H5403" t="s">
        <v>8942</v>
      </c>
      <c r="I5403" t="s">
        <v>30540</v>
      </c>
    </row>
    <row r="5404" spans="1:9">
      <c r="A5404" s="1">
        <f ca="1">RAND()</f>
        <v>0.55648618424834717</v>
      </c>
      <c r="B5404" s="1"/>
      <c r="C5404">
        <v>9</v>
      </c>
      <c r="D5404" t="s">
        <v>8937</v>
      </c>
      <c r="E5404" t="s">
        <v>32332</v>
      </c>
      <c r="F5404">
        <v>5</v>
      </c>
      <c r="G5404" t="s">
        <v>1</v>
      </c>
      <c r="H5404" t="s">
        <v>8938</v>
      </c>
      <c r="I5404" t="s">
        <v>30540</v>
      </c>
    </row>
    <row r="5405" spans="1:9">
      <c r="A5405" s="1">
        <f ca="1">RAND()</f>
        <v>0.62228239207769109</v>
      </c>
      <c r="B5405" s="1"/>
      <c r="C5405">
        <v>5</v>
      </c>
      <c r="D5405" t="s">
        <v>8935</v>
      </c>
      <c r="E5405" t="s">
        <v>32332</v>
      </c>
      <c r="F5405">
        <v>4</v>
      </c>
      <c r="G5405" t="s">
        <v>2</v>
      </c>
      <c r="H5405" t="s">
        <v>8936</v>
      </c>
      <c r="I5405" t="s">
        <v>30540</v>
      </c>
    </row>
    <row r="5406" spans="1:9">
      <c r="A5406" s="1">
        <f ca="1">RAND()</f>
        <v>5.0654988775900356E-2</v>
      </c>
      <c r="B5406" s="1"/>
      <c r="C5406">
        <v>13</v>
      </c>
      <c r="D5406" t="s">
        <v>8939</v>
      </c>
      <c r="E5406" t="s">
        <v>32332</v>
      </c>
      <c r="F5406">
        <v>4</v>
      </c>
      <c r="G5406" t="s">
        <v>0</v>
      </c>
      <c r="H5406" t="s">
        <v>8940</v>
      </c>
      <c r="I5406" t="s">
        <v>30540</v>
      </c>
    </row>
    <row r="5407" spans="1:9">
      <c r="A5407" s="1">
        <f ca="1">RAND()</f>
        <v>0.28442244628954183</v>
      </c>
      <c r="B5407" s="1"/>
      <c r="C5407">
        <v>10</v>
      </c>
      <c r="D5407" t="s">
        <v>8931</v>
      </c>
      <c r="E5407" t="s">
        <v>32333</v>
      </c>
      <c r="F5407">
        <v>4</v>
      </c>
      <c r="G5407" t="s">
        <v>0</v>
      </c>
      <c r="H5407" t="s">
        <v>8932</v>
      </c>
      <c r="I5407" t="s">
        <v>30540</v>
      </c>
    </row>
    <row r="5408" spans="1:9">
      <c r="A5408" s="1">
        <f ca="1">RAND()</f>
        <v>0.63431525457102977</v>
      </c>
      <c r="B5408" s="1"/>
      <c r="C5408">
        <v>11</v>
      </c>
      <c r="D5408" t="s">
        <v>8933</v>
      </c>
      <c r="E5408" t="s">
        <v>32333</v>
      </c>
      <c r="F5408">
        <v>4</v>
      </c>
      <c r="G5408" t="s">
        <v>0</v>
      </c>
      <c r="H5408" t="s">
        <v>8934</v>
      </c>
      <c r="I5408" t="s">
        <v>30540</v>
      </c>
    </row>
    <row r="5409" spans="1:9">
      <c r="A5409" s="1">
        <f ca="1">RAND()</f>
        <v>0.97109838990967445</v>
      </c>
      <c r="B5409" s="1"/>
      <c r="C5409">
        <v>14</v>
      </c>
      <c r="D5409" t="s">
        <v>8929</v>
      </c>
      <c r="E5409" t="s">
        <v>32334</v>
      </c>
      <c r="F5409">
        <v>4</v>
      </c>
      <c r="G5409" t="s">
        <v>769</v>
      </c>
      <c r="H5409" t="s">
        <v>8930</v>
      </c>
      <c r="I5409" t="s">
        <v>30540</v>
      </c>
    </row>
    <row r="5410" spans="1:9">
      <c r="A5410" s="1">
        <f ca="1">RAND()</f>
        <v>0.82437059497494292</v>
      </c>
      <c r="B5410" s="1"/>
      <c r="C5410">
        <v>11</v>
      </c>
      <c r="D5410" t="s">
        <v>8927</v>
      </c>
      <c r="E5410" t="s">
        <v>32334</v>
      </c>
      <c r="F5410">
        <v>4</v>
      </c>
      <c r="G5410" t="s">
        <v>0</v>
      </c>
      <c r="H5410" t="s">
        <v>8928</v>
      </c>
      <c r="I5410" t="s">
        <v>30540</v>
      </c>
    </row>
    <row r="5411" spans="1:9">
      <c r="A5411" s="1">
        <f ca="1">RAND()</f>
        <v>8.0776674002627558E-2</v>
      </c>
      <c r="B5411" s="1"/>
      <c r="C5411">
        <v>7</v>
      </c>
      <c r="D5411" t="s">
        <v>8925</v>
      </c>
      <c r="E5411" t="s">
        <v>32334</v>
      </c>
      <c r="F5411">
        <v>3</v>
      </c>
      <c r="G5411" t="s">
        <v>14</v>
      </c>
      <c r="H5411" t="s">
        <v>8926</v>
      </c>
      <c r="I5411" t="s">
        <v>30540</v>
      </c>
    </row>
    <row r="5412" spans="1:9">
      <c r="A5412" s="1">
        <f ca="1">RAND()</f>
        <v>0.11191567937846825</v>
      </c>
      <c r="B5412" s="1"/>
      <c r="C5412">
        <v>5</v>
      </c>
      <c r="D5412" t="s">
        <v>8913</v>
      </c>
      <c r="E5412" t="s">
        <v>32335</v>
      </c>
      <c r="F5412">
        <v>5</v>
      </c>
      <c r="G5412" t="s">
        <v>15</v>
      </c>
      <c r="H5412" t="s">
        <v>8914</v>
      </c>
      <c r="I5412" t="s">
        <v>30540</v>
      </c>
    </row>
    <row r="5413" spans="1:9">
      <c r="A5413" s="1">
        <f ca="1">RAND()</f>
        <v>0.20345135405950665</v>
      </c>
      <c r="B5413" s="1"/>
      <c r="C5413">
        <v>20</v>
      </c>
      <c r="D5413" t="s">
        <v>8923</v>
      </c>
      <c r="E5413" t="s">
        <v>32335</v>
      </c>
      <c r="F5413">
        <v>5</v>
      </c>
      <c r="G5413" t="s">
        <v>762</v>
      </c>
      <c r="H5413" t="s">
        <v>8924</v>
      </c>
      <c r="I5413" t="s">
        <v>30540</v>
      </c>
    </row>
    <row r="5414" spans="1:9">
      <c r="A5414" s="1">
        <f ca="1">RAND()</f>
        <v>0.80736179620474591</v>
      </c>
      <c r="B5414" s="1"/>
      <c r="C5414">
        <v>13</v>
      </c>
      <c r="D5414" t="s">
        <v>8915</v>
      </c>
      <c r="E5414" t="s">
        <v>32335</v>
      </c>
      <c r="F5414">
        <v>5</v>
      </c>
      <c r="G5414" t="s">
        <v>2</v>
      </c>
      <c r="H5414" t="s">
        <v>8916</v>
      </c>
      <c r="I5414" t="s">
        <v>30540</v>
      </c>
    </row>
    <row r="5415" spans="1:9">
      <c r="A5415" s="1">
        <f ca="1">RAND()</f>
        <v>0.71834546014305756</v>
      </c>
      <c r="B5415" s="1"/>
      <c r="C5415">
        <v>14</v>
      </c>
      <c r="D5415" t="s">
        <v>8917</v>
      </c>
      <c r="E5415" t="s">
        <v>32335</v>
      </c>
      <c r="F5415">
        <v>4</v>
      </c>
      <c r="G5415" t="s">
        <v>765</v>
      </c>
      <c r="H5415" t="s">
        <v>8918</v>
      </c>
      <c r="I5415" t="s">
        <v>30540</v>
      </c>
    </row>
    <row r="5416" spans="1:9">
      <c r="A5416" s="1">
        <f ca="1">RAND()</f>
        <v>0.80396046938917209</v>
      </c>
      <c r="B5416" s="1"/>
      <c r="C5416">
        <v>17</v>
      </c>
      <c r="D5416" t="s">
        <v>8921</v>
      </c>
      <c r="E5416" t="s">
        <v>32335</v>
      </c>
      <c r="F5416">
        <v>4</v>
      </c>
      <c r="G5416" t="s">
        <v>0</v>
      </c>
      <c r="H5416" t="s">
        <v>8922</v>
      </c>
      <c r="I5416" t="s">
        <v>30540</v>
      </c>
    </row>
    <row r="5417" spans="1:9">
      <c r="A5417" s="1">
        <f ca="1">RAND()</f>
        <v>0.69841940472457942</v>
      </c>
      <c r="B5417" s="1"/>
      <c r="C5417">
        <v>16</v>
      </c>
      <c r="D5417" t="s">
        <v>8919</v>
      </c>
      <c r="E5417" t="s">
        <v>32335</v>
      </c>
      <c r="F5417">
        <v>4</v>
      </c>
      <c r="G5417" t="s">
        <v>0</v>
      </c>
      <c r="H5417" t="s">
        <v>8920</v>
      </c>
      <c r="I5417" t="s">
        <v>30540</v>
      </c>
    </row>
    <row r="5418" spans="1:9">
      <c r="A5418" s="1">
        <f ca="1">RAND()</f>
        <v>0.68884331461934734</v>
      </c>
      <c r="B5418" s="1"/>
      <c r="C5418">
        <v>10</v>
      </c>
      <c r="D5418" t="s">
        <v>8911</v>
      </c>
      <c r="E5418" t="s">
        <v>32336</v>
      </c>
      <c r="F5418">
        <v>4</v>
      </c>
      <c r="G5418" t="s">
        <v>0</v>
      </c>
      <c r="H5418" t="s">
        <v>8912</v>
      </c>
      <c r="I5418" t="s">
        <v>30540</v>
      </c>
    </row>
    <row r="5419" spans="1:9">
      <c r="A5419" s="1">
        <f ca="1">RAND()</f>
        <v>0.21798976468757125</v>
      </c>
      <c r="B5419" s="1"/>
      <c r="C5419">
        <v>7</v>
      </c>
      <c r="D5419" t="s">
        <v>8909</v>
      </c>
      <c r="E5419" t="s">
        <v>32336</v>
      </c>
      <c r="F5419">
        <v>4</v>
      </c>
      <c r="G5419" t="s">
        <v>0</v>
      </c>
      <c r="H5419" t="s">
        <v>8910</v>
      </c>
      <c r="I5419" t="s">
        <v>30540</v>
      </c>
    </row>
    <row r="5420" spans="1:9">
      <c r="A5420" s="1">
        <f ca="1">RAND()</f>
        <v>0.17341186960817434</v>
      </c>
      <c r="B5420" s="1"/>
      <c r="C5420">
        <v>20</v>
      </c>
      <c r="D5420" t="s">
        <v>8907</v>
      </c>
      <c r="E5420" t="s">
        <v>32337</v>
      </c>
      <c r="F5420">
        <v>5</v>
      </c>
      <c r="G5420" t="s">
        <v>1295</v>
      </c>
      <c r="H5420" t="s">
        <v>8908</v>
      </c>
      <c r="I5420" t="s">
        <v>30540</v>
      </c>
    </row>
    <row r="5421" spans="1:9">
      <c r="A5421" s="1">
        <f ca="1">RAND()</f>
        <v>0.543875778547526</v>
      </c>
      <c r="B5421" s="1"/>
      <c r="C5421">
        <v>14</v>
      </c>
      <c r="D5421" t="s">
        <v>8901</v>
      </c>
      <c r="E5421" t="s">
        <v>32337</v>
      </c>
      <c r="F5421">
        <v>4</v>
      </c>
      <c r="G5421" t="s">
        <v>0</v>
      </c>
      <c r="H5421" t="s">
        <v>8902</v>
      </c>
      <c r="I5421" t="s">
        <v>30540</v>
      </c>
    </row>
    <row r="5422" spans="1:9">
      <c r="A5422" s="1">
        <f ca="1">RAND()</f>
        <v>0.87153908045027828</v>
      </c>
      <c r="B5422" s="1"/>
      <c r="C5422">
        <v>7</v>
      </c>
      <c r="D5422" t="s">
        <v>8897</v>
      </c>
      <c r="E5422" t="s">
        <v>32337</v>
      </c>
      <c r="F5422">
        <v>4</v>
      </c>
      <c r="G5422" t="s">
        <v>765</v>
      </c>
      <c r="H5422" t="s">
        <v>8898</v>
      </c>
      <c r="I5422" t="s">
        <v>30540</v>
      </c>
    </row>
    <row r="5423" spans="1:9">
      <c r="A5423" s="1">
        <f ca="1">RAND()</f>
        <v>0.6740930376358566</v>
      </c>
      <c r="B5423" s="1"/>
      <c r="C5423">
        <v>1</v>
      </c>
      <c r="D5423" t="s">
        <v>8895</v>
      </c>
      <c r="E5423" t="s">
        <v>32337</v>
      </c>
      <c r="F5423">
        <v>4</v>
      </c>
      <c r="G5423" t="s">
        <v>771</v>
      </c>
      <c r="H5423" t="s">
        <v>8896</v>
      </c>
      <c r="I5423" t="s">
        <v>30540</v>
      </c>
    </row>
    <row r="5424" spans="1:9">
      <c r="A5424" s="1">
        <f ca="1">RAND()</f>
        <v>3.3487296271043743E-2</v>
      </c>
      <c r="B5424" s="1"/>
      <c r="C5424">
        <v>12</v>
      </c>
      <c r="D5424" t="s">
        <v>8899</v>
      </c>
      <c r="E5424" t="s">
        <v>32337</v>
      </c>
      <c r="F5424">
        <v>3</v>
      </c>
      <c r="G5424" t="s">
        <v>2</v>
      </c>
      <c r="H5424" t="s">
        <v>8900</v>
      </c>
      <c r="I5424" t="s">
        <v>30540</v>
      </c>
    </row>
    <row r="5425" spans="1:9">
      <c r="A5425" s="1">
        <f ca="1">RAND()</f>
        <v>0.58568820279805334</v>
      </c>
      <c r="B5425" s="1"/>
      <c r="C5425">
        <v>17</v>
      </c>
      <c r="D5425" t="s">
        <v>8903</v>
      </c>
      <c r="E5425" t="s">
        <v>32337</v>
      </c>
      <c r="F5425">
        <v>3</v>
      </c>
      <c r="G5425" t="s">
        <v>2</v>
      </c>
      <c r="H5425" t="s">
        <v>8904</v>
      </c>
      <c r="I5425" t="s">
        <v>30540</v>
      </c>
    </row>
    <row r="5426" spans="1:9">
      <c r="A5426" s="1">
        <f ca="1">RAND()</f>
        <v>0.10232643626379989</v>
      </c>
      <c r="B5426" s="1"/>
      <c r="C5426">
        <v>19</v>
      </c>
      <c r="D5426" t="s">
        <v>8905</v>
      </c>
      <c r="E5426" t="s">
        <v>32337</v>
      </c>
      <c r="F5426">
        <v>2</v>
      </c>
      <c r="G5426" t="s">
        <v>0</v>
      </c>
      <c r="H5426" t="s">
        <v>8906</v>
      </c>
      <c r="I5426" t="s">
        <v>30540</v>
      </c>
    </row>
    <row r="5427" spans="1:9">
      <c r="A5427" s="1">
        <f ca="1">RAND()</f>
        <v>0.90372719085743647</v>
      </c>
      <c r="B5427" s="1"/>
      <c r="C5427">
        <v>12</v>
      </c>
      <c r="D5427" t="s">
        <v>8891</v>
      </c>
      <c r="E5427" t="s">
        <v>32338</v>
      </c>
      <c r="F5427">
        <v>5</v>
      </c>
      <c r="G5427" t="s">
        <v>0</v>
      </c>
      <c r="H5427" t="s">
        <v>8892</v>
      </c>
      <c r="I5427" t="s">
        <v>30540</v>
      </c>
    </row>
    <row r="5428" spans="1:9">
      <c r="A5428" s="1">
        <f ca="1">RAND()</f>
        <v>4.2327593914890826E-2</v>
      </c>
      <c r="B5428" s="1"/>
      <c r="C5428">
        <v>10</v>
      </c>
      <c r="D5428" t="s">
        <v>8889</v>
      </c>
      <c r="E5428" t="s">
        <v>32338</v>
      </c>
      <c r="F5428">
        <v>4</v>
      </c>
      <c r="G5428" t="s">
        <v>10</v>
      </c>
      <c r="H5428" t="s">
        <v>8890</v>
      </c>
      <c r="I5428" t="s">
        <v>30540</v>
      </c>
    </row>
    <row r="5429" spans="1:9">
      <c r="A5429" s="1">
        <f ca="1">RAND()</f>
        <v>0.85224175527093238</v>
      </c>
      <c r="B5429" s="1"/>
      <c r="C5429">
        <v>13</v>
      </c>
      <c r="D5429" t="s">
        <v>8893</v>
      </c>
      <c r="E5429" t="s">
        <v>32338</v>
      </c>
      <c r="F5429">
        <v>4</v>
      </c>
      <c r="G5429" t="s">
        <v>10</v>
      </c>
      <c r="H5429" t="s">
        <v>8894</v>
      </c>
      <c r="I5429" t="s">
        <v>30540</v>
      </c>
    </row>
    <row r="5430" spans="1:9">
      <c r="A5430" s="1">
        <f ca="1">RAND()</f>
        <v>0.31832929792856413</v>
      </c>
      <c r="B5430" s="1"/>
      <c r="C5430">
        <v>9</v>
      </c>
      <c r="D5430" t="s">
        <v>8887</v>
      </c>
      <c r="E5430" t="s">
        <v>32338</v>
      </c>
      <c r="F5430">
        <v>4</v>
      </c>
      <c r="G5430" t="s">
        <v>14</v>
      </c>
      <c r="H5430" t="s">
        <v>8888</v>
      </c>
      <c r="I5430" t="s">
        <v>30540</v>
      </c>
    </row>
    <row r="5431" spans="1:9">
      <c r="A5431" s="1">
        <f ca="1">RAND()</f>
        <v>9.3968773444815801E-3</v>
      </c>
      <c r="B5431" s="1"/>
      <c r="C5431">
        <v>5</v>
      </c>
      <c r="D5431" t="s">
        <v>8885</v>
      </c>
      <c r="E5431" t="s">
        <v>32338</v>
      </c>
      <c r="F5431">
        <v>4</v>
      </c>
      <c r="G5431" t="s">
        <v>13</v>
      </c>
      <c r="H5431" t="s">
        <v>8886</v>
      </c>
      <c r="I5431" t="s">
        <v>30540</v>
      </c>
    </row>
    <row r="5432" spans="1:9">
      <c r="A5432" s="1">
        <f ca="1">RAND()</f>
        <v>0.69076682147642265</v>
      </c>
      <c r="B5432" s="1"/>
      <c r="C5432">
        <v>17</v>
      </c>
      <c r="D5432" t="s">
        <v>8881</v>
      </c>
      <c r="E5432" t="s">
        <v>32339</v>
      </c>
      <c r="F5432">
        <v>5</v>
      </c>
      <c r="G5432" t="s">
        <v>769</v>
      </c>
      <c r="H5432" t="s">
        <v>8882</v>
      </c>
      <c r="I5432" t="s">
        <v>30540</v>
      </c>
    </row>
    <row r="5433" spans="1:9">
      <c r="A5433" s="1">
        <f ca="1">RAND()</f>
        <v>0.96610445580912785</v>
      </c>
      <c r="B5433" s="1"/>
      <c r="C5433">
        <v>6</v>
      </c>
      <c r="D5433" t="s">
        <v>8877</v>
      </c>
      <c r="E5433" t="s">
        <v>32339</v>
      </c>
      <c r="F5433">
        <v>5</v>
      </c>
      <c r="G5433" t="s">
        <v>2</v>
      </c>
      <c r="H5433" t="s">
        <v>8878</v>
      </c>
      <c r="I5433" t="s">
        <v>30540</v>
      </c>
    </row>
    <row r="5434" spans="1:9">
      <c r="A5434" s="1">
        <f ca="1">RAND()</f>
        <v>0.50081248612819684</v>
      </c>
      <c r="B5434" s="1"/>
      <c r="C5434">
        <v>18</v>
      </c>
      <c r="D5434" t="s">
        <v>8883</v>
      </c>
      <c r="E5434" t="s">
        <v>32339</v>
      </c>
      <c r="F5434">
        <v>4</v>
      </c>
      <c r="G5434" t="s">
        <v>0</v>
      </c>
      <c r="H5434" t="s">
        <v>8884</v>
      </c>
      <c r="I5434" t="s">
        <v>30540</v>
      </c>
    </row>
    <row r="5435" spans="1:9">
      <c r="A5435" s="1">
        <f ca="1">RAND()</f>
        <v>0.20668287638629024</v>
      </c>
      <c r="B5435" s="1"/>
      <c r="C5435">
        <v>7</v>
      </c>
      <c r="D5435" t="s">
        <v>8879</v>
      </c>
      <c r="E5435" t="s">
        <v>32339</v>
      </c>
      <c r="F5435">
        <v>4</v>
      </c>
      <c r="G5435" t="s">
        <v>766</v>
      </c>
      <c r="H5435" t="s">
        <v>8880</v>
      </c>
      <c r="I5435" t="s">
        <v>30540</v>
      </c>
    </row>
    <row r="5436" spans="1:9">
      <c r="A5436" s="1">
        <f ca="1">RAND()</f>
        <v>0.78431412205700146</v>
      </c>
      <c r="B5436" s="1"/>
      <c r="C5436">
        <v>2</v>
      </c>
      <c r="D5436" t="s">
        <v>8875</v>
      </c>
      <c r="E5436" t="s">
        <v>32339</v>
      </c>
      <c r="F5436">
        <v>3</v>
      </c>
      <c r="G5436" t="s">
        <v>762</v>
      </c>
      <c r="H5436" t="s">
        <v>8876</v>
      </c>
      <c r="I5436" t="s">
        <v>30540</v>
      </c>
    </row>
    <row r="5437" spans="1:9">
      <c r="A5437" s="1">
        <f ca="1">RAND()</f>
        <v>0.43921573359766564</v>
      </c>
      <c r="B5437" s="1"/>
      <c r="C5437">
        <v>5</v>
      </c>
      <c r="D5437" t="s">
        <v>8867</v>
      </c>
      <c r="E5437" t="s">
        <v>32340</v>
      </c>
      <c r="F5437">
        <v>5</v>
      </c>
      <c r="G5437" t="s">
        <v>15</v>
      </c>
      <c r="H5437" t="s">
        <v>8868</v>
      </c>
      <c r="I5437" t="s">
        <v>30540</v>
      </c>
    </row>
    <row r="5438" spans="1:9">
      <c r="A5438" s="1">
        <f ca="1">RAND()</f>
        <v>0.34423108914041767</v>
      </c>
      <c r="B5438" s="1"/>
      <c r="C5438">
        <v>17</v>
      </c>
      <c r="D5438" t="s">
        <v>8869</v>
      </c>
      <c r="E5438" t="s">
        <v>32340</v>
      </c>
      <c r="F5438">
        <v>5</v>
      </c>
      <c r="G5438" t="s">
        <v>765</v>
      </c>
      <c r="H5438" t="s">
        <v>8870</v>
      </c>
      <c r="I5438" t="s">
        <v>30540</v>
      </c>
    </row>
    <row r="5439" spans="1:9">
      <c r="A5439" s="1">
        <f ca="1">RAND()</f>
        <v>8.7460337894286644E-2</v>
      </c>
      <c r="B5439" s="1"/>
      <c r="C5439">
        <v>18</v>
      </c>
      <c r="D5439" t="s">
        <v>8871</v>
      </c>
      <c r="E5439" t="s">
        <v>32340</v>
      </c>
      <c r="F5439">
        <v>4</v>
      </c>
      <c r="G5439" t="s">
        <v>0</v>
      </c>
      <c r="H5439" t="s">
        <v>8872</v>
      </c>
      <c r="I5439" t="s">
        <v>30540</v>
      </c>
    </row>
    <row r="5440" spans="1:9">
      <c r="A5440" s="1">
        <f ca="1">RAND()</f>
        <v>0.61827328871388842</v>
      </c>
      <c r="B5440" s="1"/>
      <c r="C5440">
        <v>20</v>
      </c>
      <c r="D5440" t="s">
        <v>8873</v>
      </c>
      <c r="E5440" t="s">
        <v>32340</v>
      </c>
      <c r="F5440">
        <v>4</v>
      </c>
      <c r="G5440" t="s">
        <v>774</v>
      </c>
      <c r="H5440" t="s">
        <v>8874</v>
      </c>
      <c r="I5440" t="s">
        <v>30540</v>
      </c>
    </row>
    <row r="5441" spans="1:9">
      <c r="A5441" s="1">
        <f ca="1">RAND()</f>
        <v>0.60071533958417411</v>
      </c>
      <c r="B5441" s="1"/>
      <c r="C5441">
        <v>5</v>
      </c>
      <c r="D5441" t="s">
        <v>8859</v>
      </c>
      <c r="E5441" t="s">
        <v>32341</v>
      </c>
      <c r="F5441">
        <v>5</v>
      </c>
      <c r="G5441" t="s">
        <v>0</v>
      </c>
      <c r="H5441" t="s">
        <v>8860</v>
      </c>
      <c r="I5441" t="s">
        <v>30540</v>
      </c>
    </row>
    <row r="5442" spans="1:9">
      <c r="A5442" s="1">
        <f ca="1">RAND()</f>
        <v>0.97990194724279456</v>
      </c>
      <c r="B5442" s="1"/>
      <c r="C5442">
        <v>7</v>
      </c>
      <c r="D5442" t="s">
        <v>8861</v>
      </c>
      <c r="E5442" t="s">
        <v>32341</v>
      </c>
      <c r="F5442">
        <v>4</v>
      </c>
      <c r="G5442" t="s">
        <v>2</v>
      </c>
      <c r="H5442" t="s">
        <v>8862</v>
      </c>
      <c r="I5442" t="s">
        <v>30540</v>
      </c>
    </row>
    <row r="5443" spans="1:9">
      <c r="A5443" s="1">
        <f ca="1">RAND()</f>
        <v>9.1360484258590224E-2</v>
      </c>
      <c r="B5443" s="1"/>
      <c r="C5443">
        <v>2</v>
      </c>
      <c r="D5443" t="s">
        <v>8857</v>
      </c>
      <c r="E5443" t="s">
        <v>32341</v>
      </c>
      <c r="F5443">
        <v>4</v>
      </c>
      <c r="G5443" t="s">
        <v>2</v>
      </c>
      <c r="H5443" t="s">
        <v>8858</v>
      </c>
      <c r="I5443" t="s">
        <v>30540</v>
      </c>
    </row>
    <row r="5444" spans="1:9">
      <c r="A5444" s="1">
        <f ca="1">RAND()</f>
        <v>0.14816501468409082</v>
      </c>
      <c r="B5444" s="1"/>
      <c r="C5444">
        <v>14</v>
      </c>
      <c r="D5444" t="s">
        <v>8865</v>
      </c>
      <c r="E5444" t="s">
        <v>32341</v>
      </c>
      <c r="F5444">
        <v>3</v>
      </c>
      <c r="G5444" t="s">
        <v>0</v>
      </c>
      <c r="H5444" t="s">
        <v>8866</v>
      </c>
      <c r="I5444" t="s">
        <v>30540</v>
      </c>
    </row>
    <row r="5445" spans="1:9">
      <c r="A5445" s="1">
        <f ca="1">RAND()</f>
        <v>1.0537494301621653E-2</v>
      </c>
      <c r="B5445" s="1"/>
      <c r="C5445">
        <v>11</v>
      </c>
      <c r="D5445" t="s">
        <v>8863</v>
      </c>
      <c r="E5445" t="s">
        <v>32341</v>
      </c>
      <c r="F5445">
        <v>2</v>
      </c>
      <c r="G5445" t="s">
        <v>0</v>
      </c>
      <c r="H5445" t="s">
        <v>8864</v>
      </c>
      <c r="I5445" t="s">
        <v>30540</v>
      </c>
    </row>
    <row r="5446" spans="1:9">
      <c r="A5446" s="1">
        <f ca="1">RAND()</f>
        <v>0.71387096377705439</v>
      </c>
      <c r="B5446" s="1"/>
      <c r="C5446">
        <v>11</v>
      </c>
      <c r="D5446" t="s">
        <v>8847</v>
      </c>
      <c r="E5446" t="s">
        <v>32342</v>
      </c>
      <c r="F5446">
        <v>5</v>
      </c>
      <c r="G5446" t="s">
        <v>774</v>
      </c>
      <c r="H5446" t="s">
        <v>8848</v>
      </c>
      <c r="I5446" t="s">
        <v>30540</v>
      </c>
    </row>
    <row r="5447" spans="1:9">
      <c r="A5447" s="1">
        <f ca="1">RAND()</f>
        <v>0.29640819679845209</v>
      </c>
      <c r="B5447" s="1"/>
      <c r="C5447">
        <v>1</v>
      </c>
      <c r="D5447" t="s">
        <v>8843</v>
      </c>
      <c r="E5447" t="s">
        <v>32342</v>
      </c>
      <c r="F5447">
        <v>5</v>
      </c>
      <c r="G5447" t="s">
        <v>0</v>
      </c>
      <c r="H5447" t="s">
        <v>8844</v>
      </c>
      <c r="I5447" t="s">
        <v>30540</v>
      </c>
    </row>
    <row r="5448" spans="1:9">
      <c r="A5448" s="1">
        <f ca="1">RAND()</f>
        <v>0.80136235884970819</v>
      </c>
      <c r="B5448" s="1"/>
      <c r="C5448">
        <v>12</v>
      </c>
      <c r="D5448" t="s">
        <v>8849</v>
      </c>
      <c r="E5448" t="s">
        <v>32342</v>
      </c>
      <c r="F5448">
        <v>4</v>
      </c>
      <c r="G5448" t="s">
        <v>15</v>
      </c>
      <c r="H5448" t="s">
        <v>8850</v>
      </c>
      <c r="I5448" t="s">
        <v>30540</v>
      </c>
    </row>
    <row r="5449" spans="1:9">
      <c r="A5449" s="1">
        <f ca="1">RAND()</f>
        <v>0.73195164031977245</v>
      </c>
      <c r="B5449" s="1"/>
      <c r="C5449">
        <v>20</v>
      </c>
      <c r="D5449" t="s">
        <v>8855</v>
      </c>
      <c r="E5449" t="s">
        <v>32342</v>
      </c>
      <c r="F5449">
        <v>4</v>
      </c>
      <c r="G5449" t="s">
        <v>0</v>
      </c>
      <c r="H5449" t="s">
        <v>8856</v>
      </c>
      <c r="I5449" t="s">
        <v>30540</v>
      </c>
    </row>
    <row r="5450" spans="1:9">
      <c r="A5450" s="1">
        <f ca="1">RAND()</f>
        <v>0.89602087582506162</v>
      </c>
      <c r="B5450" s="1"/>
      <c r="C5450">
        <v>16</v>
      </c>
      <c r="D5450" t="s">
        <v>8851</v>
      </c>
      <c r="E5450" t="s">
        <v>32342</v>
      </c>
      <c r="F5450">
        <v>4</v>
      </c>
      <c r="G5450" t="s">
        <v>2</v>
      </c>
      <c r="H5450" t="s">
        <v>8852</v>
      </c>
      <c r="I5450" t="s">
        <v>30540</v>
      </c>
    </row>
    <row r="5451" spans="1:9">
      <c r="A5451" s="1">
        <f ca="1">RAND()</f>
        <v>0.63776713835047427</v>
      </c>
      <c r="B5451" s="1"/>
      <c r="C5451">
        <v>17</v>
      </c>
      <c r="D5451" t="s">
        <v>8853</v>
      </c>
      <c r="E5451" t="s">
        <v>32342</v>
      </c>
      <c r="F5451">
        <v>4</v>
      </c>
      <c r="G5451" t="s">
        <v>770</v>
      </c>
      <c r="H5451" t="s">
        <v>8854</v>
      </c>
      <c r="I5451" t="s">
        <v>30540</v>
      </c>
    </row>
    <row r="5452" spans="1:9">
      <c r="A5452" s="1">
        <f ca="1">RAND()</f>
        <v>3.552245842895263E-3</v>
      </c>
      <c r="B5452" s="1"/>
      <c r="C5452">
        <v>4</v>
      </c>
      <c r="D5452" t="s">
        <v>8845</v>
      </c>
      <c r="E5452" t="s">
        <v>32342</v>
      </c>
      <c r="F5452">
        <v>2</v>
      </c>
      <c r="G5452" t="s">
        <v>0</v>
      </c>
      <c r="H5452" t="s">
        <v>8846</v>
      </c>
      <c r="I5452" t="s">
        <v>30540</v>
      </c>
    </row>
    <row r="5453" spans="1:9">
      <c r="A5453" s="1">
        <f ca="1">RAND()</f>
        <v>0.65892411139286833</v>
      </c>
      <c r="B5453" s="1"/>
      <c r="C5453">
        <v>9</v>
      </c>
      <c r="D5453" t="s">
        <v>8835</v>
      </c>
      <c r="E5453" t="s">
        <v>32343</v>
      </c>
      <c r="F5453">
        <v>5</v>
      </c>
      <c r="G5453" t="s">
        <v>0</v>
      </c>
      <c r="H5453" t="s">
        <v>8836</v>
      </c>
      <c r="I5453" t="s">
        <v>30540</v>
      </c>
    </row>
    <row r="5454" spans="1:9">
      <c r="A5454" s="1">
        <f ca="1">RAND()</f>
        <v>0.93919973847162164</v>
      </c>
      <c r="B5454" s="1"/>
      <c r="C5454">
        <v>13</v>
      </c>
      <c r="D5454" t="s">
        <v>8839</v>
      </c>
      <c r="E5454" t="s">
        <v>32343</v>
      </c>
      <c r="F5454">
        <v>4</v>
      </c>
      <c r="G5454" t="s">
        <v>15</v>
      </c>
      <c r="H5454" t="s">
        <v>8840</v>
      </c>
      <c r="I5454" t="s">
        <v>30540</v>
      </c>
    </row>
    <row r="5455" spans="1:9">
      <c r="A5455" s="1">
        <f ca="1">RAND()</f>
        <v>0.15417175097641544</v>
      </c>
      <c r="B5455" s="1"/>
      <c r="C5455">
        <v>10</v>
      </c>
      <c r="D5455" t="s">
        <v>8837</v>
      </c>
      <c r="E5455" t="s">
        <v>32343</v>
      </c>
      <c r="F5455">
        <v>4</v>
      </c>
      <c r="G5455" t="s">
        <v>15</v>
      </c>
      <c r="H5455" t="s">
        <v>8838</v>
      </c>
      <c r="I5455" t="s">
        <v>30540</v>
      </c>
    </row>
    <row r="5456" spans="1:9">
      <c r="A5456" s="1">
        <f ca="1">RAND()</f>
        <v>0.73827965102522064</v>
      </c>
      <c r="B5456" s="1"/>
      <c r="C5456">
        <v>17</v>
      </c>
      <c r="D5456" t="s">
        <v>8841</v>
      </c>
      <c r="E5456" t="s">
        <v>32343</v>
      </c>
      <c r="F5456">
        <v>4</v>
      </c>
      <c r="G5456" t="s">
        <v>0</v>
      </c>
      <c r="H5456" t="s">
        <v>8842</v>
      </c>
      <c r="I5456" t="s">
        <v>30540</v>
      </c>
    </row>
    <row r="5457" spans="1:9">
      <c r="A5457" s="1">
        <f ca="1">RAND()</f>
        <v>0.94433893637459398</v>
      </c>
      <c r="B5457" s="1"/>
      <c r="C5457">
        <v>5</v>
      </c>
      <c r="D5457" t="s">
        <v>8833</v>
      </c>
      <c r="E5457" t="s">
        <v>32343</v>
      </c>
      <c r="F5457">
        <v>4</v>
      </c>
      <c r="G5457" t="s">
        <v>0</v>
      </c>
      <c r="H5457" t="s">
        <v>8834</v>
      </c>
      <c r="I5457" t="s">
        <v>30540</v>
      </c>
    </row>
    <row r="5458" spans="1:9">
      <c r="A5458" s="1">
        <f ca="1">RAND()</f>
        <v>0.22662181549192018</v>
      </c>
      <c r="B5458" s="1"/>
      <c r="C5458">
        <v>3</v>
      </c>
      <c r="D5458" t="s">
        <v>8831</v>
      </c>
      <c r="E5458" t="s">
        <v>32343</v>
      </c>
      <c r="F5458">
        <v>4</v>
      </c>
      <c r="G5458" t="s">
        <v>14</v>
      </c>
      <c r="H5458" t="s">
        <v>8832</v>
      </c>
      <c r="I5458" t="s">
        <v>30540</v>
      </c>
    </row>
    <row r="5459" spans="1:9">
      <c r="A5459" s="1">
        <f ca="1">RAND()</f>
        <v>0.32173990066936531</v>
      </c>
      <c r="B5459" s="1"/>
      <c r="C5459">
        <v>18</v>
      </c>
      <c r="D5459" t="s">
        <v>8827</v>
      </c>
      <c r="E5459" t="s">
        <v>32344</v>
      </c>
      <c r="F5459">
        <v>5</v>
      </c>
      <c r="G5459" t="s">
        <v>0</v>
      </c>
      <c r="H5459" t="s">
        <v>8828</v>
      </c>
      <c r="I5459" t="s">
        <v>30540</v>
      </c>
    </row>
    <row r="5460" spans="1:9">
      <c r="A5460" s="1">
        <f ca="1">RAND()</f>
        <v>0.58053420021638724</v>
      </c>
      <c r="B5460" s="1"/>
      <c r="C5460">
        <v>20</v>
      </c>
      <c r="D5460" t="s">
        <v>8829</v>
      </c>
      <c r="E5460" t="s">
        <v>32344</v>
      </c>
      <c r="F5460">
        <v>5</v>
      </c>
      <c r="G5460" t="s">
        <v>0</v>
      </c>
      <c r="H5460" t="s">
        <v>8830</v>
      </c>
      <c r="I5460" t="s">
        <v>30540</v>
      </c>
    </row>
    <row r="5461" spans="1:9">
      <c r="A5461" s="1">
        <f ca="1">RAND()</f>
        <v>0.80686478130112993</v>
      </c>
      <c r="B5461" s="1"/>
      <c r="C5461">
        <v>11</v>
      </c>
      <c r="D5461" t="s">
        <v>8825</v>
      </c>
      <c r="E5461" t="s">
        <v>32344</v>
      </c>
      <c r="F5461">
        <v>4</v>
      </c>
      <c r="G5461" t="s">
        <v>0</v>
      </c>
      <c r="H5461" t="s">
        <v>8826</v>
      </c>
      <c r="I5461" t="s">
        <v>30540</v>
      </c>
    </row>
    <row r="5462" spans="1:9">
      <c r="A5462" s="1">
        <f ca="1">RAND()</f>
        <v>9.2178153455493628E-2</v>
      </c>
      <c r="B5462" s="1"/>
      <c r="C5462">
        <v>14</v>
      </c>
      <c r="D5462" t="s">
        <v>8819</v>
      </c>
      <c r="E5462" t="s">
        <v>32345</v>
      </c>
      <c r="F5462">
        <v>4</v>
      </c>
      <c r="G5462" t="s">
        <v>771</v>
      </c>
      <c r="H5462" t="s">
        <v>8820</v>
      </c>
      <c r="I5462" t="s">
        <v>30540</v>
      </c>
    </row>
    <row r="5463" spans="1:9">
      <c r="A5463" s="1">
        <f ca="1">RAND()</f>
        <v>0.33483847319491655</v>
      </c>
      <c r="B5463" s="1"/>
      <c r="C5463">
        <v>15</v>
      </c>
      <c r="D5463" t="s">
        <v>8821</v>
      </c>
      <c r="E5463" t="s">
        <v>32345</v>
      </c>
      <c r="F5463">
        <v>4</v>
      </c>
      <c r="G5463" t="s">
        <v>771</v>
      </c>
      <c r="H5463" t="s">
        <v>8822</v>
      </c>
      <c r="I5463" t="s">
        <v>30540</v>
      </c>
    </row>
    <row r="5464" spans="1:9">
      <c r="A5464" s="1">
        <f ca="1">RAND()</f>
        <v>0.3509423529714667</v>
      </c>
      <c r="B5464" s="1"/>
      <c r="C5464">
        <v>19</v>
      </c>
      <c r="D5464" t="s">
        <v>8823</v>
      </c>
      <c r="E5464" t="s">
        <v>32345</v>
      </c>
      <c r="F5464">
        <v>4</v>
      </c>
      <c r="G5464" t="s">
        <v>0</v>
      </c>
      <c r="H5464" t="s">
        <v>8824</v>
      </c>
      <c r="I5464" t="s">
        <v>30540</v>
      </c>
    </row>
    <row r="5465" spans="1:9">
      <c r="A5465" s="1">
        <f ca="1">RAND()</f>
        <v>0.76119790322823677</v>
      </c>
      <c r="B5465" s="1"/>
      <c r="C5465">
        <v>5</v>
      </c>
      <c r="D5465" t="s">
        <v>8817</v>
      </c>
      <c r="E5465" t="s">
        <v>32345</v>
      </c>
      <c r="F5465">
        <v>4</v>
      </c>
      <c r="G5465" t="s">
        <v>0</v>
      </c>
      <c r="H5465" t="s">
        <v>8818</v>
      </c>
      <c r="I5465" t="s">
        <v>30540</v>
      </c>
    </row>
    <row r="5466" spans="1:9">
      <c r="A5466" s="1">
        <f ca="1">RAND()</f>
        <v>0.40076853424505965</v>
      </c>
      <c r="B5466" s="1"/>
      <c r="C5466">
        <v>11</v>
      </c>
      <c r="D5466" t="s">
        <v>8815</v>
      </c>
      <c r="E5466" t="s">
        <v>32346</v>
      </c>
      <c r="F5466">
        <v>5</v>
      </c>
      <c r="G5466" t="s">
        <v>2</v>
      </c>
      <c r="H5466" t="s">
        <v>8816</v>
      </c>
      <c r="I5466" t="s">
        <v>30540</v>
      </c>
    </row>
    <row r="5467" spans="1:9">
      <c r="A5467" s="1">
        <f ca="1">RAND()</f>
        <v>0.91364705744501495</v>
      </c>
      <c r="B5467" s="1"/>
      <c r="C5467">
        <v>10</v>
      </c>
      <c r="D5467" t="s">
        <v>8813</v>
      </c>
      <c r="E5467" t="s">
        <v>32346</v>
      </c>
      <c r="F5467">
        <v>4</v>
      </c>
      <c r="G5467" t="s">
        <v>15</v>
      </c>
      <c r="H5467" t="s">
        <v>8814</v>
      </c>
      <c r="I5467" t="s">
        <v>30540</v>
      </c>
    </row>
    <row r="5468" spans="1:9">
      <c r="A5468" s="1">
        <f ca="1">RAND()</f>
        <v>0.23212848929929975</v>
      </c>
      <c r="B5468" s="1"/>
      <c r="C5468">
        <v>6</v>
      </c>
      <c r="D5468" t="s">
        <v>8811</v>
      </c>
      <c r="E5468" t="s">
        <v>32346</v>
      </c>
      <c r="F5468">
        <v>4</v>
      </c>
      <c r="G5468" t="s">
        <v>0</v>
      </c>
      <c r="H5468" t="s">
        <v>8812</v>
      </c>
      <c r="I5468" t="s">
        <v>30540</v>
      </c>
    </row>
    <row r="5469" spans="1:9">
      <c r="A5469" s="1">
        <f ca="1">RAND()</f>
        <v>3.9746908657369073E-2</v>
      </c>
      <c r="B5469" s="1"/>
      <c r="C5469">
        <v>7</v>
      </c>
      <c r="D5469" t="s">
        <v>8805</v>
      </c>
      <c r="E5469" t="s">
        <v>32347</v>
      </c>
      <c r="F5469">
        <v>5</v>
      </c>
      <c r="G5469" t="s">
        <v>2</v>
      </c>
      <c r="H5469" t="s">
        <v>8806</v>
      </c>
      <c r="I5469" t="s">
        <v>30540</v>
      </c>
    </row>
    <row r="5470" spans="1:9">
      <c r="A5470" s="1">
        <f ca="1">RAND()</f>
        <v>0.5698808535359402</v>
      </c>
      <c r="B5470" s="1"/>
      <c r="C5470">
        <v>13</v>
      </c>
      <c r="D5470" t="s">
        <v>8807</v>
      </c>
      <c r="E5470" t="s">
        <v>32347</v>
      </c>
      <c r="F5470">
        <v>4</v>
      </c>
      <c r="G5470" t="s">
        <v>0</v>
      </c>
      <c r="H5470" t="s">
        <v>8808</v>
      </c>
      <c r="I5470" t="s">
        <v>30540</v>
      </c>
    </row>
    <row r="5471" spans="1:9">
      <c r="A5471" s="1">
        <f ca="1">RAND()</f>
        <v>0.19615965971211136</v>
      </c>
      <c r="B5471" s="1"/>
      <c r="C5471">
        <v>20</v>
      </c>
      <c r="D5471" t="s">
        <v>8809</v>
      </c>
      <c r="E5471" t="s">
        <v>32347</v>
      </c>
      <c r="F5471">
        <v>3</v>
      </c>
      <c r="G5471" t="s">
        <v>769</v>
      </c>
      <c r="H5471" t="s">
        <v>8810</v>
      </c>
      <c r="I5471" t="s">
        <v>30540</v>
      </c>
    </row>
    <row r="5472" spans="1:9">
      <c r="A5472" s="1">
        <f ca="1">RAND()</f>
        <v>0.12273057151623412</v>
      </c>
      <c r="B5472" s="1"/>
      <c r="C5472">
        <v>3</v>
      </c>
      <c r="D5472" t="s">
        <v>8803</v>
      </c>
      <c r="E5472" t="s">
        <v>32347</v>
      </c>
      <c r="F5472">
        <v>3</v>
      </c>
      <c r="G5472" t="s">
        <v>774</v>
      </c>
      <c r="H5472" t="s">
        <v>8804</v>
      </c>
      <c r="I5472" t="s">
        <v>30540</v>
      </c>
    </row>
    <row r="5473" spans="1:9">
      <c r="A5473" s="1">
        <f ca="1">RAND()</f>
        <v>0.92764521193582006</v>
      </c>
      <c r="B5473" s="1"/>
      <c r="C5473">
        <v>9</v>
      </c>
      <c r="D5473" t="s">
        <v>8801</v>
      </c>
      <c r="E5473" t="s">
        <v>32348</v>
      </c>
      <c r="F5473">
        <v>4</v>
      </c>
      <c r="G5473" t="s">
        <v>0</v>
      </c>
      <c r="H5473" t="s">
        <v>8802</v>
      </c>
      <c r="I5473" t="s">
        <v>30540</v>
      </c>
    </row>
    <row r="5474" spans="1:9">
      <c r="A5474" s="1">
        <f ca="1">RAND()</f>
        <v>0.99688907948446703</v>
      </c>
      <c r="B5474" s="1"/>
      <c r="C5474">
        <v>1</v>
      </c>
      <c r="D5474" t="s">
        <v>8795</v>
      </c>
      <c r="E5474" t="s">
        <v>32348</v>
      </c>
      <c r="F5474">
        <v>3</v>
      </c>
      <c r="G5474" t="s">
        <v>1</v>
      </c>
      <c r="H5474" t="s">
        <v>8796</v>
      </c>
      <c r="I5474" t="s">
        <v>30540</v>
      </c>
    </row>
    <row r="5475" spans="1:9">
      <c r="A5475" s="1">
        <f ca="1">RAND()</f>
        <v>0.57690417880875966</v>
      </c>
      <c r="B5475" s="1"/>
      <c r="C5475">
        <v>8</v>
      </c>
      <c r="D5475" t="s">
        <v>8799</v>
      </c>
      <c r="E5475" t="s">
        <v>32348</v>
      </c>
      <c r="F5475">
        <v>2</v>
      </c>
      <c r="G5475" t="s">
        <v>0</v>
      </c>
      <c r="H5475" t="s">
        <v>8800</v>
      </c>
      <c r="I5475" t="s">
        <v>30540</v>
      </c>
    </row>
    <row r="5476" spans="1:9">
      <c r="A5476" s="1">
        <f ca="1">RAND()</f>
        <v>0.43233509707372553</v>
      </c>
      <c r="B5476" s="1"/>
      <c r="C5476">
        <v>7</v>
      </c>
      <c r="D5476" t="s">
        <v>8797</v>
      </c>
      <c r="E5476" t="s">
        <v>32348</v>
      </c>
      <c r="F5476">
        <v>2</v>
      </c>
      <c r="G5476" t="s">
        <v>0</v>
      </c>
      <c r="H5476" t="s">
        <v>8798</v>
      </c>
      <c r="I5476" t="s">
        <v>30540</v>
      </c>
    </row>
    <row r="5477" spans="1:9">
      <c r="A5477" s="1">
        <f ca="1">RAND()</f>
        <v>0.29022771956875337</v>
      </c>
      <c r="B5477" s="1"/>
      <c r="C5477">
        <v>10</v>
      </c>
      <c r="D5477" t="s">
        <v>8789</v>
      </c>
      <c r="E5477" t="s">
        <v>32349</v>
      </c>
      <c r="F5477">
        <v>4</v>
      </c>
      <c r="G5477" t="s">
        <v>9</v>
      </c>
      <c r="H5477" t="s">
        <v>8790</v>
      </c>
      <c r="I5477" t="s">
        <v>30540</v>
      </c>
    </row>
    <row r="5478" spans="1:9">
      <c r="A5478" s="1">
        <f ca="1">RAND()</f>
        <v>0.44777733092938399</v>
      </c>
      <c r="B5478" s="1"/>
      <c r="C5478">
        <v>12</v>
      </c>
      <c r="D5478" t="s">
        <v>8791</v>
      </c>
      <c r="E5478" t="s">
        <v>32349</v>
      </c>
      <c r="F5478">
        <v>4</v>
      </c>
      <c r="G5478" t="s">
        <v>765</v>
      </c>
      <c r="H5478" t="s">
        <v>8792</v>
      </c>
      <c r="I5478" t="s">
        <v>30540</v>
      </c>
    </row>
    <row r="5479" spans="1:9">
      <c r="A5479" s="1">
        <f ca="1">RAND()</f>
        <v>0.7576394769858692</v>
      </c>
      <c r="B5479" s="1"/>
      <c r="C5479">
        <v>20</v>
      </c>
      <c r="D5479" t="s">
        <v>8793</v>
      </c>
      <c r="E5479" t="s">
        <v>32349</v>
      </c>
      <c r="F5479">
        <v>4</v>
      </c>
      <c r="G5479" t="s">
        <v>0</v>
      </c>
      <c r="H5479" t="s">
        <v>8794</v>
      </c>
      <c r="I5479" t="s">
        <v>30540</v>
      </c>
    </row>
    <row r="5480" spans="1:9">
      <c r="A5480" s="1">
        <f ca="1">RAND()</f>
        <v>0.33405995210349104</v>
      </c>
      <c r="B5480" s="1"/>
      <c r="C5480">
        <v>3</v>
      </c>
      <c r="D5480" t="s">
        <v>8787</v>
      </c>
      <c r="E5480" t="s">
        <v>32350</v>
      </c>
      <c r="F5480">
        <v>4</v>
      </c>
      <c r="G5480" t="s">
        <v>2</v>
      </c>
      <c r="H5480" t="s">
        <v>8788</v>
      </c>
      <c r="I5480" t="s">
        <v>30540</v>
      </c>
    </row>
    <row r="5481" spans="1:9">
      <c r="A5481" s="1">
        <f ca="1">RAND()</f>
        <v>0.30024517632679559</v>
      </c>
      <c r="B5481" s="1"/>
      <c r="C5481">
        <v>2</v>
      </c>
      <c r="D5481" t="s">
        <v>8785</v>
      </c>
      <c r="E5481" t="s">
        <v>32350</v>
      </c>
      <c r="F5481">
        <v>2</v>
      </c>
      <c r="G5481" t="s">
        <v>771</v>
      </c>
      <c r="H5481" t="s">
        <v>8786</v>
      </c>
      <c r="I5481" t="s">
        <v>30540</v>
      </c>
    </row>
    <row r="5482" spans="1:9">
      <c r="A5482" s="1">
        <f ca="1">RAND()</f>
        <v>0.61731474404702802</v>
      </c>
      <c r="B5482" s="1"/>
      <c r="C5482">
        <v>9</v>
      </c>
      <c r="D5482" t="s">
        <v>8781</v>
      </c>
      <c r="E5482" t="s">
        <v>32351</v>
      </c>
      <c r="F5482">
        <v>4</v>
      </c>
      <c r="G5482" t="s">
        <v>0</v>
      </c>
      <c r="H5482" t="s">
        <v>8782</v>
      </c>
      <c r="I5482" t="s">
        <v>30540</v>
      </c>
    </row>
    <row r="5483" spans="1:9">
      <c r="A5483" s="1">
        <f ca="1">RAND()</f>
        <v>0.73900616216601633</v>
      </c>
      <c r="B5483" s="1"/>
      <c r="C5483">
        <v>8</v>
      </c>
      <c r="D5483" t="s">
        <v>8779</v>
      </c>
      <c r="E5483" t="s">
        <v>32351</v>
      </c>
      <c r="F5483">
        <v>4</v>
      </c>
      <c r="G5483" t="s">
        <v>0</v>
      </c>
      <c r="H5483" t="s">
        <v>8780</v>
      </c>
      <c r="I5483" t="s">
        <v>30540</v>
      </c>
    </row>
    <row r="5484" spans="1:9">
      <c r="A5484" s="1">
        <f ca="1">RAND()</f>
        <v>0.9195721781959314</v>
      </c>
      <c r="B5484" s="1"/>
      <c r="C5484">
        <v>11</v>
      </c>
      <c r="D5484" t="s">
        <v>8783</v>
      </c>
      <c r="E5484" t="s">
        <v>32351</v>
      </c>
      <c r="F5484">
        <v>4</v>
      </c>
      <c r="G5484" t="s">
        <v>9</v>
      </c>
      <c r="H5484" t="s">
        <v>8784</v>
      </c>
      <c r="I5484" t="s">
        <v>30540</v>
      </c>
    </row>
    <row r="5485" spans="1:9">
      <c r="A5485" s="1">
        <f ca="1">RAND()</f>
        <v>0.56456105109009813</v>
      </c>
      <c r="B5485" s="1"/>
      <c r="C5485">
        <v>5</v>
      </c>
      <c r="D5485" t="s">
        <v>8773</v>
      </c>
      <c r="E5485" t="s">
        <v>32352</v>
      </c>
      <c r="F5485">
        <v>4</v>
      </c>
      <c r="G5485" t="s">
        <v>766</v>
      </c>
      <c r="H5485" t="s">
        <v>8774</v>
      </c>
      <c r="I5485" t="s">
        <v>30540</v>
      </c>
    </row>
    <row r="5486" spans="1:9">
      <c r="A5486" s="1">
        <f ca="1">RAND()</f>
        <v>0.84257076074938209</v>
      </c>
      <c r="B5486" s="1"/>
      <c r="C5486">
        <v>6</v>
      </c>
      <c r="D5486" t="s">
        <v>8775</v>
      </c>
      <c r="E5486" t="s">
        <v>32352</v>
      </c>
      <c r="F5486">
        <v>4</v>
      </c>
      <c r="G5486" t="s">
        <v>769</v>
      </c>
      <c r="H5486" t="s">
        <v>8776</v>
      </c>
      <c r="I5486" t="s">
        <v>30540</v>
      </c>
    </row>
    <row r="5487" spans="1:9">
      <c r="A5487" s="1">
        <f ca="1">RAND()</f>
        <v>0.27978537090478728</v>
      </c>
      <c r="B5487" s="1"/>
      <c r="C5487">
        <v>1</v>
      </c>
      <c r="D5487" t="s">
        <v>8771</v>
      </c>
      <c r="E5487" t="s">
        <v>32352</v>
      </c>
      <c r="F5487">
        <v>4</v>
      </c>
      <c r="G5487" t="s">
        <v>769</v>
      </c>
      <c r="H5487" t="s">
        <v>8772</v>
      </c>
      <c r="I5487" t="s">
        <v>30540</v>
      </c>
    </row>
    <row r="5488" spans="1:9">
      <c r="A5488" s="1">
        <f ca="1">RAND()</f>
        <v>0.42895204455158509</v>
      </c>
      <c r="B5488" s="1"/>
      <c r="C5488">
        <v>18</v>
      </c>
      <c r="D5488" t="s">
        <v>8777</v>
      </c>
      <c r="E5488" t="s">
        <v>32352</v>
      </c>
      <c r="F5488">
        <v>2</v>
      </c>
      <c r="G5488" t="s">
        <v>0</v>
      </c>
      <c r="H5488" t="s">
        <v>8778</v>
      </c>
      <c r="I5488" t="s">
        <v>30540</v>
      </c>
    </row>
    <row r="5489" spans="1:9">
      <c r="A5489" s="1">
        <f ca="1">RAND()</f>
        <v>0.47026537764838494</v>
      </c>
      <c r="B5489" s="1"/>
      <c r="C5489">
        <v>12</v>
      </c>
      <c r="D5489" t="s">
        <v>8765</v>
      </c>
      <c r="E5489" t="s">
        <v>32353</v>
      </c>
      <c r="F5489">
        <v>4</v>
      </c>
      <c r="G5489" t="s">
        <v>0</v>
      </c>
      <c r="H5489" t="s">
        <v>8766</v>
      </c>
      <c r="I5489" t="s">
        <v>30540</v>
      </c>
    </row>
    <row r="5490" spans="1:9">
      <c r="A5490" s="1">
        <f ca="1">RAND()</f>
        <v>0.30062259396987379</v>
      </c>
      <c r="B5490" s="1"/>
      <c r="C5490">
        <v>14</v>
      </c>
      <c r="D5490" t="s">
        <v>8767</v>
      </c>
      <c r="E5490" t="s">
        <v>32353</v>
      </c>
      <c r="F5490">
        <v>4</v>
      </c>
      <c r="G5490" t="s">
        <v>0</v>
      </c>
      <c r="H5490" t="s">
        <v>8768</v>
      </c>
      <c r="I5490" t="s">
        <v>30540</v>
      </c>
    </row>
    <row r="5491" spans="1:9">
      <c r="A5491" s="1">
        <f ca="1">RAND()</f>
        <v>0.59991660139223235</v>
      </c>
      <c r="B5491" s="1"/>
      <c r="C5491">
        <v>15</v>
      </c>
      <c r="D5491" t="s">
        <v>8769</v>
      </c>
      <c r="E5491" t="s">
        <v>32353</v>
      </c>
      <c r="F5491">
        <v>4</v>
      </c>
      <c r="G5491" t="s">
        <v>15</v>
      </c>
      <c r="H5491" t="s">
        <v>8770</v>
      </c>
      <c r="I5491" t="s">
        <v>30540</v>
      </c>
    </row>
    <row r="5492" spans="1:9">
      <c r="A5492" s="1">
        <f ca="1">RAND()</f>
        <v>0.72068531553815762</v>
      </c>
      <c r="B5492" s="1"/>
      <c r="C5492">
        <v>15</v>
      </c>
      <c r="D5492" t="s">
        <v>8759</v>
      </c>
      <c r="E5492" t="s">
        <v>32354</v>
      </c>
      <c r="F5492">
        <v>4</v>
      </c>
      <c r="G5492" t="s">
        <v>771</v>
      </c>
      <c r="H5492" t="s">
        <v>8760</v>
      </c>
      <c r="I5492" t="s">
        <v>30540</v>
      </c>
    </row>
    <row r="5493" spans="1:9">
      <c r="A5493" s="1">
        <f ca="1">RAND()</f>
        <v>0.77738783366191255</v>
      </c>
      <c r="B5493" s="1"/>
      <c r="C5493">
        <v>18</v>
      </c>
      <c r="D5493" t="s">
        <v>8763</v>
      </c>
      <c r="E5493" t="s">
        <v>32354</v>
      </c>
      <c r="F5493">
        <v>4</v>
      </c>
      <c r="G5493" t="s">
        <v>769</v>
      </c>
      <c r="H5493" t="s">
        <v>8764</v>
      </c>
      <c r="I5493" t="s">
        <v>30540</v>
      </c>
    </row>
    <row r="5494" spans="1:9">
      <c r="A5494" s="1">
        <f ca="1">RAND()</f>
        <v>0.79455823611187126</v>
      </c>
      <c r="B5494" s="1"/>
      <c r="C5494">
        <v>12</v>
      </c>
      <c r="D5494" t="s">
        <v>8755</v>
      </c>
      <c r="E5494" t="s">
        <v>32354</v>
      </c>
      <c r="F5494">
        <v>4</v>
      </c>
      <c r="G5494" t="s">
        <v>765</v>
      </c>
      <c r="H5494" t="s">
        <v>8756</v>
      </c>
      <c r="I5494" t="s">
        <v>30540</v>
      </c>
    </row>
    <row r="5495" spans="1:9">
      <c r="A5495" s="1">
        <f ca="1">RAND()</f>
        <v>0.32374747017293093</v>
      </c>
      <c r="B5495" s="1"/>
      <c r="C5495">
        <v>17</v>
      </c>
      <c r="D5495" t="s">
        <v>8761</v>
      </c>
      <c r="E5495" t="s">
        <v>32354</v>
      </c>
      <c r="F5495">
        <v>4</v>
      </c>
      <c r="G5495" t="s">
        <v>765</v>
      </c>
      <c r="H5495" t="s">
        <v>8762</v>
      </c>
      <c r="I5495" t="s">
        <v>30540</v>
      </c>
    </row>
    <row r="5496" spans="1:9">
      <c r="A5496" s="1">
        <f ca="1">RAND()</f>
        <v>0.50411861376750688</v>
      </c>
      <c r="B5496" s="1"/>
      <c r="C5496">
        <v>4</v>
      </c>
      <c r="D5496" t="s">
        <v>8753</v>
      </c>
      <c r="E5496" t="s">
        <v>32354</v>
      </c>
      <c r="F5496">
        <v>4</v>
      </c>
      <c r="G5496" t="s">
        <v>9</v>
      </c>
      <c r="H5496" t="s">
        <v>8754</v>
      </c>
      <c r="I5496" t="s">
        <v>30540</v>
      </c>
    </row>
    <row r="5497" spans="1:9">
      <c r="A5497" s="1">
        <f ca="1">RAND()</f>
        <v>0.52434211128667441</v>
      </c>
      <c r="B5497" s="1"/>
      <c r="C5497">
        <v>13</v>
      </c>
      <c r="D5497" t="s">
        <v>8757</v>
      </c>
      <c r="E5497" t="s">
        <v>32354</v>
      </c>
      <c r="F5497">
        <v>3</v>
      </c>
      <c r="G5497" t="s">
        <v>0</v>
      </c>
      <c r="H5497" t="s">
        <v>8758</v>
      </c>
      <c r="I5497" t="s">
        <v>30540</v>
      </c>
    </row>
    <row r="5498" spans="1:9">
      <c r="A5498" s="1">
        <f ca="1">RAND()</f>
        <v>0.73673398192118211</v>
      </c>
      <c r="B5498" s="1"/>
      <c r="C5498">
        <v>3</v>
      </c>
      <c r="D5498" t="s">
        <v>8747</v>
      </c>
      <c r="E5498" t="s">
        <v>32355</v>
      </c>
      <c r="F5498">
        <v>5</v>
      </c>
      <c r="G5498" t="s">
        <v>765</v>
      </c>
      <c r="H5498" t="s">
        <v>8748</v>
      </c>
      <c r="I5498" t="s">
        <v>30540</v>
      </c>
    </row>
    <row r="5499" spans="1:9">
      <c r="A5499" s="1">
        <f ca="1">RAND()</f>
        <v>0.64963847203441893</v>
      </c>
      <c r="B5499" s="1"/>
      <c r="C5499">
        <v>20</v>
      </c>
      <c r="D5499" t="s">
        <v>8751</v>
      </c>
      <c r="E5499" t="s">
        <v>32355</v>
      </c>
      <c r="F5499">
        <v>5</v>
      </c>
      <c r="G5499" t="s">
        <v>0</v>
      </c>
      <c r="H5499" t="s">
        <v>8752</v>
      </c>
      <c r="I5499" t="s">
        <v>30540</v>
      </c>
    </row>
    <row r="5500" spans="1:9">
      <c r="A5500" s="1">
        <f ca="1">RAND()</f>
        <v>0.96800221246924634</v>
      </c>
      <c r="B5500" s="1"/>
      <c r="C5500">
        <v>8</v>
      </c>
      <c r="D5500" t="s">
        <v>8749</v>
      </c>
      <c r="E5500" t="s">
        <v>32355</v>
      </c>
      <c r="F5500">
        <v>4</v>
      </c>
      <c r="G5500" t="s">
        <v>1295</v>
      </c>
      <c r="H5500" t="s">
        <v>8750</v>
      </c>
      <c r="I5500" t="s">
        <v>30540</v>
      </c>
    </row>
    <row r="5501" spans="1:9">
      <c r="A5501" s="1">
        <f ca="1">RAND()</f>
        <v>0.60224839199462898</v>
      </c>
      <c r="B5501" s="1"/>
      <c r="C5501">
        <v>10</v>
      </c>
      <c r="D5501" t="s">
        <v>8743</v>
      </c>
      <c r="E5501" t="s">
        <v>32356</v>
      </c>
      <c r="F5501">
        <v>5</v>
      </c>
      <c r="G5501" t="s">
        <v>15</v>
      </c>
      <c r="H5501" t="s">
        <v>8744</v>
      </c>
      <c r="I5501" t="s">
        <v>30540</v>
      </c>
    </row>
    <row r="5502" spans="1:9">
      <c r="A5502" s="1">
        <f ca="1">RAND()</f>
        <v>7.1899115161265348E-2</v>
      </c>
      <c r="B5502" s="1"/>
      <c r="C5502">
        <v>9</v>
      </c>
      <c r="D5502" t="s">
        <v>8741</v>
      </c>
      <c r="E5502" t="s">
        <v>32356</v>
      </c>
      <c r="F5502">
        <v>5</v>
      </c>
      <c r="G5502" t="s">
        <v>9</v>
      </c>
      <c r="H5502" t="s">
        <v>8742</v>
      </c>
      <c r="I5502" t="s">
        <v>30540</v>
      </c>
    </row>
    <row r="5503" spans="1:9">
      <c r="A5503" s="1">
        <f ca="1">RAND()</f>
        <v>0.56320087651099393</v>
      </c>
      <c r="B5503" s="1"/>
      <c r="C5503">
        <v>12</v>
      </c>
      <c r="D5503" t="s">
        <v>8745</v>
      </c>
      <c r="E5503" t="s">
        <v>32356</v>
      </c>
      <c r="F5503">
        <v>4</v>
      </c>
      <c r="G5503" t="s">
        <v>0</v>
      </c>
      <c r="H5503" t="s">
        <v>8746</v>
      </c>
      <c r="I5503" t="s">
        <v>30540</v>
      </c>
    </row>
    <row r="5504" spans="1:9">
      <c r="A5504" s="1">
        <f ca="1">RAND()</f>
        <v>0.9543345957564151</v>
      </c>
      <c r="B5504" s="1"/>
      <c r="C5504">
        <v>1</v>
      </c>
      <c r="D5504" t="s">
        <v>8737</v>
      </c>
      <c r="E5504" t="s">
        <v>32356</v>
      </c>
      <c r="F5504">
        <v>4</v>
      </c>
      <c r="G5504" t="s">
        <v>14</v>
      </c>
      <c r="H5504" t="s">
        <v>8738</v>
      </c>
      <c r="I5504" t="s">
        <v>30540</v>
      </c>
    </row>
    <row r="5505" spans="1:9">
      <c r="A5505" s="1">
        <f ca="1">RAND()</f>
        <v>0.13912227158577672</v>
      </c>
      <c r="B5505" s="1"/>
      <c r="C5505">
        <v>4</v>
      </c>
      <c r="D5505" t="s">
        <v>8739</v>
      </c>
      <c r="E5505" t="s">
        <v>32356</v>
      </c>
      <c r="F5505">
        <v>2</v>
      </c>
      <c r="G5505" t="s">
        <v>0</v>
      </c>
      <c r="H5505" t="s">
        <v>8740</v>
      </c>
      <c r="I5505" t="s">
        <v>30540</v>
      </c>
    </row>
    <row r="5506" spans="1:9">
      <c r="A5506" s="1">
        <f ca="1">RAND()</f>
        <v>6.9387819609679435E-2</v>
      </c>
      <c r="B5506" s="1"/>
      <c r="C5506">
        <v>5</v>
      </c>
      <c r="D5506" t="s">
        <v>8725</v>
      </c>
      <c r="E5506" t="s">
        <v>32357</v>
      </c>
      <c r="F5506">
        <v>5</v>
      </c>
      <c r="G5506" t="s">
        <v>0</v>
      </c>
      <c r="H5506" t="s">
        <v>8726</v>
      </c>
      <c r="I5506" t="s">
        <v>30540</v>
      </c>
    </row>
    <row r="5507" spans="1:9">
      <c r="A5507" s="1">
        <f ca="1">RAND()</f>
        <v>0.12051422227522857</v>
      </c>
      <c r="B5507" s="1"/>
      <c r="C5507">
        <v>16</v>
      </c>
      <c r="D5507" t="s">
        <v>8733</v>
      </c>
      <c r="E5507" t="s">
        <v>32357</v>
      </c>
      <c r="F5507">
        <v>5</v>
      </c>
      <c r="G5507" t="s">
        <v>0</v>
      </c>
      <c r="H5507" t="s">
        <v>8734</v>
      </c>
      <c r="I5507" t="s">
        <v>30540</v>
      </c>
    </row>
    <row r="5508" spans="1:9">
      <c r="A5508" s="1">
        <f ca="1">RAND()</f>
        <v>0.72698979106576933</v>
      </c>
      <c r="B5508" s="1"/>
      <c r="C5508">
        <v>19</v>
      </c>
      <c r="D5508" t="s">
        <v>8735</v>
      </c>
      <c r="E5508" t="s">
        <v>32357</v>
      </c>
      <c r="F5508">
        <v>4</v>
      </c>
      <c r="G5508" t="s">
        <v>2</v>
      </c>
      <c r="H5508" t="s">
        <v>8736</v>
      </c>
      <c r="I5508" t="s">
        <v>30540</v>
      </c>
    </row>
    <row r="5509" spans="1:9">
      <c r="A5509" s="1">
        <f ca="1">RAND()</f>
        <v>6.3018012966289505E-2</v>
      </c>
      <c r="B5509" s="1"/>
      <c r="C5509">
        <v>6</v>
      </c>
      <c r="D5509" t="s">
        <v>8727</v>
      </c>
      <c r="E5509" t="s">
        <v>32357</v>
      </c>
      <c r="F5509">
        <v>4</v>
      </c>
      <c r="G5509" t="s">
        <v>0</v>
      </c>
      <c r="H5509" t="s">
        <v>8728</v>
      </c>
      <c r="I5509" t="s">
        <v>30540</v>
      </c>
    </row>
    <row r="5510" spans="1:9">
      <c r="A5510" s="1">
        <f ca="1">RAND()</f>
        <v>0.28550075056266988</v>
      </c>
      <c r="B5510" s="1"/>
      <c r="C5510">
        <v>13</v>
      </c>
      <c r="D5510" t="s">
        <v>8731</v>
      </c>
      <c r="E5510" t="s">
        <v>32357</v>
      </c>
      <c r="F5510">
        <v>4</v>
      </c>
      <c r="G5510" t="s">
        <v>770</v>
      </c>
      <c r="H5510" t="s">
        <v>8732</v>
      </c>
      <c r="I5510" t="s">
        <v>30540</v>
      </c>
    </row>
    <row r="5511" spans="1:9">
      <c r="A5511" s="1">
        <f ca="1">RAND()</f>
        <v>0.19519483287658634</v>
      </c>
      <c r="B5511" s="1"/>
      <c r="C5511">
        <v>7</v>
      </c>
      <c r="D5511" t="s">
        <v>8729</v>
      </c>
      <c r="E5511" t="s">
        <v>32357</v>
      </c>
      <c r="F5511">
        <v>4</v>
      </c>
      <c r="G5511" t="s">
        <v>9</v>
      </c>
      <c r="H5511" t="s">
        <v>8730</v>
      </c>
      <c r="I5511" t="s">
        <v>30540</v>
      </c>
    </row>
    <row r="5512" spans="1:9">
      <c r="A5512" s="1">
        <f ca="1">RAND()</f>
        <v>0.3311435795796559</v>
      </c>
      <c r="B5512" s="1"/>
      <c r="C5512">
        <v>12</v>
      </c>
      <c r="D5512" t="s">
        <v>12587</v>
      </c>
      <c r="E5512" t="s">
        <v>32358</v>
      </c>
      <c r="F5512">
        <v>4</v>
      </c>
      <c r="G5512" t="s">
        <v>0</v>
      </c>
      <c r="H5512" t="s">
        <v>12588</v>
      </c>
      <c r="I5512" t="s">
        <v>30540</v>
      </c>
    </row>
    <row r="5513" spans="1:9">
      <c r="A5513" s="1">
        <f ca="1">RAND()</f>
        <v>0.35902624303417907</v>
      </c>
      <c r="B5513" s="1"/>
      <c r="C5513">
        <v>19</v>
      </c>
      <c r="D5513" t="s">
        <v>12589</v>
      </c>
      <c r="E5513" t="s">
        <v>32358</v>
      </c>
      <c r="F5513">
        <v>4</v>
      </c>
      <c r="G5513" t="s">
        <v>0</v>
      </c>
      <c r="H5513" t="s">
        <v>12590</v>
      </c>
      <c r="I5513" t="s">
        <v>30540</v>
      </c>
    </row>
    <row r="5514" spans="1:9">
      <c r="A5514" s="1">
        <f ca="1">RAND()</f>
        <v>0.4222645904613137</v>
      </c>
      <c r="B5514" s="1"/>
      <c r="C5514">
        <v>6</v>
      </c>
      <c r="D5514" t="s">
        <v>12583</v>
      </c>
      <c r="E5514" t="s">
        <v>32359</v>
      </c>
      <c r="F5514">
        <v>4</v>
      </c>
      <c r="G5514" t="s">
        <v>15</v>
      </c>
      <c r="H5514" t="s">
        <v>12584</v>
      </c>
      <c r="I5514" t="s">
        <v>30540</v>
      </c>
    </row>
    <row r="5515" spans="1:9">
      <c r="A5515" s="1">
        <f ca="1">RAND()</f>
        <v>0.73955499682961123</v>
      </c>
      <c r="B5515" s="1"/>
      <c r="C5515">
        <v>7</v>
      </c>
      <c r="D5515" t="s">
        <v>12585</v>
      </c>
      <c r="E5515" t="s">
        <v>32359</v>
      </c>
      <c r="F5515">
        <v>3</v>
      </c>
      <c r="G5515" t="s">
        <v>15</v>
      </c>
      <c r="H5515" t="s">
        <v>12586</v>
      </c>
      <c r="I5515" t="s">
        <v>30540</v>
      </c>
    </row>
    <row r="5516" spans="1:9">
      <c r="A5516" s="1">
        <f ca="1">RAND()</f>
        <v>0.81824835343142377</v>
      </c>
      <c r="B5516" s="1"/>
      <c r="C5516">
        <v>16</v>
      </c>
      <c r="D5516" t="s">
        <v>12581</v>
      </c>
      <c r="E5516" t="s">
        <v>32360</v>
      </c>
      <c r="F5516">
        <v>5</v>
      </c>
      <c r="G5516" t="s">
        <v>2</v>
      </c>
      <c r="H5516" t="s">
        <v>12582</v>
      </c>
      <c r="I5516" t="s">
        <v>30540</v>
      </c>
    </row>
    <row r="5517" spans="1:9">
      <c r="A5517" s="1">
        <f ca="1">RAND()</f>
        <v>0.91358482584381728</v>
      </c>
      <c r="B5517" s="1"/>
      <c r="C5517">
        <v>1</v>
      </c>
      <c r="D5517" t="s">
        <v>12569</v>
      </c>
      <c r="E5517" t="s">
        <v>32360</v>
      </c>
      <c r="F5517">
        <v>4</v>
      </c>
      <c r="G5517" t="s">
        <v>769</v>
      </c>
      <c r="H5517" t="s">
        <v>12570</v>
      </c>
      <c r="I5517" t="s">
        <v>30540</v>
      </c>
    </row>
    <row r="5518" spans="1:9">
      <c r="A5518" s="1">
        <f ca="1">RAND()</f>
        <v>0.72316168389600188</v>
      </c>
      <c r="B5518" s="1"/>
      <c r="C5518">
        <v>4</v>
      </c>
      <c r="D5518" t="s">
        <v>12571</v>
      </c>
      <c r="E5518" t="s">
        <v>32360</v>
      </c>
      <c r="F5518">
        <v>4</v>
      </c>
      <c r="G5518" t="s">
        <v>770</v>
      </c>
      <c r="H5518" t="s">
        <v>12572</v>
      </c>
      <c r="I5518" t="s">
        <v>30540</v>
      </c>
    </row>
    <row r="5519" spans="1:9">
      <c r="A5519" s="1">
        <f ca="1">RAND()</f>
        <v>0.59139420091666073</v>
      </c>
      <c r="B5519" s="1"/>
      <c r="C5519">
        <v>14</v>
      </c>
      <c r="D5519" t="s">
        <v>12577</v>
      </c>
      <c r="E5519" t="s">
        <v>32360</v>
      </c>
      <c r="F5519">
        <v>4</v>
      </c>
      <c r="G5519" t="s">
        <v>0</v>
      </c>
      <c r="H5519" t="s">
        <v>12578</v>
      </c>
      <c r="I5519" t="s">
        <v>30540</v>
      </c>
    </row>
    <row r="5520" spans="1:9">
      <c r="A5520" s="1">
        <f ca="1">RAND()</f>
        <v>0.65489967771942581</v>
      </c>
      <c r="B5520" s="1"/>
      <c r="C5520">
        <v>15</v>
      </c>
      <c r="D5520" t="s">
        <v>12579</v>
      </c>
      <c r="E5520" t="s">
        <v>32360</v>
      </c>
      <c r="F5520">
        <v>4</v>
      </c>
      <c r="G5520" t="s">
        <v>15</v>
      </c>
      <c r="H5520" t="s">
        <v>12580</v>
      </c>
      <c r="I5520" t="s">
        <v>30540</v>
      </c>
    </row>
    <row r="5521" spans="1:9">
      <c r="A5521" s="1">
        <f ca="1">RAND()</f>
        <v>0.95742981779495018</v>
      </c>
      <c r="B5521" s="1"/>
      <c r="C5521">
        <v>12</v>
      </c>
      <c r="D5521" t="s">
        <v>12575</v>
      </c>
      <c r="E5521" t="s">
        <v>32360</v>
      </c>
      <c r="F5521">
        <v>4</v>
      </c>
      <c r="G5521" t="s">
        <v>13</v>
      </c>
      <c r="H5521" t="s">
        <v>12576</v>
      </c>
      <c r="I5521" t="s">
        <v>30540</v>
      </c>
    </row>
    <row r="5522" spans="1:9">
      <c r="A5522" s="1">
        <f ca="1">RAND()</f>
        <v>0.72893261925651132</v>
      </c>
      <c r="B5522" s="1"/>
      <c r="C5522">
        <v>6</v>
      </c>
      <c r="D5522" t="s">
        <v>12573</v>
      </c>
      <c r="E5522" t="s">
        <v>32360</v>
      </c>
      <c r="F5522">
        <v>3</v>
      </c>
      <c r="G5522" t="s">
        <v>0</v>
      </c>
      <c r="H5522" t="s">
        <v>12574</v>
      </c>
      <c r="I5522" t="s">
        <v>30540</v>
      </c>
    </row>
    <row r="5523" spans="1:9">
      <c r="A5523" s="1">
        <f ca="1">RAND()</f>
        <v>0.37258935537108051</v>
      </c>
      <c r="B5523" s="1"/>
      <c r="C5523">
        <v>7</v>
      </c>
      <c r="D5523" t="s">
        <v>12559</v>
      </c>
      <c r="E5523" t="s">
        <v>32361</v>
      </c>
      <c r="F5523">
        <v>4</v>
      </c>
      <c r="G5523" t="s">
        <v>2</v>
      </c>
      <c r="H5523" t="s">
        <v>12560</v>
      </c>
      <c r="I5523" t="s">
        <v>30540</v>
      </c>
    </row>
    <row r="5524" spans="1:9">
      <c r="A5524" s="1">
        <f ca="1">RAND()</f>
        <v>0.45604331128505771</v>
      </c>
      <c r="B5524" s="1"/>
      <c r="C5524">
        <v>16</v>
      </c>
      <c r="D5524" t="s">
        <v>12567</v>
      </c>
      <c r="E5524" t="s">
        <v>32361</v>
      </c>
      <c r="F5524">
        <v>3</v>
      </c>
      <c r="G5524" t="s">
        <v>0</v>
      </c>
      <c r="H5524" t="s">
        <v>12568</v>
      </c>
      <c r="I5524" t="s">
        <v>30540</v>
      </c>
    </row>
    <row r="5525" spans="1:9">
      <c r="A5525" s="1">
        <f ca="1">RAND()</f>
        <v>0.97089901427132363</v>
      </c>
      <c r="B5525" s="1"/>
      <c r="C5525">
        <v>10</v>
      </c>
      <c r="D5525" t="s">
        <v>12561</v>
      </c>
      <c r="E5525" t="s">
        <v>32361</v>
      </c>
      <c r="F5525">
        <v>2</v>
      </c>
      <c r="G5525" t="s">
        <v>0</v>
      </c>
      <c r="H5525" t="s">
        <v>12562</v>
      </c>
      <c r="I5525" t="s">
        <v>30540</v>
      </c>
    </row>
    <row r="5526" spans="1:9">
      <c r="A5526" s="1">
        <f ca="1">RAND()</f>
        <v>0.11257876272165068</v>
      </c>
      <c r="B5526" s="1"/>
      <c r="C5526">
        <v>13</v>
      </c>
      <c r="D5526" t="s">
        <v>12563</v>
      </c>
      <c r="E5526" t="s">
        <v>32361</v>
      </c>
      <c r="F5526">
        <v>2</v>
      </c>
      <c r="G5526" t="s">
        <v>15</v>
      </c>
      <c r="H5526" t="s">
        <v>12564</v>
      </c>
      <c r="I5526" t="s">
        <v>30540</v>
      </c>
    </row>
    <row r="5527" spans="1:9">
      <c r="A5527" s="1">
        <f ca="1">RAND()</f>
        <v>0.22802306481716539</v>
      </c>
      <c r="B5527" s="1"/>
      <c r="C5527">
        <v>14</v>
      </c>
      <c r="D5527" t="s">
        <v>12565</v>
      </c>
      <c r="E5527" t="s">
        <v>32361</v>
      </c>
      <c r="F5527">
        <v>2</v>
      </c>
      <c r="G5527" t="s">
        <v>15</v>
      </c>
      <c r="H5527" t="s">
        <v>12566</v>
      </c>
      <c r="I5527" t="s">
        <v>30540</v>
      </c>
    </row>
    <row r="5528" spans="1:9">
      <c r="A5528" s="1">
        <f ca="1">RAND()</f>
        <v>0.45357353640377662</v>
      </c>
      <c r="B5528" s="1"/>
      <c r="C5528">
        <v>9</v>
      </c>
      <c r="D5528" t="s">
        <v>12553</v>
      </c>
      <c r="E5528" t="s">
        <v>32362</v>
      </c>
      <c r="F5528">
        <v>4</v>
      </c>
      <c r="G5528" t="s">
        <v>0</v>
      </c>
      <c r="H5528" t="s">
        <v>12554</v>
      </c>
      <c r="I5528" t="s">
        <v>30540</v>
      </c>
    </row>
    <row r="5529" spans="1:9">
      <c r="A5529" s="1">
        <f ca="1">RAND()</f>
        <v>0.29056572847641993</v>
      </c>
      <c r="B5529" s="1"/>
      <c r="C5529">
        <v>19</v>
      </c>
      <c r="D5529" t="s">
        <v>12557</v>
      </c>
      <c r="E5529" t="s">
        <v>32362</v>
      </c>
      <c r="F5529">
        <v>4</v>
      </c>
      <c r="G5529" t="s">
        <v>0</v>
      </c>
      <c r="H5529" t="s">
        <v>12558</v>
      </c>
      <c r="I5529" t="s">
        <v>30540</v>
      </c>
    </row>
    <row r="5530" spans="1:9">
      <c r="A5530" s="1">
        <f ca="1">RAND()</f>
        <v>0.31064050117473607</v>
      </c>
      <c r="B5530" s="1"/>
      <c r="C5530">
        <v>12</v>
      </c>
      <c r="D5530" t="s">
        <v>12555</v>
      </c>
      <c r="E5530" t="s">
        <v>32362</v>
      </c>
      <c r="F5530">
        <v>3</v>
      </c>
      <c r="G5530" t="s">
        <v>762</v>
      </c>
      <c r="H5530" t="s">
        <v>12556</v>
      </c>
      <c r="I5530" t="s">
        <v>30540</v>
      </c>
    </row>
    <row r="5531" spans="1:9">
      <c r="A5531" s="1">
        <f ca="1">RAND()</f>
        <v>0.69064025133851192</v>
      </c>
      <c r="B5531" s="1"/>
      <c r="C5531">
        <v>16</v>
      </c>
      <c r="D5531" t="s">
        <v>12549</v>
      </c>
      <c r="E5531" t="s">
        <v>32363</v>
      </c>
      <c r="F5531">
        <v>5</v>
      </c>
      <c r="G5531" t="s">
        <v>15</v>
      </c>
      <c r="H5531" t="s">
        <v>12550</v>
      </c>
      <c r="I5531" t="s">
        <v>30540</v>
      </c>
    </row>
    <row r="5532" spans="1:9">
      <c r="A5532" s="1">
        <f ca="1">RAND()</f>
        <v>0.48411236558004145</v>
      </c>
      <c r="B5532" s="1"/>
      <c r="C5532">
        <v>19</v>
      </c>
      <c r="D5532" t="s">
        <v>12551</v>
      </c>
      <c r="E5532" t="s">
        <v>32363</v>
      </c>
      <c r="F5532">
        <v>4</v>
      </c>
      <c r="G5532" t="s">
        <v>766</v>
      </c>
      <c r="H5532" t="s">
        <v>12552</v>
      </c>
      <c r="I5532" t="s">
        <v>30540</v>
      </c>
    </row>
    <row r="5533" spans="1:9">
      <c r="A5533" s="1">
        <f ca="1">RAND()</f>
        <v>0.9595351883809875</v>
      </c>
      <c r="B5533" s="1"/>
      <c r="C5533">
        <v>6</v>
      </c>
      <c r="D5533" t="s">
        <v>12547</v>
      </c>
      <c r="E5533" t="s">
        <v>32363</v>
      </c>
      <c r="F5533">
        <v>4</v>
      </c>
      <c r="G5533" t="s">
        <v>0</v>
      </c>
      <c r="H5533" t="s">
        <v>12548</v>
      </c>
      <c r="I5533" t="s">
        <v>30540</v>
      </c>
    </row>
    <row r="5534" spans="1:9">
      <c r="A5534" s="1">
        <f ca="1">RAND()</f>
        <v>0.56150354948525982</v>
      </c>
      <c r="B5534" s="1"/>
      <c r="C5534">
        <v>6</v>
      </c>
      <c r="D5534" t="s">
        <v>12545</v>
      </c>
      <c r="E5534" t="s">
        <v>32364</v>
      </c>
      <c r="F5534">
        <v>4</v>
      </c>
      <c r="G5534" t="s">
        <v>15</v>
      </c>
      <c r="H5534" t="s">
        <v>12546</v>
      </c>
      <c r="I5534" t="s">
        <v>30540</v>
      </c>
    </row>
    <row r="5535" spans="1:9">
      <c r="A5535" s="1">
        <f ca="1">RAND()</f>
        <v>0.66360883000832105</v>
      </c>
      <c r="B5535" s="1"/>
      <c r="C5535">
        <v>8</v>
      </c>
      <c r="D5535" t="s">
        <v>12539</v>
      </c>
      <c r="E5535" t="s">
        <v>32365</v>
      </c>
      <c r="F5535">
        <v>5</v>
      </c>
      <c r="G5535" t="s">
        <v>2</v>
      </c>
      <c r="H5535" t="s">
        <v>12540</v>
      </c>
      <c r="I5535" t="s">
        <v>30540</v>
      </c>
    </row>
    <row r="5536" spans="1:9">
      <c r="A5536" s="1">
        <f ca="1">RAND()</f>
        <v>0.96599837962664803</v>
      </c>
      <c r="B5536" s="1"/>
      <c r="C5536">
        <v>16</v>
      </c>
      <c r="D5536" t="s">
        <v>12541</v>
      </c>
      <c r="E5536" t="s">
        <v>32365</v>
      </c>
      <c r="F5536">
        <v>4</v>
      </c>
      <c r="G5536" t="s">
        <v>770</v>
      </c>
      <c r="H5536" t="s">
        <v>12542</v>
      </c>
      <c r="I5536" t="s">
        <v>30540</v>
      </c>
    </row>
    <row r="5537" spans="1:9">
      <c r="A5537" s="1">
        <f ca="1">RAND()</f>
        <v>0.10553866656644262</v>
      </c>
      <c r="B5537" s="1"/>
      <c r="C5537">
        <v>17</v>
      </c>
      <c r="D5537" t="s">
        <v>12543</v>
      </c>
      <c r="E5537" t="s">
        <v>32365</v>
      </c>
      <c r="F5537">
        <v>4</v>
      </c>
      <c r="G5537" t="s">
        <v>0</v>
      </c>
      <c r="H5537" t="s">
        <v>12544</v>
      </c>
      <c r="I5537" t="s">
        <v>30540</v>
      </c>
    </row>
    <row r="5538" spans="1:9">
      <c r="A5538" s="1">
        <f ca="1">RAND()</f>
        <v>0.64479662935134407</v>
      </c>
      <c r="B5538" s="1"/>
      <c r="C5538">
        <v>7</v>
      </c>
      <c r="D5538" t="s">
        <v>12535</v>
      </c>
      <c r="E5538" t="s">
        <v>32366</v>
      </c>
      <c r="F5538">
        <v>4</v>
      </c>
      <c r="G5538" t="s">
        <v>0</v>
      </c>
      <c r="H5538" t="s">
        <v>12536</v>
      </c>
      <c r="I5538" t="s">
        <v>30540</v>
      </c>
    </row>
    <row r="5539" spans="1:9">
      <c r="A5539" s="1">
        <f ca="1">RAND()</f>
        <v>0.90573440176187148</v>
      </c>
      <c r="B5539" s="1"/>
      <c r="C5539">
        <v>5</v>
      </c>
      <c r="D5539" t="s">
        <v>12533</v>
      </c>
      <c r="E5539" t="s">
        <v>32366</v>
      </c>
      <c r="F5539">
        <v>4</v>
      </c>
      <c r="G5539" t="s">
        <v>0</v>
      </c>
      <c r="H5539" t="s">
        <v>12534</v>
      </c>
      <c r="I5539" t="s">
        <v>30540</v>
      </c>
    </row>
    <row r="5540" spans="1:9">
      <c r="A5540" s="1">
        <f ca="1">RAND()</f>
        <v>0.53476499780746645</v>
      </c>
      <c r="B5540" s="1"/>
      <c r="C5540">
        <v>9</v>
      </c>
      <c r="D5540" t="s">
        <v>12537</v>
      </c>
      <c r="E5540" t="s">
        <v>32366</v>
      </c>
      <c r="F5540">
        <v>4</v>
      </c>
      <c r="G5540" t="s">
        <v>2</v>
      </c>
      <c r="H5540" t="s">
        <v>12538</v>
      </c>
      <c r="I5540" t="s">
        <v>30540</v>
      </c>
    </row>
    <row r="5541" spans="1:9">
      <c r="A5541" s="1">
        <f ca="1">RAND()</f>
        <v>0.41780351098781154</v>
      </c>
      <c r="B5541" s="1"/>
      <c r="C5541">
        <v>15</v>
      </c>
      <c r="D5541" t="s">
        <v>12531</v>
      </c>
      <c r="E5541" t="s">
        <v>32367</v>
      </c>
      <c r="F5541">
        <v>4</v>
      </c>
      <c r="G5541" t="s">
        <v>0</v>
      </c>
      <c r="H5541" t="s">
        <v>12532</v>
      </c>
      <c r="I5541" t="s">
        <v>30540</v>
      </c>
    </row>
    <row r="5542" spans="1:9">
      <c r="A5542" s="1">
        <f ca="1">RAND()</f>
        <v>0.76088135383444233</v>
      </c>
      <c r="B5542" s="1"/>
      <c r="C5542">
        <v>12</v>
      </c>
      <c r="D5542" t="s">
        <v>12525</v>
      </c>
      <c r="E5542" t="s">
        <v>32368</v>
      </c>
      <c r="F5542">
        <v>5</v>
      </c>
      <c r="G5542" t="s">
        <v>2</v>
      </c>
      <c r="H5542" t="s">
        <v>12526</v>
      </c>
      <c r="I5542" t="s">
        <v>30540</v>
      </c>
    </row>
    <row r="5543" spans="1:9">
      <c r="A5543" s="1">
        <f ca="1">RAND()</f>
        <v>0.86375437336996252</v>
      </c>
      <c r="B5543" s="1"/>
      <c r="C5543">
        <v>14</v>
      </c>
      <c r="D5543" t="s">
        <v>12529</v>
      </c>
      <c r="E5543" t="s">
        <v>32368</v>
      </c>
      <c r="F5543">
        <v>4</v>
      </c>
      <c r="G5543" t="s">
        <v>9</v>
      </c>
      <c r="H5543" t="s">
        <v>12530</v>
      </c>
      <c r="I5543" t="s">
        <v>30540</v>
      </c>
    </row>
    <row r="5544" spans="1:9">
      <c r="A5544" s="1">
        <f ca="1">RAND()</f>
        <v>0.99033074751427286</v>
      </c>
      <c r="B5544" s="1"/>
      <c r="C5544">
        <v>4</v>
      </c>
      <c r="D5544" t="s">
        <v>12521</v>
      </c>
      <c r="E5544" t="s">
        <v>32368</v>
      </c>
      <c r="F5544">
        <v>4</v>
      </c>
      <c r="G5544" t="s">
        <v>0</v>
      </c>
      <c r="H5544" t="s">
        <v>12522</v>
      </c>
      <c r="I5544" t="s">
        <v>30540</v>
      </c>
    </row>
    <row r="5545" spans="1:9">
      <c r="A5545" s="1">
        <f ca="1">RAND()</f>
        <v>0.41559342369550123</v>
      </c>
      <c r="B5545" s="1"/>
      <c r="C5545">
        <v>11</v>
      </c>
      <c r="D5545" t="s">
        <v>12523</v>
      </c>
      <c r="E5545" t="s">
        <v>32368</v>
      </c>
      <c r="F5545">
        <v>3</v>
      </c>
      <c r="G5545" t="s">
        <v>0</v>
      </c>
      <c r="H5545" t="s">
        <v>12524</v>
      </c>
      <c r="I5545" t="s">
        <v>30540</v>
      </c>
    </row>
    <row r="5546" spans="1:9">
      <c r="A5546" s="1">
        <f ca="1">RAND()</f>
        <v>0.39700656682381907</v>
      </c>
      <c r="B5546" s="1"/>
      <c r="C5546">
        <v>13</v>
      </c>
      <c r="D5546" t="s">
        <v>12527</v>
      </c>
      <c r="E5546" t="s">
        <v>32368</v>
      </c>
      <c r="F5546">
        <v>2</v>
      </c>
      <c r="G5546" t="s">
        <v>1</v>
      </c>
      <c r="H5546" t="s">
        <v>12528</v>
      </c>
      <c r="I5546" t="s">
        <v>30540</v>
      </c>
    </row>
    <row r="5547" spans="1:9">
      <c r="A5547" s="1">
        <f ca="1">RAND()</f>
        <v>1.7820706696092259E-5</v>
      </c>
      <c r="B5547" s="1"/>
      <c r="C5547">
        <v>2</v>
      </c>
      <c r="D5547" t="s">
        <v>12519</v>
      </c>
      <c r="E5547" t="s">
        <v>32368</v>
      </c>
      <c r="F5547">
        <v>2</v>
      </c>
      <c r="G5547" t="s">
        <v>13</v>
      </c>
      <c r="H5547" t="s">
        <v>12520</v>
      </c>
      <c r="I5547" t="s">
        <v>30540</v>
      </c>
    </row>
    <row r="5548" spans="1:9">
      <c r="A5548" s="1">
        <f ca="1">RAND()</f>
        <v>9.0495269098258002E-2</v>
      </c>
      <c r="B5548" s="1"/>
      <c r="C5548">
        <v>12</v>
      </c>
      <c r="D5548" t="s">
        <v>12517</v>
      </c>
      <c r="E5548" t="s">
        <v>32369</v>
      </c>
      <c r="F5548">
        <v>5</v>
      </c>
      <c r="G5548" t="s">
        <v>2</v>
      </c>
      <c r="H5548" t="s">
        <v>12518</v>
      </c>
      <c r="I5548" t="s">
        <v>30540</v>
      </c>
    </row>
    <row r="5549" spans="1:9">
      <c r="A5549" s="1">
        <f ca="1">RAND()</f>
        <v>0.93684081462076041</v>
      </c>
      <c r="B5549" s="1"/>
      <c r="C5549">
        <v>10</v>
      </c>
      <c r="D5549" t="s">
        <v>12513</v>
      </c>
      <c r="E5549" t="s">
        <v>32369</v>
      </c>
      <c r="F5549">
        <v>5</v>
      </c>
      <c r="G5549" t="s">
        <v>2</v>
      </c>
      <c r="H5549" t="s">
        <v>12514</v>
      </c>
      <c r="I5549" t="s">
        <v>30540</v>
      </c>
    </row>
    <row r="5550" spans="1:9">
      <c r="A5550" s="1">
        <f ca="1">RAND()</f>
        <v>0.20710015386657488</v>
      </c>
      <c r="B5550" s="1"/>
      <c r="C5550">
        <v>1</v>
      </c>
      <c r="D5550" t="s">
        <v>12509</v>
      </c>
      <c r="E5550" t="s">
        <v>32369</v>
      </c>
      <c r="F5550">
        <v>4</v>
      </c>
      <c r="G5550" t="s">
        <v>1</v>
      </c>
      <c r="H5550" t="s">
        <v>12510</v>
      </c>
      <c r="I5550" t="s">
        <v>30540</v>
      </c>
    </row>
    <row r="5551" spans="1:9">
      <c r="A5551" s="1">
        <f ca="1">RAND()</f>
        <v>5.9329160201652908E-2</v>
      </c>
      <c r="B5551" s="1"/>
      <c r="C5551">
        <v>6</v>
      </c>
      <c r="D5551" t="s">
        <v>12511</v>
      </c>
      <c r="E5551" t="s">
        <v>32369</v>
      </c>
      <c r="F5551">
        <v>4</v>
      </c>
      <c r="G5551" t="s">
        <v>15</v>
      </c>
      <c r="H5551" t="s">
        <v>12512</v>
      </c>
      <c r="I5551" t="s">
        <v>30540</v>
      </c>
    </row>
    <row r="5552" spans="1:9">
      <c r="A5552" s="1">
        <f ca="1">RAND()</f>
        <v>0.45196156603040261</v>
      </c>
      <c r="B5552" s="1"/>
      <c r="C5552">
        <v>11</v>
      </c>
      <c r="D5552" t="s">
        <v>12515</v>
      </c>
      <c r="E5552" t="s">
        <v>32369</v>
      </c>
      <c r="F5552">
        <v>2</v>
      </c>
      <c r="G5552" t="s">
        <v>0</v>
      </c>
      <c r="H5552" t="s">
        <v>12516</v>
      </c>
      <c r="I5552" t="s">
        <v>30540</v>
      </c>
    </row>
    <row r="5553" spans="1:9">
      <c r="A5553" s="1">
        <f ca="1">RAND()</f>
        <v>0.83542151609831039</v>
      </c>
      <c r="B5553" s="1"/>
      <c r="C5553">
        <v>13</v>
      </c>
      <c r="D5553" t="s">
        <v>12507</v>
      </c>
      <c r="E5553" t="s">
        <v>32370</v>
      </c>
      <c r="F5553">
        <v>5</v>
      </c>
      <c r="G5553" t="s">
        <v>0</v>
      </c>
      <c r="H5553" t="s">
        <v>12508</v>
      </c>
      <c r="I5553" t="s">
        <v>30540</v>
      </c>
    </row>
    <row r="5554" spans="1:9">
      <c r="A5554" s="1">
        <f ca="1">RAND()</f>
        <v>0.47522006678759998</v>
      </c>
      <c r="B5554" s="1"/>
      <c r="C5554">
        <v>10</v>
      </c>
      <c r="D5554" t="s">
        <v>12503</v>
      </c>
      <c r="E5554" t="s">
        <v>32370</v>
      </c>
      <c r="F5554">
        <v>4</v>
      </c>
      <c r="G5554" t="s">
        <v>1</v>
      </c>
      <c r="H5554" t="s">
        <v>12504</v>
      </c>
      <c r="I5554" t="s">
        <v>30540</v>
      </c>
    </row>
    <row r="5555" spans="1:9">
      <c r="A5555" s="1">
        <f ca="1">RAND()</f>
        <v>0.96849019193627117</v>
      </c>
      <c r="B5555" s="1"/>
      <c r="C5555">
        <v>9</v>
      </c>
      <c r="D5555" t="s">
        <v>12501</v>
      </c>
      <c r="E5555" t="s">
        <v>32370</v>
      </c>
      <c r="F5555">
        <v>4</v>
      </c>
      <c r="G5555" t="s">
        <v>0</v>
      </c>
      <c r="H5555" t="s">
        <v>12502</v>
      </c>
      <c r="I5555" t="s">
        <v>30540</v>
      </c>
    </row>
    <row r="5556" spans="1:9">
      <c r="A5556" s="1">
        <f ca="1">RAND()</f>
        <v>0.74413308305173409</v>
      </c>
      <c r="B5556" s="1"/>
      <c r="C5556">
        <v>8</v>
      </c>
      <c r="D5556" t="s">
        <v>12499</v>
      </c>
      <c r="E5556" t="s">
        <v>32370</v>
      </c>
      <c r="F5556">
        <v>2</v>
      </c>
      <c r="G5556" t="s">
        <v>0</v>
      </c>
      <c r="H5556" t="s">
        <v>12500</v>
      </c>
      <c r="I5556" t="s">
        <v>30540</v>
      </c>
    </row>
    <row r="5557" spans="1:9">
      <c r="A5557" s="1">
        <f ca="1">RAND()</f>
        <v>0.19586714758660284</v>
      </c>
      <c r="B5557" s="1"/>
      <c r="C5557">
        <v>12</v>
      </c>
      <c r="D5557" t="s">
        <v>12505</v>
      </c>
      <c r="E5557" t="s">
        <v>32370</v>
      </c>
      <c r="F5557">
        <v>2</v>
      </c>
      <c r="G5557" t="s">
        <v>15</v>
      </c>
      <c r="H5557" t="s">
        <v>12506</v>
      </c>
      <c r="I5557" t="s">
        <v>30540</v>
      </c>
    </row>
    <row r="5558" spans="1:9">
      <c r="A5558" s="1">
        <f ca="1">RAND()</f>
        <v>1.482906372343451E-2</v>
      </c>
      <c r="B5558" s="1"/>
      <c r="C5558">
        <v>17</v>
      </c>
      <c r="D5558" t="s">
        <v>12497</v>
      </c>
      <c r="E5558" t="s">
        <v>32371</v>
      </c>
      <c r="F5558">
        <v>4</v>
      </c>
      <c r="G5558" t="s">
        <v>0</v>
      </c>
      <c r="H5558" t="s">
        <v>12498</v>
      </c>
      <c r="I5558" t="s">
        <v>30540</v>
      </c>
    </row>
    <row r="5559" spans="1:9">
      <c r="A5559" s="1">
        <f ca="1">RAND()</f>
        <v>0.78751050742540651</v>
      </c>
      <c r="B5559" s="1"/>
      <c r="C5559">
        <v>2</v>
      </c>
      <c r="D5559" t="s">
        <v>12495</v>
      </c>
      <c r="E5559" t="s">
        <v>32371</v>
      </c>
      <c r="F5559">
        <v>4</v>
      </c>
      <c r="G5559" t="s">
        <v>762</v>
      </c>
      <c r="H5559" t="s">
        <v>12496</v>
      </c>
      <c r="I5559" t="s">
        <v>30540</v>
      </c>
    </row>
    <row r="5560" spans="1:9">
      <c r="A5560" s="1">
        <f ca="1">RAND()</f>
        <v>0.59400270410368217</v>
      </c>
      <c r="B5560" s="1"/>
      <c r="C5560">
        <v>18</v>
      </c>
      <c r="D5560" t="s">
        <v>12493</v>
      </c>
      <c r="E5560" t="s">
        <v>32372</v>
      </c>
      <c r="F5560">
        <v>5</v>
      </c>
      <c r="G5560" t="s">
        <v>0</v>
      </c>
      <c r="H5560" t="s">
        <v>12494</v>
      </c>
      <c r="I5560" t="s">
        <v>30540</v>
      </c>
    </row>
    <row r="5561" spans="1:9">
      <c r="A5561" s="1">
        <f ca="1">RAND()</f>
        <v>0.73564517345644764</v>
      </c>
      <c r="B5561" s="1"/>
      <c r="C5561">
        <v>4</v>
      </c>
      <c r="D5561" t="s">
        <v>12487</v>
      </c>
      <c r="E5561" t="s">
        <v>32372</v>
      </c>
      <c r="F5561">
        <v>4</v>
      </c>
      <c r="G5561" t="s">
        <v>762</v>
      </c>
      <c r="H5561" t="s">
        <v>12488</v>
      </c>
      <c r="I5561" t="s">
        <v>30540</v>
      </c>
    </row>
    <row r="5562" spans="1:9">
      <c r="A5562" s="1">
        <f ca="1">RAND()</f>
        <v>0.14878494137055187</v>
      </c>
      <c r="B5562" s="1"/>
      <c r="C5562">
        <v>7</v>
      </c>
      <c r="D5562" t="s">
        <v>12489</v>
      </c>
      <c r="E5562" t="s">
        <v>32372</v>
      </c>
      <c r="F5562">
        <v>4</v>
      </c>
      <c r="G5562" t="s">
        <v>0</v>
      </c>
      <c r="H5562" t="s">
        <v>12490</v>
      </c>
      <c r="I5562" t="s">
        <v>30540</v>
      </c>
    </row>
    <row r="5563" spans="1:9">
      <c r="A5563" s="1">
        <f ca="1">RAND()</f>
        <v>0.65796001610738297</v>
      </c>
      <c r="B5563" s="1"/>
      <c r="C5563">
        <v>9</v>
      </c>
      <c r="D5563" t="s">
        <v>12491</v>
      </c>
      <c r="E5563" t="s">
        <v>32372</v>
      </c>
      <c r="F5563">
        <v>4</v>
      </c>
      <c r="G5563" t="s">
        <v>771</v>
      </c>
      <c r="H5563" t="s">
        <v>12492</v>
      </c>
      <c r="I5563" t="s">
        <v>30540</v>
      </c>
    </row>
    <row r="5564" spans="1:9">
      <c r="A5564" s="1">
        <f ca="1">RAND()</f>
        <v>0.16008702960090737</v>
      </c>
      <c r="B5564" s="1"/>
      <c r="C5564">
        <v>3</v>
      </c>
      <c r="D5564" t="s">
        <v>12483</v>
      </c>
      <c r="E5564" t="s">
        <v>32373</v>
      </c>
      <c r="F5564">
        <v>5</v>
      </c>
      <c r="G5564" t="s">
        <v>2</v>
      </c>
      <c r="H5564" t="s">
        <v>12484</v>
      </c>
      <c r="I5564" t="s">
        <v>30540</v>
      </c>
    </row>
    <row r="5565" spans="1:9">
      <c r="A5565" s="1">
        <f ca="1">RAND()</f>
        <v>0.545984440741899</v>
      </c>
      <c r="B5565" s="1"/>
      <c r="C5565">
        <v>4</v>
      </c>
      <c r="D5565" t="s">
        <v>12485</v>
      </c>
      <c r="E5565" t="s">
        <v>32373</v>
      </c>
      <c r="F5565">
        <v>4</v>
      </c>
      <c r="G5565" t="s">
        <v>0</v>
      </c>
      <c r="H5565" t="s">
        <v>12486</v>
      </c>
      <c r="I5565" t="s">
        <v>30540</v>
      </c>
    </row>
    <row r="5566" spans="1:9">
      <c r="A5566" s="1">
        <f ca="1">RAND()</f>
        <v>0.78704822287756349</v>
      </c>
      <c r="B5566" s="1"/>
      <c r="C5566">
        <v>4</v>
      </c>
      <c r="D5566" t="s">
        <v>12477</v>
      </c>
      <c r="E5566" t="s">
        <v>32374</v>
      </c>
      <c r="F5566">
        <v>5</v>
      </c>
      <c r="G5566" t="s">
        <v>0</v>
      </c>
      <c r="H5566" t="s">
        <v>12478</v>
      </c>
      <c r="I5566" t="s">
        <v>30540</v>
      </c>
    </row>
    <row r="5567" spans="1:9">
      <c r="A5567" s="1">
        <f ca="1">RAND()</f>
        <v>0.74592724358383555</v>
      </c>
      <c r="B5567" s="1"/>
      <c r="C5567">
        <v>12</v>
      </c>
      <c r="D5567" t="s">
        <v>12481</v>
      </c>
      <c r="E5567" t="s">
        <v>32374</v>
      </c>
      <c r="F5567">
        <v>5</v>
      </c>
      <c r="G5567" t="s">
        <v>15</v>
      </c>
      <c r="H5567" t="s">
        <v>12482</v>
      </c>
      <c r="I5567" t="s">
        <v>30540</v>
      </c>
    </row>
    <row r="5568" spans="1:9">
      <c r="A5568" s="1">
        <f ca="1">RAND()</f>
        <v>0.58687491340525633</v>
      </c>
      <c r="B5568" s="1"/>
      <c r="C5568">
        <v>7</v>
      </c>
      <c r="D5568" t="s">
        <v>12479</v>
      </c>
      <c r="E5568" t="s">
        <v>32374</v>
      </c>
      <c r="F5568">
        <v>2</v>
      </c>
      <c r="G5568" t="s">
        <v>14</v>
      </c>
      <c r="H5568" t="s">
        <v>12480</v>
      </c>
      <c r="I5568" t="s">
        <v>30540</v>
      </c>
    </row>
    <row r="5569" spans="1:9">
      <c r="A5569" s="1">
        <f ca="1">RAND()</f>
        <v>0.61153466551170677</v>
      </c>
      <c r="B5569" s="1"/>
      <c r="C5569">
        <v>5</v>
      </c>
      <c r="D5569" t="s">
        <v>12467</v>
      </c>
      <c r="E5569" t="s">
        <v>32375</v>
      </c>
      <c r="F5569">
        <v>4</v>
      </c>
      <c r="G5569" t="s">
        <v>13</v>
      </c>
      <c r="H5569" t="s">
        <v>12468</v>
      </c>
      <c r="I5569" t="s">
        <v>30540</v>
      </c>
    </row>
    <row r="5570" spans="1:9">
      <c r="A5570" s="1">
        <f ca="1">RAND()</f>
        <v>0.13861723507710766</v>
      </c>
      <c r="B5570" s="1"/>
      <c r="C5570">
        <v>14</v>
      </c>
      <c r="D5570" t="s">
        <v>12475</v>
      </c>
      <c r="E5570" t="s">
        <v>32375</v>
      </c>
      <c r="F5570">
        <v>4</v>
      </c>
      <c r="G5570" t="s">
        <v>0</v>
      </c>
      <c r="H5570" t="s">
        <v>12476</v>
      </c>
      <c r="I5570" t="s">
        <v>30540</v>
      </c>
    </row>
    <row r="5571" spans="1:9">
      <c r="A5571" s="1">
        <f ca="1">RAND()</f>
        <v>0.85881008181165097</v>
      </c>
      <c r="B5571" s="1"/>
      <c r="C5571">
        <v>6</v>
      </c>
      <c r="D5571" t="s">
        <v>12469</v>
      </c>
      <c r="E5571" t="s">
        <v>32375</v>
      </c>
      <c r="F5571">
        <v>4</v>
      </c>
      <c r="G5571" t="s">
        <v>13</v>
      </c>
      <c r="H5571" t="s">
        <v>12470</v>
      </c>
      <c r="I5571" t="s">
        <v>30540</v>
      </c>
    </row>
    <row r="5572" spans="1:9">
      <c r="A5572" s="1">
        <f ca="1">RAND()</f>
        <v>0.99397875912106981</v>
      </c>
      <c r="B5572" s="1"/>
      <c r="C5572">
        <v>1</v>
      </c>
      <c r="D5572" t="s">
        <v>12465</v>
      </c>
      <c r="E5572" t="s">
        <v>32375</v>
      </c>
      <c r="F5572">
        <v>4</v>
      </c>
      <c r="G5572" t="s">
        <v>0</v>
      </c>
      <c r="H5572" t="s">
        <v>12466</v>
      </c>
      <c r="I5572" t="s">
        <v>30540</v>
      </c>
    </row>
    <row r="5573" spans="1:9">
      <c r="A5573" s="1">
        <f ca="1">RAND()</f>
        <v>0.22624014437514084</v>
      </c>
      <c r="B5573" s="1"/>
      <c r="C5573">
        <v>8</v>
      </c>
      <c r="D5573" t="s">
        <v>12471</v>
      </c>
      <c r="E5573" t="s">
        <v>32375</v>
      </c>
      <c r="F5573">
        <v>3</v>
      </c>
      <c r="G5573" t="s">
        <v>15</v>
      </c>
      <c r="H5573" t="s">
        <v>12472</v>
      </c>
      <c r="I5573" t="s">
        <v>30540</v>
      </c>
    </row>
    <row r="5574" spans="1:9">
      <c r="A5574" s="1">
        <f ca="1">RAND()</f>
        <v>5.7501439757076445E-2</v>
      </c>
      <c r="B5574" s="1"/>
      <c r="C5574">
        <v>13</v>
      </c>
      <c r="D5574" t="s">
        <v>12473</v>
      </c>
      <c r="E5574" t="s">
        <v>32375</v>
      </c>
      <c r="F5574">
        <v>2</v>
      </c>
      <c r="G5574" t="s">
        <v>0</v>
      </c>
      <c r="H5574" t="s">
        <v>12474</v>
      </c>
      <c r="I5574" t="s">
        <v>30540</v>
      </c>
    </row>
    <row r="5575" spans="1:9">
      <c r="A5575" s="1">
        <f ca="1">RAND()</f>
        <v>0.13091693783274816</v>
      </c>
      <c r="B5575" s="1"/>
      <c r="C5575">
        <v>19</v>
      </c>
      <c r="D5575" t="s">
        <v>12463</v>
      </c>
      <c r="E5575" t="s">
        <v>32376</v>
      </c>
      <c r="F5575">
        <v>4</v>
      </c>
      <c r="G5575" t="s">
        <v>0</v>
      </c>
      <c r="H5575" t="s">
        <v>12464</v>
      </c>
      <c r="I5575" t="s">
        <v>30540</v>
      </c>
    </row>
    <row r="5576" spans="1:9">
      <c r="A5576" s="1">
        <f ca="1">RAND()</f>
        <v>0.45883852871486486</v>
      </c>
      <c r="B5576" s="1"/>
      <c r="C5576">
        <v>2</v>
      </c>
      <c r="D5576" t="s">
        <v>12459</v>
      </c>
      <c r="E5576" t="s">
        <v>32376</v>
      </c>
      <c r="F5576">
        <v>4</v>
      </c>
      <c r="G5576" t="s">
        <v>765</v>
      </c>
      <c r="H5576" t="s">
        <v>12460</v>
      </c>
      <c r="I5576" t="s">
        <v>30540</v>
      </c>
    </row>
    <row r="5577" spans="1:9">
      <c r="A5577" s="1">
        <f ca="1">RAND()</f>
        <v>0.58125271633774078</v>
      </c>
      <c r="B5577" s="1"/>
      <c r="C5577">
        <v>4</v>
      </c>
      <c r="D5577" t="s">
        <v>12461</v>
      </c>
      <c r="E5577" t="s">
        <v>32376</v>
      </c>
      <c r="F5577">
        <v>3</v>
      </c>
      <c r="G5577" t="s">
        <v>770</v>
      </c>
      <c r="H5577" t="s">
        <v>12462</v>
      </c>
      <c r="I5577" t="s">
        <v>30540</v>
      </c>
    </row>
    <row r="5578" spans="1:9">
      <c r="A5578" s="1">
        <f ca="1">RAND()</f>
        <v>0.32838658230777251</v>
      </c>
      <c r="B5578" s="1"/>
      <c r="C5578">
        <v>2</v>
      </c>
      <c r="D5578" t="s">
        <v>12457</v>
      </c>
      <c r="E5578" t="s">
        <v>32377</v>
      </c>
      <c r="F5578">
        <v>4</v>
      </c>
      <c r="G5578" t="s">
        <v>15</v>
      </c>
      <c r="H5578" t="s">
        <v>12458</v>
      </c>
      <c r="I5578" t="s">
        <v>30540</v>
      </c>
    </row>
    <row r="5579" spans="1:9">
      <c r="A5579" s="1">
        <f ca="1">RAND()</f>
        <v>0.72251100133024904</v>
      </c>
      <c r="B5579" s="1"/>
      <c r="C5579">
        <v>5</v>
      </c>
      <c r="D5579" t="s">
        <v>12455</v>
      </c>
      <c r="E5579" t="s">
        <v>32378</v>
      </c>
      <c r="F5579">
        <v>4</v>
      </c>
      <c r="G5579" t="s">
        <v>0</v>
      </c>
      <c r="H5579" t="s">
        <v>12456</v>
      </c>
      <c r="I5579" t="s">
        <v>30540</v>
      </c>
    </row>
    <row r="5580" spans="1:9">
      <c r="A5580" s="1">
        <f ca="1">RAND()</f>
        <v>0.20642138249452724</v>
      </c>
      <c r="B5580" s="1"/>
      <c r="C5580">
        <v>4</v>
      </c>
      <c r="D5580" t="s">
        <v>12453</v>
      </c>
      <c r="E5580" t="s">
        <v>32379</v>
      </c>
      <c r="F5580">
        <v>3</v>
      </c>
      <c r="G5580" t="s">
        <v>9</v>
      </c>
      <c r="H5580" t="s">
        <v>12454</v>
      </c>
      <c r="I5580" t="s">
        <v>30540</v>
      </c>
    </row>
    <row r="5581" spans="1:9">
      <c r="A5581" s="1">
        <f ca="1">RAND()</f>
        <v>0.14872678674816875</v>
      </c>
      <c r="B5581" s="1"/>
      <c r="C5581">
        <v>14</v>
      </c>
      <c r="D5581" t="s">
        <v>12451</v>
      </c>
      <c r="E5581" t="s">
        <v>32380</v>
      </c>
      <c r="F5581">
        <v>4</v>
      </c>
      <c r="G5581" t="s">
        <v>15</v>
      </c>
      <c r="H5581" t="s">
        <v>12452</v>
      </c>
      <c r="I5581" t="s">
        <v>30540</v>
      </c>
    </row>
    <row r="5582" spans="1:9">
      <c r="A5582" s="1">
        <f ca="1">RAND()</f>
        <v>0.62744639115263079</v>
      </c>
      <c r="B5582" s="1"/>
      <c r="C5582">
        <v>4</v>
      </c>
      <c r="D5582" t="s">
        <v>12447</v>
      </c>
      <c r="E5582" t="s">
        <v>32380</v>
      </c>
      <c r="F5582">
        <v>4</v>
      </c>
      <c r="G5582" t="s">
        <v>0</v>
      </c>
      <c r="H5582" t="s">
        <v>12448</v>
      </c>
      <c r="I5582" t="s">
        <v>30540</v>
      </c>
    </row>
    <row r="5583" spans="1:9">
      <c r="A5583" s="1">
        <f ca="1">RAND()</f>
        <v>0.33506054950355879</v>
      </c>
      <c r="B5583" s="1"/>
      <c r="C5583">
        <v>11</v>
      </c>
      <c r="D5583" t="s">
        <v>12449</v>
      </c>
      <c r="E5583" t="s">
        <v>32380</v>
      </c>
      <c r="F5583">
        <v>3</v>
      </c>
      <c r="G5583" t="s">
        <v>0</v>
      </c>
      <c r="H5583" t="s">
        <v>12450</v>
      </c>
      <c r="I5583" t="s">
        <v>30540</v>
      </c>
    </row>
    <row r="5584" spans="1:9">
      <c r="A5584" s="1">
        <f ca="1">RAND()</f>
        <v>0.74557494853683637</v>
      </c>
      <c r="B5584" s="1"/>
      <c r="C5584">
        <v>8</v>
      </c>
      <c r="D5584" t="s">
        <v>12439</v>
      </c>
      <c r="E5584" t="s">
        <v>32381</v>
      </c>
      <c r="F5584">
        <v>5</v>
      </c>
      <c r="G5584" t="s">
        <v>9</v>
      </c>
      <c r="H5584" t="s">
        <v>12440</v>
      </c>
      <c r="I5584" t="s">
        <v>30540</v>
      </c>
    </row>
    <row r="5585" spans="1:9">
      <c r="A5585" s="1">
        <f ca="1">RAND()</f>
        <v>0.38051873699726213</v>
      </c>
      <c r="B5585" s="1"/>
      <c r="C5585">
        <v>9</v>
      </c>
      <c r="D5585" t="s">
        <v>12441</v>
      </c>
      <c r="E5585" t="s">
        <v>32381</v>
      </c>
      <c r="F5585">
        <v>4</v>
      </c>
      <c r="G5585" t="s">
        <v>1295</v>
      </c>
      <c r="H5585" t="s">
        <v>12442</v>
      </c>
      <c r="I5585" t="s">
        <v>30540</v>
      </c>
    </row>
    <row r="5586" spans="1:9">
      <c r="A5586" s="1">
        <f ca="1">RAND()</f>
        <v>0.54377876998502617</v>
      </c>
      <c r="B5586" s="1"/>
      <c r="C5586">
        <v>4</v>
      </c>
      <c r="D5586" t="s">
        <v>12437</v>
      </c>
      <c r="E5586" t="s">
        <v>32381</v>
      </c>
      <c r="F5586">
        <v>4</v>
      </c>
      <c r="G5586" t="s">
        <v>774</v>
      </c>
      <c r="H5586" t="s">
        <v>12438</v>
      </c>
      <c r="I5586" t="s">
        <v>30540</v>
      </c>
    </row>
    <row r="5587" spans="1:9">
      <c r="A5587" s="1">
        <f ca="1">RAND()</f>
        <v>0.28854847073560608</v>
      </c>
      <c r="B5587" s="1"/>
      <c r="C5587">
        <v>20</v>
      </c>
      <c r="D5587" t="s">
        <v>12445</v>
      </c>
      <c r="E5587" t="s">
        <v>32381</v>
      </c>
      <c r="F5587">
        <v>3</v>
      </c>
      <c r="G5587" t="s">
        <v>2</v>
      </c>
      <c r="H5587" t="s">
        <v>12446</v>
      </c>
      <c r="I5587" t="s">
        <v>30540</v>
      </c>
    </row>
    <row r="5588" spans="1:9">
      <c r="A5588" s="1">
        <f ca="1">RAND()</f>
        <v>0.19336082542861877</v>
      </c>
      <c r="B5588" s="1"/>
      <c r="C5588">
        <v>12</v>
      </c>
      <c r="D5588" t="s">
        <v>12443</v>
      </c>
      <c r="E5588" t="s">
        <v>32381</v>
      </c>
      <c r="F5588">
        <v>3</v>
      </c>
      <c r="G5588" t="s">
        <v>14</v>
      </c>
      <c r="H5588" t="s">
        <v>12444</v>
      </c>
      <c r="I5588" t="s">
        <v>30540</v>
      </c>
    </row>
    <row r="5589" spans="1:9">
      <c r="A5589" s="1">
        <f ca="1">RAND()</f>
        <v>0.49065459682584678</v>
      </c>
      <c r="B5589" s="1"/>
      <c r="C5589">
        <v>12</v>
      </c>
      <c r="D5589" t="s">
        <v>12433</v>
      </c>
      <c r="E5589" t="s">
        <v>32382</v>
      </c>
      <c r="F5589">
        <v>5</v>
      </c>
      <c r="G5589" t="s">
        <v>771</v>
      </c>
      <c r="H5589" t="s">
        <v>12434</v>
      </c>
      <c r="I5589" t="s">
        <v>30540</v>
      </c>
    </row>
    <row r="5590" spans="1:9">
      <c r="A5590" s="1">
        <f ca="1">RAND()</f>
        <v>0.55156774727362812</v>
      </c>
      <c r="B5590" s="1"/>
      <c r="C5590">
        <v>14</v>
      </c>
      <c r="D5590" t="s">
        <v>12435</v>
      </c>
      <c r="E5590" t="s">
        <v>32382</v>
      </c>
      <c r="F5590">
        <v>4</v>
      </c>
      <c r="G5590" t="s">
        <v>0</v>
      </c>
      <c r="H5590" t="s">
        <v>12436</v>
      </c>
      <c r="I5590" t="s">
        <v>30540</v>
      </c>
    </row>
    <row r="5591" spans="1:9">
      <c r="A5591" s="1">
        <f ca="1">RAND()</f>
        <v>9.1777673553281369E-2</v>
      </c>
      <c r="B5591" s="1"/>
      <c r="C5591">
        <v>8</v>
      </c>
      <c r="D5591" t="s">
        <v>12425</v>
      </c>
      <c r="E5591" t="s">
        <v>32383</v>
      </c>
      <c r="F5591">
        <v>5</v>
      </c>
      <c r="G5591" t="s">
        <v>15</v>
      </c>
      <c r="H5591" t="s">
        <v>12426</v>
      </c>
      <c r="I5591" t="s">
        <v>30540</v>
      </c>
    </row>
    <row r="5592" spans="1:9">
      <c r="A5592" s="1">
        <f ca="1">RAND()</f>
        <v>0.70726460771393307</v>
      </c>
      <c r="B5592" s="1"/>
      <c r="C5592">
        <v>3</v>
      </c>
      <c r="D5592" t="s">
        <v>12421</v>
      </c>
      <c r="E5592" t="s">
        <v>32383</v>
      </c>
      <c r="F5592">
        <v>4</v>
      </c>
      <c r="G5592" t="s">
        <v>0</v>
      </c>
      <c r="H5592" t="s">
        <v>12422</v>
      </c>
      <c r="I5592" t="s">
        <v>30540</v>
      </c>
    </row>
    <row r="5593" spans="1:9">
      <c r="A5593" s="1">
        <f ca="1">RAND()</f>
        <v>0.81458910649358918</v>
      </c>
      <c r="B5593" s="1"/>
      <c r="C5593">
        <v>13</v>
      </c>
      <c r="D5593" t="s">
        <v>12431</v>
      </c>
      <c r="E5593" t="s">
        <v>32383</v>
      </c>
      <c r="F5593">
        <v>4</v>
      </c>
      <c r="G5593" t="s">
        <v>0</v>
      </c>
      <c r="H5593" t="s">
        <v>12432</v>
      </c>
      <c r="I5593" t="s">
        <v>30540</v>
      </c>
    </row>
    <row r="5594" spans="1:9">
      <c r="A5594" s="1">
        <f ca="1">RAND()</f>
        <v>0.56415752410771502</v>
      </c>
      <c r="B5594" s="1"/>
      <c r="C5594">
        <v>10</v>
      </c>
      <c r="D5594" t="s">
        <v>12427</v>
      </c>
      <c r="E5594" t="s">
        <v>32383</v>
      </c>
      <c r="F5594">
        <v>4</v>
      </c>
      <c r="G5594" t="s">
        <v>2</v>
      </c>
      <c r="H5594" t="s">
        <v>12428</v>
      </c>
      <c r="I5594" t="s">
        <v>30540</v>
      </c>
    </row>
    <row r="5595" spans="1:9">
      <c r="A5595" s="1">
        <f ca="1">RAND()</f>
        <v>0.16587221648502315</v>
      </c>
      <c r="B5595" s="1"/>
      <c r="C5595">
        <v>6</v>
      </c>
      <c r="D5595" t="s">
        <v>12423</v>
      </c>
      <c r="E5595" t="s">
        <v>32383</v>
      </c>
      <c r="F5595">
        <v>4</v>
      </c>
      <c r="G5595" t="s">
        <v>15</v>
      </c>
      <c r="H5595" t="s">
        <v>12424</v>
      </c>
      <c r="I5595" t="s">
        <v>30540</v>
      </c>
    </row>
    <row r="5596" spans="1:9">
      <c r="A5596" s="1">
        <f ca="1">RAND()</f>
        <v>0.78529777386798161</v>
      </c>
      <c r="B5596" s="1"/>
      <c r="C5596">
        <v>12</v>
      </c>
      <c r="D5596" t="s">
        <v>12429</v>
      </c>
      <c r="E5596" t="s">
        <v>32383</v>
      </c>
      <c r="F5596">
        <v>4</v>
      </c>
      <c r="G5596" t="s">
        <v>9</v>
      </c>
      <c r="H5596" t="s">
        <v>12430</v>
      </c>
      <c r="I5596" t="s">
        <v>30540</v>
      </c>
    </row>
    <row r="5597" spans="1:9">
      <c r="A5597" s="1">
        <f ca="1">RAND()</f>
        <v>0.11791576048488495</v>
      </c>
      <c r="B5597" s="1"/>
      <c r="C5597">
        <v>11</v>
      </c>
      <c r="D5597" t="s">
        <v>12409</v>
      </c>
      <c r="E5597" t="s">
        <v>32384</v>
      </c>
      <c r="F5597">
        <v>4</v>
      </c>
      <c r="G5597" t="s">
        <v>0</v>
      </c>
      <c r="H5597" t="s">
        <v>12410</v>
      </c>
      <c r="I5597" t="s">
        <v>30540</v>
      </c>
    </row>
    <row r="5598" spans="1:9">
      <c r="A5598" s="1">
        <f ca="1">RAND()</f>
        <v>0.972324925062234</v>
      </c>
      <c r="B5598" s="1"/>
      <c r="C5598">
        <v>15</v>
      </c>
      <c r="D5598" t="s">
        <v>12417</v>
      </c>
      <c r="E5598" t="s">
        <v>32384</v>
      </c>
      <c r="F5598">
        <v>4</v>
      </c>
      <c r="G5598" t="s">
        <v>765</v>
      </c>
      <c r="H5598" t="s">
        <v>12418</v>
      </c>
      <c r="I5598" t="s">
        <v>30540</v>
      </c>
    </row>
    <row r="5599" spans="1:9">
      <c r="A5599" s="1">
        <f ca="1">RAND()</f>
        <v>0.97538691333113581</v>
      </c>
      <c r="B5599" s="1"/>
      <c r="C5599">
        <v>13</v>
      </c>
      <c r="D5599" t="s">
        <v>12413</v>
      </c>
      <c r="E5599" t="s">
        <v>32384</v>
      </c>
      <c r="F5599">
        <v>4</v>
      </c>
      <c r="G5599" t="s">
        <v>0</v>
      </c>
      <c r="H5599" t="s">
        <v>12414</v>
      </c>
      <c r="I5599" t="s">
        <v>30540</v>
      </c>
    </row>
    <row r="5600" spans="1:9">
      <c r="A5600" s="1">
        <f ca="1">RAND()</f>
        <v>0.91858301322060198</v>
      </c>
      <c r="B5600" s="1"/>
      <c r="C5600">
        <v>14</v>
      </c>
      <c r="D5600" t="s">
        <v>12415</v>
      </c>
      <c r="E5600" t="s">
        <v>32384</v>
      </c>
      <c r="F5600">
        <v>4</v>
      </c>
      <c r="G5600" t="s">
        <v>765</v>
      </c>
      <c r="H5600" t="s">
        <v>12416</v>
      </c>
      <c r="I5600" t="s">
        <v>30540</v>
      </c>
    </row>
    <row r="5601" spans="1:9">
      <c r="A5601" s="1">
        <f ca="1">RAND()</f>
        <v>0.9401062258699493</v>
      </c>
      <c r="B5601" s="1"/>
      <c r="C5601">
        <v>12</v>
      </c>
      <c r="D5601" t="s">
        <v>12411</v>
      </c>
      <c r="E5601" t="s">
        <v>32384</v>
      </c>
      <c r="F5601">
        <v>4</v>
      </c>
      <c r="G5601" t="s">
        <v>0</v>
      </c>
      <c r="H5601" t="s">
        <v>12412</v>
      </c>
      <c r="I5601" t="s">
        <v>30540</v>
      </c>
    </row>
    <row r="5602" spans="1:9">
      <c r="A5602" s="1">
        <f ca="1">RAND()</f>
        <v>0.25124954598855032</v>
      </c>
      <c r="B5602" s="1"/>
      <c r="C5602">
        <v>18</v>
      </c>
      <c r="D5602" t="s">
        <v>12419</v>
      </c>
      <c r="E5602" t="s">
        <v>32384</v>
      </c>
      <c r="F5602">
        <v>4</v>
      </c>
      <c r="G5602" t="s">
        <v>0</v>
      </c>
      <c r="H5602" t="s">
        <v>12420</v>
      </c>
      <c r="I5602" t="s">
        <v>30540</v>
      </c>
    </row>
    <row r="5603" spans="1:9">
      <c r="A5603" s="1">
        <f ca="1">RAND()</f>
        <v>0.25623760377339078</v>
      </c>
      <c r="B5603" s="1"/>
      <c r="C5603">
        <v>13</v>
      </c>
      <c r="D5603" t="s">
        <v>12407</v>
      </c>
      <c r="E5603" t="s">
        <v>32385</v>
      </c>
      <c r="F5603">
        <v>4</v>
      </c>
      <c r="G5603" t="s">
        <v>0</v>
      </c>
      <c r="H5603" t="s">
        <v>12408</v>
      </c>
      <c r="I5603" t="s">
        <v>30540</v>
      </c>
    </row>
    <row r="5604" spans="1:9">
      <c r="A5604" s="1">
        <f ca="1">RAND()</f>
        <v>0.72072732085342006</v>
      </c>
      <c r="B5604" s="1"/>
      <c r="C5604">
        <v>4</v>
      </c>
      <c r="D5604" t="s">
        <v>12401</v>
      </c>
      <c r="E5604" t="s">
        <v>32385</v>
      </c>
      <c r="F5604">
        <v>4</v>
      </c>
      <c r="G5604" t="s">
        <v>0</v>
      </c>
      <c r="H5604" t="s">
        <v>12402</v>
      </c>
      <c r="I5604" t="s">
        <v>30540</v>
      </c>
    </row>
    <row r="5605" spans="1:9">
      <c r="A5605" s="1">
        <f ca="1">RAND()</f>
        <v>0.67030872476156267</v>
      </c>
      <c r="B5605" s="1"/>
      <c r="C5605">
        <v>5</v>
      </c>
      <c r="D5605" t="s">
        <v>12403</v>
      </c>
      <c r="E5605" t="s">
        <v>32385</v>
      </c>
      <c r="F5605">
        <v>4</v>
      </c>
      <c r="G5605" t="s">
        <v>1</v>
      </c>
      <c r="H5605" t="s">
        <v>12404</v>
      </c>
      <c r="I5605" t="s">
        <v>30540</v>
      </c>
    </row>
    <row r="5606" spans="1:9">
      <c r="A5606" s="1">
        <f ca="1">RAND()</f>
        <v>0.89492439478530272</v>
      </c>
      <c r="B5606" s="1"/>
      <c r="C5606">
        <v>1</v>
      </c>
      <c r="D5606" t="s">
        <v>12399</v>
      </c>
      <c r="E5606" t="s">
        <v>32385</v>
      </c>
      <c r="F5606">
        <v>4</v>
      </c>
      <c r="G5606" t="s">
        <v>0</v>
      </c>
      <c r="H5606" t="s">
        <v>12400</v>
      </c>
      <c r="I5606" t="s">
        <v>30540</v>
      </c>
    </row>
    <row r="5607" spans="1:9">
      <c r="A5607" s="1">
        <f ca="1">RAND()</f>
        <v>0.43640952325611593</v>
      </c>
      <c r="B5607" s="1"/>
      <c r="C5607">
        <v>6</v>
      </c>
      <c r="D5607" t="s">
        <v>12405</v>
      </c>
      <c r="E5607" t="s">
        <v>32385</v>
      </c>
      <c r="F5607">
        <v>1</v>
      </c>
      <c r="G5607" t="s">
        <v>15</v>
      </c>
      <c r="H5607" t="s">
        <v>12406</v>
      </c>
      <c r="I5607" t="s">
        <v>30540</v>
      </c>
    </row>
    <row r="5608" spans="1:9">
      <c r="A5608" s="1">
        <f ca="1">RAND()</f>
        <v>0.23035572392724946</v>
      </c>
      <c r="B5608" s="1"/>
      <c r="C5608">
        <v>20</v>
      </c>
      <c r="D5608" t="s">
        <v>12397</v>
      </c>
      <c r="E5608" t="s">
        <v>32386</v>
      </c>
      <c r="F5608">
        <v>4</v>
      </c>
      <c r="G5608" t="s">
        <v>774</v>
      </c>
      <c r="H5608" t="s">
        <v>12398</v>
      </c>
      <c r="I5608" t="s">
        <v>30540</v>
      </c>
    </row>
    <row r="5609" spans="1:9">
      <c r="A5609" s="1">
        <f ca="1">RAND()</f>
        <v>0.71557609953760859</v>
      </c>
      <c r="B5609" s="1"/>
      <c r="C5609">
        <v>7</v>
      </c>
      <c r="D5609" t="s">
        <v>12395</v>
      </c>
      <c r="E5609" t="s">
        <v>32386</v>
      </c>
      <c r="F5609">
        <v>3</v>
      </c>
      <c r="G5609" t="s">
        <v>0</v>
      </c>
      <c r="H5609" t="s">
        <v>12396</v>
      </c>
      <c r="I5609" t="s">
        <v>30540</v>
      </c>
    </row>
    <row r="5610" spans="1:9">
      <c r="A5610" s="1">
        <f ca="1">RAND()</f>
        <v>0.89739056898851244</v>
      </c>
      <c r="B5610" s="1"/>
      <c r="C5610">
        <v>6</v>
      </c>
      <c r="D5610" t="s">
        <v>12389</v>
      </c>
      <c r="E5610" t="s">
        <v>32387</v>
      </c>
      <c r="F5610">
        <v>5</v>
      </c>
      <c r="G5610" t="s">
        <v>771</v>
      </c>
      <c r="H5610" t="s">
        <v>12390</v>
      </c>
      <c r="I5610" t="s">
        <v>30540</v>
      </c>
    </row>
    <row r="5611" spans="1:9">
      <c r="A5611" s="1">
        <f ca="1">RAND()</f>
        <v>0.63287073747052391</v>
      </c>
      <c r="B5611" s="1"/>
      <c r="C5611">
        <v>17</v>
      </c>
      <c r="D5611" t="s">
        <v>12393</v>
      </c>
      <c r="E5611" t="s">
        <v>32387</v>
      </c>
      <c r="F5611">
        <v>4</v>
      </c>
      <c r="G5611" t="s">
        <v>0</v>
      </c>
      <c r="H5611" t="s">
        <v>12394</v>
      </c>
      <c r="I5611" t="s">
        <v>30540</v>
      </c>
    </row>
    <row r="5612" spans="1:9">
      <c r="A5612" s="1">
        <f ca="1">RAND()</f>
        <v>0.62507962878927059</v>
      </c>
      <c r="B5612" s="1"/>
      <c r="C5612">
        <v>3</v>
      </c>
      <c r="D5612" t="s">
        <v>12387</v>
      </c>
      <c r="E5612" t="s">
        <v>32387</v>
      </c>
      <c r="F5612">
        <v>4</v>
      </c>
      <c r="G5612" t="s">
        <v>765</v>
      </c>
      <c r="H5612" t="s">
        <v>12388</v>
      </c>
      <c r="I5612" t="s">
        <v>30540</v>
      </c>
    </row>
    <row r="5613" spans="1:9">
      <c r="A5613" s="1">
        <f ca="1">RAND()</f>
        <v>0.77318200795814485</v>
      </c>
      <c r="B5613" s="1"/>
      <c r="C5613">
        <v>11</v>
      </c>
      <c r="D5613" t="s">
        <v>12391</v>
      </c>
      <c r="E5613" t="s">
        <v>32387</v>
      </c>
      <c r="F5613">
        <v>4</v>
      </c>
      <c r="G5613" t="s">
        <v>774</v>
      </c>
      <c r="H5613" t="s">
        <v>12392</v>
      </c>
      <c r="I5613" t="s">
        <v>30540</v>
      </c>
    </row>
    <row r="5614" spans="1:9">
      <c r="A5614" s="1">
        <f ca="1">RAND()</f>
        <v>0.40043642297759163</v>
      </c>
      <c r="B5614" s="1"/>
      <c r="C5614">
        <v>2</v>
      </c>
      <c r="D5614" t="s">
        <v>12385</v>
      </c>
      <c r="E5614" t="s">
        <v>32387</v>
      </c>
      <c r="F5614">
        <v>4</v>
      </c>
      <c r="G5614" t="s">
        <v>14</v>
      </c>
      <c r="H5614" t="s">
        <v>12386</v>
      </c>
      <c r="I5614" t="s">
        <v>30540</v>
      </c>
    </row>
    <row r="5615" spans="1:9">
      <c r="A5615" s="1">
        <f ca="1">RAND()</f>
        <v>0.28825796338845922</v>
      </c>
      <c r="B5615" s="1"/>
      <c r="C5615">
        <v>4</v>
      </c>
      <c r="D5615" t="s">
        <v>12381</v>
      </c>
      <c r="E5615" t="s">
        <v>32388</v>
      </c>
      <c r="F5615">
        <v>5</v>
      </c>
      <c r="G5615" t="s">
        <v>9</v>
      </c>
      <c r="H5615" t="s">
        <v>12382</v>
      </c>
      <c r="I5615" t="s">
        <v>30540</v>
      </c>
    </row>
    <row r="5616" spans="1:9">
      <c r="A5616" s="1">
        <f ca="1">RAND()</f>
        <v>0.69998394006288511</v>
      </c>
      <c r="B5616" s="1"/>
      <c r="C5616">
        <v>1</v>
      </c>
      <c r="D5616" t="s">
        <v>12377</v>
      </c>
      <c r="E5616" t="s">
        <v>32388</v>
      </c>
      <c r="F5616">
        <v>5</v>
      </c>
      <c r="G5616" t="s">
        <v>14</v>
      </c>
      <c r="H5616" t="s">
        <v>12378</v>
      </c>
      <c r="I5616" t="s">
        <v>30540</v>
      </c>
    </row>
    <row r="5617" spans="1:9">
      <c r="A5617" s="1">
        <f ca="1">RAND()</f>
        <v>0.63197984139973118</v>
      </c>
      <c r="B5617" s="1"/>
      <c r="C5617">
        <v>9</v>
      </c>
      <c r="D5617" t="s">
        <v>12383</v>
      </c>
      <c r="E5617" t="s">
        <v>32388</v>
      </c>
      <c r="F5617">
        <v>4</v>
      </c>
      <c r="G5617" t="s">
        <v>2</v>
      </c>
      <c r="H5617" t="s">
        <v>12384</v>
      </c>
      <c r="I5617" t="s">
        <v>30540</v>
      </c>
    </row>
    <row r="5618" spans="1:9">
      <c r="A5618" s="1">
        <f ca="1">RAND()</f>
        <v>0.1992747060175587</v>
      </c>
      <c r="B5618" s="1"/>
      <c r="C5618">
        <v>3</v>
      </c>
      <c r="D5618" t="s">
        <v>12379</v>
      </c>
      <c r="E5618" t="s">
        <v>32388</v>
      </c>
      <c r="F5618">
        <v>4</v>
      </c>
      <c r="G5618" t="s">
        <v>0</v>
      </c>
      <c r="H5618" t="s">
        <v>12380</v>
      </c>
      <c r="I5618" t="s">
        <v>30540</v>
      </c>
    </row>
    <row r="5619" spans="1:9">
      <c r="A5619" s="1">
        <f ca="1">RAND()</f>
        <v>3.4952259542710418E-2</v>
      </c>
      <c r="B5619" s="1"/>
      <c r="C5619">
        <v>6</v>
      </c>
      <c r="D5619" t="s">
        <v>12375</v>
      </c>
      <c r="E5619" t="s">
        <v>32389</v>
      </c>
      <c r="F5619">
        <v>4</v>
      </c>
      <c r="G5619" t="s">
        <v>10</v>
      </c>
      <c r="H5619" t="s">
        <v>12376</v>
      </c>
      <c r="I5619" t="s">
        <v>30540</v>
      </c>
    </row>
    <row r="5620" spans="1:9">
      <c r="A5620" s="1">
        <f ca="1">RAND()</f>
        <v>0.96349192550645224</v>
      </c>
      <c r="B5620" s="1"/>
      <c r="C5620">
        <v>4</v>
      </c>
      <c r="D5620" t="s">
        <v>12373</v>
      </c>
      <c r="E5620" t="s">
        <v>32389</v>
      </c>
      <c r="F5620">
        <v>2</v>
      </c>
      <c r="G5620" t="s">
        <v>2</v>
      </c>
      <c r="H5620" t="s">
        <v>12374</v>
      </c>
      <c r="I5620" t="s">
        <v>30540</v>
      </c>
    </row>
    <row r="5621" spans="1:9">
      <c r="A5621" s="1">
        <f ca="1">RAND()</f>
        <v>0.20385930370000882</v>
      </c>
      <c r="B5621" s="1"/>
      <c r="C5621">
        <v>15</v>
      </c>
      <c r="D5621" t="s">
        <v>12371</v>
      </c>
      <c r="E5621" t="s">
        <v>32390</v>
      </c>
      <c r="F5621">
        <v>4</v>
      </c>
      <c r="G5621" t="s">
        <v>0</v>
      </c>
      <c r="H5621" t="s">
        <v>12372</v>
      </c>
      <c r="I5621" t="s">
        <v>30540</v>
      </c>
    </row>
    <row r="5622" spans="1:9">
      <c r="A5622" s="1">
        <f ca="1">RAND()</f>
        <v>0.40644873812014759</v>
      </c>
      <c r="B5622" s="1"/>
      <c r="C5622">
        <v>15</v>
      </c>
      <c r="D5622" t="s">
        <v>12365</v>
      </c>
      <c r="E5622" t="s">
        <v>32391</v>
      </c>
      <c r="F5622">
        <v>5</v>
      </c>
      <c r="G5622" t="s">
        <v>0</v>
      </c>
      <c r="H5622" t="s">
        <v>12366</v>
      </c>
      <c r="I5622" t="s">
        <v>30540</v>
      </c>
    </row>
    <row r="5623" spans="1:9">
      <c r="A5623" s="1">
        <f ca="1">RAND()</f>
        <v>0.69690094437502226</v>
      </c>
      <c r="B5623" s="1"/>
      <c r="C5623">
        <v>18</v>
      </c>
      <c r="D5623" t="s">
        <v>12367</v>
      </c>
      <c r="E5623" t="s">
        <v>32391</v>
      </c>
      <c r="F5623">
        <v>5</v>
      </c>
      <c r="G5623" t="s">
        <v>0</v>
      </c>
      <c r="H5623" t="s">
        <v>12368</v>
      </c>
      <c r="I5623" t="s">
        <v>30540</v>
      </c>
    </row>
    <row r="5624" spans="1:9">
      <c r="A5624" s="1">
        <f ca="1">RAND()</f>
        <v>0.61006004638040812</v>
      </c>
      <c r="B5624" s="1"/>
      <c r="C5624">
        <v>20</v>
      </c>
      <c r="D5624" t="s">
        <v>12369</v>
      </c>
      <c r="E5624" t="s">
        <v>32391</v>
      </c>
      <c r="F5624">
        <v>4</v>
      </c>
      <c r="G5624" t="s">
        <v>0</v>
      </c>
      <c r="H5624" t="s">
        <v>12370</v>
      </c>
      <c r="I5624" t="s">
        <v>30540</v>
      </c>
    </row>
    <row r="5625" spans="1:9">
      <c r="A5625" s="1">
        <f ca="1">RAND()</f>
        <v>0.87025855318052314</v>
      </c>
      <c r="B5625" s="1"/>
      <c r="C5625">
        <v>6</v>
      </c>
      <c r="D5625" t="s">
        <v>12355</v>
      </c>
      <c r="E5625" t="s">
        <v>32392</v>
      </c>
      <c r="F5625">
        <v>5</v>
      </c>
      <c r="G5625" t="s">
        <v>0</v>
      </c>
      <c r="H5625" t="s">
        <v>12356</v>
      </c>
      <c r="I5625" t="s">
        <v>30540</v>
      </c>
    </row>
    <row r="5626" spans="1:9">
      <c r="A5626" s="1">
        <f ca="1">RAND()</f>
        <v>0.16127437142254586</v>
      </c>
      <c r="B5626" s="1"/>
      <c r="C5626">
        <v>8</v>
      </c>
      <c r="D5626" t="s">
        <v>12357</v>
      </c>
      <c r="E5626" t="s">
        <v>32392</v>
      </c>
      <c r="F5626">
        <v>4</v>
      </c>
      <c r="G5626" t="s">
        <v>774</v>
      </c>
      <c r="H5626" t="s">
        <v>12358</v>
      </c>
      <c r="I5626" t="s">
        <v>30540</v>
      </c>
    </row>
    <row r="5627" spans="1:9">
      <c r="A5627" s="1">
        <f ca="1">RAND()</f>
        <v>0.73249840393744414</v>
      </c>
      <c r="B5627" s="1"/>
      <c r="C5627">
        <v>12</v>
      </c>
      <c r="D5627" t="s">
        <v>12361</v>
      </c>
      <c r="E5627" t="s">
        <v>32392</v>
      </c>
      <c r="F5627">
        <v>4</v>
      </c>
      <c r="G5627" t="s">
        <v>0</v>
      </c>
      <c r="H5627" t="s">
        <v>12362</v>
      </c>
      <c r="I5627" t="s">
        <v>30540</v>
      </c>
    </row>
    <row r="5628" spans="1:9">
      <c r="A5628" s="1">
        <f ca="1">RAND()</f>
        <v>0.76465572313994989</v>
      </c>
      <c r="B5628" s="1"/>
      <c r="C5628">
        <v>10</v>
      </c>
      <c r="D5628" t="s">
        <v>12359</v>
      </c>
      <c r="E5628" t="s">
        <v>32392</v>
      </c>
      <c r="F5628">
        <v>3</v>
      </c>
      <c r="G5628" t="s">
        <v>14</v>
      </c>
      <c r="H5628" t="s">
        <v>12360</v>
      </c>
      <c r="I5628" t="s">
        <v>30540</v>
      </c>
    </row>
    <row r="5629" spans="1:9">
      <c r="A5629" s="1">
        <f ca="1">RAND()</f>
        <v>0.6311246107625853</v>
      </c>
      <c r="B5629" s="1"/>
      <c r="C5629">
        <v>17</v>
      </c>
      <c r="D5629" t="s">
        <v>12363</v>
      </c>
      <c r="E5629" t="s">
        <v>32392</v>
      </c>
      <c r="F5629">
        <v>2</v>
      </c>
      <c r="G5629" t="s">
        <v>771</v>
      </c>
      <c r="H5629" t="s">
        <v>12364</v>
      </c>
      <c r="I5629" t="s">
        <v>30540</v>
      </c>
    </row>
    <row r="5630" spans="1:9">
      <c r="A5630" s="1">
        <f ca="1">RAND()</f>
        <v>0.68808904232457968</v>
      </c>
      <c r="B5630" s="1"/>
      <c r="C5630">
        <v>10</v>
      </c>
      <c r="D5630" t="s">
        <v>12353</v>
      </c>
      <c r="E5630" t="s">
        <v>32393</v>
      </c>
      <c r="F5630">
        <v>4</v>
      </c>
      <c r="G5630" t="s">
        <v>2</v>
      </c>
      <c r="H5630" t="s">
        <v>12354</v>
      </c>
      <c r="I5630" t="s">
        <v>30540</v>
      </c>
    </row>
    <row r="5631" spans="1:9">
      <c r="A5631" s="1">
        <f ca="1">RAND()</f>
        <v>0.63773446781110898</v>
      </c>
      <c r="B5631" s="1"/>
      <c r="C5631">
        <v>5</v>
      </c>
      <c r="D5631" t="s">
        <v>12349</v>
      </c>
      <c r="E5631" t="s">
        <v>32393</v>
      </c>
      <c r="F5631">
        <v>4</v>
      </c>
      <c r="G5631" t="s">
        <v>0</v>
      </c>
      <c r="H5631" t="s">
        <v>12350</v>
      </c>
      <c r="I5631" t="s">
        <v>30540</v>
      </c>
    </row>
    <row r="5632" spans="1:9">
      <c r="A5632" s="1">
        <f ca="1">RAND()</f>
        <v>0.96160133281465066</v>
      </c>
      <c r="B5632" s="1"/>
      <c r="C5632">
        <v>7</v>
      </c>
      <c r="D5632" t="s">
        <v>12351</v>
      </c>
      <c r="E5632" t="s">
        <v>32393</v>
      </c>
      <c r="F5632">
        <v>4</v>
      </c>
      <c r="G5632" t="s">
        <v>0</v>
      </c>
      <c r="H5632" t="s">
        <v>12352</v>
      </c>
      <c r="I5632" t="s">
        <v>30540</v>
      </c>
    </row>
    <row r="5633" spans="1:9">
      <c r="A5633" s="1">
        <f ca="1">RAND()</f>
        <v>0.70934559278029075</v>
      </c>
      <c r="B5633" s="1"/>
      <c r="C5633">
        <v>8</v>
      </c>
      <c r="D5633" t="s">
        <v>12345</v>
      </c>
      <c r="E5633" t="s">
        <v>32394</v>
      </c>
      <c r="F5633">
        <v>5</v>
      </c>
      <c r="G5633" t="s">
        <v>9</v>
      </c>
      <c r="H5633" t="s">
        <v>12346</v>
      </c>
      <c r="I5633" t="s">
        <v>30540</v>
      </c>
    </row>
    <row r="5634" spans="1:9">
      <c r="A5634" s="1">
        <f ca="1">RAND()</f>
        <v>0.63853322961651882</v>
      </c>
      <c r="B5634" s="1"/>
      <c r="C5634">
        <v>13</v>
      </c>
      <c r="D5634" t="s">
        <v>12347</v>
      </c>
      <c r="E5634" t="s">
        <v>32394</v>
      </c>
      <c r="F5634">
        <v>5</v>
      </c>
      <c r="G5634" t="s">
        <v>0</v>
      </c>
      <c r="H5634" t="s">
        <v>12348</v>
      </c>
      <c r="I5634" t="s">
        <v>30540</v>
      </c>
    </row>
    <row r="5635" spans="1:9">
      <c r="A5635" s="1">
        <f ca="1">RAND()</f>
        <v>0.12899222365731811</v>
      </c>
      <c r="B5635" s="1"/>
      <c r="C5635">
        <v>7</v>
      </c>
      <c r="D5635" t="s">
        <v>12343</v>
      </c>
      <c r="E5635" t="s">
        <v>32394</v>
      </c>
      <c r="F5635">
        <v>4</v>
      </c>
      <c r="G5635" t="s">
        <v>769</v>
      </c>
      <c r="H5635" t="s">
        <v>12344</v>
      </c>
      <c r="I5635" t="s">
        <v>30540</v>
      </c>
    </row>
    <row r="5636" spans="1:9">
      <c r="A5636" s="1">
        <f ca="1">RAND()</f>
        <v>0.11498961429523324</v>
      </c>
      <c r="B5636" s="1"/>
      <c r="C5636">
        <v>2</v>
      </c>
      <c r="D5636" t="s">
        <v>12337</v>
      </c>
      <c r="E5636" t="s">
        <v>32395</v>
      </c>
      <c r="F5636">
        <v>4</v>
      </c>
      <c r="G5636" t="s">
        <v>0</v>
      </c>
      <c r="H5636" t="s">
        <v>12338</v>
      </c>
      <c r="I5636" t="s">
        <v>30540</v>
      </c>
    </row>
    <row r="5637" spans="1:9">
      <c r="A5637" s="1">
        <f ca="1">RAND()</f>
        <v>0.27146089922201488</v>
      </c>
      <c r="B5637" s="1"/>
      <c r="C5637">
        <v>4</v>
      </c>
      <c r="D5637" t="s">
        <v>12339</v>
      </c>
      <c r="E5637" t="s">
        <v>32395</v>
      </c>
      <c r="F5637">
        <v>4</v>
      </c>
      <c r="G5637" t="s">
        <v>0</v>
      </c>
      <c r="H5637" t="s">
        <v>12340</v>
      </c>
      <c r="I5637" t="s">
        <v>30540</v>
      </c>
    </row>
    <row r="5638" spans="1:9">
      <c r="A5638" s="1">
        <f ca="1">RAND()</f>
        <v>5.467343292956961E-2</v>
      </c>
      <c r="B5638" s="1"/>
      <c r="C5638">
        <v>10</v>
      </c>
      <c r="D5638" t="s">
        <v>12341</v>
      </c>
      <c r="E5638" t="s">
        <v>32395</v>
      </c>
      <c r="F5638">
        <v>4</v>
      </c>
      <c r="G5638" t="s">
        <v>2</v>
      </c>
      <c r="H5638" t="s">
        <v>12342</v>
      </c>
      <c r="I5638" t="s">
        <v>30540</v>
      </c>
    </row>
    <row r="5639" spans="1:9">
      <c r="A5639" s="1">
        <f ca="1">RAND()</f>
        <v>0.65371009828526216</v>
      </c>
      <c r="B5639" s="1"/>
      <c r="C5639">
        <v>10</v>
      </c>
      <c r="D5639" t="s">
        <v>12327</v>
      </c>
      <c r="E5639" t="s">
        <v>32396</v>
      </c>
      <c r="F5639">
        <v>5</v>
      </c>
      <c r="G5639" t="s">
        <v>774</v>
      </c>
      <c r="H5639" t="s">
        <v>12328</v>
      </c>
      <c r="I5639" t="s">
        <v>30540</v>
      </c>
    </row>
    <row r="5640" spans="1:9">
      <c r="A5640" s="1">
        <f ca="1">RAND()</f>
        <v>0.93901549448980692</v>
      </c>
      <c r="B5640" s="1"/>
      <c r="C5640">
        <v>6</v>
      </c>
      <c r="D5640" t="s">
        <v>12325</v>
      </c>
      <c r="E5640" t="s">
        <v>32396</v>
      </c>
      <c r="F5640">
        <v>4</v>
      </c>
      <c r="G5640" t="s">
        <v>769</v>
      </c>
      <c r="H5640" t="s">
        <v>12326</v>
      </c>
      <c r="I5640" t="s">
        <v>30540</v>
      </c>
    </row>
    <row r="5641" spans="1:9">
      <c r="A5641" s="1">
        <f ca="1">RAND()</f>
        <v>4.8802103780666961E-2</v>
      </c>
      <c r="B5641" s="1"/>
      <c r="C5641">
        <v>13</v>
      </c>
      <c r="D5641" t="s">
        <v>12331</v>
      </c>
      <c r="E5641" t="s">
        <v>32396</v>
      </c>
      <c r="F5641">
        <v>4</v>
      </c>
      <c r="G5641" t="s">
        <v>0</v>
      </c>
      <c r="H5641" t="s">
        <v>12332</v>
      </c>
      <c r="I5641" t="s">
        <v>30540</v>
      </c>
    </row>
    <row r="5642" spans="1:9">
      <c r="A5642" s="1">
        <f ca="1">RAND()</f>
        <v>0.96578748567892292</v>
      </c>
      <c r="B5642" s="1"/>
      <c r="C5642">
        <v>15</v>
      </c>
      <c r="D5642" t="s">
        <v>12335</v>
      </c>
      <c r="E5642" t="s">
        <v>32396</v>
      </c>
      <c r="F5642">
        <v>4</v>
      </c>
      <c r="G5642" t="s">
        <v>0</v>
      </c>
      <c r="H5642" t="s">
        <v>12336</v>
      </c>
      <c r="I5642" t="s">
        <v>30540</v>
      </c>
    </row>
    <row r="5643" spans="1:9">
      <c r="A5643" s="1">
        <f ca="1">RAND()</f>
        <v>0.75403847500443133</v>
      </c>
      <c r="B5643" s="1"/>
      <c r="C5643">
        <v>14</v>
      </c>
      <c r="D5643" t="s">
        <v>12333</v>
      </c>
      <c r="E5643" t="s">
        <v>32396</v>
      </c>
      <c r="F5643">
        <v>4</v>
      </c>
      <c r="G5643" t="s">
        <v>0</v>
      </c>
      <c r="H5643" t="s">
        <v>12334</v>
      </c>
      <c r="I5643" t="s">
        <v>30540</v>
      </c>
    </row>
    <row r="5644" spans="1:9">
      <c r="A5644" s="1">
        <f ca="1">RAND()</f>
        <v>0.12609904284697504</v>
      </c>
      <c r="B5644" s="1"/>
      <c r="C5644">
        <v>2</v>
      </c>
      <c r="D5644" t="s">
        <v>12323</v>
      </c>
      <c r="E5644" t="s">
        <v>32396</v>
      </c>
      <c r="F5644">
        <v>2</v>
      </c>
      <c r="G5644" t="s">
        <v>771</v>
      </c>
      <c r="H5644" t="s">
        <v>12324</v>
      </c>
      <c r="I5644" t="s">
        <v>30540</v>
      </c>
    </row>
    <row r="5645" spans="1:9">
      <c r="A5645" s="1">
        <f ca="1">RAND()</f>
        <v>0.85280639214480281</v>
      </c>
      <c r="B5645" s="1"/>
      <c r="C5645">
        <v>12</v>
      </c>
      <c r="D5645" t="s">
        <v>12329</v>
      </c>
      <c r="E5645" t="s">
        <v>32396</v>
      </c>
      <c r="F5645">
        <v>2</v>
      </c>
      <c r="G5645" t="s">
        <v>0</v>
      </c>
      <c r="H5645" t="s">
        <v>12330</v>
      </c>
      <c r="I5645" t="s">
        <v>30540</v>
      </c>
    </row>
    <row r="5646" spans="1:9">
      <c r="A5646" s="1">
        <f ca="1">RAND()</f>
        <v>0.17866894534419109</v>
      </c>
      <c r="B5646" s="1"/>
      <c r="C5646">
        <v>5</v>
      </c>
      <c r="D5646" t="s">
        <v>12321</v>
      </c>
      <c r="E5646" t="s">
        <v>32397</v>
      </c>
      <c r="F5646">
        <v>4</v>
      </c>
      <c r="G5646" t="s">
        <v>1</v>
      </c>
      <c r="H5646" t="s">
        <v>12322</v>
      </c>
      <c r="I5646" t="s">
        <v>30540</v>
      </c>
    </row>
    <row r="5647" spans="1:9">
      <c r="A5647" s="1">
        <f ca="1">RAND()</f>
        <v>0.45297057844187993</v>
      </c>
      <c r="B5647" s="1"/>
      <c r="C5647">
        <v>4</v>
      </c>
      <c r="D5647" t="s">
        <v>12319</v>
      </c>
      <c r="E5647" t="s">
        <v>32398</v>
      </c>
      <c r="F5647">
        <v>4</v>
      </c>
      <c r="G5647" t="s">
        <v>13</v>
      </c>
      <c r="H5647" t="s">
        <v>12320</v>
      </c>
      <c r="I5647" t="s">
        <v>30540</v>
      </c>
    </row>
    <row r="5648" spans="1:9">
      <c r="A5648" s="1">
        <f ca="1">RAND()</f>
        <v>0.32501857672216239</v>
      </c>
      <c r="B5648" s="1"/>
      <c r="C5648">
        <v>17</v>
      </c>
      <c r="D5648" t="s">
        <v>12315</v>
      </c>
      <c r="E5648" t="s">
        <v>32399</v>
      </c>
      <c r="F5648">
        <v>5</v>
      </c>
      <c r="G5648" t="s">
        <v>770</v>
      </c>
      <c r="H5648" t="s">
        <v>12316</v>
      </c>
      <c r="I5648" t="s">
        <v>30540</v>
      </c>
    </row>
    <row r="5649" spans="1:9">
      <c r="A5649" s="1">
        <f ca="1">RAND()</f>
        <v>0.1622077686856177</v>
      </c>
      <c r="B5649" s="1"/>
      <c r="C5649">
        <v>20</v>
      </c>
      <c r="D5649" t="s">
        <v>12317</v>
      </c>
      <c r="E5649" t="s">
        <v>32399</v>
      </c>
      <c r="F5649">
        <v>5</v>
      </c>
      <c r="G5649" t="s">
        <v>0</v>
      </c>
      <c r="H5649" t="s">
        <v>12318</v>
      </c>
      <c r="I5649" t="s">
        <v>30540</v>
      </c>
    </row>
    <row r="5650" spans="1:9">
      <c r="A5650" s="1">
        <f ca="1">RAND()</f>
        <v>0.3470696608444096</v>
      </c>
      <c r="B5650" s="1"/>
      <c r="C5650">
        <v>10</v>
      </c>
      <c r="D5650" t="s">
        <v>12313</v>
      </c>
      <c r="E5650" t="s">
        <v>32399</v>
      </c>
      <c r="F5650">
        <v>4</v>
      </c>
      <c r="G5650" t="s">
        <v>0</v>
      </c>
      <c r="H5650" t="s">
        <v>12314</v>
      </c>
      <c r="I5650" t="s">
        <v>30540</v>
      </c>
    </row>
    <row r="5651" spans="1:9">
      <c r="A5651" s="1">
        <f ca="1">RAND()</f>
        <v>0.72840916923680799</v>
      </c>
      <c r="B5651" s="1"/>
      <c r="C5651">
        <v>8</v>
      </c>
      <c r="D5651" t="s">
        <v>12307</v>
      </c>
      <c r="E5651" t="s">
        <v>32400</v>
      </c>
      <c r="F5651">
        <v>5</v>
      </c>
      <c r="G5651" t="s">
        <v>770</v>
      </c>
      <c r="H5651" t="s">
        <v>12308</v>
      </c>
      <c r="I5651" t="s">
        <v>30540</v>
      </c>
    </row>
    <row r="5652" spans="1:9">
      <c r="A5652" s="1">
        <f ca="1">RAND()</f>
        <v>0.90109818158828425</v>
      </c>
      <c r="B5652" s="1"/>
      <c r="C5652">
        <v>10</v>
      </c>
      <c r="D5652" t="s">
        <v>12311</v>
      </c>
      <c r="E5652" t="s">
        <v>32400</v>
      </c>
      <c r="F5652">
        <v>5</v>
      </c>
      <c r="G5652" t="s">
        <v>0</v>
      </c>
      <c r="H5652" t="s">
        <v>12312</v>
      </c>
      <c r="I5652" t="s">
        <v>30540</v>
      </c>
    </row>
    <row r="5653" spans="1:9">
      <c r="A5653" s="1">
        <f ca="1">RAND()</f>
        <v>0.21546764355970782</v>
      </c>
      <c r="B5653" s="1"/>
      <c r="C5653">
        <v>9</v>
      </c>
      <c r="D5653" t="s">
        <v>12309</v>
      </c>
      <c r="E5653" t="s">
        <v>32400</v>
      </c>
      <c r="F5653">
        <v>2</v>
      </c>
      <c r="G5653" t="s">
        <v>9</v>
      </c>
      <c r="H5653" t="s">
        <v>12310</v>
      </c>
      <c r="I5653" t="s">
        <v>30540</v>
      </c>
    </row>
    <row r="5654" spans="1:9">
      <c r="A5654" s="1">
        <f ca="1">RAND()</f>
        <v>0.47678723307671</v>
      </c>
      <c r="B5654" s="1"/>
      <c r="C5654">
        <v>9</v>
      </c>
      <c r="D5654" t="s">
        <v>12299</v>
      </c>
      <c r="E5654" t="s">
        <v>32401</v>
      </c>
      <c r="F5654">
        <v>5</v>
      </c>
      <c r="G5654" t="s">
        <v>0</v>
      </c>
      <c r="H5654" t="s">
        <v>12300</v>
      </c>
      <c r="I5654" t="s">
        <v>30540</v>
      </c>
    </row>
    <row r="5655" spans="1:9">
      <c r="A5655" s="1">
        <f ca="1">RAND()</f>
        <v>0.14958713344435737</v>
      </c>
      <c r="B5655" s="1"/>
      <c r="C5655">
        <v>15</v>
      </c>
      <c r="D5655" t="s">
        <v>12303</v>
      </c>
      <c r="E5655" t="s">
        <v>32401</v>
      </c>
      <c r="F5655">
        <v>5</v>
      </c>
      <c r="G5655" t="s">
        <v>0</v>
      </c>
      <c r="H5655" t="s">
        <v>12304</v>
      </c>
      <c r="I5655" t="s">
        <v>30540</v>
      </c>
    </row>
    <row r="5656" spans="1:9">
      <c r="A5656" s="1">
        <f ca="1">RAND()</f>
        <v>7.4294578878914663E-2</v>
      </c>
      <c r="B5656" s="1"/>
      <c r="C5656">
        <v>18</v>
      </c>
      <c r="D5656" t="s">
        <v>12305</v>
      </c>
      <c r="E5656" t="s">
        <v>32401</v>
      </c>
      <c r="F5656">
        <v>4</v>
      </c>
      <c r="G5656" t="s">
        <v>0</v>
      </c>
      <c r="H5656" t="s">
        <v>12306</v>
      </c>
      <c r="I5656" t="s">
        <v>30540</v>
      </c>
    </row>
    <row r="5657" spans="1:9">
      <c r="A5657" s="1">
        <f ca="1">RAND()</f>
        <v>0.10449907585720652</v>
      </c>
      <c r="B5657" s="1"/>
      <c r="C5657">
        <v>2</v>
      </c>
      <c r="D5657" t="s">
        <v>12297</v>
      </c>
      <c r="E5657" t="s">
        <v>32401</v>
      </c>
      <c r="F5657">
        <v>4</v>
      </c>
      <c r="G5657" t="s">
        <v>10</v>
      </c>
      <c r="H5657" t="s">
        <v>12298</v>
      </c>
      <c r="I5657" t="s">
        <v>30540</v>
      </c>
    </row>
    <row r="5658" spans="1:9">
      <c r="A5658" s="1">
        <f ca="1">RAND()</f>
        <v>0.62109255485372594</v>
      </c>
      <c r="B5658" s="1"/>
      <c r="C5658">
        <v>13</v>
      </c>
      <c r="D5658" t="s">
        <v>12301</v>
      </c>
      <c r="E5658" t="s">
        <v>32401</v>
      </c>
      <c r="F5658">
        <v>4</v>
      </c>
      <c r="G5658" t="s">
        <v>1</v>
      </c>
      <c r="H5658" t="s">
        <v>12302</v>
      </c>
      <c r="I5658" t="s">
        <v>30540</v>
      </c>
    </row>
    <row r="5659" spans="1:9">
      <c r="A5659" s="1">
        <f ca="1">RAND()</f>
        <v>0.10315479578868991</v>
      </c>
      <c r="B5659" s="1"/>
      <c r="C5659">
        <v>20</v>
      </c>
      <c r="D5659" t="s">
        <v>12295</v>
      </c>
      <c r="E5659" t="s">
        <v>32402</v>
      </c>
      <c r="F5659">
        <v>5</v>
      </c>
      <c r="G5659" t="s">
        <v>0</v>
      </c>
      <c r="H5659" t="s">
        <v>12296</v>
      </c>
      <c r="I5659" t="s">
        <v>30540</v>
      </c>
    </row>
    <row r="5660" spans="1:9">
      <c r="A5660" s="1">
        <f ca="1">RAND()</f>
        <v>7.3729291382299111E-2</v>
      </c>
      <c r="B5660" s="1"/>
      <c r="C5660">
        <v>11</v>
      </c>
      <c r="D5660" t="s">
        <v>12291</v>
      </c>
      <c r="E5660" t="s">
        <v>32402</v>
      </c>
      <c r="F5660">
        <v>4</v>
      </c>
      <c r="G5660" t="s">
        <v>0</v>
      </c>
      <c r="H5660" t="s">
        <v>12292</v>
      </c>
      <c r="I5660" t="s">
        <v>30540</v>
      </c>
    </row>
    <row r="5661" spans="1:9">
      <c r="A5661" s="1">
        <f ca="1">RAND()</f>
        <v>0.18853051456651571</v>
      </c>
      <c r="B5661" s="1"/>
      <c r="C5661">
        <v>3</v>
      </c>
      <c r="D5661" t="s">
        <v>12289</v>
      </c>
      <c r="E5661" t="s">
        <v>32402</v>
      </c>
      <c r="F5661">
        <v>3</v>
      </c>
      <c r="G5661" t="s">
        <v>769</v>
      </c>
      <c r="H5661" t="s">
        <v>12290</v>
      </c>
      <c r="I5661" t="s">
        <v>30540</v>
      </c>
    </row>
    <row r="5662" spans="1:9">
      <c r="A5662" s="1">
        <f ca="1">RAND()</f>
        <v>0.37915851796009803</v>
      </c>
      <c r="B5662" s="1"/>
      <c r="C5662">
        <v>16</v>
      </c>
      <c r="D5662" t="s">
        <v>12293</v>
      </c>
      <c r="E5662" t="s">
        <v>32402</v>
      </c>
      <c r="F5662">
        <v>3</v>
      </c>
      <c r="G5662" t="s">
        <v>0</v>
      </c>
      <c r="H5662" t="s">
        <v>12294</v>
      </c>
      <c r="I5662" t="s">
        <v>30540</v>
      </c>
    </row>
    <row r="5663" spans="1:9">
      <c r="A5663" s="1">
        <f ca="1">RAND()</f>
        <v>0.31727080628365389</v>
      </c>
      <c r="B5663" s="1"/>
      <c r="C5663">
        <v>4</v>
      </c>
      <c r="D5663" t="s">
        <v>12287</v>
      </c>
      <c r="E5663" t="s">
        <v>32403</v>
      </c>
      <c r="F5663">
        <v>4</v>
      </c>
      <c r="G5663" t="s">
        <v>14</v>
      </c>
      <c r="H5663" t="s">
        <v>12288</v>
      </c>
      <c r="I5663" t="s">
        <v>30540</v>
      </c>
    </row>
    <row r="5664" spans="1:9">
      <c r="A5664" s="1">
        <f ca="1">RAND()</f>
        <v>0.19128682807269437</v>
      </c>
      <c r="B5664" s="1"/>
      <c r="C5664">
        <v>8</v>
      </c>
      <c r="D5664" t="s">
        <v>12283</v>
      </c>
      <c r="E5664" t="s">
        <v>32404</v>
      </c>
      <c r="F5664">
        <v>5</v>
      </c>
      <c r="G5664" t="s">
        <v>1</v>
      </c>
      <c r="H5664" t="s">
        <v>12284</v>
      </c>
      <c r="I5664" t="s">
        <v>30540</v>
      </c>
    </row>
    <row r="5665" spans="1:9">
      <c r="A5665" s="1">
        <f ca="1">RAND()</f>
        <v>0.86412707969675839</v>
      </c>
      <c r="B5665" s="1"/>
      <c r="C5665">
        <v>1</v>
      </c>
      <c r="D5665" t="s">
        <v>12281</v>
      </c>
      <c r="E5665" t="s">
        <v>32404</v>
      </c>
      <c r="F5665">
        <v>5</v>
      </c>
      <c r="G5665" t="s">
        <v>15</v>
      </c>
      <c r="H5665" t="s">
        <v>12282</v>
      </c>
      <c r="I5665" t="s">
        <v>30540</v>
      </c>
    </row>
    <row r="5666" spans="1:9">
      <c r="A5666" s="1">
        <f ca="1">RAND()</f>
        <v>0.25356743863676423</v>
      </c>
      <c r="B5666" s="1"/>
      <c r="C5666">
        <v>11</v>
      </c>
      <c r="D5666" t="s">
        <v>12285</v>
      </c>
      <c r="E5666" t="s">
        <v>32404</v>
      </c>
      <c r="F5666">
        <v>4</v>
      </c>
      <c r="G5666" t="s">
        <v>762</v>
      </c>
      <c r="H5666" t="s">
        <v>12286</v>
      </c>
      <c r="I5666" t="s">
        <v>30540</v>
      </c>
    </row>
    <row r="5667" spans="1:9">
      <c r="A5667" s="1">
        <f ca="1">RAND()</f>
        <v>0.15315433728722649</v>
      </c>
      <c r="B5667" s="1"/>
      <c r="C5667">
        <v>3</v>
      </c>
      <c r="D5667" t="s">
        <v>12277</v>
      </c>
      <c r="E5667" t="s">
        <v>32405</v>
      </c>
      <c r="F5667">
        <v>4</v>
      </c>
      <c r="G5667" t="s">
        <v>0</v>
      </c>
      <c r="H5667" t="s">
        <v>12278</v>
      </c>
      <c r="I5667" t="s">
        <v>30540</v>
      </c>
    </row>
    <row r="5668" spans="1:9">
      <c r="A5668" s="1">
        <f ca="1">RAND()</f>
        <v>8.0941477097198455E-2</v>
      </c>
      <c r="B5668" s="1"/>
      <c r="C5668">
        <v>5</v>
      </c>
      <c r="D5668" t="s">
        <v>12279</v>
      </c>
      <c r="E5668" t="s">
        <v>32405</v>
      </c>
      <c r="F5668">
        <v>4</v>
      </c>
      <c r="G5668" t="s">
        <v>15</v>
      </c>
      <c r="H5668" t="s">
        <v>12280</v>
      </c>
      <c r="I5668" t="s">
        <v>30540</v>
      </c>
    </row>
    <row r="5669" spans="1:9">
      <c r="A5669" s="1">
        <f ca="1">RAND()</f>
        <v>4.5922015927485571E-2</v>
      </c>
      <c r="B5669" s="1"/>
      <c r="C5669">
        <v>7</v>
      </c>
      <c r="D5669" t="s">
        <v>12273</v>
      </c>
      <c r="E5669" t="s">
        <v>32406</v>
      </c>
      <c r="F5669">
        <v>4</v>
      </c>
      <c r="G5669" t="s">
        <v>0</v>
      </c>
      <c r="H5669" t="s">
        <v>12274</v>
      </c>
      <c r="I5669" t="s">
        <v>30540</v>
      </c>
    </row>
    <row r="5670" spans="1:9">
      <c r="A5670" s="1">
        <f ca="1">RAND()</f>
        <v>0.48532978469418697</v>
      </c>
      <c r="B5670" s="1"/>
      <c r="C5670">
        <v>12</v>
      </c>
      <c r="D5670" t="s">
        <v>12275</v>
      </c>
      <c r="E5670" t="s">
        <v>32406</v>
      </c>
      <c r="F5670">
        <v>4</v>
      </c>
      <c r="G5670" t="s">
        <v>0</v>
      </c>
      <c r="H5670" t="s">
        <v>12276</v>
      </c>
      <c r="I5670" t="s">
        <v>30540</v>
      </c>
    </row>
    <row r="5671" spans="1:9">
      <c r="A5671" s="1">
        <f ca="1">RAND()</f>
        <v>0.60697174646830909</v>
      </c>
      <c r="B5671" s="1"/>
      <c r="C5671">
        <v>8</v>
      </c>
      <c r="D5671" t="s">
        <v>12267</v>
      </c>
      <c r="E5671" t="s">
        <v>32407</v>
      </c>
      <c r="F5671">
        <v>5</v>
      </c>
      <c r="G5671" t="s">
        <v>0</v>
      </c>
      <c r="H5671" t="s">
        <v>12268</v>
      </c>
      <c r="I5671" t="s">
        <v>30540</v>
      </c>
    </row>
    <row r="5672" spans="1:9">
      <c r="A5672" s="1">
        <f ca="1">RAND()</f>
        <v>0.53341424786487535</v>
      </c>
      <c r="B5672" s="1"/>
      <c r="C5672">
        <v>5</v>
      </c>
      <c r="D5672" t="s">
        <v>12265</v>
      </c>
      <c r="E5672" t="s">
        <v>32407</v>
      </c>
      <c r="F5672">
        <v>4</v>
      </c>
      <c r="G5672" t="s">
        <v>774</v>
      </c>
      <c r="H5672" t="s">
        <v>12266</v>
      </c>
      <c r="I5672" t="s">
        <v>30540</v>
      </c>
    </row>
    <row r="5673" spans="1:9">
      <c r="A5673" s="1">
        <f ca="1">RAND()</f>
        <v>0.92372579436933444</v>
      </c>
      <c r="B5673" s="1"/>
      <c r="C5673">
        <v>9</v>
      </c>
      <c r="D5673" t="s">
        <v>12269</v>
      </c>
      <c r="E5673" t="s">
        <v>32407</v>
      </c>
      <c r="F5673">
        <v>4</v>
      </c>
      <c r="G5673" t="s">
        <v>13</v>
      </c>
      <c r="H5673" t="s">
        <v>12270</v>
      </c>
      <c r="I5673" t="s">
        <v>30540</v>
      </c>
    </row>
    <row r="5674" spans="1:9">
      <c r="A5674" s="1">
        <f ca="1">RAND()</f>
        <v>0.14521813590042598</v>
      </c>
      <c r="B5674" s="1"/>
      <c r="C5674">
        <v>20</v>
      </c>
      <c r="D5674" t="s">
        <v>12271</v>
      </c>
      <c r="E5674" t="s">
        <v>32407</v>
      </c>
      <c r="F5674">
        <v>4</v>
      </c>
      <c r="G5674" t="s">
        <v>10</v>
      </c>
      <c r="H5674" t="s">
        <v>12272</v>
      </c>
      <c r="I5674" t="s">
        <v>30540</v>
      </c>
    </row>
    <row r="5675" spans="1:9">
      <c r="A5675" s="1">
        <f ca="1">RAND()</f>
        <v>0.90478876797154872</v>
      </c>
      <c r="B5675" s="1"/>
      <c r="C5675">
        <v>4</v>
      </c>
      <c r="D5675" t="s">
        <v>12263</v>
      </c>
      <c r="E5675" t="s">
        <v>32407</v>
      </c>
      <c r="F5675">
        <v>4</v>
      </c>
      <c r="G5675" t="s">
        <v>766</v>
      </c>
      <c r="H5675" t="s">
        <v>12264</v>
      </c>
      <c r="I5675" t="s">
        <v>30540</v>
      </c>
    </row>
    <row r="5676" spans="1:9">
      <c r="A5676" s="1">
        <f ca="1">RAND()</f>
        <v>0.72941202637455727</v>
      </c>
      <c r="B5676" s="1"/>
      <c r="C5676">
        <v>5</v>
      </c>
      <c r="D5676" t="s">
        <v>12259</v>
      </c>
      <c r="E5676" t="s">
        <v>32408</v>
      </c>
      <c r="F5676">
        <v>4</v>
      </c>
      <c r="G5676" t="s">
        <v>774</v>
      </c>
      <c r="H5676" t="s">
        <v>12260</v>
      </c>
      <c r="I5676" t="s">
        <v>30540</v>
      </c>
    </row>
    <row r="5677" spans="1:9">
      <c r="A5677" s="1">
        <f ca="1">RAND()</f>
        <v>0.55657187303684585</v>
      </c>
      <c r="B5677" s="1"/>
      <c r="C5677">
        <v>19</v>
      </c>
      <c r="D5677" t="s">
        <v>12261</v>
      </c>
      <c r="E5677" t="s">
        <v>32408</v>
      </c>
      <c r="F5677">
        <v>4</v>
      </c>
      <c r="G5677" t="s">
        <v>771</v>
      </c>
      <c r="H5677" t="s">
        <v>12262</v>
      </c>
      <c r="I5677" t="s">
        <v>30540</v>
      </c>
    </row>
    <row r="5678" spans="1:9">
      <c r="A5678" s="1">
        <f ca="1">RAND()</f>
        <v>0.45392328866383924</v>
      </c>
      <c r="B5678" s="1"/>
      <c r="C5678">
        <v>2</v>
      </c>
      <c r="D5678" t="s">
        <v>12253</v>
      </c>
      <c r="E5678" t="s">
        <v>32409</v>
      </c>
      <c r="F5678">
        <v>5</v>
      </c>
      <c r="G5678" t="s">
        <v>13</v>
      </c>
      <c r="H5678" t="s">
        <v>12254</v>
      </c>
      <c r="I5678" t="s">
        <v>30540</v>
      </c>
    </row>
    <row r="5679" spans="1:9">
      <c r="A5679" s="1">
        <f ca="1">RAND()</f>
        <v>0.42150702004532925</v>
      </c>
      <c r="B5679" s="1"/>
      <c r="C5679">
        <v>10</v>
      </c>
      <c r="D5679" t="s">
        <v>12257</v>
      </c>
      <c r="E5679" t="s">
        <v>32409</v>
      </c>
      <c r="F5679">
        <v>4</v>
      </c>
      <c r="G5679" t="s">
        <v>0</v>
      </c>
      <c r="H5679" t="s">
        <v>12258</v>
      </c>
      <c r="I5679" t="s">
        <v>30540</v>
      </c>
    </row>
    <row r="5680" spans="1:9">
      <c r="A5680" s="1">
        <f ca="1">RAND()</f>
        <v>0.69408724374977726</v>
      </c>
      <c r="B5680" s="1"/>
      <c r="C5680">
        <v>7</v>
      </c>
      <c r="D5680" t="s">
        <v>12255</v>
      </c>
      <c r="E5680" t="s">
        <v>32409</v>
      </c>
      <c r="F5680">
        <v>4</v>
      </c>
      <c r="G5680" t="s">
        <v>2</v>
      </c>
      <c r="H5680" t="s">
        <v>12256</v>
      </c>
      <c r="I5680" t="s">
        <v>30540</v>
      </c>
    </row>
    <row r="5681" spans="1:9">
      <c r="A5681" s="1">
        <f ca="1">RAND()</f>
        <v>0.64563295132411391</v>
      </c>
      <c r="B5681" s="1"/>
      <c r="C5681">
        <v>8</v>
      </c>
      <c r="D5681" t="s">
        <v>12247</v>
      </c>
      <c r="E5681" t="s">
        <v>32410</v>
      </c>
      <c r="F5681">
        <v>5</v>
      </c>
      <c r="G5681" t="s">
        <v>774</v>
      </c>
      <c r="H5681" t="s">
        <v>12248</v>
      </c>
      <c r="I5681" t="s">
        <v>30540</v>
      </c>
    </row>
    <row r="5682" spans="1:9">
      <c r="A5682" s="1">
        <f ca="1">RAND()</f>
        <v>0.60747562260862387</v>
      </c>
      <c r="B5682" s="1"/>
      <c r="C5682">
        <v>5</v>
      </c>
      <c r="D5682" t="s">
        <v>12245</v>
      </c>
      <c r="E5682" t="s">
        <v>32410</v>
      </c>
      <c r="F5682">
        <v>5</v>
      </c>
      <c r="G5682" t="s">
        <v>0</v>
      </c>
      <c r="H5682" t="s">
        <v>12246</v>
      </c>
      <c r="I5682" t="s">
        <v>30540</v>
      </c>
    </row>
    <row r="5683" spans="1:9">
      <c r="A5683" s="1">
        <f ca="1">RAND()</f>
        <v>0.99654869565271942</v>
      </c>
      <c r="B5683" s="1"/>
      <c r="C5683">
        <v>11</v>
      </c>
      <c r="D5683" t="s">
        <v>12249</v>
      </c>
      <c r="E5683" t="s">
        <v>32410</v>
      </c>
      <c r="F5683">
        <v>4</v>
      </c>
      <c r="G5683" t="s">
        <v>0</v>
      </c>
      <c r="H5683" t="s">
        <v>12250</v>
      </c>
      <c r="I5683" t="s">
        <v>30540</v>
      </c>
    </row>
    <row r="5684" spans="1:9">
      <c r="A5684" s="1">
        <f ca="1">RAND()</f>
        <v>7.6302091691519136E-2</v>
      </c>
      <c r="B5684" s="1"/>
      <c r="C5684">
        <v>3</v>
      </c>
      <c r="D5684" t="s">
        <v>12243</v>
      </c>
      <c r="E5684" t="s">
        <v>32410</v>
      </c>
      <c r="F5684">
        <v>4</v>
      </c>
      <c r="G5684" t="s">
        <v>769</v>
      </c>
      <c r="H5684" t="s">
        <v>12244</v>
      </c>
      <c r="I5684" t="s">
        <v>30540</v>
      </c>
    </row>
    <row r="5685" spans="1:9">
      <c r="A5685" s="1">
        <f ca="1">RAND()</f>
        <v>0.95580415776096705</v>
      </c>
      <c r="B5685" s="1"/>
      <c r="C5685">
        <v>14</v>
      </c>
      <c r="D5685" t="s">
        <v>12251</v>
      </c>
      <c r="E5685" t="s">
        <v>32410</v>
      </c>
      <c r="F5685">
        <v>2</v>
      </c>
      <c r="G5685" t="s">
        <v>2</v>
      </c>
      <c r="H5685" t="s">
        <v>12252</v>
      </c>
      <c r="I5685" t="s">
        <v>30540</v>
      </c>
    </row>
    <row r="5686" spans="1:9">
      <c r="A5686" s="1">
        <f ca="1">RAND()</f>
        <v>0.30480061645226053</v>
      </c>
      <c r="B5686" s="1"/>
      <c r="C5686">
        <v>15</v>
      </c>
      <c r="D5686" t="s">
        <v>12241</v>
      </c>
      <c r="E5686" t="s">
        <v>32411</v>
      </c>
      <c r="F5686">
        <v>4</v>
      </c>
      <c r="G5686" t="s">
        <v>15</v>
      </c>
      <c r="H5686" t="s">
        <v>12242</v>
      </c>
      <c r="I5686" t="s">
        <v>30540</v>
      </c>
    </row>
    <row r="5687" spans="1:9">
      <c r="A5687" s="1">
        <f ca="1">RAND()</f>
        <v>0.25271196845143773</v>
      </c>
      <c r="B5687" s="1"/>
      <c r="C5687">
        <v>13</v>
      </c>
      <c r="D5687" t="s">
        <v>12239</v>
      </c>
      <c r="E5687" t="s">
        <v>32411</v>
      </c>
      <c r="F5687">
        <v>4</v>
      </c>
      <c r="G5687" t="s">
        <v>1</v>
      </c>
      <c r="H5687" t="s">
        <v>12240</v>
      </c>
      <c r="I5687" t="s">
        <v>30540</v>
      </c>
    </row>
    <row r="5688" spans="1:9">
      <c r="A5688" s="1">
        <f ca="1">RAND()</f>
        <v>0.38433623848206011</v>
      </c>
      <c r="B5688" s="1"/>
      <c r="C5688">
        <v>12</v>
      </c>
      <c r="D5688" t="s">
        <v>12237</v>
      </c>
      <c r="E5688" t="s">
        <v>32411</v>
      </c>
      <c r="F5688">
        <v>4</v>
      </c>
      <c r="G5688" t="s">
        <v>9</v>
      </c>
      <c r="H5688" t="s">
        <v>12238</v>
      </c>
      <c r="I5688" t="s">
        <v>30540</v>
      </c>
    </row>
    <row r="5689" spans="1:9">
      <c r="A5689" s="1">
        <f ca="1">RAND()</f>
        <v>0.95766358215296843</v>
      </c>
      <c r="B5689" s="1"/>
      <c r="C5689">
        <v>11</v>
      </c>
      <c r="D5689" t="s">
        <v>12233</v>
      </c>
      <c r="E5689" t="s">
        <v>32412</v>
      </c>
      <c r="F5689">
        <v>4</v>
      </c>
      <c r="G5689" t="s">
        <v>13</v>
      </c>
      <c r="H5689" t="s">
        <v>12234</v>
      </c>
      <c r="I5689" t="s">
        <v>30540</v>
      </c>
    </row>
    <row r="5690" spans="1:9">
      <c r="A5690" s="1">
        <f ca="1">RAND()</f>
        <v>1.9016546305585913E-2</v>
      </c>
      <c r="B5690" s="1"/>
      <c r="C5690">
        <v>10</v>
      </c>
      <c r="D5690" t="s">
        <v>12231</v>
      </c>
      <c r="E5690" t="s">
        <v>32412</v>
      </c>
      <c r="F5690">
        <v>4</v>
      </c>
      <c r="G5690" t="s">
        <v>1295</v>
      </c>
      <c r="H5690" t="s">
        <v>12232</v>
      </c>
      <c r="I5690" t="s">
        <v>30540</v>
      </c>
    </row>
    <row r="5691" spans="1:9">
      <c r="A5691" s="1">
        <f ca="1">RAND()</f>
        <v>0.57044211445141269</v>
      </c>
      <c r="B5691" s="1"/>
      <c r="C5691">
        <v>13</v>
      </c>
      <c r="D5691" t="s">
        <v>12235</v>
      </c>
      <c r="E5691" t="s">
        <v>32412</v>
      </c>
      <c r="F5691">
        <v>4</v>
      </c>
      <c r="G5691" t="s">
        <v>1295</v>
      </c>
      <c r="H5691" t="s">
        <v>12236</v>
      </c>
      <c r="I5691" t="s">
        <v>30540</v>
      </c>
    </row>
    <row r="5692" spans="1:9">
      <c r="A5692" s="1">
        <f ca="1">RAND()</f>
        <v>0.78017664308275037</v>
      </c>
      <c r="B5692" s="1"/>
      <c r="C5692">
        <v>5</v>
      </c>
      <c r="D5692" t="s">
        <v>12227</v>
      </c>
      <c r="E5692" t="s">
        <v>32413</v>
      </c>
      <c r="F5692">
        <v>2</v>
      </c>
      <c r="G5692" t="s">
        <v>14</v>
      </c>
      <c r="H5692" t="s">
        <v>12228</v>
      </c>
      <c r="I5692" t="s">
        <v>30540</v>
      </c>
    </row>
    <row r="5693" spans="1:9">
      <c r="A5693" s="1">
        <f ca="1">RAND()</f>
        <v>0.43425216317854631</v>
      </c>
      <c r="B5693" s="1"/>
      <c r="C5693">
        <v>14</v>
      </c>
      <c r="D5693" t="s">
        <v>12229</v>
      </c>
      <c r="E5693" t="s">
        <v>32413</v>
      </c>
      <c r="F5693">
        <v>2</v>
      </c>
      <c r="G5693" t="s">
        <v>14</v>
      </c>
      <c r="H5693" t="s">
        <v>12230</v>
      </c>
      <c r="I5693" t="s">
        <v>30540</v>
      </c>
    </row>
    <row r="5694" spans="1:9">
      <c r="A5694" s="1">
        <f ca="1">RAND()</f>
        <v>0.90042335747985747</v>
      </c>
      <c r="B5694" s="1"/>
      <c r="C5694">
        <v>18</v>
      </c>
      <c r="D5694" t="s">
        <v>12225</v>
      </c>
      <c r="E5694" t="s">
        <v>32414</v>
      </c>
      <c r="F5694">
        <v>4</v>
      </c>
      <c r="G5694" t="s">
        <v>1295</v>
      </c>
      <c r="H5694" t="s">
        <v>12226</v>
      </c>
      <c r="I5694" t="s">
        <v>30540</v>
      </c>
    </row>
    <row r="5695" spans="1:9">
      <c r="A5695" s="1">
        <f ca="1">RAND()</f>
        <v>0.56419684396271663</v>
      </c>
      <c r="B5695" s="1"/>
      <c r="C5695">
        <v>11</v>
      </c>
      <c r="D5695" t="s">
        <v>12223</v>
      </c>
      <c r="E5695" t="s">
        <v>32414</v>
      </c>
      <c r="F5695">
        <v>4</v>
      </c>
      <c r="G5695" t="s">
        <v>766</v>
      </c>
      <c r="H5695" t="s">
        <v>12224</v>
      </c>
      <c r="I5695" t="s">
        <v>30540</v>
      </c>
    </row>
    <row r="5696" spans="1:9">
      <c r="A5696" s="1">
        <f ca="1">RAND()</f>
        <v>0.57163849976289005</v>
      </c>
      <c r="B5696" s="1"/>
      <c r="C5696">
        <v>11</v>
      </c>
      <c r="D5696" t="s">
        <v>12221</v>
      </c>
      <c r="E5696" t="s">
        <v>32415</v>
      </c>
      <c r="F5696">
        <v>5</v>
      </c>
      <c r="G5696" t="s">
        <v>14</v>
      </c>
      <c r="H5696" t="s">
        <v>12222</v>
      </c>
      <c r="I5696" t="s">
        <v>30540</v>
      </c>
    </row>
    <row r="5697" spans="1:9">
      <c r="A5697" s="1">
        <f ca="1">RAND()</f>
        <v>0.34183796405816635</v>
      </c>
      <c r="B5697" s="1"/>
      <c r="C5697">
        <v>16</v>
      </c>
      <c r="D5697" t="s">
        <v>12217</v>
      </c>
      <c r="E5697" t="s">
        <v>32416</v>
      </c>
      <c r="F5697">
        <v>5</v>
      </c>
      <c r="G5697" t="s">
        <v>11306</v>
      </c>
      <c r="H5697" t="s">
        <v>12218</v>
      </c>
      <c r="I5697" t="s">
        <v>30540</v>
      </c>
    </row>
    <row r="5698" spans="1:9">
      <c r="A5698" s="1">
        <f ca="1">RAND()</f>
        <v>0.87903235654883649</v>
      </c>
      <c r="B5698" s="1"/>
      <c r="C5698">
        <v>1</v>
      </c>
      <c r="D5698" t="s">
        <v>12213</v>
      </c>
      <c r="E5698" t="s">
        <v>32416</v>
      </c>
      <c r="F5698">
        <v>4</v>
      </c>
      <c r="G5698" t="s">
        <v>2</v>
      </c>
      <c r="H5698" t="s">
        <v>12214</v>
      </c>
      <c r="I5698" t="s">
        <v>30540</v>
      </c>
    </row>
    <row r="5699" spans="1:9">
      <c r="A5699" s="1">
        <f ca="1">RAND()</f>
        <v>6.0082525325588332E-2</v>
      </c>
      <c r="B5699" s="1"/>
      <c r="C5699">
        <v>15</v>
      </c>
      <c r="D5699" t="s">
        <v>12215</v>
      </c>
      <c r="E5699" t="s">
        <v>32416</v>
      </c>
      <c r="F5699">
        <v>4</v>
      </c>
      <c r="G5699" t="s">
        <v>11300</v>
      </c>
      <c r="H5699" t="s">
        <v>12216</v>
      </c>
      <c r="I5699" t="s">
        <v>30540</v>
      </c>
    </row>
    <row r="5700" spans="1:9">
      <c r="A5700" s="1">
        <f ca="1">RAND()</f>
        <v>0.64759115543618195</v>
      </c>
      <c r="B5700" s="1"/>
      <c r="C5700">
        <v>20</v>
      </c>
      <c r="D5700" t="s">
        <v>12219</v>
      </c>
      <c r="E5700" t="s">
        <v>32416</v>
      </c>
      <c r="F5700">
        <v>4</v>
      </c>
      <c r="G5700" t="s">
        <v>11346</v>
      </c>
      <c r="H5700" t="s">
        <v>12220</v>
      </c>
      <c r="I5700" t="s">
        <v>30540</v>
      </c>
    </row>
    <row r="5701" spans="1:9">
      <c r="A5701" s="1">
        <f ca="1">RAND()</f>
        <v>0.6870167022621132</v>
      </c>
      <c r="B5701" s="1"/>
      <c r="C5701">
        <v>14</v>
      </c>
      <c r="D5701" t="s">
        <v>12211</v>
      </c>
      <c r="E5701" t="s">
        <v>32417</v>
      </c>
      <c r="F5701">
        <v>4</v>
      </c>
      <c r="G5701" t="s">
        <v>14</v>
      </c>
      <c r="H5701" t="s">
        <v>12212</v>
      </c>
      <c r="I5701" t="s">
        <v>30540</v>
      </c>
    </row>
    <row r="5702" spans="1:9">
      <c r="A5702" s="1">
        <f ca="1">RAND()</f>
        <v>0.16169674370657272</v>
      </c>
      <c r="B5702" s="1"/>
      <c r="C5702">
        <v>13</v>
      </c>
      <c r="D5702" t="s">
        <v>12209</v>
      </c>
      <c r="E5702" t="s">
        <v>32417</v>
      </c>
      <c r="F5702">
        <v>4</v>
      </c>
      <c r="G5702" t="s">
        <v>0</v>
      </c>
      <c r="H5702" t="s">
        <v>12210</v>
      </c>
      <c r="I5702" t="s">
        <v>30540</v>
      </c>
    </row>
    <row r="5703" spans="1:9">
      <c r="A5703" s="1">
        <f ca="1">RAND()</f>
        <v>0.5888247412249199</v>
      </c>
      <c r="B5703" s="1"/>
      <c r="C5703">
        <v>14</v>
      </c>
      <c r="D5703" t="s">
        <v>12203</v>
      </c>
      <c r="E5703" t="s">
        <v>32418</v>
      </c>
      <c r="F5703">
        <v>4</v>
      </c>
      <c r="G5703" t="s">
        <v>770</v>
      </c>
      <c r="H5703" t="s">
        <v>12204</v>
      </c>
      <c r="I5703" t="s">
        <v>30540</v>
      </c>
    </row>
    <row r="5704" spans="1:9">
      <c r="A5704" s="1">
        <f ca="1">RAND()</f>
        <v>1.0143220724512902E-2</v>
      </c>
      <c r="B5704" s="1"/>
      <c r="C5704">
        <v>17</v>
      </c>
      <c r="D5704" t="s">
        <v>12205</v>
      </c>
      <c r="E5704" t="s">
        <v>32418</v>
      </c>
      <c r="F5704">
        <v>4</v>
      </c>
      <c r="G5704" t="s">
        <v>771</v>
      </c>
      <c r="H5704" t="s">
        <v>12206</v>
      </c>
      <c r="I5704" t="s">
        <v>30540</v>
      </c>
    </row>
    <row r="5705" spans="1:9">
      <c r="A5705" s="1">
        <f ca="1">RAND()</f>
        <v>0.15934479298836957</v>
      </c>
      <c r="B5705" s="1"/>
      <c r="C5705">
        <v>3</v>
      </c>
      <c r="D5705" t="s">
        <v>12201</v>
      </c>
      <c r="E5705" t="s">
        <v>32418</v>
      </c>
      <c r="F5705">
        <v>4</v>
      </c>
      <c r="G5705" t="s">
        <v>13</v>
      </c>
      <c r="H5705" t="s">
        <v>12202</v>
      </c>
      <c r="I5705" t="s">
        <v>30540</v>
      </c>
    </row>
    <row r="5706" spans="1:9">
      <c r="A5706" s="1">
        <f ca="1">RAND()</f>
        <v>0.42281181300267534</v>
      </c>
      <c r="B5706" s="1"/>
      <c r="C5706">
        <v>1</v>
      </c>
      <c r="D5706" t="s">
        <v>12199</v>
      </c>
      <c r="E5706" t="s">
        <v>32418</v>
      </c>
      <c r="F5706">
        <v>4</v>
      </c>
      <c r="G5706" t="s">
        <v>15</v>
      </c>
      <c r="H5706" t="s">
        <v>12200</v>
      </c>
      <c r="I5706" t="s">
        <v>30540</v>
      </c>
    </row>
    <row r="5707" spans="1:9">
      <c r="A5707" s="1">
        <f ca="1">RAND()</f>
        <v>0.31368050631279987</v>
      </c>
      <c r="B5707" s="1"/>
      <c r="C5707">
        <v>20</v>
      </c>
      <c r="D5707" t="s">
        <v>12207</v>
      </c>
      <c r="E5707" t="s">
        <v>32418</v>
      </c>
      <c r="F5707">
        <v>4</v>
      </c>
      <c r="G5707" t="s">
        <v>1295</v>
      </c>
      <c r="H5707" t="s">
        <v>12208</v>
      </c>
      <c r="I5707" t="s">
        <v>30540</v>
      </c>
    </row>
    <row r="5708" spans="1:9">
      <c r="A5708" s="1">
        <f ca="1">RAND()</f>
        <v>0.69707643379547046</v>
      </c>
      <c r="B5708" s="1"/>
      <c r="C5708">
        <v>7</v>
      </c>
      <c r="D5708" t="s">
        <v>12197</v>
      </c>
      <c r="E5708" t="s">
        <v>32419</v>
      </c>
      <c r="F5708">
        <v>4</v>
      </c>
      <c r="G5708" t="s">
        <v>14</v>
      </c>
      <c r="H5708" t="s">
        <v>12198</v>
      </c>
      <c r="I5708" t="s">
        <v>30540</v>
      </c>
    </row>
    <row r="5709" spans="1:9">
      <c r="A5709" s="1">
        <f ca="1">RAND()</f>
        <v>0.15826939369856075</v>
      </c>
      <c r="B5709" s="1"/>
      <c r="C5709">
        <v>6</v>
      </c>
      <c r="D5709" t="s">
        <v>12193</v>
      </c>
      <c r="E5709" t="s">
        <v>32420</v>
      </c>
      <c r="F5709">
        <v>5</v>
      </c>
      <c r="G5709" t="s">
        <v>11507</v>
      </c>
      <c r="H5709" t="s">
        <v>12194</v>
      </c>
      <c r="I5709" t="s">
        <v>30540</v>
      </c>
    </row>
    <row r="5710" spans="1:9">
      <c r="A5710" s="1">
        <f ca="1">RAND()</f>
        <v>0.35761205992389888</v>
      </c>
      <c r="B5710" s="1"/>
      <c r="C5710">
        <v>1</v>
      </c>
      <c r="D5710" t="s">
        <v>12189</v>
      </c>
      <c r="E5710" t="s">
        <v>32420</v>
      </c>
      <c r="F5710">
        <v>4</v>
      </c>
      <c r="G5710" t="s">
        <v>15</v>
      </c>
      <c r="H5710" t="s">
        <v>12190</v>
      </c>
      <c r="I5710" t="s">
        <v>30540</v>
      </c>
    </row>
    <row r="5711" spans="1:9">
      <c r="A5711" s="1">
        <f ca="1">RAND()</f>
        <v>0.73401516050097138</v>
      </c>
      <c r="B5711" s="1"/>
      <c r="C5711">
        <v>2</v>
      </c>
      <c r="D5711" t="s">
        <v>12191</v>
      </c>
      <c r="E5711" t="s">
        <v>32420</v>
      </c>
      <c r="F5711">
        <v>4</v>
      </c>
      <c r="G5711" t="s">
        <v>15</v>
      </c>
      <c r="H5711" t="s">
        <v>12192</v>
      </c>
      <c r="I5711" t="s">
        <v>30540</v>
      </c>
    </row>
    <row r="5712" spans="1:9">
      <c r="A5712" s="1">
        <f ca="1">RAND()</f>
        <v>0.60636398691735316</v>
      </c>
      <c r="B5712" s="1"/>
      <c r="C5712">
        <v>11</v>
      </c>
      <c r="D5712" t="s">
        <v>12195</v>
      </c>
      <c r="E5712" t="s">
        <v>32420</v>
      </c>
      <c r="F5712">
        <v>2</v>
      </c>
      <c r="G5712" t="s">
        <v>14</v>
      </c>
      <c r="H5712" t="s">
        <v>12196</v>
      </c>
      <c r="I5712" t="s">
        <v>30540</v>
      </c>
    </row>
    <row r="5713" spans="1:9">
      <c r="A5713" s="1">
        <f ca="1">RAND()</f>
        <v>9.9830864651811346E-2</v>
      </c>
      <c r="B5713" s="1"/>
      <c r="C5713">
        <v>2</v>
      </c>
      <c r="D5713" t="s">
        <v>12185</v>
      </c>
      <c r="E5713" t="s">
        <v>32421</v>
      </c>
      <c r="F5713">
        <v>4</v>
      </c>
      <c r="G5713" t="s">
        <v>9</v>
      </c>
      <c r="H5713" t="s">
        <v>12186</v>
      </c>
      <c r="I5713" t="s">
        <v>30540</v>
      </c>
    </row>
    <row r="5714" spans="1:9">
      <c r="A5714" s="1">
        <f ca="1">RAND()</f>
        <v>9.2831356267874421E-2</v>
      </c>
      <c r="B5714" s="1"/>
      <c r="C5714">
        <v>6</v>
      </c>
      <c r="D5714" t="s">
        <v>12187</v>
      </c>
      <c r="E5714" t="s">
        <v>32421</v>
      </c>
      <c r="F5714">
        <v>3</v>
      </c>
      <c r="G5714" t="s">
        <v>10</v>
      </c>
      <c r="H5714" t="s">
        <v>12188</v>
      </c>
      <c r="I5714" t="s">
        <v>30540</v>
      </c>
    </row>
    <row r="5715" spans="1:9">
      <c r="A5715" s="1">
        <f ca="1">RAND()</f>
        <v>0.26033127175842685</v>
      </c>
      <c r="B5715" s="1"/>
      <c r="C5715">
        <v>1</v>
      </c>
      <c r="D5715" t="s">
        <v>12181</v>
      </c>
      <c r="E5715" t="s">
        <v>32422</v>
      </c>
      <c r="F5715">
        <v>5</v>
      </c>
      <c r="G5715" t="s">
        <v>2</v>
      </c>
      <c r="H5715" t="s">
        <v>12182</v>
      </c>
      <c r="I5715" t="s">
        <v>30540</v>
      </c>
    </row>
    <row r="5716" spans="1:9">
      <c r="A5716" s="1">
        <f ca="1">RAND()</f>
        <v>0.54001783166878625</v>
      </c>
      <c r="B5716" s="1"/>
      <c r="C5716">
        <v>7</v>
      </c>
      <c r="D5716" t="s">
        <v>12183</v>
      </c>
      <c r="E5716" t="s">
        <v>32422</v>
      </c>
      <c r="F5716">
        <v>3</v>
      </c>
      <c r="G5716" t="s">
        <v>14</v>
      </c>
      <c r="H5716" t="s">
        <v>12184</v>
      </c>
      <c r="I5716" t="s">
        <v>30540</v>
      </c>
    </row>
    <row r="5717" spans="1:9">
      <c r="A5717" s="1">
        <f ca="1">RAND()</f>
        <v>0.1824831053190481</v>
      </c>
      <c r="B5717" s="1"/>
      <c r="C5717">
        <v>19</v>
      </c>
      <c r="D5717" t="s">
        <v>12179</v>
      </c>
      <c r="E5717" t="s">
        <v>32423</v>
      </c>
      <c r="F5717">
        <v>4</v>
      </c>
      <c r="G5717" t="s">
        <v>14</v>
      </c>
      <c r="H5717" t="s">
        <v>12180</v>
      </c>
      <c r="I5717" t="s">
        <v>30540</v>
      </c>
    </row>
    <row r="5718" spans="1:9">
      <c r="A5718" s="1">
        <f ca="1">RAND()</f>
        <v>0.48506675841031088</v>
      </c>
      <c r="B5718" s="1"/>
      <c r="C5718">
        <v>16</v>
      </c>
      <c r="D5718" t="s">
        <v>12177</v>
      </c>
      <c r="E5718" t="s">
        <v>32423</v>
      </c>
      <c r="F5718">
        <v>4</v>
      </c>
      <c r="G5718" t="s">
        <v>0</v>
      </c>
      <c r="H5718" t="s">
        <v>12178</v>
      </c>
      <c r="I5718" t="s">
        <v>30540</v>
      </c>
    </row>
    <row r="5719" spans="1:9">
      <c r="A5719" s="1">
        <f ca="1">RAND()</f>
        <v>0.13413388890303291</v>
      </c>
      <c r="B5719" s="1"/>
      <c r="C5719">
        <v>2</v>
      </c>
      <c r="D5719" t="s">
        <v>12175</v>
      </c>
      <c r="E5719" t="s">
        <v>32423</v>
      </c>
      <c r="F5719">
        <v>2</v>
      </c>
      <c r="G5719" t="s">
        <v>1295</v>
      </c>
      <c r="H5719" t="s">
        <v>12176</v>
      </c>
      <c r="I5719" t="s">
        <v>30540</v>
      </c>
    </row>
    <row r="5720" spans="1:9">
      <c r="A5720" s="1">
        <f ca="1">RAND()</f>
        <v>2.0199231600532053E-2</v>
      </c>
      <c r="B5720" s="1"/>
      <c r="C5720">
        <v>9</v>
      </c>
      <c r="D5720" t="s">
        <v>12173</v>
      </c>
      <c r="E5720" t="s">
        <v>32424</v>
      </c>
      <c r="F5720">
        <v>4</v>
      </c>
      <c r="G5720" t="s">
        <v>14</v>
      </c>
      <c r="H5720" t="s">
        <v>12174</v>
      </c>
      <c r="I5720" t="s">
        <v>30540</v>
      </c>
    </row>
    <row r="5721" spans="1:9">
      <c r="A5721" s="1">
        <f ca="1">RAND()</f>
        <v>0.78687195727310433</v>
      </c>
      <c r="B5721" s="1"/>
      <c r="C5721">
        <v>6</v>
      </c>
      <c r="D5721" t="s">
        <v>12171</v>
      </c>
      <c r="E5721" t="s">
        <v>32424</v>
      </c>
      <c r="F5721">
        <v>4</v>
      </c>
      <c r="G5721" t="s">
        <v>15</v>
      </c>
      <c r="H5721" t="s">
        <v>12172</v>
      </c>
      <c r="I5721" t="s">
        <v>30540</v>
      </c>
    </row>
    <row r="5722" spans="1:9">
      <c r="A5722" s="1">
        <f ca="1">RAND()</f>
        <v>0.82409675386116987</v>
      </c>
      <c r="B5722" s="1"/>
      <c r="C5722">
        <v>1</v>
      </c>
      <c r="D5722" t="s">
        <v>12167</v>
      </c>
      <c r="E5722" t="s">
        <v>32424</v>
      </c>
      <c r="F5722">
        <v>4</v>
      </c>
      <c r="G5722" t="s">
        <v>9</v>
      </c>
      <c r="H5722" t="s">
        <v>12168</v>
      </c>
      <c r="I5722" t="s">
        <v>30540</v>
      </c>
    </row>
    <row r="5723" spans="1:9">
      <c r="A5723" s="1">
        <f ca="1">RAND()</f>
        <v>0.29630360242120424</v>
      </c>
      <c r="B5723" s="1"/>
      <c r="C5723">
        <v>3</v>
      </c>
      <c r="D5723" t="s">
        <v>12169</v>
      </c>
      <c r="E5723" t="s">
        <v>32424</v>
      </c>
      <c r="F5723">
        <v>3</v>
      </c>
      <c r="G5723" t="s">
        <v>14</v>
      </c>
      <c r="H5723" t="s">
        <v>12170</v>
      </c>
      <c r="I5723" t="s">
        <v>30540</v>
      </c>
    </row>
    <row r="5724" spans="1:9">
      <c r="A5724" s="1">
        <f ca="1">RAND()</f>
        <v>0.76153126703394047</v>
      </c>
      <c r="B5724" s="1"/>
      <c r="C5724">
        <v>5</v>
      </c>
      <c r="D5724" t="s">
        <v>12165</v>
      </c>
      <c r="E5724" t="s">
        <v>32425</v>
      </c>
      <c r="F5724">
        <v>5</v>
      </c>
      <c r="G5724" t="s">
        <v>0</v>
      </c>
      <c r="H5724" t="s">
        <v>12166</v>
      </c>
      <c r="I5724" t="s">
        <v>30540</v>
      </c>
    </row>
    <row r="5725" spans="1:9">
      <c r="A5725" s="1">
        <f ca="1">RAND()</f>
        <v>0.27068994347687003</v>
      </c>
      <c r="B5725" s="1"/>
      <c r="C5725">
        <v>3</v>
      </c>
      <c r="D5725" t="s">
        <v>12163</v>
      </c>
      <c r="E5725" t="s">
        <v>32425</v>
      </c>
      <c r="F5725">
        <v>4</v>
      </c>
      <c r="G5725" t="s">
        <v>0</v>
      </c>
      <c r="H5725" t="s">
        <v>12164</v>
      </c>
      <c r="I5725" t="s">
        <v>30540</v>
      </c>
    </row>
    <row r="5726" spans="1:9">
      <c r="A5726" s="1">
        <f ca="1">RAND()</f>
        <v>0.68398377281574341</v>
      </c>
      <c r="B5726" s="1"/>
      <c r="C5726">
        <v>2</v>
      </c>
      <c r="D5726" t="s">
        <v>12161</v>
      </c>
      <c r="E5726" t="s">
        <v>32425</v>
      </c>
      <c r="F5726">
        <v>4</v>
      </c>
      <c r="G5726" t="s">
        <v>14</v>
      </c>
      <c r="H5726" t="s">
        <v>12162</v>
      </c>
      <c r="I5726" t="s">
        <v>30540</v>
      </c>
    </row>
    <row r="5727" spans="1:9">
      <c r="A5727" s="1">
        <f ca="1">RAND()</f>
        <v>0.24246835044654291</v>
      </c>
      <c r="B5727" s="1"/>
      <c r="C5727">
        <v>1</v>
      </c>
      <c r="D5727" t="s">
        <v>12159</v>
      </c>
      <c r="E5727" t="s">
        <v>32425</v>
      </c>
      <c r="F5727">
        <v>3</v>
      </c>
      <c r="G5727" t="s">
        <v>11302</v>
      </c>
      <c r="H5727" t="s">
        <v>12160</v>
      </c>
      <c r="I5727" t="s">
        <v>30540</v>
      </c>
    </row>
    <row r="5728" spans="1:9">
      <c r="A5728" s="1">
        <f ca="1">RAND()</f>
        <v>0.32684678927580912</v>
      </c>
      <c r="B5728" s="1"/>
      <c r="C5728">
        <v>13</v>
      </c>
      <c r="D5728" t="s">
        <v>12155</v>
      </c>
      <c r="E5728" t="s">
        <v>32426</v>
      </c>
      <c r="F5728">
        <v>5</v>
      </c>
      <c r="G5728" t="s">
        <v>13</v>
      </c>
      <c r="H5728" t="s">
        <v>12156</v>
      </c>
      <c r="I5728" t="s">
        <v>30540</v>
      </c>
    </row>
    <row r="5729" spans="1:9">
      <c r="A5729" s="1">
        <f ca="1">RAND()</f>
        <v>0.4297810726860064</v>
      </c>
      <c r="B5729" s="1"/>
      <c r="C5729">
        <v>12</v>
      </c>
      <c r="D5729" t="s">
        <v>12153</v>
      </c>
      <c r="E5729" t="s">
        <v>32426</v>
      </c>
      <c r="F5729">
        <v>4</v>
      </c>
      <c r="G5729" t="s">
        <v>10</v>
      </c>
      <c r="H5729" t="s">
        <v>12154</v>
      </c>
      <c r="I5729" t="s">
        <v>30540</v>
      </c>
    </row>
    <row r="5730" spans="1:9">
      <c r="A5730" s="1">
        <f ca="1">RAND()</f>
        <v>2.3662145946568569E-2</v>
      </c>
      <c r="B5730" s="1"/>
      <c r="C5730">
        <v>2</v>
      </c>
      <c r="D5730" t="s">
        <v>12151</v>
      </c>
      <c r="E5730" t="s">
        <v>32426</v>
      </c>
      <c r="F5730">
        <v>4</v>
      </c>
      <c r="G5730" t="s">
        <v>14</v>
      </c>
      <c r="H5730" t="s">
        <v>12152</v>
      </c>
      <c r="I5730" t="s">
        <v>30540</v>
      </c>
    </row>
    <row r="5731" spans="1:9">
      <c r="A5731" s="1">
        <f ca="1">RAND()</f>
        <v>0.67361584660398888</v>
      </c>
      <c r="B5731" s="1"/>
      <c r="C5731">
        <v>14</v>
      </c>
      <c r="D5731" t="s">
        <v>12157</v>
      </c>
      <c r="E5731" t="s">
        <v>32426</v>
      </c>
      <c r="F5731">
        <v>2</v>
      </c>
      <c r="G5731" t="s">
        <v>9</v>
      </c>
      <c r="H5731" t="s">
        <v>12158</v>
      </c>
      <c r="I5731" t="s">
        <v>30540</v>
      </c>
    </row>
    <row r="5732" spans="1:9">
      <c r="A5732" s="1">
        <f ca="1">RAND()</f>
        <v>0.17419584377743957</v>
      </c>
      <c r="B5732" s="1"/>
      <c r="C5732">
        <v>10</v>
      </c>
      <c r="D5732" t="s">
        <v>12147</v>
      </c>
      <c r="E5732" t="s">
        <v>32427</v>
      </c>
      <c r="F5732">
        <v>4</v>
      </c>
      <c r="G5732" t="s">
        <v>14</v>
      </c>
      <c r="H5732" t="s">
        <v>12148</v>
      </c>
      <c r="I5732" t="s">
        <v>30540</v>
      </c>
    </row>
    <row r="5733" spans="1:9">
      <c r="A5733" s="1">
        <f ca="1">RAND()</f>
        <v>0.38314525104819752</v>
      </c>
      <c r="B5733" s="1"/>
      <c r="C5733">
        <v>13</v>
      </c>
      <c r="D5733" t="s">
        <v>12149</v>
      </c>
      <c r="E5733" t="s">
        <v>32427</v>
      </c>
      <c r="F5733">
        <v>2</v>
      </c>
      <c r="G5733" t="s">
        <v>0</v>
      </c>
      <c r="H5733" t="s">
        <v>12150</v>
      </c>
      <c r="I5733" t="s">
        <v>30540</v>
      </c>
    </row>
    <row r="5734" spans="1:9">
      <c r="A5734" s="1">
        <f ca="1">RAND()</f>
        <v>0.56176541976743577</v>
      </c>
      <c r="B5734" s="1"/>
      <c r="C5734">
        <v>15</v>
      </c>
      <c r="D5734" t="s">
        <v>12141</v>
      </c>
      <c r="E5734" t="s">
        <v>32428</v>
      </c>
      <c r="F5734">
        <v>5</v>
      </c>
      <c r="G5734" t="s">
        <v>13</v>
      </c>
      <c r="H5734" t="s">
        <v>12142</v>
      </c>
      <c r="I5734" t="s">
        <v>30540</v>
      </c>
    </row>
    <row r="5735" spans="1:9">
      <c r="A5735" s="1">
        <f ca="1">RAND()</f>
        <v>0.93516993579109586</v>
      </c>
      <c r="B5735" s="1"/>
      <c r="C5735">
        <v>1</v>
      </c>
      <c r="D5735" t="s">
        <v>12135</v>
      </c>
      <c r="E5735" t="s">
        <v>32428</v>
      </c>
      <c r="F5735">
        <v>5</v>
      </c>
      <c r="G5735" t="s">
        <v>2</v>
      </c>
      <c r="H5735" t="s">
        <v>12136</v>
      </c>
      <c r="I5735" t="s">
        <v>30540</v>
      </c>
    </row>
    <row r="5736" spans="1:9">
      <c r="A5736" s="1">
        <f ca="1">RAND()</f>
        <v>0.23274233573761938</v>
      </c>
      <c r="B5736" s="1"/>
      <c r="C5736">
        <v>17</v>
      </c>
      <c r="D5736" t="s">
        <v>12143</v>
      </c>
      <c r="E5736" t="s">
        <v>32428</v>
      </c>
      <c r="F5736">
        <v>4</v>
      </c>
      <c r="G5736" t="s">
        <v>769</v>
      </c>
      <c r="H5736" t="s">
        <v>12144</v>
      </c>
      <c r="I5736" t="s">
        <v>30540</v>
      </c>
    </row>
    <row r="5737" spans="1:9">
      <c r="A5737" s="1">
        <f ca="1">RAND()</f>
        <v>0.12884159002222051</v>
      </c>
      <c r="B5737" s="1"/>
      <c r="C5737">
        <v>2</v>
      </c>
      <c r="D5737" t="s">
        <v>12137</v>
      </c>
      <c r="E5737" t="s">
        <v>32428</v>
      </c>
      <c r="F5737">
        <v>4</v>
      </c>
      <c r="G5737" t="s">
        <v>2</v>
      </c>
      <c r="H5737" t="s">
        <v>12138</v>
      </c>
      <c r="I5737" t="s">
        <v>30540</v>
      </c>
    </row>
    <row r="5738" spans="1:9">
      <c r="A5738" s="1">
        <f ca="1">RAND()</f>
        <v>0.33521757566469812</v>
      </c>
      <c r="B5738" s="1"/>
      <c r="C5738">
        <v>11</v>
      </c>
      <c r="D5738" t="s">
        <v>12139</v>
      </c>
      <c r="E5738" t="s">
        <v>32428</v>
      </c>
      <c r="F5738">
        <v>4</v>
      </c>
      <c r="G5738" t="s">
        <v>774</v>
      </c>
      <c r="H5738" t="s">
        <v>12140</v>
      </c>
      <c r="I5738" t="s">
        <v>30540</v>
      </c>
    </row>
    <row r="5739" spans="1:9">
      <c r="A5739" s="1">
        <f ca="1">RAND()</f>
        <v>0.75864116964585748</v>
      </c>
      <c r="B5739" s="1"/>
      <c r="C5739">
        <v>19</v>
      </c>
      <c r="D5739" t="s">
        <v>12145</v>
      </c>
      <c r="E5739" t="s">
        <v>32428</v>
      </c>
      <c r="F5739">
        <v>4</v>
      </c>
      <c r="G5739" t="s">
        <v>14</v>
      </c>
      <c r="H5739" t="s">
        <v>12146</v>
      </c>
      <c r="I5739" t="s">
        <v>30540</v>
      </c>
    </row>
    <row r="5740" spans="1:9">
      <c r="A5740" s="1">
        <f ca="1">RAND()</f>
        <v>0.69910950672932637</v>
      </c>
      <c r="B5740" s="1"/>
      <c r="C5740">
        <v>18</v>
      </c>
      <c r="D5740" t="s">
        <v>12133</v>
      </c>
      <c r="E5740" t="s">
        <v>32429</v>
      </c>
      <c r="F5740">
        <v>5</v>
      </c>
      <c r="G5740" t="s">
        <v>0</v>
      </c>
      <c r="H5740" t="s">
        <v>12134</v>
      </c>
      <c r="I5740" t="s">
        <v>30540</v>
      </c>
    </row>
    <row r="5741" spans="1:9">
      <c r="A5741" s="1">
        <f ca="1">RAND()</f>
        <v>0.10822039084789736</v>
      </c>
      <c r="B5741" s="1"/>
      <c r="C5741">
        <v>17</v>
      </c>
      <c r="D5741" t="s">
        <v>12131</v>
      </c>
      <c r="E5741" t="s">
        <v>32429</v>
      </c>
      <c r="F5741">
        <v>4</v>
      </c>
      <c r="G5741" t="s">
        <v>15</v>
      </c>
      <c r="H5741" t="s">
        <v>12132</v>
      </c>
      <c r="I5741" t="s">
        <v>30540</v>
      </c>
    </row>
    <row r="5742" spans="1:9">
      <c r="A5742" s="1">
        <f ca="1">RAND()</f>
        <v>0.3400635936513009</v>
      </c>
      <c r="B5742" s="1"/>
      <c r="C5742">
        <v>11</v>
      </c>
      <c r="D5742" t="s">
        <v>12129</v>
      </c>
      <c r="E5742" t="s">
        <v>32429</v>
      </c>
      <c r="F5742">
        <v>2</v>
      </c>
      <c r="G5742" t="s">
        <v>0</v>
      </c>
      <c r="H5742" t="s">
        <v>12130</v>
      </c>
      <c r="I5742" t="s">
        <v>30540</v>
      </c>
    </row>
    <row r="5743" spans="1:9">
      <c r="A5743" s="1">
        <f ca="1">RAND()</f>
        <v>2.983872335180493E-2</v>
      </c>
      <c r="B5743" s="1"/>
      <c r="C5743">
        <v>9</v>
      </c>
      <c r="D5743" t="s">
        <v>12127</v>
      </c>
      <c r="E5743" t="s">
        <v>32430</v>
      </c>
      <c r="F5743">
        <v>5</v>
      </c>
      <c r="G5743" t="s">
        <v>2</v>
      </c>
      <c r="H5743" t="s">
        <v>12128</v>
      </c>
      <c r="I5743" t="s">
        <v>30540</v>
      </c>
    </row>
    <row r="5744" spans="1:9">
      <c r="A5744" s="1">
        <f ca="1">RAND()</f>
        <v>0.85103976445686724</v>
      </c>
      <c r="B5744" s="1"/>
      <c r="C5744">
        <v>7</v>
      </c>
      <c r="D5744" t="s">
        <v>12123</v>
      </c>
      <c r="E5744" t="s">
        <v>32431</v>
      </c>
      <c r="F5744">
        <v>5</v>
      </c>
      <c r="G5744" t="s">
        <v>14</v>
      </c>
      <c r="H5744" t="s">
        <v>12124</v>
      </c>
      <c r="I5744" t="s">
        <v>30540</v>
      </c>
    </row>
    <row r="5745" spans="1:9">
      <c r="A5745" s="1">
        <f ca="1">RAND()</f>
        <v>0.44740091692803263</v>
      </c>
      <c r="B5745" s="1"/>
      <c r="C5745">
        <v>5</v>
      </c>
      <c r="D5745" t="s">
        <v>12121</v>
      </c>
      <c r="E5745" t="s">
        <v>32431</v>
      </c>
      <c r="F5745">
        <v>4</v>
      </c>
      <c r="G5745" t="s">
        <v>14</v>
      </c>
      <c r="H5745" t="s">
        <v>12122</v>
      </c>
      <c r="I5745" t="s">
        <v>30540</v>
      </c>
    </row>
    <row r="5746" spans="1:9">
      <c r="A5746" s="1">
        <f ca="1">RAND()</f>
        <v>0.41265641078165893</v>
      </c>
      <c r="B5746" s="1"/>
      <c r="C5746">
        <v>8</v>
      </c>
      <c r="D5746" t="s">
        <v>12125</v>
      </c>
      <c r="E5746" t="s">
        <v>32431</v>
      </c>
      <c r="F5746">
        <v>2</v>
      </c>
      <c r="G5746" t="s">
        <v>9</v>
      </c>
      <c r="H5746" t="s">
        <v>12126</v>
      </c>
      <c r="I5746" t="s">
        <v>30540</v>
      </c>
    </row>
    <row r="5747" spans="1:9">
      <c r="A5747" s="1">
        <f ca="1">RAND()</f>
        <v>0.92731682791486136</v>
      </c>
      <c r="B5747" s="1"/>
      <c r="C5747">
        <v>1</v>
      </c>
      <c r="D5747" t="s">
        <v>12111</v>
      </c>
      <c r="E5747" t="s">
        <v>32432</v>
      </c>
      <c r="F5747">
        <v>4</v>
      </c>
      <c r="G5747" t="s">
        <v>14</v>
      </c>
      <c r="H5747" t="s">
        <v>12112</v>
      </c>
      <c r="I5747" t="s">
        <v>30540</v>
      </c>
    </row>
    <row r="5748" spans="1:9">
      <c r="A5748" s="1">
        <f ca="1">RAND()</f>
        <v>0.40141137327950582</v>
      </c>
      <c r="B5748" s="1"/>
      <c r="C5748">
        <v>10</v>
      </c>
      <c r="D5748" t="s">
        <v>12117</v>
      </c>
      <c r="E5748" t="s">
        <v>32432</v>
      </c>
      <c r="F5748">
        <v>4</v>
      </c>
      <c r="G5748" t="s">
        <v>14</v>
      </c>
      <c r="H5748" t="s">
        <v>12118</v>
      </c>
      <c r="I5748" t="s">
        <v>30540</v>
      </c>
    </row>
    <row r="5749" spans="1:9">
      <c r="A5749" s="1">
        <f ca="1">RAND()</f>
        <v>0.8368969494080204</v>
      </c>
      <c r="B5749" s="1"/>
      <c r="C5749">
        <v>6</v>
      </c>
      <c r="D5749" t="s">
        <v>12115</v>
      </c>
      <c r="E5749" t="s">
        <v>32432</v>
      </c>
      <c r="F5749">
        <v>4</v>
      </c>
      <c r="G5749" t="s">
        <v>14</v>
      </c>
      <c r="H5749" t="s">
        <v>12116</v>
      </c>
      <c r="I5749" t="s">
        <v>30540</v>
      </c>
    </row>
    <row r="5750" spans="1:9">
      <c r="A5750" s="1">
        <f ca="1">RAND()</f>
        <v>0.99996218316436669</v>
      </c>
      <c r="B5750" s="1"/>
      <c r="C5750">
        <v>3</v>
      </c>
      <c r="D5750" t="s">
        <v>12113</v>
      </c>
      <c r="E5750" t="s">
        <v>32432</v>
      </c>
      <c r="F5750">
        <v>3</v>
      </c>
      <c r="G5750" t="s">
        <v>13</v>
      </c>
      <c r="H5750" t="s">
        <v>12114</v>
      </c>
      <c r="I5750" t="s">
        <v>30540</v>
      </c>
    </row>
    <row r="5751" spans="1:9">
      <c r="A5751" s="1">
        <f ca="1">RAND()</f>
        <v>0.5437804566580785</v>
      </c>
      <c r="B5751" s="1"/>
      <c r="C5751">
        <v>12</v>
      </c>
      <c r="D5751" t="s">
        <v>12119</v>
      </c>
      <c r="E5751" t="s">
        <v>32432</v>
      </c>
      <c r="F5751">
        <v>2</v>
      </c>
      <c r="G5751" t="s">
        <v>9</v>
      </c>
      <c r="H5751" t="s">
        <v>12120</v>
      </c>
      <c r="I5751" t="s">
        <v>30540</v>
      </c>
    </row>
    <row r="5752" spans="1:9">
      <c r="A5752" s="1">
        <f ca="1">RAND()</f>
        <v>0.43310572412262094</v>
      </c>
      <c r="B5752" s="1"/>
      <c r="C5752">
        <v>5</v>
      </c>
      <c r="D5752" t="s">
        <v>12107</v>
      </c>
      <c r="E5752" t="s">
        <v>32433</v>
      </c>
      <c r="F5752">
        <v>4</v>
      </c>
      <c r="G5752" t="s">
        <v>2</v>
      </c>
      <c r="H5752" t="s">
        <v>12108</v>
      </c>
      <c r="I5752" t="s">
        <v>30540</v>
      </c>
    </row>
    <row r="5753" spans="1:9">
      <c r="A5753" s="1">
        <f ca="1">RAND()</f>
        <v>0.99918297651765364</v>
      </c>
      <c r="B5753" s="1"/>
      <c r="C5753">
        <v>13</v>
      </c>
      <c r="D5753" t="s">
        <v>12109</v>
      </c>
      <c r="E5753" t="s">
        <v>32433</v>
      </c>
      <c r="F5753">
        <v>4</v>
      </c>
      <c r="G5753" t="s">
        <v>769</v>
      </c>
      <c r="H5753" t="s">
        <v>12110</v>
      </c>
      <c r="I5753" t="s">
        <v>30540</v>
      </c>
    </row>
    <row r="5754" spans="1:9">
      <c r="A5754" s="1">
        <f ca="1">RAND()</f>
        <v>0.17260036625377717</v>
      </c>
      <c r="B5754" s="1"/>
      <c r="C5754">
        <v>8</v>
      </c>
      <c r="D5754" t="s">
        <v>12103</v>
      </c>
      <c r="E5754" t="s">
        <v>32434</v>
      </c>
      <c r="F5754">
        <v>5</v>
      </c>
      <c r="G5754" t="s">
        <v>13</v>
      </c>
      <c r="H5754" t="s">
        <v>12104</v>
      </c>
      <c r="I5754" t="s">
        <v>30540</v>
      </c>
    </row>
    <row r="5755" spans="1:9">
      <c r="A5755" s="1">
        <f ca="1">RAND()</f>
        <v>0.72582668312169574</v>
      </c>
      <c r="B5755" s="1"/>
      <c r="C5755">
        <v>13</v>
      </c>
      <c r="D5755" t="s">
        <v>12105</v>
      </c>
      <c r="E5755" t="s">
        <v>32434</v>
      </c>
      <c r="F5755">
        <v>5</v>
      </c>
      <c r="G5755" t="s">
        <v>14</v>
      </c>
      <c r="H5755" t="s">
        <v>12106</v>
      </c>
      <c r="I5755" t="s">
        <v>30540</v>
      </c>
    </row>
    <row r="5756" spans="1:9">
      <c r="A5756" s="1">
        <f ca="1">RAND()</f>
        <v>0.62088498372755163</v>
      </c>
      <c r="B5756" s="1"/>
      <c r="C5756">
        <v>7</v>
      </c>
      <c r="D5756" t="s">
        <v>12101</v>
      </c>
      <c r="E5756" t="s">
        <v>32434</v>
      </c>
      <c r="F5756">
        <v>4</v>
      </c>
      <c r="G5756" t="s">
        <v>9</v>
      </c>
      <c r="H5756" t="s">
        <v>12102</v>
      </c>
      <c r="I5756" t="s">
        <v>30540</v>
      </c>
    </row>
    <row r="5757" spans="1:9">
      <c r="A5757" s="1">
        <f ca="1">RAND()</f>
        <v>0.37595700139721444</v>
      </c>
      <c r="B5757" s="1"/>
      <c r="C5757">
        <v>5</v>
      </c>
      <c r="D5757" t="s">
        <v>12099</v>
      </c>
      <c r="E5757" t="s">
        <v>32434</v>
      </c>
      <c r="F5757">
        <v>2</v>
      </c>
      <c r="G5757" t="s">
        <v>14</v>
      </c>
      <c r="H5757" t="s">
        <v>12100</v>
      </c>
      <c r="I5757" t="s">
        <v>30540</v>
      </c>
    </row>
    <row r="5758" spans="1:9">
      <c r="A5758" s="1">
        <f ca="1">RAND()</f>
        <v>0.32411381721582855</v>
      </c>
      <c r="B5758" s="1"/>
      <c r="C5758">
        <v>12</v>
      </c>
      <c r="D5758" t="s">
        <v>12097</v>
      </c>
      <c r="E5758" t="s">
        <v>32435</v>
      </c>
      <c r="F5758">
        <v>4</v>
      </c>
      <c r="G5758" t="s">
        <v>1</v>
      </c>
      <c r="H5758" t="s">
        <v>12098</v>
      </c>
      <c r="I5758" t="s">
        <v>30540</v>
      </c>
    </row>
    <row r="5759" spans="1:9">
      <c r="A5759" s="1">
        <f ca="1">RAND()</f>
        <v>0.45145635347204027</v>
      </c>
      <c r="B5759" s="1"/>
      <c r="C5759">
        <v>2</v>
      </c>
      <c r="D5759" t="s">
        <v>12093</v>
      </c>
      <c r="E5759" t="s">
        <v>32435</v>
      </c>
      <c r="F5759">
        <v>4</v>
      </c>
      <c r="G5759" t="s">
        <v>0</v>
      </c>
      <c r="H5759" t="s">
        <v>12094</v>
      </c>
      <c r="I5759" t="s">
        <v>30540</v>
      </c>
    </row>
    <row r="5760" spans="1:9">
      <c r="A5760" s="1">
        <f ca="1">RAND()</f>
        <v>0.40307752372650596</v>
      </c>
      <c r="B5760" s="1"/>
      <c r="C5760">
        <v>6</v>
      </c>
      <c r="D5760" t="s">
        <v>12095</v>
      </c>
      <c r="E5760" t="s">
        <v>32435</v>
      </c>
      <c r="F5760">
        <v>4</v>
      </c>
      <c r="G5760" t="s">
        <v>14</v>
      </c>
      <c r="H5760" t="s">
        <v>12096</v>
      </c>
      <c r="I5760" t="s">
        <v>30540</v>
      </c>
    </row>
    <row r="5761" spans="1:9">
      <c r="A5761" s="1">
        <f ca="1">RAND()</f>
        <v>0.15235908975650436</v>
      </c>
      <c r="B5761" s="1"/>
      <c r="C5761">
        <v>1</v>
      </c>
      <c r="D5761" t="s">
        <v>12087</v>
      </c>
      <c r="E5761" t="s">
        <v>32436</v>
      </c>
      <c r="F5761">
        <v>4</v>
      </c>
      <c r="G5761" t="s">
        <v>2</v>
      </c>
      <c r="H5761" t="s">
        <v>12088</v>
      </c>
      <c r="I5761" t="s">
        <v>30540</v>
      </c>
    </row>
    <row r="5762" spans="1:9">
      <c r="A5762" s="1">
        <f ca="1">RAND()</f>
        <v>7.6418165472947552E-2</v>
      </c>
      <c r="B5762" s="1"/>
      <c r="C5762">
        <v>6</v>
      </c>
      <c r="D5762" t="s">
        <v>12089</v>
      </c>
      <c r="E5762" t="s">
        <v>32436</v>
      </c>
      <c r="F5762">
        <v>3</v>
      </c>
      <c r="G5762" t="s">
        <v>14</v>
      </c>
      <c r="H5762" t="s">
        <v>12090</v>
      </c>
      <c r="I5762" t="s">
        <v>30540</v>
      </c>
    </row>
    <row r="5763" spans="1:9">
      <c r="A5763" s="1">
        <f ca="1">RAND()</f>
        <v>0.17797292495274619</v>
      </c>
      <c r="B5763" s="1"/>
      <c r="C5763">
        <v>8</v>
      </c>
      <c r="D5763" t="s">
        <v>12091</v>
      </c>
      <c r="E5763" t="s">
        <v>32436</v>
      </c>
      <c r="F5763">
        <v>2</v>
      </c>
      <c r="G5763" t="s">
        <v>14</v>
      </c>
      <c r="H5763" t="s">
        <v>12092</v>
      </c>
      <c r="I5763" t="s">
        <v>30540</v>
      </c>
    </row>
    <row r="5764" spans="1:9">
      <c r="A5764" s="1">
        <f ca="1">RAND()</f>
        <v>0.96132298272123773</v>
      </c>
      <c r="B5764" s="1"/>
      <c r="C5764">
        <v>15</v>
      </c>
      <c r="D5764" t="s">
        <v>12085</v>
      </c>
      <c r="E5764" t="s">
        <v>32437</v>
      </c>
      <c r="F5764">
        <v>5</v>
      </c>
      <c r="G5764" t="s">
        <v>769</v>
      </c>
      <c r="H5764" t="s">
        <v>12086</v>
      </c>
      <c r="I5764" t="s">
        <v>30540</v>
      </c>
    </row>
    <row r="5765" spans="1:9">
      <c r="A5765" s="1">
        <f ca="1">RAND()</f>
        <v>0.53236714192857204</v>
      </c>
      <c r="B5765" s="1"/>
      <c r="C5765">
        <v>7</v>
      </c>
      <c r="D5765" t="s">
        <v>12081</v>
      </c>
      <c r="E5765" t="s">
        <v>32437</v>
      </c>
      <c r="F5765">
        <v>5</v>
      </c>
      <c r="G5765" t="s">
        <v>771</v>
      </c>
      <c r="H5765" t="s">
        <v>12082</v>
      </c>
      <c r="I5765" t="s">
        <v>30540</v>
      </c>
    </row>
    <row r="5766" spans="1:9">
      <c r="A5766" s="1">
        <f ca="1">RAND()</f>
        <v>0.53295607433490633</v>
      </c>
      <c r="B5766" s="1"/>
      <c r="C5766">
        <v>9</v>
      </c>
      <c r="D5766" t="s">
        <v>12083</v>
      </c>
      <c r="E5766" t="s">
        <v>32437</v>
      </c>
      <c r="F5766">
        <v>4</v>
      </c>
      <c r="G5766" t="s">
        <v>765</v>
      </c>
      <c r="H5766" t="s">
        <v>12084</v>
      </c>
      <c r="I5766" t="s">
        <v>30540</v>
      </c>
    </row>
    <row r="5767" spans="1:9">
      <c r="A5767" s="1">
        <f ca="1">RAND()</f>
        <v>0.19397773737118695</v>
      </c>
      <c r="B5767" s="1"/>
      <c r="C5767">
        <v>3</v>
      </c>
      <c r="D5767" t="s">
        <v>12079</v>
      </c>
      <c r="E5767" t="s">
        <v>32437</v>
      </c>
      <c r="F5767">
        <v>4</v>
      </c>
      <c r="G5767" t="s">
        <v>15</v>
      </c>
      <c r="H5767" t="s">
        <v>12080</v>
      </c>
      <c r="I5767" t="s">
        <v>30540</v>
      </c>
    </row>
    <row r="5768" spans="1:9">
      <c r="A5768" s="1">
        <f ca="1">RAND()</f>
        <v>0.95980602975301466</v>
      </c>
      <c r="B5768" s="1"/>
      <c r="C5768">
        <v>8</v>
      </c>
      <c r="D5768" t="s">
        <v>12073</v>
      </c>
      <c r="E5768" t="s">
        <v>32438</v>
      </c>
      <c r="F5768">
        <v>5</v>
      </c>
      <c r="G5768" t="s">
        <v>1</v>
      </c>
      <c r="H5768" t="s">
        <v>12074</v>
      </c>
      <c r="I5768" t="s">
        <v>30540</v>
      </c>
    </row>
    <row r="5769" spans="1:9">
      <c r="A5769" s="1">
        <f ca="1">RAND()</f>
        <v>0.39546568206309685</v>
      </c>
      <c r="B5769" s="1"/>
      <c r="C5769">
        <v>12</v>
      </c>
      <c r="D5769" t="s">
        <v>12075</v>
      </c>
      <c r="E5769" t="s">
        <v>32438</v>
      </c>
      <c r="F5769">
        <v>4</v>
      </c>
      <c r="G5769" t="s">
        <v>14</v>
      </c>
      <c r="H5769" t="s">
        <v>12076</v>
      </c>
      <c r="I5769" t="s">
        <v>30540</v>
      </c>
    </row>
    <row r="5770" spans="1:9">
      <c r="A5770" s="1">
        <f ca="1">RAND()</f>
        <v>0.3683911844034109</v>
      </c>
      <c r="B5770" s="1"/>
      <c r="C5770">
        <v>14</v>
      </c>
      <c r="D5770" t="s">
        <v>12077</v>
      </c>
      <c r="E5770" t="s">
        <v>32438</v>
      </c>
      <c r="F5770">
        <v>4</v>
      </c>
      <c r="G5770" t="s">
        <v>14</v>
      </c>
      <c r="H5770" t="s">
        <v>12078</v>
      </c>
      <c r="I5770" t="s">
        <v>30540</v>
      </c>
    </row>
    <row r="5771" spans="1:9">
      <c r="A5771" s="1">
        <f ca="1">RAND()</f>
        <v>0.63577063849628734</v>
      </c>
      <c r="B5771" s="1"/>
      <c r="C5771">
        <v>7</v>
      </c>
      <c r="D5771" t="s">
        <v>12071</v>
      </c>
      <c r="E5771" t="s">
        <v>32438</v>
      </c>
      <c r="F5771">
        <v>4</v>
      </c>
      <c r="G5771" t="s">
        <v>10</v>
      </c>
      <c r="H5771" t="s">
        <v>12072</v>
      </c>
      <c r="I5771" t="s">
        <v>30540</v>
      </c>
    </row>
    <row r="5772" spans="1:9">
      <c r="A5772" s="1">
        <f ca="1">RAND()</f>
        <v>0.33539638593499044</v>
      </c>
      <c r="B5772" s="1"/>
      <c r="C5772">
        <v>3</v>
      </c>
      <c r="D5772" t="s">
        <v>12069</v>
      </c>
      <c r="E5772" t="s">
        <v>32438</v>
      </c>
      <c r="F5772">
        <v>2</v>
      </c>
      <c r="G5772" t="s">
        <v>14</v>
      </c>
      <c r="H5772" t="s">
        <v>12070</v>
      </c>
      <c r="I5772" t="s">
        <v>30540</v>
      </c>
    </row>
    <row r="5773" spans="1:9">
      <c r="A5773" s="1">
        <f ca="1">RAND()</f>
        <v>0.82748445315057606</v>
      </c>
      <c r="B5773" s="1"/>
      <c r="C5773">
        <v>4</v>
      </c>
      <c r="D5773" t="s">
        <v>12055</v>
      </c>
      <c r="E5773" t="s">
        <v>32439</v>
      </c>
      <c r="F5773">
        <v>4</v>
      </c>
      <c r="G5773" t="s">
        <v>9</v>
      </c>
      <c r="H5773" t="s">
        <v>12056</v>
      </c>
      <c r="I5773" t="s">
        <v>30540</v>
      </c>
    </row>
    <row r="5774" spans="1:9">
      <c r="A5774" s="1">
        <f ca="1">RAND()</f>
        <v>0.54639197310192344</v>
      </c>
      <c r="B5774" s="1"/>
      <c r="C5774">
        <v>9</v>
      </c>
      <c r="D5774" t="s">
        <v>12061</v>
      </c>
      <c r="E5774" t="s">
        <v>32439</v>
      </c>
      <c r="F5774">
        <v>4</v>
      </c>
      <c r="G5774" t="s">
        <v>14</v>
      </c>
      <c r="H5774" t="s">
        <v>12062</v>
      </c>
      <c r="I5774" t="s">
        <v>30540</v>
      </c>
    </row>
    <row r="5775" spans="1:9">
      <c r="A5775" s="1">
        <f ca="1">RAND()</f>
        <v>0.19006513523289714</v>
      </c>
      <c r="B5775" s="1"/>
      <c r="C5775">
        <v>20</v>
      </c>
      <c r="D5775" t="s">
        <v>12067</v>
      </c>
      <c r="E5775" t="s">
        <v>32439</v>
      </c>
      <c r="F5775">
        <v>4</v>
      </c>
      <c r="G5775" t="s">
        <v>10</v>
      </c>
      <c r="H5775" t="s">
        <v>12068</v>
      </c>
      <c r="I5775" t="s">
        <v>30540</v>
      </c>
    </row>
    <row r="5776" spans="1:9">
      <c r="A5776" s="1">
        <f ca="1">RAND()</f>
        <v>0.17835624128838257</v>
      </c>
      <c r="B5776" s="1"/>
      <c r="C5776">
        <v>6</v>
      </c>
      <c r="D5776" t="s">
        <v>12057</v>
      </c>
      <c r="E5776" t="s">
        <v>32439</v>
      </c>
      <c r="F5776">
        <v>4</v>
      </c>
      <c r="G5776" t="s">
        <v>11300</v>
      </c>
      <c r="H5776" t="s">
        <v>12058</v>
      </c>
      <c r="I5776" t="s">
        <v>30540</v>
      </c>
    </row>
    <row r="5777" spans="1:9">
      <c r="A5777" s="1">
        <f ca="1">RAND()</f>
        <v>0.97177851123824166</v>
      </c>
      <c r="B5777" s="1"/>
      <c r="C5777">
        <v>16</v>
      </c>
      <c r="D5777" t="s">
        <v>12063</v>
      </c>
      <c r="E5777" t="s">
        <v>32439</v>
      </c>
      <c r="F5777">
        <v>4</v>
      </c>
      <c r="G5777" t="s">
        <v>11346</v>
      </c>
      <c r="H5777" t="s">
        <v>12064</v>
      </c>
      <c r="I5777" t="s">
        <v>30540</v>
      </c>
    </row>
    <row r="5778" spans="1:9">
      <c r="A5778" s="1">
        <f ca="1">RAND()</f>
        <v>0.30884861629664362</v>
      </c>
      <c r="B5778" s="1"/>
      <c r="C5778">
        <v>3</v>
      </c>
      <c r="D5778" t="s">
        <v>12053</v>
      </c>
      <c r="E5778" t="s">
        <v>32439</v>
      </c>
      <c r="F5778">
        <v>4</v>
      </c>
      <c r="G5778" t="s">
        <v>2</v>
      </c>
      <c r="H5778" t="s">
        <v>12054</v>
      </c>
      <c r="I5778" t="s">
        <v>30540</v>
      </c>
    </row>
    <row r="5779" spans="1:9">
      <c r="A5779" s="1">
        <f ca="1">RAND()</f>
        <v>0.21142059516865064</v>
      </c>
      <c r="B5779" s="1"/>
      <c r="C5779">
        <v>7</v>
      </c>
      <c r="D5779" t="s">
        <v>12059</v>
      </c>
      <c r="E5779" t="s">
        <v>32439</v>
      </c>
      <c r="F5779">
        <v>4</v>
      </c>
      <c r="G5779" t="s">
        <v>11424</v>
      </c>
      <c r="H5779" t="s">
        <v>12060</v>
      </c>
      <c r="I5779" t="s">
        <v>30540</v>
      </c>
    </row>
    <row r="5780" spans="1:9">
      <c r="A5780" s="1">
        <f ca="1">RAND()</f>
        <v>0.76407745342023159</v>
      </c>
      <c r="B5780" s="1"/>
      <c r="C5780">
        <v>18</v>
      </c>
      <c r="D5780" t="s">
        <v>12065</v>
      </c>
      <c r="E5780" t="s">
        <v>32439</v>
      </c>
      <c r="F5780">
        <v>2</v>
      </c>
      <c r="G5780" t="s">
        <v>2</v>
      </c>
      <c r="H5780" t="s">
        <v>12066</v>
      </c>
      <c r="I5780" t="s">
        <v>30540</v>
      </c>
    </row>
    <row r="5781" spans="1:9">
      <c r="A5781" s="1">
        <f ca="1">RAND()</f>
        <v>0.8002892228184102</v>
      </c>
      <c r="B5781" s="1"/>
      <c r="C5781">
        <v>9</v>
      </c>
      <c r="D5781" t="s">
        <v>12051</v>
      </c>
      <c r="E5781" t="s">
        <v>32440</v>
      </c>
      <c r="F5781">
        <v>5</v>
      </c>
      <c r="G5781" t="s">
        <v>14</v>
      </c>
      <c r="H5781" t="s">
        <v>12052</v>
      </c>
      <c r="I5781" t="s">
        <v>30540</v>
      </c>
    </row>
    <row r="5782" spans="1:9">
      <c r="A5782" s="1">
        <f ca="1">RAND()</f>
        <v>0.79206234763019145</v>
      </c>
      <c r="B5782" s="1"/>
      <c r="C5782">
        <v>5</v>
      </c>
      <c r="D5782" t="s">
        <v>12047</v>
      </c>
      <c r="E5782" t="s">
        <v>32441</v>
      </c>
      <c r="F5782">
        <v>5</v>
      </c>
      <c r="G5782" t="s">
        <v>9</v>
      </c>
      <c r="H5782" t="s">
        <v>12048</v>
      </c>
      <c r="I5782" t="s">
        <v>30540</v>
      </c>
    </row>
    <row r="5783" spans="1:9">
      <c r="A5783" s="1">
        <f ca="1">RAND()</f>
        <v>0.2628075452044879</v>
      </c>
      <c r="B5783" s="1"/>
      <c r="C5783">
        <v>6</v>
      </c>
      <c r="D5783" t="s">
        <v>12049</v>
      </c>
      <c r="E5783" t="s">
        <v>32441</v>
      </c>
      <c r="F5783">
        <v>5</v>
      </c>
      <c r="G5783" t="s">
        <v>0</v>
      </c>
      <c r="H5783" t="s">
        <v>12050</v>
      </c>
      <c r="I5783" t="s">
        <v>30540</v>
      </c>
    </row>
    <row r="5784" spans="1:9">
      <c r="A5784" s="1">
        <f ca="1">RAND()</f>
        <v>0.64972255720411742</v>
      </c>
      <c r="B5784" s="1"/>
      <c r="C5784">
        <v>3</v>
      </c>
      <c r="D5784" t="s">
        <v>12045</v>
      </c>
      <c r="E5784" t="s">
        <v>32441</v>
      </c>
      <c r="F5784">
        <v>2</v>
      </c>
      <c r="G5784" t="s">
        <v>14</v>
      </c>
      <c r="H5784" t="s">
        <v>12046</v>
      </c>
      <c r="I5784" t="s">
        <v>30540</v>
      </c>
    </row>
    <row r="5785" spans="1:9">
      <c r="A5785" s="1">
        <f ca="1">RAND()</f>
        <v>0.99339892591909418</v>
      </c>
      <c r="B5785" s="1"/>
      <c r="C5785">
        <v>4</v>
      </c>
      <c r="D5785" t="s">
        <v>12043</v>
      </c>
      <c r="E5785" t="s">
        <v>32442</v>
      </c>
      <c r="F5785">
        <v>2</v>
      </c>
      <c r="G5785" t="s">
        <v>14</v>
      </c>
      <c r="H5785" t="s">
        <v>12044</v>
      </c>
      <c r="I5785" t="s">
        <v>30540</v>
      </c>
    </row>
    <row r="5786" spans="1:9">
      <c r="A5786" s="1">
        <f ca="1">RAND()</f>
        <v>0.70023635504648041</v>
      </c>
      <c r="B5786" s="1"/>
      <c r="C5786">
        <v>6</v>
      </c>
      <c r="D5786" t="s">
        <v>12037</v>
      </c>
      <c r="E5786" t="s">
        <v>32443</v>
      </c>
      <c r="F5786">
        <v>5</v>
      </c>
      <c r="G5786" t="s">
        <v>2</v>
      </c>
      <c r="H5786" t="s">
        <v>12038</v>
      </c>
      <c r="I5786" t="s">
        <v>30540</v>
      </c>
    </row>
    <row r="5787" spans="1:9">
      <c r="A5787" s="1">
        <f ca="1">RAND()</f>
        <v>0.52084049795085652</v>
      </c>
      <c r="B5787" s="1"/>
      <c r="C5787">
        <v>8</v>
      </c>
      <c r="D5787" t="s">
        <v>12039</v>
      </c>
      <c r="E5787" t="s">
        <v>32443</v>
      </c>
      <c r="F5787">
        <v>4</v>
      </c>
      <c r="G5787" t="s">
        <v>0</v>
      </c>
      <c r="H5787" t="s">
        <v>12040</v>
      </c>
      <c r="I5787" t="s">
        <v>30540</v>
      </c>
    </row>
    <row r="5788" spans="1:9">
      <c r="A5788" s="1">
        <f ca="1">RAND()</f>
        <v>0.24715929795968972</v>
      </c>
      <c r="B5788" s="1"/>
      <c r="C5788">
        <v>9</v>
      </c>
      <c r="D5788" t="s">
        <v>12041</v>
      </c>
      <c r="E5788" t="s">
        <v>32443</v>
      </c>
      <c r="F5788">
        <v>4</v>
      </c>
      <c r="G5788" t="s">
        <v>10</v>
      </c>
      <c r="H5788" t="s">
        <v>12042</v>
      </c>
      <c r="I5788" t="s">
        <v>30540</v>
      </c>
    </row>
    <row r="5789" spans="1:9">
      <c r="A5789" s="1">
        <f ca="1">RAND()</f>
        <v>0.77020167623616409</v>
      </c>
      <c r="B5789" s="1"/>
      <c r="C5789">
        <v>17</v>
      </c>
      <c r="D5789" t="s">
        <v>12035</v>
      </c>
      <c r="E5789" t="s">
        <v>32444</v>
      </c>
      <c r="F5789">
        <v>5</v>
      </c>
      <c r="G5789" t="s">
        <v>14</v>
      </c>
      <c r="H5789" t="s">
        <v>12036</v>
      </c>
      <c r="I5789" t="s">
        <v>30540</v>
      </c>
    </row>
    <row r="5790" spans="1:9">
      <c r="A5790" s="1">
        <f ca="1">RAND()</f>
        <v>0.84124455973187451</v>
      </c>
      <c r="B5790" s="1"/>
      <c r="C5790">
        <v>4</v>
      </c>
      <c r="D5790" t="s">
        <v>12027</v>
      </c>
      <c r="E5790" t="s">
        <v>32444</v>
      </c>
      <c r="F5790">
        <v>4</v>
      </c>
      <c r="G5790" t="s">
        <v>0</v>
      </c>
      <c r="H5790" t="s">
        <v>12028</v>
      </c>
      <c r="I5790" t="s">
        <v>30540</v>
      </c>
    </row>
    <row r="5791" spans="1:9">
      <c r="A5791" s="1">
        <f ca="1">RAND()</f>
        <v>0.36552874176942229</v>
      </c>
      <c r="B5791" s="1"/>
      <c r="C5791">
        <v>13</v>
      </c>
      <c r="D5791" t="s">
        <v>12031</v>
      </c>
      <c r="E5791" t="s">
        <v>32444</v>
      </c>
      <c r="F5791">
        <v>4</v>
      </c>
      <c r="G5791" t="s">
        <v>14</v>
      </c>
      <c r="H5791" t="s">
        <v>12032</v>
      </c>
      <c r="I5791" t="s">
        <v>30540</v>
      </c>
    </row>
    <row r="5792" spans="1:9">
      <c r="A5792" s="1">
        <f ca="1">RAND()</f>
        <v>0.16399827087543739</v>
      </c>
      <c r="B5792" s="1"/>
      <c r="C5792">
        <v>7</v>
      </c>
      <c r="D5792" t="s">
        <v>12029</v>
      </c>
      <c r="E5792" t="s">
        <v>32444</v>
      </c>
      <c r="F5792">
        <v>4</v>
      </c>
      <c r="G5792" t="s">
        <v>1</v>
      </c>
      <c r="H5792" t="s">
        <v>12030</v>
      </c>
      <c r="I5792" t="s">
        <v>30540</v>
      </c>
    </row>
    <row r="5793" spans="1:9">
      <c r="A5793" s="1">
        <f ca="1">RAND()</f>
        <v>0.6440700668960001</v>
      </c>
      <c r="B5793" s="1"/>
      <c r="C5793">
        <v>16</v>
      </c>
      <c r="D5793" t="s">
        <v>12033</v>
      </c>
      <c r="E5793" t="s">
        <v>32444</v>
      </c>
      <c r="F5793">
        <v>4</v>
      </c>
      <c r="G5793" t="s">
        <v>14</v>
      </c>
      <c r="H5793" t="s">
        <v>12034</v>
      </c>
      <c r="I5793" t="s">
        <v>30540</v>
      </c>
    </row>
    <row r="5794" spans="1:9">
      <c r="A5794" s="1">
        <f ca="1">RAND()</f>
        <v>0.87602496815953879</v>
      </c>
      <c r="B5794" s="1"/>
      <c r="C5794">
        <v>2</v>
      </c>
      <c r="D5794" t="s">
        <v>12025</v>
      </c>
      <c r="E5794" t="s">
        <v>32444</v>
      </c>
      <c r="F5794">
        <v>3</v>
      </c>
      <c r="G5794" t="s">
        <v>2</v>
      </c>
      <c r="H5794" t="s">
        <v>12026</v>
      </c>
      <c r="I5794" t="s">
        <v>30540</v>
      </c>
    </row>
    <row r="5795" spans="1:9">
      <c r="A5795" s="1">
        <f ca="1">RAND()</f>
        <v>0.85006819633267627</v>
      </c>
      <c r="B5795" s="1"/>
      <c r="C5795">
        <v>6</v>
      </c>
      <c r="D5795" t="s">
        <v>12021</v>
      </c>
      <c r="E5795" t="s">
        <v>32445</v>
      </c>
      <c r="F5795">
        <v>2</v>
      </c>
      <c r="G5795" t="s">
        <v>9</v>
      </c>
      <c r="H5795" t="s">
        <v>12022</v>
      </c>
      <c r="I5795" t="s">
        <v>30540</v>
      </c>
    </row>
    <row r="5796" spans="1:9">
      <c r="A5796" s="1">
        <f ca="1">RAND()</f>
        <v>0.2478164289449214</v>
      </c>
      <c r="B5796" s="1"/>
      <c r="C5796">
        <v>7</v>
      </c>
      <c r="D5796" t="s">
        <v>12023</v>
      </c>
      <c r="E5796" t="s">
        <v>32445</v>
      </c>
      <c r="F5796">
        <v>1</v>
      </c>
      <c r="G5796" t="s">
        <v>0</v>
      </c>
      <c r="H5796" t="s">
        <v>12024</v>
      </c>
      <c r="I5796" t="s">
        <v>30540</v>
      </c>
    </row>
    <row r="5797" spans="1:9">
      <c r="A5797" s="1">
        <f ca="1">RAND()</f>
        <v>8.7816185793780144E-2</v>
      </c>
      <c r="B5797" s="1"/>
      <c r="C5797">
        <v>11</v>
      </c>
      <c r="D5797" t="s">
        <v>12019</v>
      </c>
      <c r="E5797" t="s">
        <v>32446</v>
      </c>
      <c r="F5797">
        <v>4</v>
      </c>
      <c r="G5797" t="s">
        <v>10</v>
      </c>
      <c r="H5797" t="s">
        <v>12020</v>
      </c>
      <c r="I5797" t="s">
        <v>30540</v>
      </c>
    </row>
    <row r="5798" spans="1:9">
      <c r="A5798" s="1">
        <f ca="1">RAND()</f>
        <v>0.79482787899013652</v>
      </c>
      <c r="B5798" s="1"/>
      <c r="C5798">
        <v>10</v>
      </c>
      <c r="D5798" t="s">
        <v>12017</v>
      </c>
      <c r="E5798" t="s">
        <v>32446</v>
      </c>
      <c r="F5798">
        <v>4</v>
      </c>
      <c r="G5798" t="s">
        <v>0</v>
      </c>
      <c r="H5798" t="s">
        <v>12018</v>
      </c>
      <c r="I5798" t="s">
        <v>30540</v>
      </c>
    </row>
    <row r="5799" spans="1:9">
      <c r="A5799" s="1">
        <f ca="1">RAND()</f>
        <v>0.69606497276979662</v>
      </c>
      <c r="B5799" s="1"/>
      <c r="C5799">
        <v>4</v>
      </c>
      <c r="D5799" t="s">
        <v>12015</v>
      </c>
      <c r="E5799" t="s">
        <v>32446</v>
      </c>
      <c r="F5799">
        <v>4</v>
      </c>
      <c r="G5799" t="s">
        <v>1</v>
      </c>
      <c r="H5799" t="s">
        <v>12016</v>
      </c>
      <c r="I5799" t="s">
        <v>30540</v>
      </c>
    </row>
    <row r="5800" spans="1:9">
      <c r="A5800" s="1">
        <f ca="1">RAND()</f>
        <v>0.22795769240417718</v>
      </c>
      <c r="B5800" s="1"/>
      <c r="C5800">
        <v>6</v>
      </c>
      <c r="D5800" t="s">
        <v>12007</v>
      </c>
      <c r="E5800" t="s">
        <v>32447</v>
      </c>
      <c r="F5800">
        <v>5</v>
      </c>
      <c r="G5800" t="s">
        <v>9</v>
      </c>
      <c r="H5800" t="s">
        <v>12008</v>
      </c>
      <c r="I5800" t="s">
        <v>30540</v>
      </c>
    </row>
    <row r="5801" spans="1:9">
      <c r="A5801" s="1">
        <f ca="1">RAND()</f>
        <v>0.28192419440191185</v>
      </c>
      <c r="B5801" s="1"/>
      <c r="C5801">
        <v>12</v>
      </c>
      <c r="D5801" t="s">
        <v>12013</v>
      </c>
      <c r="E5801" t="s">
        <v>32447</v>
      </c>
      <c r="F5801">
        <v>4</v>
      </c>
      <c r="G5801" t="s">
        <v>9</v>
      </c>
      <c r="H5801" t="s">
        <v>12014</v>
      </c>
      <c r="I5801" t="s">
        <v>30540</v>
      </c>
    </row>
    <row r="5802" spans="1:9">
      <c r="A5802" s="1">
        <f ca="1">RAND()</f>
        <v>0.57024127188268559</v>
      </c>
      <c r="B5802" s="1"/>
      <c r="C5802">
        <v>9</v>
      </c>
      <c r="D5802" t="s">
        <v>12009</v>
      </c>
      <c r="E5802" t="s">
        <v>32447</v>
      </c>
      <c r="F5802">
        <v>4</v>
      </c>
      <c r="G5802" t="s">
        <v>769</v>
      </c>
      <c r="H5802" t="s">
        <v>12010</v>
      </c>
      <c r="I5802" t="s">
        <v>30540</v>
      </c>
    </row>
    <row r="5803" spans="1:9">
      <c r="A5803" s="1">
        <f ca="1">RAND()</f>
        <v>0.75456743778213842</v>
      </c>
      <c r="B5803" s="1"/>
      <c r="C5803">
        <v>10</v>
      </c>
      <c r="D5803" t="s">
        <v>12011</v>
      </c>
      <c r="E5803" t="s">
        <v>32447</v>
      </c>
      <c r="F5803">
        <v>4</v>
      </c>
      <c r="G5803" t="s">
        <v>9</v>
      </c>
      <c r="H5803" t="s">
        <v>12012</v>
      </c>
      <c r="I5803" t="s">
        <v>30540</v>
      </c>
    </row>
    <row r="5804" spans="1:9">
      <c r="A5804" s="1">
        <f ca="1">RAND()</f>
        <v>0.67895557280533125</v>
      </c>
      <c r="B5804" s="1"/>
      <c r="C5804">
        <v>2</v>
      </c>
      <c r="D5804" t="s">
        <v>12005</v>
      </c>
      <c r="E5804" t="s">
        <v>32447</v>
      </c>
      <c r="F5804">
        <v>2</v>
      </c>
      <c r="G5804" t="s">
        <v>765</v>
      </c>
      <c r="H5804" t="s">
        <v>12006</v>
      </c>
      <c r="I5804" t="s">
        <v>30540</v>
      </c>
    </row>
    <row r="5805" spans="1:9">
      <c r="A5805" s="1">
        <f ca="1">RAND()</f>
        <v>0.2787238428118578</v>
      </c>
      <c r="B5805" s="1"/>
      <c r="C5805">
        <v>4</v>
      </c>
      <c r="D5805" t="s">
        <v>12003</v>
      </c>
      <c r="E5805" t="s">
        <v>32448</v>
      </c>
      <c r="F5805">
        <v>5</v>
      </c>
      <c r="G5805" t="s">
        <v>0</v>
      </c>
      <c r="H5805" t="s">
        <v>12004</v>
      </c>
      <c r="I5805" t="s">
        <v>30540</v>
      </c>
    </row>
    <row r="5806" spans="1:9">
      <c r="A5806" s="1">
        <f ca="1">RAND()</f>
        <v>0.36940474987666705</v>
      </c>
      <c r="B5806" s="1"/>
      <c r="C5806">
        <v>4</v>
      </c>
      <c r="D5806" t="s">
        <v>11993</v>
      </c>
      <c r="E5806" t="s">
        <v>32449</v>
      </c>
      <c r="F5806">
        <v>5</v>
      </c>
      <c r="G5806" t="s">
        <v>15</v>
      </c>
      <c r="H5806" t="s">
        <v>11994</v>
      </c>
      <c r="I5806" t="s">
        <v>30540</v>
      </c>
    </row>
    <row r="5807" spans="1:9">
      <c r="A5807" s="1">
        <f ca="1">RAND()</f>
        <v>0.51683157811289993</v>
      </c>
      <c r="B5807" s="1"/>
      <c r="C5807">
        <v>13</v>
      </c>
      <c r="D5807" t="s">
        <v>11997</v>
      </c>
      <c r="E5807" t="s">
        <v>32449</v>
      </c>
      <c r="F5807">
        <v>5</v>
      </c>
      <c r="G5807" t="s">
        <v>14</v>
      </c>
      <c r="H5807" t="s">
        <v>11998</v>
      </c>
      <c r="I5807" t="s">
        <v>30540</v>
      </c>
    </row>
    <row r="5808" spans="1:9">
      <c r="A5808" s="1">
        <f ca="1">RAND()</f>
        <v>0.22965348952825615</v>
      </c>
      <c r="B5808" s="1"/>
      <c r="C5808">
        <v>9</v>
      </c>
      <c r="D5808" t="s">
        <v>11995</v>
      </c>
      <c r="E5808" t="s">
        <v>32449</v>
      </c>
      <c r="F5808">
        <v>4</v>
      </c>
      <c r="G5808" t="s">
        <v>9</v>
      </c>
      <c r="H5808" t="s">
        <v>11996</v>
      </c>
      <c r="I5808" t="s">
        <v>30540</v>
      </c>
    </row>
    <row r="5809" spans="1:9">
      <c r="A5809" s="1">
        <f ca="1">RAND()</f>
        <v>0.41846871559687648</v>
      </c>
      <c r="B5809" s="1"/>
      <c r="C5809">
        <v>19</v>
      </c>
      <c r="D5809" t="s">
        <v>12001</v>
      </c>
      <c r="E5809" t="s">
        <v>32449</v>
      </c>
      <c r="F5809">
        <v>4</v>
      </c>
      <c r="G5809" t="s">
        <v>14</v>
      </c>
      <c r="H5809" t="s">
        <v>12002</v>
      </c>
      <c r="I5809" t="s">
        <v>30540</v>
      </c>
    </row>
    <row r="5810" spans="1:9">
      <c r="A5810" s="1">
        <f ca="1">RAND()</f>
        <v>0.81047926628847788</v>
      </c>
      <c r="B5810" s="1"/>
      <c r="C5810">
        <v>18</v>
      </c>
      <c r="D5810" t="s">
        <v>11999</v>
      </c>
      <c r="E5810" t="s">
        <v>32449</v>
      </c>
      <c r="F5810">
        <v>4</v>
      </c>
      <c r="G5810" t="s">
        <v>11426</v>
      </c>
      <c r="H5810" t="s">
        <v>12000</v>
      </c>
      <c r="I5810" t="s">
        <v>30540</v>
      </c>
    </row>
    <row r="5811" spans="1:9">
      <c r="A5811" s="1">
        <f ca="1">RAND()</f>
        <v>0.44356509612484374</v>
      </c>
      <c r="B5811" s="1"/>
      <c r="C5811">
        <v>5</v>
      </c>
      <c r="D5811" t="s">
        <v>11989</v>
      </c>
      <c r="E5811" t="s">
        <v>32450</v>
      </c>
      <c r="F5811">
        <v>4</v>
      </c>
      <c r="G5811" t="s">
        <v>15</v>
      </c>
      <c r="H5811" t="s">
        <v>11990</v>
      </c>
      <c r="I5811" t="s">
        <v>30540</v>
      </c>
    </row>
    <row r="5812" spans="1:9">
      <c r="A5812" s="1">
        <f ca="1">RAND()</f>
        <v>0.35978366078467183</v>
      </c>
      <c r="B5812" s="1"/>
      <c r="C5812">
        <v>1</v>
      </c>
      <c r="D5812" t="s">
        <v>11985</v>
      </c>
      <c r="E5812" t="s">
        <v>32450</v>
      </c>
      <c r="F5812">
        <v>4</v>
      </c>
      <c r="G5812" t="s">
        <v>15</v>
      </c>
      <c r="H5812" t="s">
        <v>11986</v>
      </c>
      <c r="I5812" t="s">
        <v>30540</v>
      </c>
    </row>
    <row r="5813" spans="1:9">
      <c r="A5813" s="1">
        <f ca="1">RAND()</f>
        <v>0.34922272926340336</v>
      </c>
      <c r="B5813" s="1"/>
      <c r="C5813">
        <v>2</v>
      </c>
      <c r="D5813" t="s">
        <v>11987</v>
      </c>
      <c r="E5813" t="s">
        <v>32450</v>
      </c>
      <c r="F5813">
        <v>4</v>
      </c>
      <c r="G5813" t="s">
        <v>10</v>
      </c>
      <c r="H5813" t="s">
        <v>11988</v>
      </c>
      <c r="I5813" t="s">
        <v>30540</v>
      </c>
    </row>
    <row r="5814" spans="1:9">
      <c r="A5814" s="1">
        <f ca="1">RAND()</f>
        <v>0.63464345399214628</v>
      </c>
      <c r="B5814" s="1"/>
      <c r="C5814">
        <v>8</v>
      </c>
      <c r="D5814" t="s">
        <v>11991</v>
      </c>
      <c r="E5814" t="s">
        <v>32450</v>
      </c>
      <c r="F5814">
        <v>1</v>
      </c>
      <c r="G5814" t="s">
        <v>14</v>
      </c>
      <c r="H5814" t="s">
        <v>11992</v>
      </c>
      <c r="I5814" t="s">
        <v>30540</v>
      </c>
    </row>
    <row r="5815" spans="1:9">
      <c r="A5815" s="1">
        <f ca="1">RAND()</f>
        <v>0.71034845037534</v>
      </c>
      <c r="B5815" s="1"/>
      <c r="C5815">
        <v>3</v>
      </c>
      <c r="D5815" t="s">
        <v>11981</v>
      </c>
      <c r="E5815" t="s">
        <v>32451</v>
      </c>
      <c r="F5815">
        <v>4</v>
      </c>
      <c r="G5815" t="s">
        <v>0</v>
      </c>
      <c r="H5815" t="s">
        <v>11982</v>
      </c>
      <c r="I5815" t="s">
        <v>30540</v>
      </c>
    </row>
    <row r="5816" spans="1:9">
      <c r="A5816" s="1">
        <f ca="1">RAND()</f>
        <v>0.13094995570231938</v>
      </c>
      <c r="B5816" s="1"/>
      <c r="C5816">
        <v>14</v>
      </c>
      <c r="D5816" t="s">
        <v>11983</v>
      </c>
      <c r="E5816" t="s">
        <v>32451</v>
      </c>
      <c r="F5816">
        <v>4</v>
      </c>
      <c r="G5816" t="s">
        <v>9</v>
      </c>
      <c r="H5816" t="s">
        <v>11984</v>
      </c>
      <c r="I5816" t="s">
        <v>30540</v>
      </c>
    </row>
    <row r="5817" spans="1:9">
      <c r="A5817" s="1">
        <f ca="1">RAND()</f>
        <v>0.31946054863938966</v>
      </c>
      <c r="B5817" s="1"/>
      <c r="C5817">
        <v>9</v>
      </c>
      <c r="D5817" t="s">
        <v>11975</v>
      </c>
      <c r="E5817" t="s">
        <v>32452</v>
      </c>
      <c r="F5817">
        <v>5</v>
      </c>
      <c r="G5817" t="s">
        <v>765</v>
      </c>
      <c r="H5817" t="s">
        <v>11976</v>
      </c>
      <c r="I5817" t="s">
        <v>30540</v>
      </c>
    </row>
    <row r="5818" spans="1:9">
      <c r="A5818" s="1">
        <f ca="1">RAND()</f>
        <v>8.4487033670655243E-2</v>
      </c>
      <c r="B5818" s="1"/>
      <c r="C5818">
        <v>16</v>
      </c>
      <c r="D5818" t="s">
        <v>11977</v>
      </c>
      <c r="E5818" t="s">
        <v>32452</v>
      </c>
      <c r="F5818">
        <v>4</v>
      </c>
      <c r="G5818" t="s">
        <v>0</v>
      </c>
      <c r="H5818" t="s">
        <v>11978</v>
      </c>
      <c r="I5818" t="s">
        <v>30540</v>
      </c>
    </row>
    <row r="5819" spans="1:9">
      <c r="A5819" s="1">
        <f ca="1">RAND()</f>
        <v>0.94132072159728941</v>
      </c>
      <c r="B5819" s="1"/>
      <c r="C5819">
        <v>17</v>
      </c>
      <c r="D5819" t="s">
        <v>11979</v>
      </c>
      <c r="E5819" t="s">
        <v>32452</v>
      </c>
      <c r="F5819">
        <v>4</v>
      </c>
      <c r="G5819" t="s">
        <v>14</v>
      </c>
      <c r="H5819" t="s">
        <v>11980</v>
      </c>
      <c r="I5819" t="s">
        <v>30540</v>
      </c>
    </row>
    <row r="5820" spans="1:9">
      <c r="A5820" s="1">
        <f ca="1">RAND()</f>
        <v>0.22602283834337988</v>
      </c>
      <c r="B5820" s="1"/>
      <c r="C5820">
        <v>8</v>
      </c>
      <c r="D5820" t="s">
        <v>11973</v>
      </c>
      <c r="E5820" t="s">
        <v>32453</v>
      </c>
      <c r="F5820">
        <v>4</v>
      </c>
      <c r="G5820" t="s">
        <v>13</v>
      </c>
      <c r="H5820" t="s">
        <v>11974</v>
      </c>
      <c r="I5820" t="s">
        <v>30540</v>
      </c>
    </row>
    <row r="5821" spans="1:9">
      <c r="A5821" s="1">
        <f ca="1">RAND()</f>
        <v>0.3372274720842442</v>
      </c>
      <c r="B5821" s="1"/>
      <c r="C5821">
        <v>2</v>
      </c>
      <c r="D5821" t="s">
        <v>11969</v>
      </c>
      <c r="E5821" t="s">
        <v>32454</v>
      </c>
      <c r="F5821">
        <v>4</v>
      </c>
      <c r="G5821" t="s">
        <v>15</v>
      </c>
      <c r="H5821" t="s">
        <v>11970</v>
      </c>
      <c r="I5821" t="s">
        <v>30540</v>
      </c>
    </row>
    <row r="5822" spans="1:9">
      <c r="A5822" s="1">
        <f ca="1">RAND()</f>
        <v>0.80049923916660459</v>
      </c>
      <c r="B5822" s="1"/>
      <c r="C5822">
        <v>5</v>
      </c>
      <c r="D5822" t="s">
        <v>11971</v>
      </c>
      <c r="E5822" t="s">
        <v>32454</v>
      </c>
      <c r="F5822">
        <v>4</v>
      </c>
      <c r="G5822" t="s">
        <v>13</v>
      </c>
      <c r="H5822" t="s">
        <v>11972</v>
      </c>
      <c r="I5822" t="s">
        <v>30540</v>
      </c>
    </row>
    <row r="5823" spans="1:9">
      <c r="A5823" s="1">
        <f ca="1">RAND()</f>
        <v>0.65032468592472958</v>
      </c>
      <c r="B5823" s="1"/>
      <c r="C5823">
        <v>1</v>
      </c>
      <c r="D5823" t="s">
        <v>11967</v>
      </c>
      <c r="E5823" t="s">
        <v>32454</v>
      </c>
      <c r="F5823">
        <v>1</v>
      </c>
      <c r="G5823" t="s">
        <v>2</v>
      </c>
      <c r="H5823" t="s">
        <v>11968</v>
      </c>
      <c r="I5823" t="s">
        <v>30540</v>
      </c>
    </row>
    <row r="5824" spans="1:9">
      <c r="A5824" s="1">
        <f ca="1">RAND()</f>
        <v>0.52204516723509331</v>
      </c>
      <c r="B5824" s="1"/>
      <c r="C5824">
        <v>2</v>
      </c>
      <c r="D5824" t="s">
        <v>11959</v>
      </c>
      <c r="E5824" t="s">
        <v>32455</v>
      </c>
      <c r="F5824">
        <v>5</v>
      </c>
      <c r="G5824" t="s">
        <v>13</v>
      </c>
      <c r="H5824" t="s">
        <v>11960</v>
      </c>
      <c r="I5824" t="s">
        <v>30540</v>
      </c>
    </row>
    <row r="5825" spans="1:9">
      <c r="A5825" s="1">
        <f ca="1">RAND()</f>
        <v>0.86883094787677273</v>
      </c>
      <c r="B5825" s="1"/>
      <c r="C5825">
        <v>6</v>
      </c>
      <c r="D5825" t="s">
        <v>11963</v>
      </c>
      <c r="E5825" t="s">
        <v>32455</v>
      </c>
      <c r="F5825">
        <v>4</v>
      </c>
      <c r="G5825" t="s">
        <v>1</v>
      </c>
      <c r="H5825" t="s">
        <v>11964</v>
      </c>
      <c r="I5825" t="s">
        <v>30540</v>
      </c>
    </row>
    <row r="5826" spans="1:9">
      <c r="A5826" s="1">
        <f ca="1">RAND()</f>
        <v>0.37568733634367824</v>
      </c>
      <c r="B5826" s="1"/>
      <c r="C5826">
        <v>7</v>
      </c>
      <c r="D5826" t="s">
        <v>11965</v>
      </c>
      <c r="E5826" t="s">
        <v>32455</v>
      </c>
      <c r="F5826">
        <v>4</v>
      </c>
      <c r="G5826" t="s">
        <v>13</v>
      </c>
      <c r="H5826" t="s">
        <v>11966</v>
      </c>
      <c r="I5826" t="s">
        <v>30540</v>
      </c>
    </row>
    <row r="5827" spans="1:9">
      <c r="A5827" s="1">
        <f ca="1">RAND()</f>
        <v>0.61151311654161544</v>
      </c>
      <c r="B5827" s="1"/>
      <c r="C5827">
        <v>5</v>
      </c>
      <c r="D5827" t="s">
        <v>11961</v>
      </c>
      <c r="E5827" t="s">
        <v>32455</v>
      </c>
      <c r="F5827">
        <v>2</v>
      </c>
      <c r="G5827" t="s">
        <v>14</v>
      </c>
      <c r="H5827" t="s">
        <v>11962</v>
      </c>
      <c r="I5827" t="s">
        <v>30540</v>
      </c>
    </row>
    <row r="5828" spans="1:9">
      <c r="A5828" s="1">
        <f ca="1">RAND()</f>
        <v>0.63658989544571021</v>
      </c>
      <c r="B5828" s="1"/>
      <c r="C5828">
        <v>12</v>
      </c>
      <c r="D5828" t="s">
        <v>11955</v>
      </c>
      <c r="E5828" t="s">
        <v>32456</v>
      </c>
      <c r="F5828">
        <v>6</v>
      </c>
      <c r="G5828" t="s">
        <v>14</v>
      </c>
      <c r="H5828" t="s">
        <v>11956</v>
      </c>
      <c r="I5828" t="s">
        <v>30540</v>
      </c>
    </row>
    <row r="5829" spans="1:9">
      <c r="A5829" s="1">
        <f ca="1">RAND()</f>
        <v>0.44582355906872395</v>
      </c>
      <c r="B5829" s="1"/>
      <c r="C5829">
        <v>18</v>
      </c>
      <c r="D5829" t="s">
        <v>11957</v>
      </c>
      <c r="E5829" t="s">
        <v>32456</v>
      </c>
      <c r="F5829">
        <v>5</v>
      </c>
      <c r="G5829" t="s">
        <v>13</v>
      </c>
      <c r="H5829" t="s">
        <v>11958</v>
      </c>
      <c r="I5829" t="s">
        <v>30540</v>
      </c>
    </row>
    <row r="5830" spans="1:9">
      <c r="A5830" s="1">
        <f ca="1">RAND()</f>
        <v>0.69348487707487017</v>
      </c>
      <c r="B5830" s="1"/>
      <c r="C5830">
        <v>5</v>
      </c>
      <c r="D5830" t="s">
        <v>11951</v>
      </c>
      <c r="E5830" t="s">
        <v>32456</v>
      </c>
      <c r="F5830">
        <v>4</v>
      </c>
      <c r="G5830" t="s">
        <v>769</v>
      </c>
      <c r="H5830" t="s">
        <v>11952</v>
      </c>
      <c r="I5830" t="s">
        <v>30540</v>
      </c>
    </row>
    <row r="5831" spans="1:9">
      <c r="A5831" s="1">
        <f ca="1">RAND()</f>
        <v>0.40786302387092743</v>
      </c>
      <c r="B5831" s="1"/>
      <c r="C5831">
        <v>7</v>
      </c>
      <c r="D5831" t="s">
        <v>11953</v>
      </c>
      <c r="E5831" t="s">
        <v>32456</v>
      </c>
      <c r="F5831">
        <v>4</v>
      </c>
      <c r="G5831" t="s">
        <v>9</v>
      </c>
      <c r="H5831" t="s">
        <v>11954</v>
      </c>
      <c r="I5831" t="s">
        <v>30540</v>
      </c>
    </row>
    <row r="5832" spans="1:9">
      <c r="A5832" s="1">
        <f ca="1">RAND()</f>
        <v>0.70401325033395057</v>
      </c>
      <c r="B5832" s="1"/>
      <c r="C5832">
        <v>3</v>
      </c>
      <c r="D5832" t="s">
        <v>11949</v>
      </c>
      <c r="E5832" t="s">
        <v>32456</v>
      </c>
      <c r="F5832">
        <v>3</v>
      </c>
      <c r="G5832" t="s">
        <v>15</v>
      </c>
      <c r="H5832" t="s">
        <v>11950</v>
      </c>
      <c r="I5832" t="s">
        <v>30540</v>
      </c>
    </row>
    <row r="5833" spans="1:9">
      <c r="A5833" s="1">
        <f ca="1">RAND()</f>
        <v>0.66474295117183824</v>
      </c>
      <c r="B5833" s="1"/>
      <c r="C5833">
        <v>3</v>
      </c>
      <c r="D5833" t="s">
        <v>11937</v>
      </c>
      <c r="E5833" t="s">
        <v>32457</v>
      </c>
      <c r="F5833">
        <v>5</v>
      </c>
      <c r="G5833" t="s">
        <v>14</v>
      </c>
      <c r="H5833" t="s">
        <v>11938</v>
      </c>
      <c r="I5833" t="s">
        <v>30540</v>
      </c>
    </row>
    <row r="5834" spans="1:9">
      <c r="A5834" s="1">
        <f ca="1">RAND()</f>
        <v>0.71394884946001025</v>
      </c>
      <c r="B5834" s="1"/>
      <c r="C5834">
        <v>4</v>
      </c>
      <c r="D5834" t="s">
        <v>11939</v>
      </c>
      <c r="E5834" t="s">
        <v>32457</v>
      </c>
      <c r="F5834">
        <v>5</v>
      </c>
      <c r="G5834" t="s">
        <v>13</v>
      </c>
      <c r="H5834" t="s">
        <v>11940</v>
      </c>
      <c r="I5834" t="s">
        <v>30540</v>
      </c>
    </row>
    <row r="5835" spans="1:9">
      <c r="A5835" s="1">
        <f ca="1">RAND()</f>
        <v>0.28281124470203212</v>
      </c>
      <c r="B5835" s="1"/>
      <c r="C5835">
        <v>10</v>
      </c>
      <c r="D5835" t="s">
        <v>11943</v>
      </c>
      <c r="E5835" t="s">
        <v>32457</v>
      </c>
      <c r="F5835">
        <v>4</v>
      </c>
      <c r="G5835" t="s">
        <v>14</v>
      </c>
      <c r="H5835" t="s">
        <v>11944</v>
      </c>
      <c r="I5835" t="s">
        <v>30540</v>
      </c>
    </row>
    <row r="5836" spans="1:9">
      <c r="A5836" s="1">
        <f ca="1">RAND()</f>
        <v>0.45286706735151905</v>
      </c>
      <c r="B5836" s="1"/>
      <c r="C5836">
        <v>12</v>
      </c>
      <c r="D5836" t="s">
        <v>11945</v>
      </c>
      <c r="E5836" t="s">
        <v>32457</v>
      </c>
      <c r="F5836">
        <v>4</v>
      </c>
      <c r="G5836" t="s">
        <v>13</v>
      </c>
      <c r="H5836" t="s">
        <v>11946</v>
      </c>
      <c r="I5836" t="s">
        <v>30540</v>
      </c>
    </row>
    <row r="5837" spans="1:9">
      <c r="A5837" s="1">
        <f ca="1">RAND()</f>
        <v>0.60165491138830174</v>
      </c>
      <c r="B5837" s="1"/>
      <c r="C5837">
        <v>14</v>
      </c>
      <c r="D5837" t="s">
        <v>11947</v>
      </c>
      <c r="E5837" t="s">
        <v>32457</v>
      </c>
      <c r="F5837">
        <v>4</v>
      </c>
      <c r="G5837" t="s">
        <v>0</v>
      </c>
      <c r="H5837" t="s">
        <v>11948</v>
      </c>
      <c r="I5837" t="s">
        <v>30540</v>
      </c>
    </row>
    <row r="5838" spans="1:9">
      <c r="A5838" s="1">
        <f ca="1">RAND()</f>
        <v>0.65740686067701304</v>
      </c>
      <c r="B5838" s="1"/>
      <c r="C5838">
        <v>6</v>
      </c>
      <c r="D5838" t="s">
        <v>11941</v>
      </c>
      <c r="E5838" t="s">
        <v>32457</v>
      </c>
      <c r="F5838">
        <v>4</v>
      </c>
      <c r="G5838" t="s">
        <v>14</v>
      </c>
      <c r="H5838" t="s">
        <v>11942</v>
      </c>
      <c r="I5838" t="s">
        <v>30540</v>
      </c>
    </row>
    <row r="5839" spans="1:9">
      <c r="A5839" s="1">
        <f ca="1">RAND()</f>
        <v>0.21639197742095784</v>
      </c>
      <c r="B5839" s="1"/>
      <c r="C5839">
        <v>7</v>
      </c>
      <c r="D5839" t="s">
        <v>11931</v>
      </c>
      <c r="E5839" t="s">
        <v>32458</v>
      </c>
      <c r="F5839">
        <v>5</v>
      </c>
      <c r="G5839" t="s">
        <v>2</v>
      </c>
      <c r="H5839" t="s">
        <v>11932</v>
      </c>
      <c r="I5839" t="s">
        <v>30540</v>
      </c>
    </row>
    <row r="5840" spans="1:9">
      <c r="A5840" s="1">
        <f ca="1">RAND()</f>
        <v>0.24825636403109064</v>
      </c>
      <c r="B5840" s="1"/>
      <c r="C5840">
        <v>9</v>
      </c>
      <c r="D5840" t="s">
        <v>11935</v>
      </c>
      <c r="E5840" t="s">
        <v>32458</v>
      </c>
      <c r="F5840">
        <v>4</v>
      </c>
      <c r="G5840" t="s">
        <v>14</v>
      </c>
      <c r="H5840" t="s">
        <v>11936</v>
      </c>
      <c r="I5840" t="s">
        <v>30540</v>
      </c>
    </row>
    <row r="5841" spans="1:9">
      <c r="A5841" s="1">
        <f ca="1">RAND()</f>
        <v>0.18887718481833349</v>
      </c>
      <c r="B5841" s="1"/>
      <c r="C5841">
        <v>1</v>
      </c>
      <c r="D5841" t="s">
        <v>11923</v>
      </c>
      <c r="E5841" t="s">
        <v>32458</v>
      </c>
      <c r="F5841">
        <v>4</v>
      </c>
      <c r="G5841" t="s">
        <v>0</v>
      </c>
      <c r="H5841" t="s">
        <v>11924</v>
      </c>
      <c r="I5841" t="s">
        <v>30540</v>
      </c>
    </row>
    <row r="5842" spans="1:9">
      <c r="A5842" s="1">
        <f ca="1">RAND()</f>
        <v>0.22507806722876367</v>
      </c>
      <c r="B5842" s="1"/>
      <c r="C5842">
        <v>6</v>
      </c>
      <c r="D5842" t="s">
        <v>11929</v>
      </c>
      <c r="E5842" t="s">
        <v>32458</v>
      </c>
      <c r="F5842">
        <v>4</v>
      </c>
      <c r="G5842" t="s">
        <v>2</v>
      </c>
      <c r="H5842" t="s">
        <v>11930</v>
      </c>
      <c r="I5842" t="s">
        <v>30540</v>
      </c>
    </row>
    <row r="5843" spans="1:9">
      <c r="A5843" s="1">
        <f ca="1">RAND()</f>
        <v>0.11273378298550107</v>
      </c>
      <c r="B5843" s="1"/>
      <c r="C5843">
        <v>3</v>
      </c>
      <c r="D5843" t="s">
        <v>11925</v>
      </c>
      <c r="E5843" t="s">
        <v>32458</v>
      </c>
      <c r="F5843">
        <v>4</v>
      </c>
      <c r="G5843" t="s">
        <v>13</v>
      </c>
      <c r="H5843" t="s">
        <v>11926</v>
      </c>
      <c r="I5843" t="s">
        <v>30540</v>
      </c>
    </row>
    <row r="5844" spans="1:9">
      <c r="A5844" s="1">
        <f ca="1">RAND()</f>
        <v>0.32841673560786722</v>
      </c>
      <c r="B5844" s="1"/>
      <c r="C5844">
        <v>8</v>
      </c>
      <c r="D5844" t="s">
        <v>11933</v>
      </c>
      <c r="E5844" t="s">
        <v>32458</v>
      </c>
      <c r="F5844">
        <v>4</v>
      </c>
      <c r="G5844" t="s">
        <v>11302</v>
      </c>
      <c r="H5844" t="s">
        <v>11934</v>
      </c>
      <c r="I5844" t="s">
        <v>30540</v>
      </c>
    </row>
    <row r="5845" spans="1:9">
      <c r="A5845" s="1">
        <f ca="1">RAND()</f>
        <v>0.33255284019167186</v>
      </c>
      <c r="B5845" s="1"/>
      <c r="C5845">
        <v>5</v>
      </c>
      <c r="D5845" t="s">
        <v>11927</v>
      </c>
      <c r="E5845" t="s">
        <v>32458</v>
      </c>
      <c r="F5845">
        <v>2</v>
      </c>
      <c r="G5845" t="s">
        <v>2</v>
      </c>
      <c r="H5845" t="s">
        <v>11928</v>
      </c>
      <c r="I5845" t="s">
        <v>30540</v>
      </c>
    </row>
    <row r="5846" spans="1:9">
      <c r="A5846" s="1">
        <f ca="1">RAND()</f>
        <v>0.81072730909456248</v>
      </c>
      <c r="B5846" s="1"/>
      <c r="C5846">
        <v>2</v>
      </c>
      <c r="D5846" t="s">
        <v>11917</v>
      </c>
      <c r="E5846" t="s">
        <v>32459</v>
      </c>
      <c r="F5846">
        <v>5</v>
      </c>
      <c r="G5846" t="s">
        <v>13</v>
      </c>
      <c r="H5846" t="s">
        <v>11918</v>
      </c>
      <c r="I5846" t="s">
        <v>30540</v>
      </c>
    </row>
    <row r="5847" spans="1:9">
      <c r="A5847" s="1">
        <f ca="1">RAND()</f>
        <v>0.7776298701188733</v>
      </c>
      <c r="B5847" s="1"/>
      <c r="C5847">
        <v>7</v>
      </c>
      <c r="D5847" t="s">
        <v>11921</v>
      </c>
      <c r="E5847" t="s">
        <v>32459</v>
      </c>
      <c r="F5847">
        <v>5</v>
      </c>
      <c r="G5847" t="s">
        <v>0</v>
      </c>
      <c r="H5847" t="s">
        <v>11922</v>
      </c>
      <c r="I5847" t="s">
        <v>30540</v>
      </c>
    </row>
    <row r="5848" spans="1:9">
      <c r="A5848" s="1">
        <f ca="1">RAND()</f>
        <v>0.19241342573446352</v>
      </c>
      <c r="B5848" s="1"/>
      <c r="C5848">
        <v>4</v>
      </c>
      <c r="D5848" t="s">
        <v>11919</v>
      </c>
      <c r="E5848" t="s">
        <v>32459</v>
      </c>
      <c r="F5848">
        <v>4</v>
      </c>
      <c r="G5848" t="s">
        <v>14</v>
      </c>
      <c r="H5848" t="s">
        <v>11920</v>
      </c>
      <c r="I5848" t="s">
        <v>30540</v>
      </c>
    </row>
    <row r="5849" spans="1:9">
      <c r="A5849" s="1">
        <f ca="1">RAND()</f>
        <v>0.21803088099622681</v>
      </c>
      <c r="B5849" s="1"/>
      <c r="C5849">
        <v>11</v>
      </c>
      <c r="D5849" t="s">
        <v>11909</v>
      </c>
      <c r="E5849" t="s">
        <v>32460</v>
      </c>
      <c r="F5849">
        <v>5</v>
      </c>
      <c r="G5849" t="s">
        <v>1</v>
      </c>
      <c r="H5849" t="s">
        <v>11910</v>
      </c>
      <c r="I5849" t="s">
        <v>30540</v>
      </c>
    </row>
    <row r="5850" spans="1:9">
      <c r="A5850" s="1">
        <f ca="1">RAND()</f>
        <v>0.10792528059538486</v>
      </c>
      <c r="B5850" s="1"/>
      <c r="C5850">
        <v>17</v>
      </c>
      <c r="D5850" t="s">
        <v>11915</v>
      </c>
      <c r="E5850" t="s">
        <v>32460</v>
      </c>
      <c r="F5850">
        <v>4</v>
      </c>
      <c r="G5850" t="s">
        <v>14</v>
      </c>
      <c r="H5850" t="s">
        <v>11916</v>
      </c>
      <c r="I5850" t="s">
        <v>30540</v>
      </c>
    </row>
    <row r="5851" spans="1:9">
      <c r="A5851" s="1">
        <f ca="1">RAND()</f>
        <v>0.73763039652512596</v>
      </c>
      <c r="B5851" s="1"/>
      <c r="C5851">
        <v>3</v>
      </c>
      <c r="D5851" t="s">
        <v>11907</v>
      </c>
      <c r="E5851" t="s">
        <v>32460</v>
      </c>
      <c r="F5851">
        <v>4</v>
      </c>
      <c r="G5851" t="s">
        <v>0</v>
      </c>
      <c r="H5851" t="s">
        <v>11908</v>
      </c>
      <c r="I5851" t="s">
        <v>30540</v>
      </c>
    </row>
    <row r="5852" spans="1:9">
      <c r="A5852" s="1">
        <f ca="1">RAND()</f>
        <v>0.48200401799422821</v>
      </c>
      <c r="B5852" s="1"/>
      <c r="C5852">
        <v>16</v>
      </c>
      <c r="D5852" t="s">
        <v>11913</v>
      </c>
      <c r="E5852" t="s">
        <v>32460</v>
      </c>
      <c r="F5852">
        <v>4</v>
      </c>
      <c r="G5852" t="s">
        <v>14</v>
      </c>
      <c r="H5852" t="s">
        <v>11914</v>
      </c>
      <c r="I5852" t="s">
        <v>30540</v>
      </c>
    </row>
    <row r="5853" spans="1:9">
      <c r="A5853" s="1">
        <f ca="1">RAND()</f>
        <v>0.86320518133780044</v>
      </c>
      <c r="B5853" s="1"/>
      <c r="C5853">
        <v>15</v>
      </c>
      <c r="D5853" t="s">
        <v>11911</v>
      </c>
      <c r="E5853" t="s">
        <v>32460</v>
      </c>
      <c r="F5853">
        <v>2</v>
      </c>
      <c r="G5853" t="s">
        <v>14</v>
      </c>
      <c r="H5853" t="s">
        <v>11912</v>
      </c>
      <c r="I5853" t="s">
        <v>30540</v>
      </c>
    </row>
    <row r="5854" spans="1:9">
      <c r="A5854" s="1">
        <f ca="1">RAND()</f>
        <v>0.32528971661303163</v>
      </c>
      <c r="B5854" s="1"/>
      <c r="C5854">
        <v>17</v>
      </c>
      <c r="D5854" t="s">
        <v>11901</v>
      </c>
      <c r="E5854" t="s">
        <v>32461</v>
      </c>
      <c r="F5854">
        <v>5</v>
      </c>
      <c r="G5854" t="s">
        <v>14</v>
      </c>
      <c r="H5854" t="s">
        <v>11902</v>
      </c>
      <c r="I5854" t="s">
        <v>30540</v>
      </c>
    </row>
    <row r="5855" spans="1:9">
      <c r="A5855" s="1">
        <f ca="1">RAND()</f>
        <v>2.6593660278083298E-2</v>
      </c>
      <c r="B5855" s="1"/>
      <c r="C5855">
        <v>19</v>
      </c>
      <c r="D5855" t="s">
        <v>11905</v>
      </c>
      <c r="E5855" t="s">
        <v>32461</v>
      </c>
      <c r="F5855">
        <v>4</v>
      </c>
      <c r="G5855" t="s">
        <v>769</v>
      </c>
      <c r="H5855" t="s">
        <v>11906</v>
      </c>
      <c r="I5855" t="s">
        <v>30540</v>
      </c>
    </row>
    <row r="5856" spans="1:9">
      <c r="A5856" s="1">
        <f ca="1">RAND()</f>
        <v>1.1178315060776711E-2</v>
      </c>
      <c r="B5856" s="1"/>
      <c r="C5856">
        <v>18</v>
      </c>
      <c r="D5856" t="s">
        <v>11903</v>
      </c>
      <c r="E5856" t="s">
        <v>32461</v>
      </c>
      <c r="F5856">
        <v>4</v>
      </c>
      <c r="G5856" t="s">
        <v>14</v>
      </c>
      <c r="H5856" t="s">
        <v>11904</v>
      </c>
      <c r="I5856" t="s">
        <v>30540</v>
      </c>
    </row>
    <row r="5857" spans="1:9">
      <c r="A5857" s="1">
        <f ca="1">RAND()</f>
        <v>4.1193774955133877E-2</v>
      </c>
      <c r="B5857" s="1"/>
      <c r="C5857">
        <v>1</v>
      </c>
      <c r="D5857" t="s">
        <v>11899</v>
      </c>
      <c r="E5857" t="s">
        <v>32462</v>
      </c>
      <c r="F5857">
        <v>4</v>
      </c>
      <c r="G5857" t="s">
        <v>2</v>
      </c>
      <c r="H5857" t="s">
        <v>11900</v>
      </c>
      <c r="I5857" t="s">
        <v>30540</v>
      </c>
    </row>
    <row r="5858" spans="1:9">
      <c r="A5858" s="1">
        <f ca="1">RAND()</f>
        <v>0.69824552176666688</v>
      </c>
      <c r="B5858" s="1"/>
      <c r="C5858">
        <v>1</v>
      </c>
      <c r="D5858" t="s">
        <v>11895</v>
      </c>
      <c r="E5858" t="s">
        <v>32463</v>
      </c>
      <c r="F5858">
        <v>4</v>
      </c>
      <c r="G5858" t="s">
        <v>11507</v>
      </c>
      <c r="H5858" t="s">
        <v>11896</v>
      </c>
      <c r="I5858" t="s">
        <v>30540</v>
      </c>
    </row>
    <row r="5859" spans="1:9">
      <c r="A5859" s="1">
        <f ca="1">RAND()</f>
        <v>9.6887403871760536E-2</v>
      </c>
      <c r="B5859" s="1"/>
      <c r="C5859">
        <v>6</v>
      </c>
      <c r="D5859" t="s">
        <v>11897</v>
      </c>
      <c r="E5859" t="s">
        <v>32463</v>
      </c>
      <c r="F5859">
        <v>4</v>
      </c>
      <c r="G5859" t="s">
        <v>2</v>
      </c>
      <c r="H5859" t="s">
        <v>11898</v>
      </c>
      <c r="I5859" t="s">
        <v>30540</v>
      </c>
    </row>
    <row r="5860" spans="1:9">
      <c r="A5860" s="1">
        <f ca="1">RAND()</f>
        <v>0.79805123287029833</v>
      </c>
      <c r="B5860" s="1"/>
      <c r="C5860">
        <v>9</v>
      </c>
      <c r="D5860" t="s">
        <v>11893</v>
      </c>
      <c r="E5860" t="s">
        <v>32464</v>
      </c>
      <c r="F5860">
        <v>4</v>
      </c>
      <c r="G5860" t="s">
        <v>0</v>
      </c>
      <c r="H5860" t="s">
        <v>11894</v>
      </c>
      <c r="I5860" t="s">
        <v>30540</v>
      </c>
    </row>
    <row r="5861" spans="1:9">
      <c r="A5861" s="1">
        <f ca="1">RAND()</f>
        <v>0.78409370108217069</v>
      </c>
      <c r="B5861" s="1"/>
      <c r="C5861">
        <v>6</v>
      </c>
      <c r="D5861" t="s">
        <v>11889</v>
      </c>
      <c r="E5861" t="s">
        <v>32465</v>
      </c>
      <c r="F5861">
        <v>4</v>
      </c>
      <c r="G5861" t="s">
        <v>0</v>
      </c>
      <c r="H5861" t="s">
        <v>11890</v>
      </c>
      <c r="I5861" t="s">
        <v>30540</v>
      </c>
    </row>
    <row r="5862" spans="1:9">
      <c r="A5862" s="1">
        <f ca="1">RAND()</f>
        <v>0.7838934161623301</v>
      </c>
      <c r="B5862" s="1"/>
      <c r="C5862">
        <v>5</v>
      </c>
      <c r="D5862" t="s">
        <v>11887</v>
      </c>
      <c r="E5862" t="s">
        <v>32465</v>
      </c>
      <c r="F5862">
        <v>4</v>
      </c>
      <c r="G5862" t="s">
        <v>771</v>
      </c>
      <c r="H5862" t="s">
        <v>11888</v>
      </c>
      <c r="I5862" t="s">
        <v>30540</v>
      </c>
    </row>
    <row r="5863" spans="1:9">
      <c r="A5863" s="1">
        <f ca="1">RAND()</f>
        <v>4.525319933520322E-2</v>
      </c>
      <c r="B5863" s="1"/>
      <c r="C5863">
        <v>18</v>
      </c>
      <c r="D5863" t="s">
        <v>11891</v>
      </c>
      <c r="E5863" t="s">
        <v>32465</v>
      </c>
      <c r="F5863">
        <v>4</v>
      </c>
      <c r="G5863" t="s">
        <v>14</v>
      </c>
      <c r="H5863" t="s">
        <v>11892</v>
      </c>
      <c r="I5863" t="s">
        <v>30540</v>
      </c>
    </row>
    <row r="5864" spans="1:9">
      <c r="A5864" s="1">
        <f ca="1">RAND()</f>
        <v>0.16537487540762397</v>
      </c>
      <c r="B5864" s="1"/>
      <c r="C5864">
        <v>3</v>
      </c>
      <c r="D5864" t="s">
        <v>11885</v>
      </c>
      <c r="E5864" t="s">
        <v>32465</v>
      </c>
      <c r="F5864">
        <v>3</v>
      </c>
      <c r="G5864" t="s">
        <v>14</v>
      </c>
      <c r="H5864" t="s">
        <v>11886</v>
      </c>
      <c r="I5864" t="s">
        <v>30540</v>
      </c>
    </row>
    <row r="5865" spans="1:9">
      <c r="A5865" s="1">
        <f ca="1">RAND()</f>
        <v>0.58250132329841176</v>
      </c>
      <c r="B5865" s="1"/>
      <c r="C5865">
        <v>4</v>
      </c>
      <c r="D5865" t="s">
        <v>11877</v>
      </c>
      <c r="E5865" t="s">
        <v>32466</v>
      </c>
      <c r="F5865">
        <v>5</v>
      </c>
      <c r="G5865" t="s">
        <v>14</v>
      </c>
      <c r="H5865" t="s">
        <v>11878</v>
      </c>
      <c r="I5865" t="s">
        <v>30540</v>
      </c>
    </row>
    <row r="5866" spans="1:9">
      <c r="A5866" s="1">
        <f ca="1">RAND()</f>
        <v>0.73261550522692431</v>
      </c>
      <c r="B5866" s="1"/>
      <c r="C5866">
        <v>3</v>
      </c>
      <c r="D5866" t="s">
        <v>11875</v>
      </c>
      <c r="E5866" t="s">
        <v>32466</v>
      </c>
      <c r="F5866">
        <v>5</v>
      </c>
      <c r="G5866" t="s">
        <v>0</v>
      </c>
      <c r="H5866" t="s">
        <v>11876</v>
      </c>
      <c r="I5866" t="s">
        <v>30540</v>
      </c>
    </row>
    <row r="5867" spans="1:9">
      <c r="A5867" s="1">
        <f ca="1">RAND()</f>
        <v>0.99357879260054316</v>
      </c>
      <c r="B5867" s="1"/>
      <c r="C5867">
        <v>2</v>
      </c>
      <c r="D5867" t="s">
        <v>11873</v>
      </c>
      <c r="E5867" t="s">
        <v>32466</v>
      </c>
      <c r="F5867">
        <v>4</v>
      </c>
      <c r="G5867" t="s">
        <v>0</v>
      </c>
      <c r="H5867" t="s">
        <v>11874</v>
      </c>
      <c r="I5867" t="s">
        <v>30540</v>
      </c>
    </row>
    <row r="5868" spans="1:9">
      <c r="A5868" s="1">
        <f ca="1">RAND()</f>
        <v>0.39949243737300688</v>
      </c>
      <c r="B5868" s="1"/>
      <c r="C5868">
        <v>6</v>
      </c>
      <c r="D5868" t="s">
        <v>11879</v>
      </c>
      <c r="E5868" t="s">
        <v>32466</v>
      </c>
      <c r="F5868">
        <v>4</v>
      </c>
      <c r="G5868" t="s">
        <v>15</v>
      </c>
      <c r="H5868" t="s">
        <v>11880</v>
      </c>
      <c r="I5868" t="s">
        <v>30540</v>
      </c>
    </row>
    <row r="5869" spans="1:9">
      <c r="A5869" s="1">
        <f ca="1">RAND()</f>
        <v>1.4344410334712676E-2</v>
      </c>
      <c r="B5869" s="1"/>
      <c r="C5869">
        <v>8</v>
      </c>
      <c r="D5869" t="s">
        <v>11881</v>
      </c>
      <c r="E5869" t="s">
        <v>32466</v>
      </c>
      <c r="F5869">
        <v>4</v>
      </c>
      <c r="G5869" t="s">
        <v>15</v>
      </c>
      <c r="H5869" t="s">
        <v>11882</v>
      </c>
      <c r="I5869" t="s">
        <v>30540</v>
      </c>
    </row>
    <row r="5870" spans="1:9">
      <c r="A5870" s="1">
        <f ca="1">RAND()</f>
        <v>0.80906637867834053</v>
      </c>
      <c r="B5870" s="1"/>
      <c r="C5870">
        <v>13</v>
      </c>
      <c r="D5870" t="s">
        <v>11883</v>
      </c>
      <c r="E5870" t="s">
        <v>32466</v>
      </c>
      <c r="F5870">
        <v>3</v>
      </c>
      <c r="G5870" t="s">
        <v>14</v>
      </c>
      <c r="H5870" t="s">
        <v>11884</v>
      </c>
      <c r="I5870" t="s">
        <v>30540</v>
      </c>
    </row>
    <row r="5871" spans="1:9">
      <c r="A5871" s="1">
        <f ca="1">RAND()</f>
        <v>8.8798145498850123E-2</v>
      </c>
      <c r="B5871" s="1"/>
      <c r="C5871">
        <v>11</v>
      </c>
      <c r="D5871" t="s">
        <v>11869</v>
      </c>
      <c r="E5871" t="s">
        <v>32467</v>
      </c>
      <c r="F5871">
        <v>5</v>
      </c>
      <c r="G5871" t="s">
        <v>11353</v>
      </c>
      <c r="H5871" t="s">
        <v>11870</v>
      </c>
      <c r="I5871" t="s">
        <v>30540</v>
      </c>
    </row>
    <row r="5872" spans="1:9">
      <c r="A5872" s="1">
        <f ca="1">RAND()</f>
        <v>0.25358171606233171</v>
      </c>
      <c r="B5872" s="1"/>
      <c r="C5872">
        <v>1</v>
      </c>
      <c r="D5872" t="s">
        <v>11863</v>
      </c>
      <c r="E5872" t="s">
        <v>32467</v>
      </c>
      <c r="F5872">
        <v>5</v>
      </c>
      <c r="G5872" t="s">
        <v>13</v>
      </c>
      <c r="H5872" t="s">
        <v>11864</v>
      </c>
      <c r="I5872" t="s">
        <v>30540</v>
      </c>
    </row>
    <row r="5873" spans="1:9">
      <c r="A5873" s="1">
        <f ca="1">RAND()</f>
        <v>0.31598184009364616</v>
      </c>
      <c r="B5873" s="1"/>
      <c r="C5873">
        <v>18</v>
      </c>
      <c r="D5873" t="s">
        <v>11871</v>
      </c>
      <c r="E5873" t="s">
        <v>32467</v>
      </c>
      <c r="F5873">
        <v>5</v>
      </c>
      <c r="G5873" t="s">
        <v>14</v>
      </c>
      <c r="H5873" t="s">
        <v>11872</v>
      </c>
      <c r="I5873" t="s">
        <v>30540</v>
      </c>
    </row>
    <row r="5874" spans="1:9">
      <c r="A5874" s="1">
        <f ca="1">RAND()</f>
        <v>0.178714862262215</v>
      </c>
      <c r="B5874" s="1"/>
      <c r="C5874">
        <v>3</v>
      </c>
      <c r="D5874" t="s">
        <v>11865</v>
      </c>
      <c r="E5874" t="s">
        <v>32467</v>
      </c>
      <c r="F5874">
        <v>4</v>
      </c>
      <c r="G5874" t="s">
        <v>2</v>
      </c>
      <c r="H5874" t="s">
        <v>11866</v>
      </c>
      <c r="I5874" t="s">
        <v>30540</v>
      </c>
    </row>
    <row r="5875" spans="1:9">
      <c r="A5875" s="1">
        <f ca="1">RAND()</f>
        <v>0.57418747549558879</v>
      </c>
      <c r="B5875" s="1"/>
      <c r="C5875">
        <v>10</v>
      </c>
      <c r="D5875" t="s">
        <v>11867</v>
      </c>
      <c r="E5875" t="s">
        <v>32467</v>
      </c>
      <c r="F5875">
        <v>4</v>
      </c>
      <c r="G5875" t="s">
        <v>11302</v>
      </c>
      <c r="H5875" t="s">
        <v>11868</v>
      </c>
      <c r="I5875" t="s">
        <v>30540</v>
      </c>
    </row>
    <row r="5876" spans="1:9">
      <c r="A5876" s="1">
        <f ca="1">RAND()</f>
        <v>0.87295177472995733</v>
      </c>
      <c r="B5876" s="1"/>
      <c r="C5876">
        <v>17</v>
      </c>
      <c r="D5876" t="s">
        <v>11861</v>
      </c>
      <c r="E5876" t="s">
        <v>32468</v>
      </c>
      <c r="F5876">
        <v>5</v>
      </c>
      <c r="G5876" t="s">
        <v>14</v>
      </c>
      <c r="H5876" t="s">
        <v>11862</v>
      </c>
      <c r="I5876" t="s">
        <v>30540</v>
      </c>
    </row>
    <row r="5877" spans="1:9">
      <c r="A5877" s="1">
        <f ca="1">RAND()</f>
        <v>0.28968198574774184</v>
      </c>
      <c r="B5877" s="1"/>
      <c r="C5877">
        <v>4</v>
      </c>
      <c r="D5877" t="s">
        <v>11859</v>
      </c>
      <c r="E5877" t="s">
        <v>32468</v>
      </c>
      <c r="F5877">
        <v>4</v>
      </c>
      <c r="G5877" t="s">
        <v>10</v>
      </c>
      <c r="H5877" t="s">
        <v>11860</v>
      </c>
      <c r="I5877" t="s">
        <v>30540</v>
      </c>
    </row>
    <row r="5878" spans="1:9">
      <c r="A5878" s="1">
        <f ca="1">RAND()</f>
        <v>0.30959932609599328</v>
      </c>
      <c r="B5878" s="1"/>
      <c r="C5878">
        <v>2</v>
      </c>
      <c r="D5878" t="s">
        <v>11857</v>
      </c>
      <c r="E5878" t="s">
        <v>32468</v>
      </c>
      <c r="F5878">
        <v>3</v>
      </c>
      <c r="G5878" t="s">
        <v>2</v>
      </c>
      <c r="H5878" t="s">
        <v>11858</v>
      </c>
      <c r="I5878" t="s">
        <v>30540</v>
      </c>
    </row>
    <row r="5879" spans="1:9">
      <c r="A5879" s="1">
        <f ca="1">RAND()</f>
        <v>0.17133720942986208</v>
      </c>
      <c r="B5879" s="1"/>
      <c r="C5879">
        <v>3</v>
      </c>
      <c r="D5879" t="s">
        <v>11855</v>
      </c>
      <c r="E5879" t="s">
        <v>32469</v>
      </c>
      <c r="F5879">
        <v>4</v>
      </c>
      <c r="G5879" t="s">
        <v>0</v>
      </c>
      <c r="H5879" t="s">
        <v>11856</v>
      </c>
      <c r="I5879" t="s">
        <v>30540</v>
      </c>
    </row>
    <row r="5880" spans="1:9">
      <c r="A5880" s="1">
        <f ca="1">RAND()</f>
        <v>0.14144807329317066</v>
      </c>
      <c r="B5880" s="1"/>
      <c r="C5880">
        <v>20</v>
      </c>
      <c r="D5880" t="s">
        <v>11853</v>
      </c>
      <c r="E5880" t="s">
        <v>32470</v>
      </c>
      <c r="F5880">
        <v>4</v>
      </c>
      <c r="G5880" t="s">
        <v>14</v>
      </c>
      <c r="H5880" t="s">
        <v>11854</v>
      </c>
      <c r="I5880" t="s">
        <v>30540</v>
      </c>
    </row>
    <row r="5881" spans="1:9">
      <c r="A5881" s="1">
        <f ca="1">RAND()</f>
        <v>0.51799391401363704</v>
      </c>
      <c r="B5881" s="1"/>
      <c r="C5881">
        <v>7</v>
      </c>
      <c r="D5881" t="s">
        <v>11851</v>
      </c>
      <c r="E5881" t="s">
        <v>32470</v>
      </c>
      <c r="F5881">
        <v>4</v>
      </c>
      <c r="G5881" t="s">
        <v>2</v>
      </c>
      <c r="H5881" t="s">
        <v>11852</v>
      </c>
      <c r="I5881" t="s">
        <v>30540</v>
      </c>
    </row>
    <row r="5882" spans="1:9">
      <c r="A5882" s="1">
        <f ca="1">RAND()</f>
        <v>0.30612267566255391</v>
      </c>
      <c r="B5882" s="1"/>
      <c r="C5882">
        <v>1</v>
      </c>
      <c r="D5882" t="s">
        <v>11849</v>
      </c>
      <c r="E5882" t="s">
        <v>32470</v>
      </c>
      <c r="F5882">
        <v>4</v>
      </c>
      <c r="G5882" t="s">
        <v>765</v>
      </c>
      <c r="H5882" t="s">
        <v>11850</v>
      </c>
      <c r="I5882" t="s">
        <v>30540</v>
      </c>
    </row>
    <row r="5883" spans="1:9">
      <c r="A5883" s="1">
        <f ca="1">RAND()</f>
        <v>0.43248519867451241</v>
      </c>
      <c r="B5883" s="1"/>
      <c r="C5883">
        <v>6</v>
      </c>
      <c r="D5883" t="s">
        <v>11847</v>
      </c>
      <c r="E5883" t="s">
        <v>32471</v>
      </c>
      <c r="F5883">
        <v>5</v>
      </c>
      <c r="G5883" t="s">
        <v>13</v>
      </c>
      <c r="H5883" t="s">
        <v>11848</v>
      </c>
      <c r="I5883" t="s">
        <v>30540</v>
      </c>
    </row>
    <row r="5884" spans="1:9">
      <c r="A5884" s="1">
        <f ca="1">RAND()</f>
        <v>0.33144298114799509</v>
      </c>
      <c r="B5884" s="1"/>
      <c r="C5884">
        <v>5</v>
      </c>
      <c r="D5884" t="s">
        <v>11837</v>
      </c>
      <c r="E5884" t="s">
        <v>32472</v>
      </c>
      <c r="F5884">
        <v>5</v>
      </c>
      <c r="G5884" t="s">
        <v>11426</v>
      </c>
      <c r="H5884" t="s">
        <v>11838</v>
      </c>
      <c r="I5884" t="s">
        <v>30540</v>
      </c>
    </row>
    <row r="5885" spans="1:9">
      <c r="A5885" s="1">
        <f ca="1">RAND()</f>
        <v>0.16605932501908327</v>
      </c>
      <c r="B5885" s="1"/>
      <c r="C5885">
        <v>20</v>
      </c>
      <c r="D5885" t="s">
        <v>11845</v>
      </c>
      <c r="E5885" t="s">
        <v>32472</v>
      </c>
      <c r="F5885">
        <v>5</v>
      </c>
      <c r="G5885" t="s">
        <v>9</v>
      </c>
      <c r="H5885" t="s">
        <v>11846</v>
      </c>
      <c r="I5885" t="s">
        <v>30540</v>
      </c>
    </row>
    <row r="5886" spans="1:9">
      <c r="A5886" s="1">
        <f ca="1">RAND()</f>
        <v>0.98866780340418337</v>
      </c>
      <c r="B5886" s="1"/>
      <c r="C5886">
        <v>13</v>
      </c>
      <c r="D5886" t="s">
        <v>11843</v>
      </c>
      <c r="E5886" t="s">
        <v>32472</v>
      </c>
      <c r="F5886">
        <v>4</v>
      </c>
      <c r="G5886" t="s">
        <v>11425</v>
      </c>
      <c r="H5886" t="s">
        <v>11844</v>
      </c>
      <c r="I5886" t="s">
        <v>30540</v>
      </c>
    </row>
    <row r="5887" spans="1:9">
      <c r="A5887" s="1">
        <f ca="1">RAND()</f>
        <v>0.85057795441635753</v>
      </c>
      <c r="B5887" s="1"/>
      <c r="C5887">
        <v>3</v>
      </c>
      <c r="D5887" t="s">
        <v>11835</v>
      </c>
      <c r="E5887" t="s">
        <v>32472</v>
      </c>
      <c r="F5887">
        <v>4</v>
      </c>
      <c r="G5887" t="s">
        <v>2</v>
      </c>
      <c r="H5887" t="s">
        <v>11836</v>
      </c>
      <c r="I5887" t="s">
        <v>30540</v>
      </c>
    </row>
    <row r="5888" spans="1:9">
      <c r="A5888" s="1">
        <f ca="1">RAND()</f>
        <v>0.81627335461270489</v>
      </c>
      <c r="B5888" s="1"/>
      <c r="C5888">
        <v>12</v>
      </c>
      <c r="D5888" t="s">
        <v>11841</v>
      </c>
      <c r="E5888" t="s">
        <v>32472</v>
      </c>
      <c r="F5888">
        <v>4</v>
      </c>
      <c r="G5888" t="s">
        <v>0</v>
      </c>
      <c r="H5888" t="s">
        <v>11842</v>
      </c>
      <c r="I5888" t="s">
        <v>30540</v>
      </c>
    </row>
    <row r="5889" spans="1:9">
      <c r="A5889" s="1">
        <f ca="1">RAND()</f>
        <v>0.43058264273000868</v>
      </c>
      <c r="B5889" s="1"/>
      <c r="C5889">
        <v>9</v>
      </c>
      <c r="D5889" t="s">
        <v>11839</v>
      </c>
      <c r="E5889" t="s">
        <v>32472</v>
      </c>
      <c r="F5889">
        <v>4</v>
      </c>
      <c r="G5889" t="s">
        <v>11302</v>
      </c>
      <c r="H5889" t="s">
        <v>11840</v>
      </c>
      <c r="I5889" t="s">
        <v>30540</v>
      </c>
    </row>
    <row r="5890" spans="1:9">
      <c r="A5890" s="1">
        <f ca="1">RAND()</f>
        <v>0.43430318985048177</v>
      </c>
      <c r="B5890" s="1"/>
      <c r="C5890">
        <v>6</v>
      </c>
      <c r="D5890" t="s">
        <v>11833</v>
      </c>
      <c r="E5890" t="s">
        <v>32473</v>
      </c>
      <c r="F5890">
        <v>4</v>
      </c>
      <c r="G5890" t="s">
        <v>9</v>
      </c>
      <c r="H5890" t="s">
        <v>11834</v>
      </c>
      <c r="I5890" t="s">
        <v>30540</v>
      </c>
    </row>
    <row r="5891" spans="1:9">
      <c r="A5891" s="1">
        <f ca="1">RAND()</f>
        <v>0.87016953585988288</v>
      </c>
      <c r="B5891" s="1"/>
      <c r="C5891">
        <v>5</v>
      </c>
      <c r="D5891" t="s">
        <v>11831</v>
      </c>
      <c r="E5891" t="s">
        <v>32473</v>
      </c>
      <c r="F5891">
        <v>4</v>
      </c>
      <c r="G5891" t="s">
        <v>1</v>
      </c>
      <c r="H5891" t="s">
        <v>11832</v>
      </c>
      <c r="I5891" t="s">
        <v>30540</v>
      </c>
    </row>
    <row r="5892" spans="1:9">
      <c r="A5892" s="1">
        <f ca="1">RAND()</f>
        <v>0.95553347176232306</v>
      </c>
      <c r="B5892" s="1"/>
      <c r="C5892">
        <v>8</v>
      </c>
      <c r="D5892" t="s">
        <v>11825</v>
      </c>
      <c r="E5892" t="s">
        <v>32474</v>
      </c>
      <c r="F5892">
        <v>4</v>
      </c>
      <c r="G5892" t="s">
        <v>762</v>
      </c>
      <c r="H5892" t="s">
        <v>11826</v>
      </c>
      <c r="I5892" t="s">
        <v>30540</v>
      </c>
    </row>
    <row r="5893" spans="1:9">
      <c r="A5893" s="1">
        <f ca="1">RAND()</f>
        <v>0.99870368697036882</v>
      </c>
      <c r="B5893" s="1"/>
      <c r="C5893">
        <v>18</v>
      </c>
      <c r="D5893" t="s">
        <v>11829</v>
      </c>
      <c r="E5893" t="s">
        <v>32474</v>
      </c>
      <c r="F5893">
        <v>3</v>
      </c>
      <c r="G5893" t="s">
        <v>14</v>
      </c>
      <c r="H5893" t="s">
        <v>11830</v>
      </c>
      <c r="I5893" t="s">
        <v>30540</v>
      </c>
    </row>
    <row r="5894" spans="1:9">
      <c r="A5894" s="1">
        <f ca="1">RAND()</f>
        <v>0.74611779823899627</v>
      </c>
      <c r="B5894" s="1"/>
      <c r="C5894">
        <v>9</v>
      </c>
      <c r="D5894" t="s">
        <v>11827</v>
      </c>
      <c r="E5894" t="s">
        <v>32474</v>
      </c>
      <c r="F5894">
        <v>3</v>
      </c>
      <c r="G5894" t="s">
        <v>2</v>
      </c>
      <c r="H5894" t="s">
        <v>11828</v>
      </c>
      <c r="I5894" t="s">
        <v>30540</v>
      </c>
    </row>
    <row r="5895" spans="1:9">
      <c r="A5895" s="1">
        <f ca="1">RAND()</f>
        <v>0.57221861919570105</v>
      </c>
      <c r="B5895" s="1"/>
      <c r="C5895">
        <v>11</v>
      </c>
      <c r="D5895" t="s">
        <v>11823</v>
      </c>
      <c r="E5895" t="s">
        <v>32475</v>
      </c>
      <c r="F5895">
        <v>4</v>
      </c>
      <c r="G5895" t="s">
        <v>10</v>
      </c>
      <c r="H5895" t="s">
        <v>11824</v>
      </c>
      <c r="I5895" t="s">
        <v>30540</v>
      </c>
    </row>
    <row r="5896" spans="1:9">
      <c r="A5896" s="1">
        <f ca="1">RAND()</f>
        <v>0.70686587207801088</v>
      </c>
      <c r="B5896" s="1"/>
      <c r="C5896">
        <v>12</v>
      </c>
      <c r="D5896" t="s">
        <v>11819</v>
      </c>
      <c r="E5896" t="s">
        <v>32476</v>
      </c>
      <c r="F5896">
        <v>4</v>
      </c>
      <c r="G5896" t="s">
        <v>2</v>
      </c>
      <c r="H5896" t="s">
        <v>11820</v>
      </c>
      <c r="I5896" t="s">
        <v>30540</v>
      </c>
    </row>
    <row r="5897" spans="1:9">
      <c r="A5897" s="1">
        <f ca="1">RAND()</f>
        <v>0.8578171487431262</v>
      </c>
      <c r="B5897" s="1"/>
      <c r="C5897">
        <v>14</v>
      </c>
      <c r="D5897" t="s">
        <v>11821</v>
      </c>
      <c r="E5897" t="s">
        <v>32476</v>
      </c>
      <c r="F5897">
        <v>4</v>
      </c>
      <c r="G5897" t="s">
        <v>11426</v>
      </c>
      <c r="H5897" t="s">
        <v>11822</v>
      </c>
      <c r="I5897" t="s">
        <v>30540</v>
      </c>
    </row>
    <row r="5898" spans="1:9">
      <c r="A5898" s="1">
        <f ca="1">RAND()</f>
        <v>0.43849429780064042</v>
      </c>
      <c r="B5898" s="1"/>
      <c r="C5898">
        <v>4</v>
      </c>
      <c r="D5898" t="s">
        <v>11817</v>
      </c>
      <c r="E5898" t="s">
        <v>32476</v>
      </c>
      <c r="F5898">
        <v>2</v>
      </c>
      <c r="G5898" t="s">
        <v>9</v>
      </c>
      <c r="H5898" t="s">
        <v>11818</v>
      </c>
      <c r="I5898" t="s">
        <v>30540</v>
      </c>
    </row>
    <row r="5899" spans="1:9">
      <c r="A5899" s="1">
        <f ca="1">RAND()</f>
        <v>0.56433801260859584</v>
      </c>
      <c r="B5899" s="1"/>
      <c r="C5899">
        <v>10</v>
      </c>
      <c r="D5899" t="s">
        <v>11813</v>
      </c>
      <c r="E5899" t="s">
        <v>32477</v>
      </c>
      <c r="F5899">
        <v>4</v>
      </c>
      <c r="G5899" t="s">
        <v>14</v>
      </c>
      <c r="H5899" t="s">
        <v>11814</v>
      </c>
      <c r="I5899" t="s">
        <v>30540</v>
      </c>
    </row>
    <row r="5900" spans="1:9">
      <c r="A5900" s="1">
        <f ca="1">RAND()</f>
        <v>0.89023365995548032</v>
      </c>
      <c r="B5900" s="1"/>
      <c r="C5900">
        <v>12</v>
      </c>
      <c r="D5900" t="s">
        <v>11815</v>
      </c>
      <c r="E5900" t="s">
        <v>32477</v>
      </c>
      <c r="F5900">
        <v>4</v>
      </c>
      <c r="G5900" t="s">
        <v>14</v>
      </c>
      <c r="H5900" t="s">
        <v>11816</v>
      </c>
      <c r="I5900" t="s">
        <v>30540</v>
      </c>
    </row>
    <row r="5901" spans="1:9">
      <c r="A5901" s="1">
        <f ca="1">RAND()</f>
        <v>5.7277436618360045E-2</v>
      </c>
      <c r="B5901" s="1"/>
      <c r="C5901">
        <v>6</v>
      </c>
      <c r="D5901" t="s">
        <v>11811</v>
      </c>
      <c r="E5901" t="s">
        <v>32477</v>
      </c>
      <c r="F5901">
        <v>4</v>
      </c>
      <c r="G5901" t="s">
        <v>0</v>
      </c>
      <c r="H5901" t="s">
        <v>11812</v>
      </c>
      <c r="I5901" t="s">
        <v>30540</v>
      </c>
    </row>
    <row r="5902" spans="1:9">
      <c r="A5902" s="1">
        <f ca="1">RAND()</f>
        <v>0.35626927360235694</v>
      </c>
      <c r="B5902" s="1"/>
      <c r="C5902">
        <v>1</v>
      </c>
      <c r="D5902" t="s">
        <v>11809</v>
      </c>
      <c r="E5902" t="s">
        <v>32477</v>
      </c>
      <c r="F5902">
        <v>3</v>
      </c>
      <c r="G5902" t="s">
        <v>13</v>
      </c>
      <c r="H5902" t="s">
        <v>11810</v>
      </c>
      <c r="I5902" t="s">
        <v>30540</v>
      </c>
    </row>
    <row r="5903" spans="1:9">
      <c r="A5903" s="1">
        <f ca="1">RAND()</f>
        <v>0.39948847488471406</v>
      </c>
      <c r="B5903" s="1"/>
      <c r="C5903">
        <v>8</v>
      </c>
      <c r="D5903" t="s">
        <v>11807</v>
      </c>
      <c r="E5903" t="s">
        <v>32478</v>
      </c>
      <c r="F5903">
        <v>4</v>
      </c>
      <c r="G5903" t="s">
        <v>0</v>
      </c>
      <c r="H5903" t="s">
        <v>11808</v>
      </c>
      <c r="I5903" t="s">
        <v>30540</v>
      </c>
    </row>
    <row r="5904" spans="1:9">
      <c r="A5904" s="1">
        <f ca="1">RAND()</f>
        <v>0.28000045868368173</v>
      </c>
      <c r="B5904" s="1"/>
      <c r="C5904">
        <v>7</v>
      </c>
      <c r="D5904" t="s">
        <v>11805</v>
      </c>
      <c r="E5904" t="s">
        <v>32479</v>
      </c>
      <c r="F5904">
        <v>5</v>
      </c>
      <c r="G5904" t="s">
        <v>766</v>
      </c>
      <c r="H5904" t="s">
        <v>11806</v>
      </c>
      <c r="I5904" t="s">
        <v>30540</v>
      </c>
    </row>
    <row r="5905" spans="1:9">
      <c r="A5905" s="1">
        <f ca="1">RAND()</f>
        <v>4.2667871969412685E-2</v>
      </c>
      <c r="B5905" s="1"/>
      <c r="C5905">
        <v>4</v>
      </c>
      <c r="D5905" t="s">
        <v>11801</v>
      </c>
      <c r="E5905" t="s">
        <v>32479</v>
      </c>
      <c r="F5905">
        <v>4</v>
      </c>
      <c r="G5905" t="s">
        <v>771</v>
      </c>
      <c r="H5905" t="s">
        <v>11802</v>
      </c>
      <c r="I5905" t="s">
        <v>30540</v>
      </c>
    </row>
    <row r="5906" spans="1:9">
      <c r="A5906" s="1">
        <f ca="1">RAND()</f>
        <v>0.82103622355542261</v>
      </c>
      <c r="B5906" s="1"/>
      <c r="C5906">
        <v>5</v>
      </c>
      <c r="D5906" t="s">
        <v>11803</v>
      </c>
      <c r="E5906" t="s">
        <v>32479</v>
      </c>
      <c r="F5906">
        <v>4</v>
      </c>
      <c r="G5906" t="s">
        <v>14</v>
      </c>
      <c r="H5906" t="s">
        <v>11804</v>
      </c>
      <c r="I5906" t="s">
        <v>30540</v>
      </c>
    </row>
    <row r="5907" spans="1:9">
      <c r="A5907" s="1">
        <f ca="1">RAND()</f>
        <v>7.8055188560553268E-2</v>
      </c>
      <c r="B5907" s="1"/>
      <c r="C5907">
        <v>3</v>
      </c>
      <c r="D5907" t="s">
        <v>11799</v>
      </c>
      <c r="E5907" t="s">
        <v>32479</v>
      </c>
      <c r="F5907">
        <v>4</v>
      </c>
      <c r="G5907" t="s">
        <v>15</v>
      </c>
      <c r="H5907" t="s">
        <v>11800</v>
      </c>
      <c r="I5907" t="s">
        <v>30540</v>
      </c>
    </row>
    <row r="5908" spans="1:9">
      <c r="A5908" s="1">
        <f ca="1">RAND()</f>
        <v>0.77466456856998445</v>
      </c>
      <c r="B5908" s="1"/>
      <c r="C5908">
        <v>5</v>
      </c>
      <c r="D5908" t="s">
        <v>11791</v>
      </c>
      <c r="E5908" t="s">
        <v>32480</v>
      </c>
      <c r="F5908">
        <v>5</v>
      </c>
      <c r="G5908" t="s">
        <v>9</v>
      </c>
      <c r="H5908" t="s">
        <v>11792</v>
      </c>
      <c r="I5908" t="s">
        <v>30540</v>
      </c>
    </row>
    <row r="5909" spans="1:9">
      <c r="A5909" s="1">
        <f ca="1">RAND()</f>
        <v>6.3403906367283991E-2</v>
      </c>
      <c r="B5909" s="1"/>
      <c r="C5909">
        <v>6</v>
      </c>
      <c r="D5909" t="s">
        <v>11793</v>
      </c>
      <c r="E5909" t="s">
        <v>32480</v>
      </c>
      <c r="F5909">
        <v>5</v>
      </c>
      <c r="G5909" t="s">
        <v>14</v>
      </c>
      <c r="H5909" t="s">
        <v>11794</v>
      </c>
      <c r="I5909" t="s">
        <v>30540</v>
      </c>
    </row>
    <row r="5910" spans="1:9">
      <c r="A5910" s="1">
        <f ca="1">RAND()</f>
        <v>0.35295248367273224</v>
      </c>
      <c r="B5910" s="1"/>
      <c r="C5910">
        <v>10</v>
      </c>
      <c r="D5910" t="s">
        <v>11797</v>
      </c>
      <c r="E5910" t="s">
        <v>32480</v>
      </c>
      <c r="F5910">
        <v>4</v>
      </c>
      <c r="G5910" t="s">
        <v>14</v>
      </c>
      <c r="H5910" t="s">
        <v>11798</v>
      </c>
      <c r="I5910" t="s">
        <v>30540</v>
      </c>
    </row>
    <row r="5911" spans="1:9">
      <c r="A5911" s="1">
        <f ca="1">RAND()</f>
        <v>0.44629144112372754</v>
      </c>
      <c r="B5911" s="1"/>
      <c r="C5911">
        <v>7</v>
      </c>
      <c r="D5911" t="s">
        <v>11795</v>
      </c>
      <c r="E5911" t="s">
        <v>32480</v>
      </c>
      <c r="F5911">
        <v>2</v>
      </c>
      <c r="G5911" t="s">
        <v>14</v>
      </c>
      <c r="H5911" t="s">
        <v>11796</v>
      </c>
      <c r="I5911" t="s">
        <v>30540</v>
      </c>
    </row>
    <row r="5912" spans="1:9">
      <c r="A5912" s="1">
        <f ca="1">RAND()</f>
        <v>7.895277110605059E-2</v>
      </c>
      <c r="B5912" s="1"/>
      <c r="C5912">
        <v>4</v>
      </c>
      <c r="D5912" t="s">
        <v>11785</v>
      </c>
      <c r="E5912" t="s">
        <v>32481</v>
      </c>
      <c r="F5912">
        <v>4</v>
      </c>
      <c r="G5912" t="s">
        <v>2</v>
      </c>
      <c r="H5912" t="s">
        <v>11786</v>
      </c>
      <c r="I5912" t="s">
        <v>30540</v>
      </c>
    </row>
    <row r="5913" spans="1:9">
      <c r="A5913" s="1">
        <f ca="1">RAND()</f>
        <v>0.80811044282848932</v>
      </c>
      <c r="B5913" s="1"/>
      <c r="C5913">
        <v>8</v>
      </c>
      <c r="D5913" t="s">
        <v>11787</v>
      </c>
      <c r="E5913" t="s">
        <v>32481</v>
      </c>
      <c r="F5913">
        <v>4</v>
      </c>
      <c r="G5913" t="s">
        <v>11300</v>
      </c>
      <c r="H5913" t="s">
        <v>11788</v>
      </c>
      <c r="I5913" t="s">
        <v>30540</v>
      </c>
    </row>
    <row r="5914" spans="1:9">
      <c r="A5914" s="1">
        <f ca="1">RAND()</f>
        <v>0.95671545858628304</v>
      </c>
      <c r="B5914" s="1"/>
      <c r="C5914">
        <v>11</v>
      </c>
      <c r="D5914" t="s">
        <v>11789</v>
      </c>
      <c r="E5914" t="s">
        <v>32481</v>
      </c>
      <c r="F5914">
        <v>2</v>
      </c>
      <c r="G5914" t="s">
        <v>9</v>
      </c>
      <c r="H5914" t="s">
        <v>11790</v>
      </c>
      <c r="I5914" t="s">
        <v>30540</v>
      </c>
    </row>
    <row r="5915" spans="1:9">
      <c r="A5915" s="1">
        <f ca="1">RAND()</f>
        <v>4.0828460924124954E-3</v>
      </c>
      <c r="B5915" s="1"/>
      <c r="C5915">
        <v>3</v>
      </c>
      <c r="D5915" t="s">
        <v>11781</v>
      </c>
      <c r="E5915" t="s">
        <v>32482</v>
      </c>
      <c r="F5915">
        <v>5</v>
      </c>
      <c r="G5915" t="s">
        <v>9</v>
      </c>
      <c r="H5915" t="s">
        <v>11782</v>
      </c>
      <c r="I5915" t="s">
        <v>30540</v>
      </c>
    </row>
    <row r="5916" spans="1:9">
      <c r="A5916" s="1">
        <f ca="1">RAND()</f>
        <v>0.46620421997752659</v>
      </c>
      <c r="B5916" s="1"/>
      <c r="C5916">
        <v>5</v>
      </c>
      <c r="D5916" t="s">
        <v>11783</v>
      </c>
      <c r="E5916" t="s">
        <v>32482</v>
      </c>
      <c r="F5916">
        <v>4</v>
      </c>
      <c r="G5916" t="s">
        <v>2</v>
      </c>
      <c r="H5916" t="s">
        <v>11784</v>
      </c>
      <c r="I5916" t="s">
        <v>30540</v>
      </c>
    </row>
    <row r="5917" spans="1:9">
      <c r="A5917" s="1">
        <f ca="1">RAND()</f>
        <v>0.21665153122609115</v>
      </c>
      <c r="B5917" s="1"/>
      <c r="C5917">
        <v>1</v>
      </c>
      <c r="D5917" t="s">
        <v>11779</v>
      </c>
      <c r="E5917" t="s">
        <v>32483</v>
      </c>
      <c r="F5917">
        <v>5</v>
      </c>
      <c r="G5917" t="s">
        <v>2</v>
      </c>
      <c r="H5917" t="s">
        <v>11780</v>
      </c>
      <c r="I5917" t="s">
        <v>30540</v>
      </c>
    </row>
    <row r="5918" spans="1:9">
      <c r="A5918" s="1">
        <f ca="1">RAND()</f>
        <v>0.96611852239046914</v>
      </c>
      <c r="B5918" s="1"/>
      <c r="C5918">
        <v>20</v>
      </c>
      <c r="D5918" t="s">
        <v>11777</v>
      </c>
      <c r="E5918" t="s">
        <v>32484</v>
      </c>
      <c r="F5918">
        <v>5</v>
      </c>
      <c r="G5918" t="s">
        <v>765</v>
      </c>
      <c r="H5918" t="s">
        <v>11778</v>
      </c>
      <c r="I5918" t="s">
        <v>30540</v>
      </c>
    </row>
    <row r="5919" spans="1:9">
      <c r="A5919" s="1">
        <f ca="1">RAND()</f>
        <v>1.1387002371867627E-2</v>
      </c>
      <c r="B5919" s="1"/>
      <c r="C5919">
        <v>4</v>
      </c>
      <c r="D5919" t="s">
        <v>11765</v>
      </c>
      <c r="E5919" t="s">
        <v>32484</v>
      </c>
      <c r="F5919">
        <v>5</v>
      </c>
      <c r="G5919" t="s">
        <v>766</v>
      </c>
      <c r="H5919" t="s">
        <v>11766</v>
      </c>
      <c r="I5919" t="s">
        <v>30540</v>
      </c>
    </row>
    <row r="5920" spans="1:9">
      <c r="A5920" s="1">
        <f ca="1">RAND()</f>
        <v>0.12960707250449455</v>
      </c>
      <c r="B5920" s="1"/>
      <c r="C5920">
        <v>13</v>
      </c>
      <c r="D5920" t="s">
        <v>11775</v>
      </c>
      <c r="E5920" t="s">
        <v>32484</v>
      </c>
      <c r="F5920">
        <v>4</v>
      </c>
      <c r="G5920" t="s">
        <v>14</v>
      </c>
      <c r="H5920" t="s">
        <v>11776</v>
      </c>
      <c r="I5920" t="s">
        <v>30540</v>
      </c>
    </row>
    <row r="5921" spans="1:9">
      <c r="A5921" s="1">
        <f ca="1">RAND()</f>
        <v>0.62677238621554165</v>
      </c>
      <c r="B5921" s="1"/>
      <c r="C5921">
        <v>5</v>
      </c>
      <c r="D5921" t="s">
        <v>11767</v>
      </c>
      <c r="E5921" t="s">
        <v>32484</v>
      </c>
      <c r="F5921">
        <v>4</v>
      </c>
      <c r="G5921" t="s">
        <v>1295</v>
      </c>
      <c r="H5921" t="s">
        <v>11768</v>
      </c>
      <c r="I5921" t="s">
        <v>30540</v>
      </c>
    </row>
    <row r="5922" spans="1:9">
      <c r="A5922" s="1">
        <f ca="1">RAND()</f>
        <v>0.26626967605179264</v>
      </c>
      <c r="B5922" s="1"/>
      <c r="C5922">
        <v>12</v>
      </c>
      <c r="D5922" t="s">
        <v>11773</v>
      </c>
      <c r="E5922" t="s">
        <v>32484</v>
      </c>
      <c r="F5922">
        <v>3</v>
      </c>
      <c r="G5922" t="s">
        <v>0</v>
      </c>
      <c r="H5922" t="s">
        <v>11774</v>
      </c>
      <c r="I5922" t="s">
        <v>30540</v>
      </c>
    </row>
    <row r="5923" spans="1:9">
      <c r="A5923" s="1">
        <f ca="1">RAND()</f>
        <v>0.65753072307015936</v>
      </c>
      <c r="B5923" s="1"/>
      <c r="C5923">
        <v>8</v>
      </c>
      <c r="D5923" t="s">
        <v>11769</v>
      </c>
      <c r="E5923" t="s">
        <v>32484</v>
      </c>
      <c r="F5923">
        <v>3</v>
      </c>
      <c r="G5923" t="s">
        <v>1</v>
      </c>
      <c r="H5923" t="s">
        <v>11770</v>
      </c>
      <c r="I5923" t="s">
        <v>30540</v>
      </c>
    </row>
    <row r="5924" spans="1:9">
      <c r="A5924" s="1">
        <f ca="1">RAND()</f>
        <v>0.45589251575915357</v>
      </c>
      <c r="B5924" s="1"/>
      <c r="C5924">
        <v>11</v>
      </c>
      <c r="D5924" t="s">
        <v>11771</v>
      </c>
      <c r="E5924" t="s">
        <v>32484</v>
      </c>
      <c r="F5924">
        <v>2</v>
      </c>
      <c r="G5924" t="s">
        <v>2</v>
      </c>
      <c r="H5924" t="s">
        <v>11772</v>
      </c>
      <c r="I5924" t="s">
        <v>30540</v>
      </c>
    </row>
    <row r="5925" spans="1:9">
      <c r="A5925" s="1">
        <f ca="1">RAND()</f>
        <v>0.13672780181702693</v>
      </c>
      <c r="B5925" s="1"/>
      <c r="C5925">
        <v>7</v>
      </c>
      <c r="D5925" t="s">
        <v>11755</v>
      </c>
      <c r="E5925" t="s">
        <v>32485</v>
      </c>
      <c r="F5925">
        <v>4</v>
      </c>
      <c r="G5925" t="s">
        <v>10</v>
      </c>
      <c r="H5925" t="s">
        <v>11756</v>
      </c>
      <c r="I5925" t="s">
        <v>30540</v>
      </c>
    </row>
    <row r="5926" spans="1:9">
      <c r="A5926" s="1">
        <f ca="1">RAND()</f>
        <v>0.67989007600316553</v>
      </c>
      <c r="B5926" s="1"/>
      <c r="C5926">
        <v>13</v>
      </c>
      <c r="D5926" t="s">
        <v>11763</v>
      </c>
      <c r="E5926" t="s">
        <v>32485</v>
      </c>
      <c r="F5926">
        <v>4</v>
      </c>
      <c r="G5926" t="s">
        <v>14</v>
      </c>
      <c r="H5926" t="s">
        <v>11764</v>
      </c>
      <c r="I5926" t="s">
        <v>30540</v>
      </c>
    </row>
    <row r="5927" spans="1:9">
      <c r="A5927" s="1">
        <f ca="1">RAND()</f>
        <v>0.47035563797980473</v>
      </c>
      <c r="B5927" s="1"/>
      <c r="C5927">
        <v>8</v>
      </c>
      <c r="D5927" t="s">
        <v>11757</v>
      </c>
      <c r="E5927" t="s">
        <v>32485</v>
      </c>
      <c r="F5927">
        <v>4</v>
      </c>
      <c r="G5927" t="s">
        <v>14</v>
      </c>
      <c r="H5927" t="s">
        <v>11758</v>
      </c>
      <c r="I5927" t="s">
        <v>30540</v>
      </c>
    </row>
    <row r="5928" spans="1:9">
      <c r="A5928" s="1">
        <f ca="1">RAND()</f>
        <v>0.60404629223780182</v>
      </c>
      <c r="B5928" s="1"/>
      <c r="C5928">
        <v>9</v>
      </c>
      <c r="D5928" t="s">
        <v>11759</v>
      </c>
      <c r="E5928" t="s">
        <v>32485</v>
      </c>
      <c r="F5928">
        <v>3</v>
      </c>
      <c r="G5928" t="s">
        <v>9</v>
      </c>
      <c r="H5928" t="s">
        <v>11760</v>
      </c>
      <c r="I5928" t="s">
        <v>30540</v>
      </c>
    </row>
    <row r="5929" spans="1:9">
      <c r="A5929" s="1">
        <f ca="1">RAND()</f>
        <v>0.70176516254733712</v>
      </c>
      <c r="B5929" s="1"/>
      <c r="C5929">
        <v>11</v>
      </c>
      <c r="D5929" t="s">
        <v>11761</v>
      </c>
      <c r="E5929" t="s">
        <v>32485</v>
      </c>
      <c r="F5929">
        <v>2</v>
      </c>
      <c r="G5929" t="s">
        <v>9</v>
      </c>
      <c r="H5929" t="s">
        <v>11762</v>
      </c>
      <c r="I5929" t="s">
        <v>30540</v>
      </c>
    </row>
    <row r="5930" spans="1:9">
      <c r="A5930" s="1">
        <f ca="1">RAND()</f>
        <v>5.4309601997044932E-2</v>
      </c>
      <c r="B5930" s="1"/>
      <c r="C5930">
        <v>17</v>
      </c>
      <c r="D5930" t="s">
        <v>11751</v>
      </c>
      <c r="E5930" t="s">
        <v>32486</v>
      </c>
      <c r="F5930">
        <v>4</v>
      </c>
      <c r="G5930" t="s">
        <v>2</v>
      </c>
      <c r="H5930" t="s">
        <v>11752</v>
      </c>
      <c r="I5930" t="s">
        <v>30540</v>
      </c>
    </row>
    <row r="5931" spans="1:9">
      <c r="A5931" s="1">
        <f ca="1">RAND()</f>
        <v>0.16734782193978615</v>
      </c>
      <c r="B5931" s="1"/>
      <c r="C5931">
        <v>3</v>
      </c>
      <c r="D5931" t="s">
        <v>11747</v>
      </c>
      <c r="E5931" t="s">
        <v>32486</v>
      </c>
      <c r="F5931">
        <v>4</v>
      </c>
      <c r="G5931" t="s">
        <v>2</v>
      </c>
      <c r="H5931" t="s">
        <v>11748</v>
      </c>
      <c r="I5931" t="s">
        <v>30540</v>
      </c>
    </row>
    <row r="5932" spans="1:9">
      <c r="A5932" s="1">
        <f ca="1">RAND()</f>
        <v>0.36412201629371876</v>
      </c>
      <c r="B5932" s="1"/>
      <c r="C5932">
        <v>9</v>
      </c>
      <c r="D5932" t="s">
        <v>11749</v>
      </c>
      <c r="E5932" t="s">
        <v>32486</v>
      </c>
      <c r="F5932">
        <v>4</v>
      </c>
      <c r="G5932" t="s">
        <v>9</v>
      </c>
      <c r="H5932" t="s">
        <v>11750</v>
      </c>
      <c r="I5932" t="s">
        <v>30540</v>
      </c>
    </row>
    <row r="5933" spans="1:9">
      <c r="A5933" s="1">
        <f ca="1">RAND()</f>
        <v>0.69717844409659824</v>
      </c>
      <c r="B5933" s="1"/>
      <c r="C5933">
        <v>20</v>
      </c>
      <c r="D5933" t="s">
        <v>11753</v>
      </c>
      <c r="E5933" t="s">
        <v>32486</v>
      </c>
      <c r="F5933">
        <v>4</v>
      </c>
      <c r="G5933" t="s">
        <v>14</v>
      </c>
      <c r="H5933" t="s">
        <v>11754</v>
      </c>
      <c r="I5933" t="s">
        <v>30540</v>
      </c>
    </row>
    <row r="5934" spans="1:9">
      <c r="A5934" s="1">
        <f ca="1">RAND()</f>
        <v>0.7695767352744658</v>
      </c>
      <c r="B5934" s="1"/>
      <c r="C5934">
        <v>4</v>
      </c>
      <c r="D5934" t="s">
        <v>11745</v>
      </c>
      <c r="E5934" t="s">
        <v>32487</v>
      </c>
      <c r="F5934">
        <v>4</v>
      </c>
      <c r="G5934" t="s">
        <v>0</v>
      </c>
      <c r="H5934" t="s">
        <v>11746</v>
      </c>
      <c r="I5934" t="s">
        <v>30540</v>
      </c>
    </row>
    <row r="5935" spans="1:9">
      <c r="A5935" s="1">
        <f ca="1">RAND()</f>
        <v>2.6881053121376675E-2</v>
      </c>
      <c r="B5935" s="1"/>
      <c r="C5935">
        <v>1</v>
      </c>
      <c r="D5935" t="s">
        <v>11743</v>
      </c>
      <c r="E5935" t="s">
        <v>32487</v>
      </c>
      <c r="F5935">
        <v>4</v>
      </c>
      <c r="G5935" t="s">
        <v>10</v>
      </c>
      <c r="H5935" t="s">
        <v>11744</v>
      </c>
      <c r="I5935" t="s">
        <v>30540</v>
      </c>
    </row>
    <row r="5936" spans="1:9">
      <c r="A5936" s="1">
        <f ca="1">RAND()</f>
        <v>0.47228022291827654</v>
      </c>
      <c r="B5936" s="1"/>
      <c r="C5936">
        <v>14</v>
      </c>
      <c r="D5936" t="s">
        <v>11741</v>
      </c>
      <c r="E5936" t="s">
        <v>32488</v>
      </c>
      <c r="F5936">
        <v>5</v>
      </c>
      <c r="G5936" t="s">
        <v>0</v>
      </c>
      <c r="H5936" t="s">
        <v>11742</v>
      </c>
      <c r="I5936" t="s">
        <v>30540</v>
      </c>
    </row>
    <row r="5937" spans="1:9">
      <c r="A5937" s="1">
        <f ca="1">RAND()</f>
        <v>0.14939210759917676</v>
      </c>
      <c r="B5937" s="1"/>
      <c r="C5937">
        <v>4</v>
      </c>
      <c r="D5937" t="s">
        <v>11739</v>
      </c>
      <c r="E5937" t="s">
        <v>32488</v>
      </c>
      <c r="F5937">
        <v>4</v>
      </c>
      <c r="G5937" t="s">
        <v>2</v>
      </c>
      <c r="H5937" t="s">
        <v>11740</v>
      </c>
      <c r="I5937" t="s">
        <v>30540</v>
      </c>
    </row>
    <row r="5938" spans="1:9">
      <c r="A5938" s="1">
        <f ca="1">RAND()</f>
        <v>0.28300641792720804</v>
      </c>
      <c r="B5938" s="1"/>
      <c r="C5938">
        <v>1</v>
      </c>
      <c r="D5938" t="s">
        <v>11733</v>
      </c>
      <c r="E5938" t="s">
        <v>32489</v>
      </c>
      <c r="F5938">
        <v>5</v>
      </c>
      <c r="G5938" t="s">
        <v>771</v>
      </c>
      <c r="H5938" t="s">
        <v>11734</v>
      </c>
      <c r="I5938" t="s">
        <v>30540</v>
      </c>
    </row>
    <row r="5939" spans="1:9">
      <c r="A5939" s="1">
        <f ca="1">RAND()</f>
        <v>0.9849960760418689</v>
      </c>
      <c r="B5939" s="1"/>
      <c r="C5939">
        <v>8</v>
      </c>
      <c r="D5939" t="s">
        <v>11737</v>
      </c>
      <c r="E5939" t="s">
        <v>32489</v>
      </c>
      <c r="F5939">
        <v>4</v>
      </c>
      <c r="G5939" t="s">
        <v>14</v>
      </c>
      <c r="H5939" t="s">
        <v>11738</v>
      </c>
      <c r="I5939" t="s">
        <v>30540</v>
      </c>
    </row>
    <row r="5940" spans="1:9">
      <c r="A5940" s="1">
        <f ca="1">RAND()</f>
        <v>0.47638834338175495</v>
      </c>
      <c r="B5940" s="1"/>
      <c r="C5940">
        <v>4</v>
      </c>
      <c r="D5940" t="s">
        <v>11735</v>
      </c>
      <c r="E5940" t="s">
        <v>32489</v>
      </c>
      <c r="F5940">
        <v>4</v>
      </c>
      <c r="G5940" t="s">
        <v>10</v>
      </c>
      <c r="H5940" t="s">
        <v>11736</v>
      </c>
      <c r="I5940" t="s">
        <v>30540</v>
      </c>
    </row>
    <row r="5941" spans="1:9">
      <c r="A5941" s="1">
        <f ca="1">RAND()</f>
        <v>0.74698712031892678</v>
      </c>
      <c r="B5941" s="1"/>
      <c r="C5941">
        <v>6</v>
      </c>
      <c r="D5941" t="s">
        <v>11731</v>
      </c>
      <c r="E5941" t="s">
        <v>32490</v>
      </c>
      <c r="F5941">
        <v>2</v>
      </c>
      <c r="G5941" t="s">
        <v>0</v>
      </c>
      <c r="H5941" t="s">
        <v>11732</v>
      </c>
      <c r="I5941" t="s">
        <v>30540</v>
      </c>
    </row>
    <row r="5942" spans="1:9">
      <c r="A5942" s="1">
        <f ca="1">RAND()</f>
        <v>0.38078754890851008</v>
      </c>
      <c r="B5942" s="1"/>
      <c r="C5942">
        <v>15</v>
      </c>
      <c r="D5942" t="s">
        <v>11727</v>
      </c>
      <c r="E5942" t="s">
        <v>32491</v>
      </c>
      <c r="F5942">
        <v>5</v>
      </c>
      <c r="G5942" t="s">
        <v>14</v>
      </c>
      <c r="H5942" t="s">
        <v>11728</v>
      </c>
      <c r="I5942" t="s">
        <v>30540</v>
      </c>
    </row>
    <row r="5943" spans="1:9">
      <c r="A5943" s="1">
        <f ca="1">RAND()</f>
        <v>0.54680858569551039</v>
      </c>
      <c r="B5943" s="1"/>
      <c r="C5943">
        <v>11</v>
      </c>
      <c r="D5943" t="s">
        <v>11725</v>
      </c>
      <c r="E5943" t="s">
        <v>32491</v>
      </c>
      <c r="F5943">
        <v>3</v>
      </c>
      <c r="G5943" t="s">
        <v>14</v>
      </c>
      <c r="H5943" t="s">
        <v>11726</v>
      </c>
      <c r="I5943" t="s">
        <v>30540</v>
      </c>
    </row>
    <row r="5944" spans="1:9">
      <c r="A5944" s="1">
        <f ca="1">RAND()</f>
        <v>0.35240220981673043</v>
      </c>
      <c r="B5944" s="1"/>
      <c r="C5944">
        <v>9</v>
      </c>
      <c r="D5944" t="s">
        <v>11723</v>
      </c>
      <c r="E5944" t="s">
        <v>32491</v>
      </c>
      <c r="F5944">
        <v>3</v>
      </c>
      <c r="G5944" t="s">
        <v>13</v>
      </c>
      <c r="H5944" t="s">
        <v>11724</v>
      </c>
      <c r="I5944" t="s">
        <v>30540</v>
      </c>
    </row>
    <row r="5945" spans="1:9">
      <c r="A5945" s="1">
        <f ca="1">RAND()</f>
        <v>0.82989845042005095</v>
      </c>
      <c r="B5945" s="1"/>
      <c r="C5945">
        <v>16</v>
      </c>
      <c r="D5945" t="s">
        <v>11729</v>
      </c>
      <c r="E5945" t="s">
        <v>32491</v>
      </c>
      <c r="F5945">
        <v>2</v>
      </c>
      <c r="G5945" t="s">
        <v>11518</v>
      </c>
      <c r="H5945" t="s">
        <v>11730</v>
      </c>
      <c r="I5945" t="s">
        <v>30540</v>
      </c>
    </row>
    <row r="5946" spans="1:9">
      <c r="A5946" s="1">
        <f ca="1">RAND()</f>
        <v>0.64862412316625018</v>
      </c>
      <c r="B5946" s="1"/>
      <c r="C5946">
        <v>2</v>
      </c>
      <c r="D5946" t="s">
        <v>11719</v>
      </c>
      <c r="E5946" t="s">
        <v>32492</v>
      </c>
      <c r="F5946">
        <v>3</v>
      </c>
      <c r="G5946" t="s">
        <v>2</v>
      </c>
      <c r="H5946" t="s">
        <v>11720</v>
      </c>
      <c r="I5946" t="s">
        <v>30540</v>
      </c>
    </row>
    <row r="5947" spans="1:9">
      <c r="A5947" s="1">
        <f ca="1">RAND()</f>
        <v>0.8984695554598181</v>
      </c>
      <c r="B5947" s="1"/>
      <c r="C5947">
        <v>17</v>
      </c>
      <c r="D5947" t="s">
        <v>11721</v>
      </c>
      <c r="E5947" t="s">
        <v>32492</v>
      </c>
      <c r="F5947">
        <v>2</v>
      </c>
      <c r="G5947" t="s">
        <v>14</v>
      </c>
      <c r="H5947" t="s">
        <v>11722</v>
      </c>
      <c r="I5947" t="s">
        <v>30540</v>
      </c>
    </row>
    <row r="5948" spans="1:9">
      <c r="A5948" s="1">
        <f ca="1">RAND()</f>
        <v>0.37267080095748073</v>
      </c>
      <c r="B5948" s="1"/>
      <c r="C5948">
        <v>14</v>
      </c>
      <c r="D5948" t="s">
        <v>11715</v>
      </c>
      <c r="E5948" t="s">
        <v>32493</v>
      </c>
      <c r="F5948">
        <v>4</v>
      </c>
      <c r="G5948" t="s">
        <v>13</v>
      </c>
      <c r="H5948" t="s">
        <v>11716</v>
      </c>
      <c r="I5948" t="s">
        <v>30540</v>
      </c>
    </row>
    <row r="5949" spans="1:9">
      <c r="A5949" s="1">
        <f ca="1">RAND()</f>
        <v>0.12071915148500223</v>
      </c>
      <c r="B5949" s="1"/>
      <c r="C5949">
        <v>15</v>
      </c>
      <c r="D5949" t="s">
        <v>11717</v>
      </c>
      <c r="E5949" t="s">
        <v>32493</v>
      </c>
      <c r="F5949">
        <v>4</v>
      </c>
      <c r="G5949" t="s">
        <v>14</v>
      </c>
      <c r="H5949" t="s">
        <v>11718</v>
      </c>
      <c r="I5949" t="s">
        <v>30540</v>
      </c>
    </row>
    <row r="5950" spans="1:9">
      <c r="A5950" s="1">
        <f ca="1">RAND()</f>
        <v>0.98289273794136733</v>
      </c>
      <c r="B5950" s="1"/>
      <c r="C5950">
        <v>8</v>
      </c>
      <c r="D5950" t="s">
        <v>11713</v>
      </c>
      <c r="E5950" t="s">
        <v>32493</v>
      </c>
      <c r="F5950">
        <v>3</v>
      </c>
      <c r="G5950" t="s">
        <v>14</v>
      </c>
      <c r="H5950" t="s">
        <v>11714</v>
      </c>
      <c r="I5950" t="s">
        <v>30540</v>
      </c>
    </row>
    <row r="5951" spans="1:9">
      <c r="A5951" s="1">
        <f ca="1">RAND()</f>
        <v>0.80017644944997557</v>
      </c>
      <c r="B5951" s="1"/>
      <c r="C5951">
        <v>5</v>
      </c>
      <c r="D5951" t="s">
        <v>11711</v>
      </c>
      <c r="E5951" t="s">
        <v>32493</v>
      </c>
      <c r="F5951">
        <v>2</v>
      </c>
      <c r="G5951" t="s">
        <v>13</v>
      </c>
      <c r="H5951" t="s">
        <v>11712</v>
      </c>
      <c r="I5951" t="s">
        <v>30540</v>
      </c>
    </row>
    <row r="5952" spans="1:9">
      <c r="A5952" s="1">
        <f ca="1">RAND()</f>
        <v>0.36420597897221185</v>
      </c>
      <c r="B5952" s="1"/>
      <c r="C5952">
        <v>7</v>
      </c>
      <c r="D5952" t="s">
        <v>11707</v>
      </c>
      <c r="E5952" t="s">
        <v>32494</v>
      </c>
      <c r="F5952">
        <v>4</v>
      </c>
      <c r="G5952" t="s">
        <v>2</v>
      </c>
      <c r="H5952" t="s">
        <v>11708</v>
      </c>
      <c r="I5952" t="s">
        <v>30540</v>
      </c>
    </row>
    <row r="5953" spans="1:9">
      <c r="A5953" s="1">
        <f ca="1">RAND()</f>
        <v>0.5667011845171781</v>
      </c>
      <c r="B5953" s="1"/>
      <c r="C5953">
        <v>2</v>
      </c>
      <c r="D5953" t="s">
        <v>11703</v>
      </c>
      <c r="E5953" t="s">
        <v>32494</v>
      </c>
      <c r="F5953">
        <v>4</v>
      </c>
      <c r="G5953" t="s">
        <v>13</v>
      </c>
      <c r="H5953" t="s">
        <v>11704</v>
      </c>
      <c r="I5953" t="s">
        <v>30540</v>
      </c>
    </row>
    <row r="5954" spans="1:9">
      <c r="A5954" s="1">
        <f ca="1">RAND()</f>
        <v>0.42046052153296154</v>
      </c>
      <c r="B5954" s="1"/>
      <c r="C5954">
        <v>4</v>
      </c>
      <c r="D5954" t="s">
        <v>11705</v>
      </c>
      <c r="E5954" t="s">
        <v>32494</v>
      </c>
      <c r="F5954">
        <v>3</v>
      </c>
      <c r="G5954" t="s">
        <v>11426</v>
      </c>
      <c r="H5954" t="s">
        <v>11706</v>
      </c>
      <c r="I5954" t="s">
        <v>30540</v>
      </c>
    </row>
    <row r="5955" spans="1:9">
      <c r="A5955" s="1">
        <f ca="1">RAND()</f>
        <v>0.88527267873403992</v>
      </c>
      <c r="B5955" s="1"/>
      <c r="C5955">
        <v>14</v>
      </c>
      <c r="D5955" t="s">
        <v>11709</v>
      </c>
      <c r="E5955" t="s">
        <v>32494</v>
      </c>
      <c r="F5955">
        <v>2</v>
      </c>
      <c r="G5955" t="s">
        <v>14</v>
      </c>
      <c r="H5955" t="s">
        <v>11710</v>
      </c>
      <c r="I5955" t="s">
        <v>30540</v>
      </c>
    </row>
    <row r="5956" spans="1:9">
      <c r="A5956" s="1">
        <f ca="1">RAND()</f>
        <v>0.13290342685330025</v>
      </c>
      <c r="B5956" s="1"/>
      <c r="C5956">
        <v>6</v>
      </c>
      <c r="D5956" t="s">
        <v>11699</v>
      </c>
      <c r="E5956" t="s">
        <v>32495</v>
      </c>
      <c r="F5956">
        <v>5</v>
      </c>
      <c r="G5956" t="s">
        <v>14</v>
      </c>
      <c r="H5956" t="s">
        <v>11700</v>
      </c>
      <c r="I5956" t="s">
        <v>30540</v>
      </c>
    </row>
    <row r="5957" spans="1:9">
      <c r="A5957" s="1">
        <f ca="1">RAND()</f>
        <v>0.57970996279782283</v>
      </c>
      <c r="B5957" s="1"/>
      <c r="C5957">
        <v>13</v>
      </c>
      <c r="D5957" t="s">
        <v>11701</v>
      </c>
      <c r="E5957" t="s">
        <v>32495</v>
      </c>
      <c r="F5957">
        <v>5</v>
      </c>
      <c r="G5957" t="s">
        <v>0</v>
      </c>
      <c r="H5957" t="s">
        <v>11702</v>
      </c>
      <c r="I5957" t="s">
        <v>30540</v>
      </c>
    </row>
    <row r="5958" spans="1:9">
      <c r="A5958" s="1">
        <f ca="1">RAND()</f>
        <v>0.27156808399057553</v>
      </c>
      <c r="B5958" s="1"/>
      <c r="C5958">
        <v>15</v>
      </c>
      <c r="D5958" t="s">
        <v>11697</v>
      </c>
      <c r="E5958" t="s">
        <v>32496</v>
      </c>
      <c r="F5958">
        <v>4</v>
      </c>
      <c r="G5958" t="s">
        <v>14</v>
      </c>
      <c r="H5958" t="s">
        <v>11698</v>
      </c>
      <c r="I5958" t="s">
        <v>30540</v>
      </c>
    </row>
    <row r="5959" spans="1:9">
      <c r="A5959" s="1">
        <f ca="1">RAND()</f>
        <v>4.802540203750949E-2</v>
      </c>
      <c r="B5959" s="1"/>
      <c r="C5959">
        <v>13</v>
      </c>
      <c r="D5959" t="s">
        <v>11695</v>
      </c>
      <c r="E5959" t="s">
        <v>32496</v>
      </c>
      <c r="F5959">
        <v>4</v>
      </c>
      <c r="G5959" t="s">
        <v>9</v>
      </c>
      <c r="H5959" t="s">
        <v>11696</v>
      </c>
      <c r="I5959" t="s">
        <v>30540</v>
      </c>
    </row>
    <row r="5960" spans="1:9">
      <c r="A5960" s="1">
        <f ca="1">RAND()</f>
        <v>0.52664243899134788</v>
      </c>
      <c r="B5960" s="1"/>
      <c r="C5960">
        <v>3</v>
      </c>
      <c r="D5960" t="s">
        <v>11687</v>
      </c>
      <c r="E5960" t="s">
        <v>32496</v>
      </c>
      <c r="F5960">
        <v>4</v>
      </c>
      <c r="G5960" t="s">
        <v>13</v>
      </c>
      <c r="H5960" t="s">
        <v>11688</v>
      </c>
      <c r="I5960" t="s">
        <v>30540</v>
      </c>
    </row>
    <row r="5961" spans="1:9">
      <c r="A5961" s="1">
        <f ca="1">RAND()</f>
        <v>0.48811789465916655</v>
      </c>
      <c r="B5961" s="1"/>
      <c r="C5961">
        <v>9</v>
      </c>
      <c r="D5961" t="s">
        <v>11691</v>
      </c>
      <c r="E5961" t="s">
        <v>32496</v>
      </c>
      <c r="F5961">
        <v>4</v>
      </c>
      <c r="G5961" t="s">
        <v>1</v>
      </c>
      <c r="H5961" t="s">
        <v>11692</v>
      </c>
      <c r="I5961" t="s">
        <v>30540</v>
      </c>
    </row>
    <row r="5962" spans="1:9">
      <c r="A5962" s="1">
        <f ca="1">RAND()</f>
        <v>0.1383587281590507</v>
      </c>
      <c r="B5962" s="1"/>
      <c r="C5962">
        <v>5</v>
      </c>
      <c r="D5962" t="s">
        <v>11689</v>
      </c>
      <c r="E5962" t="s">
        <v>32496</v>
      </c>
      <c r="F5962">
        <v>4</v>
      </c>
      <c r="G5962" t="s">
        <v>13</v>
      </c>
      <c r="H5962" t="s">
        <v>11690</v>
      </c>
      <c r="I5962" t="s">
        <v>30540</v>
      </c>
    </row>
    <row r="5963" spans="1:9">
      <c r="A5963" s="1">
        <f ca="1">RAND()</f>
        <v>4.8242113779868534E-2</v>
      </c>
      <c r="B5963" s="1"/>
      <c r="C5963">
        <v>10</v>
      </c>
      <c r="D5963" t="s">
        <v>11693</v>
      </c>
      <c r="E5963" t="s">
        <v>32496</v>
      </c>
      <c r="F5963">
        <v>3</v>
      </c>
      <c r="G5963" t="s">
        <v>14</v>
      </c>
      <c r="H5963" t="s">
        <v>11694</v>
      </c>
      <c r="I5963" t="s">
        <v>30540</v>
      </c>
    </row>
    <row r="5964" spans="1:9">
      <c r="A5964" s="1">
        <f ca="1">RAND()</f>
        <v>0.28705208312461306</v>
      </c>
      <c r="B5964" s="1"/>
      <c r="C5964">
        <v>17</v>
      </c>
      <c r="D5964" t="s">
        <v>11683</v>
      </c>
      <c r="E5964" t="s">
        <v>32497</v>
      </c>
      <c r="F5964">
        <v>5</v>
      </c>
      <c r="G5964" t="s">
        <v>14</v>
      </c>
      <c r="H5964" t="s">
        <v>11684</v>
      </c>
      <c r="I5964" t="s">
        <v>30540</v>
      </c>
    </row>
    <row r="5965" spans="1:9">
      <c r="A5965" s="1">
        <f ca="1">RAND()</f>
        <v>0.68987684816782135</v>
      </c>
      <c r="B5965" s="1"/>
      <c r="C5965">
        <v>4</v>
      </c>
      <c r="D5965" t="s">
        <v>11681</v>
      </c>
      <c r="E5965" t="s">
        <v>32497</v>
      </c>
      <c r="F5965">
        <v>4</v>
      </c>
      <c r="G5965" t="s">
        <v>762</v>
      </c>
      <c r="H5965" t="s">
        <v>11682</v>
      </c>
      <c r="I5965" t="s">
        <v>30540</v>
      </c>
    </row>
    <row r="5966" spans="1:9">
      <c r="A5966" s="1">
        <f ca="1">RAND()</f>
        <v>0.73960593006076858</v>
      </c>
      <c r="B5966" s="1"/>
      <c r="C5966">
        <v>18</v>
      </c>
      <c r="D5966" t="s">
        <v>11685</v>
      </c>
      <c r="E5966" t="s">
        <v>32497</v>
      </c>
      <c r="F5966">
        <v>4</v>
      </c>
      <c r="G5966" t="s">
        <v>0</v>
      </c>
      <c r="H5966" t="s">
        <v>11686</v>
      </c>
      <c r="I5966" t="s">
        <v>30540</v>
      </c>
    </row>
    <row r="5967" spans="1:9">
      <c r="A5967" s="1">
        <f ca="1">RAND()</f>
        <v>0.3149311983338472</v>
      </c>
      <c r="B5967" s="1"/>
      <c r="C5967">
        <v>2</v>
      </c>
      <c r="D5967" t="s">
        <v>11679</v>
      </c>
      <c r="E5967" t="s">
        <v>32497</v>
      </c>
      <c r="F5967">
        <v>4</v>
      </c>
      <c r="G5967" t="s">
        <v>771</v>
      </c>
      <c r="H5967" t="s">
        <v>11680</v>
      </c>
      <c r="I5967" t="s">
        <v>30540</v>
      </c>
    </row>
    <row r="5968" spans="1:9">
      <c r="A5968" s="1">
        <f ca="1">RAND()</f>
        <v>0.42335986447672569</v>
      </c>
      <c r="B5968" s="1"/>
      <c r="C5968">
        <v>7</v>
      </c>
      <c r="D5968" t="s">
        <v>11675</v>
      </c>
      <c r="E5968" t="s">
        <v>32498</v>
      </c>
      <c r="F5968">
        <v>5</v>
      </c>
      <c r="G5968" t="s">
        <v>14</v>
      </c>
      <c r="H5968" t="s">
        <v>11676</v>
      </c>
      <c r="I5968" t="s">
        <v>30540</v>
      </c>
    </row>
    <row r="5969" spans="1:9">
      <c r="A5969" s="1">
        <f ca="1">RAND()</f>
        <v>0.80781904224277679</v>
      </c>
      <c r="B5969" s="1"/>
      <c r="C5969">
        <v>4</v>
      </c>
      <c r="D5969" t="s">
        <v>11673</v>
      </c>
      <c r="E5969" t="s">
        <v>32498</v>
      </c>
      <c r="F5969">
        <v>5</v>
      </c>
      <c r="G5969" t="s">
        <v>14</v>
      </c>
      <c r="H5969" t="s">
        <v>11674</v>
      </c>
      <c r="I5969" t="s">
        <v>30540</v>
      </c>
    </row>
    <row r="5970" spans="1:9">
      <c r="A5970" s="1">
        <f ca="1">RAND()</f>
        <v>0.36276537045859159</v>
      </c>
      <c r="B5970" s="1"/>
      <c r="C5970">
        <v>11</v>
      </c>
      <c r="D5970" t="s">
        <v>11677</v>
      </c>
      <c r="E5970" t="s">
        <v>32498</v>
      </c>
      <c r="F5970">
        <v>4</v>
      </c>
      <c r="G5970" t="s">
        <v>2</v>
      </c>
      <c r="H5970" t="s">
        <v>11678</v>
      </c>
      <c r="I5970" t="s">
        <v>30540</v>
      </c>
    </row>
    <row r="5971" spans="1:9">
      <c r="A5971" s="1">
        <f ca="1">RAND()</f>
        <v>0.51472723644032781</v>
      </c>
      <c r="B5971" s="1"/>
      <c r="C5971">
        <v>2</v>
      </c>
      <c r="D5971" t="s">
        <v>11671</v>
      </c>
      <c r="E5971" t="s">
        <v>32498</v>
      </c>
      <c r="F5971">
        <v>4</v>
      </c>
      <c r="G5971" t="s">
        <v>1</v>
      </c>
      <c r="H5971" t="s">
        <v>11672</v>
      </c>
      <c r="I5971" t="s">
        <v>30540</v>
      </c>
    </row>
    <row r="5972" spans="1:9">
      <c r="A5972" s="1">
        <f ca="1">RAND()</f>
        <v>0.17031614390646699</v>
      </c>
      <c r="B5972" s="1"/>
      <c r="C5972">
        <v>1</v>
      </c>
      <c r="D5972" t="s">
        <v>11669</v>
      </c>
      <c r="E5972" t="s">
        <v>32498</v>
      </c>
      <c r="F5972">
        <v>2</v>
      </c>
      <c r="G5972" t="s">
        <v>0</v>
      </c>
      <c r="H5972" t="s">
        <v>11670</v>
      </c>
      <c r="I5972" t="s">
        <v>30540</v>
      </c>
    </row>
    <row r="5973" spans="1:9">
      <c r="A5973" s="1">
        <f ca="1">RAND()</f>
        <v>7.4256687394619991E-2</v>
      </c>
      <c r="B5973" s="1"/>
      <c r="C5973">
        <v>9</v>
      </c>
      <c r="D5973" t="s">
        <v>11667</v>
      </c>
      <c r="E5973" t="s">
        <v>32499</v>
      </c>
      <c r="F5973">
        <v>5</v>
      </c>
      <c r="G5973" t="s">
        <v>15</v>
      </c>
      <c r="H5973" t="s">
        <v>11668</v>
      </c>
      <c r="I5973" t="s">
        <v>30540</v>
      </c>
    </row>
    <row r="5974" spans="1:9">
      <c r="A5974" s="1">
        <f ca="1">RAND()</f>
        <v>0.69333438452304075</v>
      </c>
      <c r="B5974" s="1"/>
      <c r="C5974">
        <v>2</v>
      </c>
      <c r="D5974" t="s">
        <v>11665</v>
      </c>
      <c r="E5974" t="s">
        <v>32499</v>
      </c>
      <c r="F5974">
        <v>4</v>
      </c>
      <c r="G5974" t="s">
        <v>11507</v>
      </c>
      <c r="H5974" t="s">
        <v>11666</v>
      </c>
      <c r="I5974" t="s">
        <v>30540</v>
      </c>
    </row>
    <row r="5975" spans="1:9">
      <c r="A5975" s="1">
        <f ca="1">RAND()</f>
        <v>0.26415500851929186</v>
      </c>
      <c r="B5975" s="1"/>
      <c r="C5975">
        <v>1</v>
      </c>
      <c r="D5975" t="s">
        <v>11663</v>
      </c>
      <c r="E5975" t="s">
        <v>32499</v>
      </c>
      <c r="F5975">
        <v>4</v>
      </c>
      <c r="G5975" t="s">
        <v>2</v>
      </c>
      <c r="H5975" t="s">
        <v>11664</v>
      </c>
      <c r="I5975" t="s">
        <v>30540</v>
      </c>
    </row>
    <row r="5976" spans="1:9">
      <c r="A5976" s="1">
        <f ca="1">RAND()</f>
        <v>0.80687232778549201</v>
      </c>
      <c r="B5976" s="1"/>
      <c r="C5976">
        <v>8</v>
      </c>
      <c r="D5976" t="s">
        <v>11661</v>
      </c>
      <c r="E5976" t="s">
        <v>32500</v>
      </c>
      <c r="F5976">
        <v>4</v>
      </c>
      <c r="G5976" t="s">
        <v>14</v>
      </c>
      <c r="H5976" t="s">
        <v>11662</v>
      </c>
      <c r="I5976" t="s">
        <v>30540</v>
      </c>
    </row>
    <row r="5977" spans="1:9">
      <c r="A5977" s="1">
        <f ca="1">RAND()</f>
        <v>0.19316155481213582</v>
      </c>
      <c r="B5977" s="1"/>
      <c r="C5977">
        <v>6</v>
      </c>
      <c r="D5977" t="s">
        <v>11659</v>
      </c>
      <c r="E5977" t="s">
        <v>32500</v>
      </c>
      <c r="F5977">
        <v>2</v>
      </c>
      <c r="G5977" t="s">
        <v>14</v>
      </c>
      <c r="H5977" t="s">
        <v>11660</v>
      </c>
      <c r="I5977" t="s">
        <v>30540</v>
      </c>
    </row>
    <row r="5978" spans="1:9">
      <c r="A5978" s="1">
        <f ca="1">RAND()</f>
        <v>0.85968720799920451</v>
      </c>
      <c r="B5978" s="1"/>
      <c r="C5978">
        <v>4</v>
      </c>
      <c r="D5978" t="s">
        <v>11657</v>
      </c>
      <c r="E5978" t="s">
        <v>32501</v>
      </c>
      <c r="F5978">
        <v>4</v>
      </c>
      <c r="G5978" t="s">
        <v>14</v>
      </c>
      <c r="H5978" t="s">
        <v>11658</v>
      </c>
      <c r="I5978" t="s">
        <v>30540</v>
      </c>
    </row>
    <row r="5979" spans="1:9">
      <c r="A5979" s="1">
        <f ca="1">RAND()</f>
        <v>0.63125254302835321</v>
      </c>
      <c r="B5979" s="1"/>
      <c r="C5979">
        <v>2</v>
      </c>
      <c r="D5979" t="s">
        <v>11655</v>
      </c>
      <c r="E5979" t="s">
        <v>32501</v>
      </c>
      <c r="F5979">
        <v>2</v>
      </c>
      <c r="G5979" t="s">
        <v>14</v>
      </c>
      <c r="H5979" t="s">
        <v>11656</v>
      </c>
      <c r="I5979" t="s">
        <v>30540</v>
      </c>
    </row>
    <row r="5980" spans="1:9">
      <c r="A5980" s="1">
        <f ca="1">RAND()</f>
        <v>0.7401942844403252</v>
      </c>
      <c r="B5980" s="1"/>
      <c r="C5980">
        <v>12</v>
      </c>
      <c r="D5980" t="s">
        <v>11651</v>
      </c>
      <c r="E5980" t="s">
        <v>32502</v>
      </c>
      <c r="F5980">
        <v>4</v>
      </c>
      <c r="G5980" t="s">
        <v>766</v>
      </c>
      <c r="H5980" t="s">
        <v>11652</v>
      </c>
      <c r="I5980" t="s">
        <v>30540</v>
      </c>
    </row>
    <row r="5981" spans="1:9">
      <c r="A5981" s="1">
        <f ca="1">RAND()</f>
        <v>0.74384290148944943</v>
      </c>
      <c r="B5981" s="1"/>
      <c r="C5981">
        <v>15</v>
      </c>
      <c r="D5981" t="s">
        <v>11653</v>
      </c>
      <c r="E5981" t="s">
        <v>32502</v>
      </c>
      <c r="F5981">
        <v>4</v>
      </c>
      <c r="G5981" t="s">
        <v>0</v>
      </c>
      <c r="H5981" t="s">
        <v>11654</v>
      </c>
      <c r="I5981" t="s">
        <v>30540</v>
      </c>
    </row>
    <row r="5982" spans="1:9">
      <c r="A5982" s="1">
        <f ca="1">RAND()</f>
        <v>0.97201337628941809</v>
      </c>
      <c r="B5982" s="1"/>
      <c r="C5982">
        <v>12</v>
      </c>
      <c r="D5982" t="s">
        <v>11647</v>
      </c>
      <c r="E5982" t="s">
        <v>32503</v>
      </c>
      <c r="F5982">
        <v>5</v>
      </c>
      <c r="G5982" t="s">
        <v>14</v>
      </c>
      <c r="H5982" t="s">
        <v>11648</v>
      </c>
      <c r="I5982" t="s">
        <v>30540</v>
      </c>
    </row>
    <row r="5983" spans="1:9">
      <c r="A5983" s="1">
        <f ca="1">RAND()</f>
        <v>4.4891918903111616E-2</v>
      </c>
      <c r="B5983" s="1"/>
      <c r="C5983">
        <v>13</v>
      </c>
      <c r="D5983" t="s">
        <v>11649</v>
      </c>
      <c r="E5983" t="s">
        <v>32503</v>
      </c>
      <c r="F5983">
        <v>5</v>
      </c>
      <c r="G5983" t="s">
        <v>9</v>
      </c>
      <c r="H5983" t="s">
        <v>11650</v>
      </c>
      <c r="I5983" t="s">
        <v>30540</v>
      </c>
    </row>
    <row r="5984" spans="1:9">
      <c r="A5984" s="1">
        <f ca="1">RAND()</f>
        <v>0.46308222000540078</v>
      </c>
      <c r="B5984" s="1"/>
      <c r="C5984">
        <v>2</v>
      </c>
      <c r="D5984" t="s">
        <v>11645</v>
      </c>
      <c r="E5984" t="s">
        <v>32503</v>
      </c>
      <c r="F5984">
        <v>5</v>
      </c>
      <c r="G5984" t="s">
        <v>14</v>
      </c>
      <c r="H5984" t="s">
        <v>11646</v>
      </c>
      <c r="I5984" t="s">
        <v>30540</v>
      </c>
    </row>
    <row r="5985" spans="1:9">
      <c r="A5985" s="1">
        <f ca="1">RAND()</f>
        <v>0.48305124401457111</v>
      </c>
      <c r="B5985" s="1"/>
      <c r="C5985">
        <v>6</v>
      </c>
      <c r="D5985" t="s">
        <v>11639</v>
      </c>
      <c r="E5985" t="s">
        <v>32504</v>
      </c>
      <c r="F5985">
        <v>4</v>
      </c>
      <c r="G5985" t="s">
        <v>1</v>
      </c>
      <c r="H5985" t="s">
        <v>11640</v>
      </c>
      <c r="I5985" t="s">
        <v>30540</v>
      </c>
    </row>
    <row r="5986" spans="1:9">
      <c r="A5986" s="1">
        <f ca="1">RAND()</f>
        <v>0.10911016070710755</v>
      </c>
      <c r="B5986" s="1"/>
      <c r="C5986">
        <v>3</v>
      </c>
      <c r="D5986" t="s">
        <v>11637</v>
      </c>
      <c r="E5986" t="s">
        <v>32504</v>
      </c>
      <c r="F5986">
        <v>4</v>
      </c>
      <c r="G5986" t="s">
        <v>2</v>
      </c>
      <c r="H5986" t="s">
        <v>11638</v>
      </c>
      <c r="I5986" t="s">
        <v>30540</v>
      </c>
    </row>
    <row r="5987" spans="1:9">
      <c r="A5987" s="1">
        <f ca="1">RAND()</f>
        <v>0.58701561291577287</v>
      </c>
      <c r="B5987" s="1"/>
      <c r="C5987">
        <v>10</v>
      </c>
      <c r="D5987" t="s">
        <v>11641</v>
      </c>
      <c r="E5987" t="s">
        <v>32504</v>
      </c>
      <c r="F5987">
        <v>4</v>
      </c>
      <c r="G5987" t="s">
        <v>11302</v>
      </c>
      <c r="H5987" t="s">
        <v>11642</v>
      </c>
      <c r="I5987" t="s">
        <v>30540</v>
      </c>
    </row>
    <row r="5988" spans="1:9">
      <c r="A5988" s="1">
        <f ca="1">RAND()</f>
        <v>0.11677583803316594</v>
      </c>
      <c r="B5988" s="1"/>
      <c r="C5988">
        <v>18</v>
      </c>
      <c r="D5988" t="s">
        <v>11643</v>
      </c>
      <c r="E5988" t="s">
        <v>32504</v>
      </c>
      <c r="F5988">
        <v>4</v>
      </c>
      <c r="G5988" t="s">
        <v>14</v>
      </c>
      <c r="H5988" t="s">
        <v>11644</v>
      </c>
      <c r="I5988" t="s">
        <v>30540</v>
      </c>
    </row>
    <row r="5989" spans="1:9">
      <c r="A5989" s="1">
        <f ca="1">RAND()</f>
        <v>0.5704512688369151</v>
      </c>
      <c r="B5989" s="1"/>
      <c r="C5989">
        <v>1</v>
      </c>
      <c r="D5989" t="s">
        <v>11635</v>
      </c>
      <c r="E5989" t="s">
        <v>32505</v>
      </c>
      <c r="F5989">
        <v>3</v>
      </c>
      <c r="G5989" t="s">
        <v>14</v>
      </c>
      <c r="H5989" t="s">
        <v>11636</v>
      </c>
      <c r="I5989" t="s">
        <v>30540</v>
      </c>
    </row>
    <row r="5990" spans="1:9">
      <c r="A5990" s="1">
        <f ca="1">RAND()</f>
        <v>0.49810719838879802</v>
      </c>
      <c r="B5990" s="1"/>
      <c r="C5990">
        <v>12</v>
      </c>
      <c r="D5990" t="s">
        <v>11631</v>
      </c>
      <c r="E5990" t="s">
        <v>32506</v>
      </c>
      <c r="F5990">
        <v>5</v>
      </c>
      <c r="G5990" t="s">
        <v>0</v>
      </c>
      <c r="H5990" t="s">
        <v>11632</v>
      </c>
      <c r="I5990" t="s">
        <v>30540</v>
      </c>
    </row>
    <row r="5991" spans="1:9">
      <c r="A5991" s="1">
        <f ca="1">RAND()</f>
        <v>0.65722092843756819</v>
      </c>
      <c r="B5991" s="1"/>
      <c r="C5991">
        <v>2</v>
      </c>
      <c r="D5991" t="s">
        <v>11629</v>
      </c>
      <c r="E5991" t="s">
        <v>32506</v>
      </c>
      <c r="F5991">
        <v>3</v>
      </c>
      <c r="G5991" t="s">
        <v>13</v>
      </c>
      <c r="H5991" t="s">
        <v>11630</v>
      </c>
      <c r="I5991" t="s">
        <v>30540</v>
      </c>
    </row>
    <row r="5992" spans="1:9">
      <c r="A5992" s="1">
        <f ca="1">RAND()</f>
        <v>0.56492707245862028</v>
      </c>
      <c r="B5992" s="1"/>
      <c r="C5992">
        <v>14</v>
      </c>
      <c r="D5992" t="s">
        <v>11633</v>
      </c>
      <c r="E5992" t="s">
        <v>32506</v>
      </c>
      <c r="F5992">
        <v>2</v>
      </c>
      <c r="G5992" t="s">
        <v>0</v>
      </c>
      <c r="H5992" t="s">
        <v>11634</v>
      </c>
      <c r="I5992" t="s">
        <v>30540</v>
      </c>
    </row>
    <row r="5993" spans="1:9">
      <c r="A5993" s="1">
        <f ca="1">RAND()</f>
        <v>0.10887545673035959</v>
      </c>
      <c r="B5993" s="1"/>
      <c r="C5993">
        <v>18</v>
      </c>
      <c r="D5993" t="s">
        <v>11627</v>
      </c>
      <c r="E5993" t="s">
        <v>32507</v>
      </c>
      <c r="F5993">
        <v>4</v>
      </c>
      <c r="G5993" t="s">
        <v>14</v>
      </c>
      <c r="H5993" t="s">
        <v>11628</v>
      </c>
      <c r="I5993" t="s">
        <v>30540</v>
      </c>
    </row>
    <row r="5994" spans="1:9">
      <c r="A5994" s="1">
        <f ca="1">RAND()</f>
        <v>0.96115662400009239</v>
      </c>
      <c r="B5994" s="1"/>
      <c r="C5994">
        <v>4</v>
      </c>
      <c r="D5994" t="s">
        <v>11625</v>
      </c>
      <c r="E5994" t="s">
        <v>32507</v>
      </c>
      <c r="F5994">
        <v>4</v>
      </c>
      <c r="G5994" t="s">
        <v>770</v>
      </c>
      <c r="H5994" t="s">
        <v>11626</v>
      </c>
      <c r="I5994" t="s">
        <v>30540</v>
      </c>
    </row>
    <row r="5995" spans="1:9">
      <c r="A5995" s="1">
        <f ca="1">RAND()</f>
        <v>0.93175030637491973</v>
      </c>
      <c r="B5995" s="1"/>
      <c r="C5995">
        <v>3</v>
      </c>
      <c r="D5995" t="s">
        <v>11623</v>
      </c>
      <c r="E5995" t="s">
        <v>32507</v>
      </c>
      <c r="F5995">
        <v>4</v>
      </c>
      <c r="G5995" t="s">
        <v>14</v>
      </c>
      <c r="H5995" t="s">
        <v>11624</v>
      </c>
      <c r="I5995" t="s">
        <v>30540</v>
      </c>
    </row>
    <row r="5996" spans="1:9">
      <c r="A5996" s="1">
        <f ca="1">RAND()</f>
        <v>0.94698702149646607</v>
      </c>
      <c r="B5996" s="1"/>
      <c r="C5996">
        <v>3</v>
      </c>
      <c r="D5996" t="s">
        <v>11617</v>
      </c>
      <c r="E5996" t="s">
        <v>32508</v>
      </c>
      <c r="F5996">
        <v>4</v>
      </c>
      <c r="G5996" t="s">
        <v>2</v>
      </c>
      <c r="H5996" t="s">
        <v>11618</v>
      </c>
      <c r="I5996" t="s">
        <v>30540</v>
      </c>
    </row>
    <row r="5997" spans="1:9">
      <c r="A5997" s="1">
        <f ca="1">RAND()</f>
        <v>0.33046907826403416</v>
      </c>
      <c r="B5997" s="1"/>
      <c r="C5997">
        <v>7</v>
      </c>
      <c r="D5997" t="s">
        <v>11619</v>
      </c>
      <c r="E5997" t="s">
        <v>32508</v>
      </c>
      <c r="F5997">
        <v>4</v>
      </c>
      <c r="G5997" t="s">
        <v>14</v>
      </c>
      <c r="H5997" t="s">
        <v>11620</v>
      </c>
      <c r="I5997" t="s">
        <v>30540</v>
      </c>
    </row>
    <row r="5998" spans="1:9">
      <c r="A5998" s="1">
        <f ca="1">RAND()</f>
        <v>0.64585737542846522</v>
      </c>
      <c r="B5998" s="1"/>
      <c r="C5998">
        <v>8</v>
      </c>
      <c r="D5998" t="s">
        <v>11621</v>
      </c>
      <c r="E5998" t="s">
        <v>32508</v>
      </c>
      <c r="F5998">
        <v>4</v>
      </c>
      <c r="G5998" t="s">
        <v>14</v>
      </c>
      <c r="H5998" t="s">
        <v>11622</v>
      </c>
      <c r="I5998" t="s">
        <v>30540</v>
      </c>
    </row>
    <row r="5999" spans="1:9">
      <c r="A5999" s="1">
        <f ca="1">RAND()</f>
        <v>0.27814834485069029</v>
      </c>
      <c r="B5999" s="1"/>
      <c r="C5999">
        <v>19</v>
      </c>
      <c r="D5999" t="s">
        <v>11615</v>
      </c>
      <c r="E5999" t="s">
        <v>32509</v>
      </c>
      <c r="F5999">
        <v>5</v>
      </c>
      <c r="G5999" t="s">
        <v>14</v>
      </c>
      <c r="H5999" t="s">
        <v>11616</v>
      </c>
      <c r="I5999" t="s">
        <v>30540</v>
      </c>
    </row>
    <row r="6000" spans="1:9">
      <c r="A6000" s="1">
        <f ca="1">RAND()</f>
        <v>0.54302815331125986</v>
      </c>
      <c r="B6000" s="1"/>
      <c r="C6000">
        <v>11</v>
      </c>
      <c r="D6000" t="s">
        <v>11613</v>
      </c>
      <c r="E6000" t="s">
        <v>32509</v>
      </c>
      <c r="F6000">
        <v>5</v>
      </c>
      <c r="G6000" t="s">
        <v>2</v>
      </c>
      <c r="H6000" t="s">
        <v>11614</v>
      </c>
      <c r="I6000" t="s">
        <v>30540</v>
      </c>
    </row>
    <row r="6001" spans="1:9">
      <c r="A6001" s="1">
        <f ca="1">RAND()</f>
        <v>0.47780285942089651</v>
      </c>
      <c r="B6001" s="1"/>
      <c r="C6001">
        <v>5</v>
      </c>
      <c r="D6001" t="s">
        <v>11611</v>
      </c>
      <c r="E6001" t="s">
        <v>32509</v>
      </c>
      <c r="F6001">
        <v>4</v>
      </c>
      <c r="G6001" t="s">
        <v>11302</v>
      </c>
      <c r="H6001" t="s">
        <v>11612</v>
      </c>
      <c r="I6001" t="s">
        <v>30540</v>
      </c>
    </row>
    <row r="6002" spans="1:9">
      <c r="A6002" s="1">
        <f ca="1">RAND()</f>
        <v>0.4818619820303317</v>
      </c>
      <c r="B6002" s="1"/>
      <c r="C6002">
        <v>2</v>
      </c>
      <c r="D6002" t="s">
        <v>11609</v>
      </c>
      <c r="E6002" t="s">
        <v>32509</v>
      </c>
      <c r="F6002">
        <v>2</v>
      </c>
      <c r="G6002" t="s">
        <v>11300</v>
      </c>
      <c r="H6002" t="s">
        <v>11610</v>
      </c>
      <c r="I6002" t="s">
        <v>30540</v>
      </c>
    </row>
    <row r="6003" spans="1:9">
      <c r="A6003" s="1">
        <f ca="1">RAND()</f>
        <v>0.19338047507314793</v>
      </c>
      <c r="B6003" s="1"/>
      <c r="C6003">
        <v>1</v>
      </c>
      <c r="D6003" t="s">
        <v>11605</v>
      </c>
      <c r="E6003" t="s">
        <v>32510</v>
      </c>
      <c r="F6003">
        <v>4</v>
      </c>
      <c r="G6003" t="s">
        <v>2</v>
      </c>
      <c r="H6003" t="s">
        <v>11606</v>
      </c>
      <c r="I6003" t="s">
        <v>30540</v>
      </c>
    </row>
    <row r="6004" spans="1:9">
      <c r="A6004" s="1">
        <f ca="1">RAND()</f>
        <v>9.2120114598540526E-2</v>
      </c>
      <c r="B6004" s="1"/>
      <c r="C6004">
        <v>6</v>
      </c>
      <c r="D6004" t="s">
        <v>11607</v>
      </c>
      <c r="E6004" t="s">
        <v>32510</v>
      </c>
      <c r="F6004">
        <v>2</v>
      </c>
      <c r="G6004" t="s">
        <v>14</v>
      </c>
      <c r="H6004" t="s">
        <v>11608</v>
      </c>
      <c r="I6004" t="s">
        <v>30540</v>
      </c>
    </row>
    <row r="6005" spans="1:9">
      <c r="A6005" s="1">
        <f ca="1">RAND()</f>
        <v>0.66091141963780276</v>
      </c>
      <c r="B6005" s="1"/>
      <c r="C6005">
        <v>14</v>
      </c>
      <c r="D6005" t="s">
        <v>11601</v>
      </c>
      <c r="E6005" t="s">
        <v>32511</v>
      </c>
      <c r="F6005">
        <v>5</v>
      </c>
      <c r="G6005" t="s">
        <v>14</v>
      </c>
      <c r="H6005" t="s">
        <v>11602</v>
      </c>
      <c r="I6005" t="s">
        <v>30540</v>
      </c>
    </row>
    <row r="6006" spans="1:9">
      <c r="A6006" s="1">
        <f ca="1">RAND()</f>
        <v>0.4895434282060066</v>
      </c>
      <c r="B6006" s="1"/>
      <c r="C6006">
        <v>1</v>
      </c>
      <c r="D6006" t="s">
        <v>11597</v>
      </c>
      <c r="E6006" t="s">
        <v>32511</v>
      </c>
      <c r="F6006">
        <v>4</v>
      </c>
      <c r="G6006" t="s">
        <v>15</v>
      </c>
      <c r="H6006" t="s">
        <v>11598</v>
      </c>
      <c r="I6006" t="s">
        <v>30540</v>
      </c>
    </row>
    <row r="6007" spans="1:9">
      <c r="A6007" s="1">
        <f ca="1">RAND()</f>
        <v>0.74621987419102898</v>
      </c>
      <c r="B6007" s="1"/>
      <c r="C6007">
        <v>8</v>
      </c>
      <c r="D6007" t="s">
        <v>11599</v>
      </c>
      <c r="E6007" t="s">
        <v>32511</v>
      </c>
      <c r="F6007">
        <v>4</v>
      </c>
      <c r="G6007" t="s">
        <v>14</v>
      </c>
      <c r="H6007" t="s">
        <v>11600</v>
      </c>
      <c r="I6007" t="s">
        <v>30540</v>
      </c>
    </row>
    <row r="6008" spans="1:9">
      <c r="A6008" s="1">
        <f ca="1">RAND()</f>
        <v>0.55111657904290312</v>
      </c>
      <c r="B6008" s="1"/>
      <c r="C6008">
        <v>17</v>
      </c>
      <c r="D6008" t="s">
        <v>11603</v>
      </c>
      <c r="E6008" t="s">
        <v>32511</v>
      </c>
      <c r="F6008">
        <v>4</v>
      </c>
      <c r="G6008" t="s">
        <v>14</v>
      </c>
      <c r="H6008" t="s">
        <v>11604</v>
      </c>
      <c r="I6008" t="s">
        <v>30540</v>
      </c>
    </row>
    <row r="6009" spans="1:9">
      <c r="A6009" s="1">
        <f ca="1">RAND()</f>
        <v>0.15700897785958168</v>
      </c>
      <c r="B6009" s="1"/>
      <c r="C6009">
        <v>20</v>
      </c>
      <c r="D6009" t="s">
        <v>11595</v>
      </c>
      <c r="E6009" t="s">
        <v>32512</v>
      </c>
      <c r="F6009">
        <v>4</v>
      </c>
      <c r="G6009" t="s">
        <v>14</v>
      </c>
      <c r="H6009" t="s">
        <v>11596</v>
      </c>
      <c r="I6009" t="s">
        <v>30540</v>
      </c>
    </row>
    <row r="6010" spans="1:9">
      <c r="A6010" s="1">
        <f ca="1">RAND()</f>
        <v>0.97577575729390764</v>
      </c>
      <c r="B6010" s="1"/>
      <c r="C6010">
        <v>9</v>
      </c>
      <c r="D6010" t="s">
        <v>11593</v>
      </c>
      <c r="E6010" t="s">
        <v>32512</v>
      </c>
      <c r="F6010">
        <v>4</v>
      </c>
      <c r="G6010" t="s">
        <v>0</v>
      </c>
      <c r="H6010" t="s">
        <v>11594</v>
      </c>
      <c r="I6010" t="s">
        <v>30540</v>
      </c>
    </row>
    <row r="6011" spans="1:9">
      <c r="A6011" s="1">
        <f ca="1">RAND()</f>
        <v>0.45667748197019231</v>
      </c>
      <c r="B6011" s="1"/>
      <c r="C6011">
        <v>12</v>
      </c>
      <c r="D6011" t="s">
        <v>11591</v>
      </c>
      <c r="E6011" t="s">
        <v>32513</v>
      </c>
      <c r="F6011">
        <v>5</v>
      </c>
      <c r="G6011" t="s">
        <v>14</v>
      </c>
      <c r="H6011" t="s">
        <v>11592</v>
      </c>
      <c r="I6011" t="s">
        <v>30540</v>
      </c>
    </row>
    <row r="6012" spans="1:9">
      <c r="A6012" s="1">
        <f ca="1">RAND()</f>
        <v>0.34775213871044475</v>
      </c>
      <c r="B6012" s="1"/>
      <c r="C6012">
        <v>11</v>
      </c>
      <c r="D6012" t="s">
        <v>11589</v>
      </c>
      <c r="E6012" t="s">
        <v>32513</v>
      </c>
      <c r="F6012">
        <v>2</v>
      </c>
      <c r="G6012" t="s">
        <v>14</v>
      </c>
      <c r="H6012" t="s">
        <v>11590</v>
      </c>
      <c r="I6012" t="s">
        <v>30540</v>
      </c>
    </row>
    <row r="6013" spans="1:9">
      <c r="A6013" s="1">
        <f ca="1">RAND()</f>
        <v>0.63105107707877761</v>
      </c>
      <c r="B6013" s="1"/>
      <c r="C6013">
        <v>4</v>
      </c>
      <c r="D6013" t="s">
        <v>11587</v>
      </c>
      <c r="E6013" t="s">
        <v>32513</v>
      </c>
      <c r="F6013">
        <v>1</v>
      </c>
      <c r="G6013" t="s">
        <v>15</v>
      </c>
      <c r="H6013" t="s">
        <v>11588</v>
      </c>
      <c r="I6013" t="s">
        <v>30540</v>
      </c>
    </row>
    <row r="6014" spans="1:9">
      <c r="A6014" s="1">
        <f ca="1">RAND()</f>
        <v>0.93741208829159806</v>
      </c>
      <c r="B6014" s="1"/>
      <c r="C6014">
        <v>5</v>
      </c>
      <c r="D6014" t="s">
        <v>11575</v>
      </c>
      <c r="E6014" t="s">
        <v>32514</v>
      </c>
      <c r="F6014">
        <v>5</v>
      </c>
      <c r="G6014" t="s">
        <v>0</v>
      </c>
      <c r="H6014" t="s">
        <v>11576</v>
      </c>
      <c r="I6014" t="s">
        <v>30540</v>
      </c>
    </row>
    <row r="6015" spans="1:9">
      <c r="A6015" s="1">
        <f ca="1">RAND()</f>
        <v>0.56702388340051746</v>
      </c>
      <c r="B6015" s="1"/>
      <c r="C6015">
        <v>20</v>
      </c>
      <c r="D6015" t="s">
        <v>11585</v>
      </c>
      <c r="E6015" t="s">
        <v>32514</v>
      </c>
      <c r="F6015">
        <v>4</v>
      </c>
      <c r="G6015" t="s">
        <v>2</v>
      </c>
      <c r="H6015" t="s">
        <v>11586</v>
      </c>
      <c r="I6015" t="s">
        <v>30540</v>
      </c>
    </row>
    <row r="6016" spans="1:9">
      <c r="A6016" s="1">
        <f ca="1">RAND()</f>
        <v>0.91236257285859834</v>
      </c>
      <c r="B6016" s="1"/>
      <c r="C6016">
        <v>17</v>
      </c>
      <c r="D6016" t="s">
        <v>11583</v>
      </c>
      <c r="E6016" t="s">
        <v>32514</v>
      </c>
      <c r="F6016">
        <v>4</v>
      </c>
      <c r="G6016" t="s">
        <v>13</v>
      </c>
      <c r="H6016" t="s">
        <v>11584</v>
      </c>
      <c r="I6016" t="s">
        <v>30540</v>
      </c>
    </row>
    <row r="6017" spans="1:9">
      <c r="A6017" s="1">
        <f ca="1">RAND()</f>
        <v>0.44092586318556426</v>
      </c>
      <c r="B6017" s="1"/>
      <c r="C6017">
        <v>8</v>
      </c>
      <c r="D6017" t="s">
        <v>11577</v>
      </c>
      <c r="E6017" t="s">
        <v>32514</v>
      </c>
      <c r="F6017">
        <v>4</v>
      </c>
      <c r="G6017" t="s">
        <v>2</v>
      </c>
      <c r="H6017" t="s">
        <v>11578</v>
      </c>
      <c r="I6017" t="s">
        <v>30540</v>
      </c>
    </row>
    <row r="6018" spans="1:9">
      <c r="A6018" s="1">
        <f ca="1">RAND()</f>
        <v>0.91279975988117967</v>
      </c>
      <c r="B6018" s="1"/>
      <c r="C6018">
        <v>13</v>
      </c>
      <c r="D6018" t="s">
        <v>11579</v>
      </c>
      <c r="E6018" t="s">
        <v>32514</v>
      </c>
      <c r="F6018">
        <v>2</v>
      </c>
      <c r="G6018" t="s">
        <v>14</v>
      </c>
      <c r="H6018" t="s">
        <v>11580</v>
      </c>
      <c r="I6018" t="s">
        <v>30540</v>
      </c>
    </row>
    <row r="6019" spans="1:9">
      <c r="A6019" s="1">
        <f ca="1">RAND()</f>
        <v>0.27702635127905795</v>
      </c>
      <c r="B6019" s="1"/>
      <c r="C6019">
        <v>15</v>
      </c>
      <c r="D6019" t="s">
        <v>11581</v>
      </c>
      <c r="E6019" t="s">
        <v>32514</v>
      </c>
      <c r="F6019">
        <v>2</v>
      </c>
      <c r="G6019" t="s">
        <v>14</v>
      </c>
      <c r="H6019" t="s">
        <v>11582</v>
      </c>
      <c r="I6019" t="s">
        <v>30540</v>
      </c>
    </row>
    <row r="6020" spans="1:9">
      <c r="A6020" s="1">
        <f ca="1">RAND()</f>
        <v>0.66104700047855125</v>
      </c>
      <c r="B6020" s="1"/>
      <c r="C6020">
        <v>4</v>
      </c>
      <c r="D6020" t="s">
        <v>11573</v>
      </c>
      <c r="E6020" t="s">
        <v>32515</v>
      </c>
      <c r="F6020">
        <v>5</v>
      </c>
      <c r="G6020" t="s">
        <v>0</v>
      </c>
      <c r="H6020" t="s">
        <v>11574</v>
      </c>
      <c r="I6020" t="s">
        <v>30540</v>
      </c>
    </row>
    <row r="6021" spans="1:9">
      <c r="A6021" s="1">
        <f ca="1">RAND()</f>
        <v>0.83018652373385771</v>
      </c>
      <c r="B6021" s="1"/>
      <c r="C6021">
        <v>3</v>
      </c>
      <c r="D6021" t="s">
        <v>11571</v>
      </c>
      <c r="E6021" t="s">
        <v>32515</v>
      </c>
      <c r="F6021">
        <v>4</v>
      </c>
      <c r="G6021" t="s">
        <v>0</v>
      </c>
      <c r="H6021" t="s">
        <v>11572</v>
      </c>
      <c r="I6021" t="s">
        <v>30540</v>
      </c>
    </row>
    <row r="6022" spans="1:9">
      <c r="A6022" s="1">
        <f ca="1">RAND()</f>
        <v>0.13694111199488557</v>
      </c>
      <c r="B6022" s="1"/>
      <c r="C6022">
        <v>2</v>
      </c>
      <c r="D6022" t="s">
        <v>11561</v>
      </c>
      <c r="E6022" t="s">
        <v>32516</v>
      </c>
      <c r="F6022">
        <v>5</v>
      </c>
      <c r="G6022" t="s">
        <v>9</v>
      </c>
      <c r="H6022" t="s">
        <v>11562</v>
      </c>
      <c r="I6022" t="s">
        <v>30540</v>
      </c>
    </row>
    <row r="6023" spans="1:9">
      <c r="A6023" s="1">
        <f ca="1">RAND()</f>
        <v>0.52933537883553194</v>
      </c>
      <c r="B6023" s="1"/>
      <c r="C6023">
        <v>4</v>
      </c>
      <c r="D6023" t="s">
        <v>11563</v>
      </c>
      <c r="E6023" t="s">
        <v>32516</v>
      </c>
      <c r="F6023">
        <v>4</v>
      </c>
      <c r="G6023" t="s">
        <v>13</v>
      </c>
      <c r="H6023" t="s">
        <v>11564</v>
      </c>
      <c r="I6023" t="s">
        <v>30540</v>
      </c>
    </row>
    <row r="6024" spans="1:9">
      <c r="A6024" s="1">
        <f ca="1">RAND()</f>
        <v>0.29914023098057574</v>
      </c>
      <c r="B6024" s="1"/>
      <c r="C6024">
        <v>8</v>
      </c>
      <c r="D6024" t="s">
        <v>11565</v>
      </c>
      <c r="E6024" t="s">
        <v>32516</v>
      </c>
      <c r="F6024">
        <v>4</v>
      </c>
      <c r="G6024" t="s">
        <v>14</v>
      </c>
      <c r="H6024" t="s">
        <v>11566</v>
      </c>
      <c r="I6024" t="s">
        <v>30540</v>
      </c>
    </row>
    <row r="6025" spans="1:9">
      <c r="A6025" s="1">
        <f ca="1">RAND()</f>
        <v>0.75141388465880332</v>
      </c>
      <c r="B6025" s="1"/>
      <c r="C6025">
        <v>1</v>
      </c>
      <c r="D6025" t="s">
        <v>11559</v>
      </c>
      <c r="E6025" t="s">
        <v>32516</v>
      </c>
      <c r="F6025">
        <v>4</v>
      </c>
      <c r="G6025" t="s">
        <v>2</v>
      </c>
      <c r="H6025" t="s">
        <v>11560</v>
      </c>
      <c r="I6025" t="s">
        <v>30540</v>
      </c>
    </row>
    <row r="6026" spans="1:9">
      <c r="A6026" s="1">
        <f ca="1">RAND()</f>
        <v>0.43573265592738686</v>
      </c>
      <c r="B6026" s="1"/>
      <c r="C6026">
        <v>13</v>
      </c>
      <c r="D6026" t="s">
        <v>11569</v>
      </c>
      <c r="E6026" t="s">
        <v>32516</v>
      </c>
      <c r="F6026">
        <v>4</v>
      </c>
      <c r="G6026" t="s">
        <v>14</v>
      </c>
      <c r="H6026" t="s">
        <v>11570</v>
      </c>
      <c r="I6026" t="s">
        <v>30540</v>
      </c>
    </row>
    <row r="6027" spans="1:9">
      <c r="A6027" s="1">
        <f ca="1">RAND()</f>
        <v>0.52462985695585473</v>
      </c>
      <c r="B6027" s="1"/>
      <c r="C6027">
        <v>12</v>
      </c>
      <c r="D6027" t="s">
        <v>11567</v>
      </c>
      <c r="E6027" t="s">
        <v>32516</v>
      </c>
      <c r="F6027">
        <v>4</v>
      </c>
      <c r="G6027" t="s">
        <v>14</v>
      </c>
      <c r="H6027" t="s">
        <v>11568</v>
      </c>
      <c r="I6027" t="s">
        <v>30540</v>
      </c>
    </row>
    <row r="6028" spans="1:9">
      <c r="A6028" s="1">
        <f ca="1">RAND()</f>
        <v>2.4081980723218432E-2</v>
      </c>
      <c r="B6028" s="1"/>
      <c r="C6028">
        <v>1</v>
      </c>
      <c r="D6028" t="s">
        <v>11551</v>
      </c>
      <c r="E6028" t="s">
        <v>32517</v>
      </c>
      <c r="F6028">
        <v>4</v>
      </c>
      <c r="G6028" t="s">
        <v>15</v>
      </c>
      <c r="H6028" t="s">
        <v>11552</v>
      </c>
      <c r="I6028" t="s">
        <v>30540</v>
      </c>
    </row>
    <row r="6029" spans="1:9">
      <c r="A6029" s="1">
        <f ca="1">RAND()</f>
        <v>0.75645208161713373</v>
      </c>
      <c r="B6029" s="1"/>
      <c r="C6029">
        <v>9</v>
      </c>
      <c r="D6029" t="s">
        <v>11553</v>
      </c>
      <c r="E6029" t="s">
        <v>32517</v>
      </c>
      <c r="F6029">
        <v>4</v>
      </c>
      <c r="G6029" t="s">
        <v>2</v>
      </c>
      <c r="H6029" t="s">
        <v>11554</v>
      </c>
      <c r="I6029" t="s">
        <v>30540</v>
      </c>
    </row>
    <row r="6030" spans="1:9">
      <c r="A6030" s="1">
        <f ca="1">RAND()</f>
        <v>0.68402217792062325</v>
      </c>
      <c r="B6030" s="1"/>
      <c r="C6030">
        <v>17</v>
      </c>
      <c r="D6030" t="s">
        <v>11557</v>
      </c>
      <c r="E6030" t="s">
        <v>32517</v>
      </c>
      <c r="F6030">
        <v>3</v>
      </c>
      <c r="G6030" t="s">
        <v>10</v>
      </c>
      <c r="H6030" t="s">
        <v>11558</v>
      </c>
      <c r="I6030" t="s">
        <v>30540</v>
      </c>
    </row>
    <row r="6031" spans="1:9">
      <c r="A6031" s="1">
        <f ca="1">RAND()</f>
        <v>0.4335426763870297</v>
      </c>
      <c r="B6031" s="1"/>
      <c r="C6031">
        <v>10</v>
      </c>
      <c r="D6031" t="s">
        <v>11555</v>
      </c>
      <c r="E6031" t="s">
        <v>32517</v>
      </c>
      <c r="F6031">
        <v>2</v>
      </c>
      <c r="G6031" t="s">
        <v>766</v>
      </c>
      <c r="H6031" t="s">
        <v>11556</v>
      </c>
      <c r="I6031" t="s">
        <v>30540</v>
      </c>
    </row>
    <row r="6032" spans="1:9">
      <c r="A6032" s="1">
        <f ca="1">RAND()</f>
        <v>0.97458747435802717</v>
      </c>
      <c r="B6032" s="1"/>
      <c r="C6032">
        <v>4</v>
      </c>
      <c r="D6032" t="s">
        <v>11547</v>
      </c>
      <c r="E6032" t="s">
        <v>32518</v>
      </c>
      <c r="F6032">
        <v>5</v>
      </c>
      <c r="G6032" t="s">
        <v>14</v>
      </c>
      <c r="H6032" t="s">
        <v>11548</v>
      </c>
      <c r="I6032" t="s">
        <v>30540</v>
      </c>
    </row>
    <row r="6033" spans="1:9">
      <c r="A6033" s="1">
        <f ca="1">RAND()</f>
        <v>0.94703726266151889</v>
      </c>
      <c r="B6033" s="1"/>
      <c r="C6033">
        <v>3</v>
      </c>
      <c r="D6033" t="s">
        <v>11545</v>
      </c>
      <c r="E6033" t="s">
        <v>32518</v>
      </c>
      <c r="F6033">
        <v>4</v>
      </c>
      <c r="G6033" t="s">
        <v>13</v>
      </c>
      <c r="H6033" t="s">
        <v>11546</v>
      </c>
      <c r="I6033" t="s">
        <v>30540</v>
      </c>
    </row>
    <row r="6034" spans="1:9">
      <c r="A6034" s="1">
        <f ca="1">RAND()</f>
        <v>0.73779460610189895</v>
      </c>
      <c r="B6034" s="1"/>
      <c r="C6034">
        <v>13</v>
      </c>
      <c r="D6034" t="s">
        <v>11549</v>
      </c>
      <c r="E6034" t="s">
        <v>32518</v>
      </c>
      <c r="F6034">
        <v>2</v>
      </c>
      <c r="G6034" t="s">
        <v>14</v>
      </c>
      <c r="H6034" t="s">
        <v>11550</v>
      </c>
      <c r="I6034" t="s">
        <v>30540</v>
      </c>
    </row>
    <row r="6035" spans="1:9">
      <c r="A6035" s="1">
        <f ca="1">RAND()</f>
        <v>8.0348121054375277E-2</v>
      </c>
      <c r="B6035" s="1"/>
      <c r="C6035">
        <v>2</v>
      </c>
      <c r="D6035" t="s">
        <v>11537</v>
      </c>
      <c r="E6035" t="s">
        <v>32519</v>
      </c>
      <c r="F6035">
        <v>4</v>
      </c>
      <c r="G6035" t="s">
        <v>11426</v>
      </c>
      <c r="H6035" t="s">
        <v>11538</v>
      </c>
      <c r="I6035" t="s">
        <v>30540</v>
      </c>
    </row>
    <row r="6036" spans="1:9">
      <c r="A6036" s="1">
        <f ca="1">RAND()</f>
        <v>2.0579150361392462E-2</v>
      </c>
      <c r="B6036" s="1"/>
      <c r="C6036">
        <v>13</v>
      </c>
      <c r="D6036" t="s">
        <v>11543</v>
      </c>
      <c r="E6036" t="s">
        <v>32519</v>
      </c>
      <c r="F6036">
        <v>4</v>
      </c>
      <c r="G6036" t="s">
        <v>2</v>
      </c>
      <c r="H6036" t="s">
        <v>11544</v>
      </c>
      <c r="I6036" t="s">
        <v>30540</v>
      </c>
    </row>
    <row r="6037" spans="1:9">
      <c r="A6037" s="1">
        <f ca="1">RAND()</f>
        <v>0.75238012231704976</v>
      </c>
      <c r="B6037" s="1"/>
      <c r="C6037">
        <v>11</v>
      </c>
      <c r="D6037" t="s">
        <v>11541</v>
      </c>
      <c r="E6037" t="s">
        <v>32519</v>
      </c>
      <c r="F6037">
        <v>4</v>
      </c>
      <c r="G6037" t="s">
        <v>2</v>
      </c>
      <c r="H6037" t="s">
        <v>11542</v>
      </c>
      <c r="I6037" t="s">
        <v>30540</v>
      </c>
    </row>
    <row r="6038" spans="1:9">
      <c r="A6038" s="1">
        <f ca="1">RAND()</f>
        <v>0.58354103660982437</v>
      </c>
      <c r="B6038" s="1"/>
      <c r="C6038">
        <v>10</v>
      </c>
      <c r="D6038" t="s">
        <v>11539</v>
      </c>
      <c r="E6038" t="s">
        <v>32519</v>
      </c>
      <c r="F6038">
        <v>2</v>
      </c>
      <c r="G6038" t="s">
        <v>2</v>
      </c>
      <c r="H6038" t="s">
        <v>11540</v>
      </c>
      <c r="I6038" t="s">
        <v>30540</v>
      </c>
    </row>
    <row r="6039" spans="1:9">
      <c r="A6039" s="1">
        <f ca="1">RAND()</f>
        <v>0.8279177582104853</v>
      </c>
      <c r="B6039" s="1"/>
      <c r="C6039">
        <v>2</v>
      </c>
      <c r="D6039" t="s">
        <v>11535</v>
      </c>
      <c r="E6039" t="s">
        <v>32520</v>
      </c>
      <c r="F6039">
        <v>5</v>
      </c>
      <c r="G6039" t="s">
        <v>0</v>
      </c>
      <c r="H6039" t="s">
        <v>11536</v>
      </c>
      <c r="I6039" t="s">
        <v>30540</v>
      </c>
    </row>
    <row r="6040" spans="1:9">
      <c r="A6040" s="1">
        <f ca="1">RAND()</f>
        <v>0.63764743553751524</v>
      </c>
      <c r="B6040" s="1"/>
      <c r="C6040">
        <v>6</v>
      </c>
      <c r="D6040" t="s">
        <v>11531</v>
      </c>
      <c r="E6040" t="s">
        <v>32521</v>
      </c>
      <c r="F6040">
        <v>5</v>
      </c>
      <c r="G6040" t="s">
        <v>14</v>
      </c>
      <c r="H6040" t="s">
        <v>11532</v>
      </c>
      <c r="I6040" t="s">
        <v>30540</v>
      </c>
    </row>
    <row r="6041" spans="1:9">
      <c r="A6041" s="1">
        <f ca="1">RAND()</f>
        <v>0.72125399316326388</v>
      </c>
      <c r="B6041" s="1"/>
      <c r="C6041">
        <v>9</v>
      </c>
      <c r="D6041" t="s">
        <v>11533</v>
      </c>
      <c r="E6041" t="s">
        <v>32521</v>
      </c>
      <c r="F6041">
        <v>5</v>
      </c>
      <c r="G6041" t="s">
        <v>14</v>
      </c>
      <c r="H6041" t="s">
        <v>11534</v>
      </c>
      <c r="I6041" t="s">
        <v>30540</v>
      </c>
    </row>
    <row r="6042" spans="1:9">
      <c r="A6042" s="1">
        <f ca="1">RAND()</f>
        <v>0.34668004152588072</v>
      </c>
      <c r="B6042" s="1"/>
      <c r="C6042">
        <v>15</v>
      </c>
      <c r="D6042" t="s">
        <v>11529</v>
      </c>
      <c r="E6042" t="s">
        <v>32522</v>
      </c>
      <c r="F6042">
        <v>4</v>
      </c>
      <c r="G6042" t="s">
        <v>14</v>
      </c>
      <c r="H6042" t="s">
        <v>11530</v>
      </c>
      <c r="I6042" t="s">
        <v>30540</v>
      </c>
    </row>
    <row r="6043" spans="1:9">
      <c r="A6043" s="1">
        <f ca="1">RAND()</f>
        <v>0.14191009701158364</v>
      </c>
      <c r="B6043" s="1"/>
      <c r="C6043">
        <v>4</v>
      </c>
      <c r="D6043" t="s">
        <v>11527</v>
      </c>
      <c r="E6043" t="s">
        <v>32522</v>
      </c>
      <c r="F6043">
        <v>4</v>
      </c>
      <c r="G6043" t="s">
        <v>2</v>
      </c>
      <c r="H6043" t="s">
        <v>11528</v>
      </c>
      <c r="I6043" t="s">
        <v>30540</v>
      </c>
    </row>
    <row r="6044" spans="1:9">
      <c r="A6044" s="1">
        <f ca="1">RAND()</f>
        <v>0.33654228314090384</v>
      </c>
      <c r="B6044" s="1"/>
      <c r="C6044">
        <v>3</v>
      </c>
      <c r="D6044" t="s">
        <v>11521</v>
      </c>
      <c r="E6044" t="s">
        <v>32523</v>
      </c>
      <c r="F6044">
        <v>5</v>
      </c>
      <c r="G6044" t="s">
        <v>13</v>
      </c>
      <c r="H6044" t="s">
        <v>11522</v>
      </c>
      <c r="I6044" t="s">
        <v>30540</v>
      </c>
    </row>
    <row r="6045" spans="1:9">
      <c r="A6045" s="1">
        <f ca="1">RAND()</f>
        <v>0.51698951360048595</v>
      </c>
      <c r="B6045" s="1"/>
      <c r="C6045">
        <v>13</v>
      </c>
      <c r="D6045" t="s">
        <v>11525</v>
      </c>
      <c r="E6045" t="s">
        <v>32523</v>
      </c>
      <c r="F6045">
        <v>5</v>
      </c>
      <c r="G6045" t="s">
        <v>15</v>
      </c>
      <c r="H6045" t="s">
        <v>11526</v>
      </c>
      <c r="I6045" t="s">
        <v>30540</v>
      </c>
    </row>
    <row r="6046" spans="1:9">
      <c r="A6046" s="1">
        <f ca="1">RAND()</f>
        <v>0.65929515711263742</v>
      </c>
      <c r="B6046" s="1"/>
      <c r="C6046">
        <v>10</v>
      </c>
      <c r="D6046" t="s">
        <v>11523</v>
      </c>
      <c r="E6046" t="s">
        <v>32523</v>
      </c>
      <c r="F6046">
        <v>4</v>
      </c>
      <c r="G6046" t="s">
        <v>14</v>
      </c>
      <c r="H6046" t="s">
        <v>11524</v>
      </c>
      <c r="I6046" t="s">
        <v>30540</v>
      </c>
    </row>
    <row r="6047" spans="1:9">
      <c r="A6047" s="1">
        <f ca="1">RAND()</f>
        <v>0.33351892846957465</v>
      </c>
      <c r="B6047" s="1"/>
      <c r="C6047">
        <v>1</v>
      </c>
      <c r="D6047" t="s">
        <v>11519</v>
      </c>
      <c r="E6047" t="s">
        <v>32523</v>
      </c>
      <c r="F6047">
        <v>4</v>
      </c>
      <c r="G6047" t="s">
        <v>0</v>
      </c>
      <c r="H6047" t="s">
        <v>11520</v>
      </c>
      <c r="I6047" t="s">
        <v>30540</v>
      </c>
    </row>
    <row r="6048" spans="1:9">
      <c r="A6048" s="1">
        <f ca="1">RAND()</f>
        <v>0.39931423690844015</v>
      </c>
      <c r="B6048" s="1"/>
      <c r="C6048">
        <v>14</v>
      </c>
      <c r="D6048" t="s">
        <v>11512</v>
      </c>
      <c r="E6048" t="s">
        <v>32524</v>
      </c>
      <c r="F6048">
        <v>5</v>
      </c>
      <c r="G6048" t="s">
        <v>13</v>
      </c>
      <c r="H6048" t="s">
        <v>11513</v>
      </c>
      <c r="I6048" t="s">
        <v>30540</v>
      </c>
    </row>
    <row r="6049" spans="1:9">
      <c r="A6049" s="1">
        <f ca="1">RAND()</f>
        <v>0.29016211816718884</v>
      </c>
      <c r="B6049" s="1"/>
      <c r="C6049">
        <v>16</v>
      </c>
      <c r="D6049" t="s">
        <v>11514</v>
      </c>
      <c r="E6049" t="s">
        <v>32524</v>
      </c>
      <c r="F6049">
        <v>5</v>
      </c>
      <c r="G6049" t="s">
        <v>2</v>
      </c>
      <c r="H6049" t="s">
        <v>11515</v>
      </c>
      <c r="I6049" t="s">
        <v>30540</v>
      </c>
    </row>
    <row r="6050" spans="1:9">
      <c r="A6050" s="1">
        <f ca="1">RAND()</f>
        <v>0.97142942809168553</v>
      </c>
      <c r="B6050" s="1"/>
      <c r="C6050">
        <v>7</v>
      </c>
      <c r="D6050" t="s">
        <v>11508</v>
      </c>
      <c r="E6050" t="s">
        <v>32524</v>
      </c>
      <c r="F6050">
        <v>4</v>
      </c>
      <c r="G6050" t="s">
        <v>13</v>
      </c>
      <c r="H6050" t="s">
        <v>11509</v>
      </c>
      <c r="I6050" t="s">
        <v>30540</v>
      </c>
    </row>
    <row r="6051" spans="1:9">
      <c r="A6051" s="1">
        <f ca="1">RAND()</f>
        <v>0.50845459459451881</v>
      </c>
      <c r="B6051" s="1"/>
      <c r="C6051">
        <v>17</v>
      </c>
      <c r="D6051" t="s">
        <v>11516</v>
      </c>
      <c r="E6051" t="s">
        <v>32524</v>
      </c>
      <c r="F6051">
        <v>4</v>
      </c>
      <c r="G6051" t="s">
        <v>0</v>
      </c>
      <c r="H6051" t="s">
        <v>11517</v>
      </c>
      <c r="I6051" t="s">
        <v>30540</v>
      </c>
    </row>
    <row r="6052" spans="1:9">
      <c r="A6052" s="1">
        <f ca="1">RAND()</f>
        <v>0.64916039955235072</v>
      </c>
      <c r="B6052" s="1"/>
      <c r="C6052">
        <v>13</v>
      </c>
      <c r="D6052" t="s">
        <v>11510</v>
      </c>
      <c r="E6052" t="s">
        <v>32524</v>
      </c>
      <c r="F6052">
        <v>4</v>
      </c>
      <c r="G6052" t="s">
        <v>2</v>
      </c>
      <c r="H6052" t="s">
        <v>11511</v>
      </c>
      <c r="I6052" t="s">
        <v>30540</v>
      </c>
    </row>
    <row r="6053" spans="1:9">
      <c r="A6053" s="1">
        <f ca="1">RAND()</f>
        <v>4.2466445362434935E-2</v>
      </c>
      <c r="B6053" s="1"/>
      <c r="C6053">
        <v>11</v>
      </c>
      <c r="D6053" t="s">
        <v>11505</v>
      </c>
      <c r="E6053" t="s">
        <v>32525</v>
      </c>
      <c r="F6053">
        <v>5</v>
      </c>
      <c r="G6053" t="s">
        <v>14</v>
      </c>
      <c r="H6053" t="s">
        <v>11506</v>
      </c>
      <c r="I6053" t="s">
        <v>30540</v>
      </c>
    </row>
    <row r="6054" spans="1:9">
      <c r="A6054" s="1">
        <f ca="1">RAND()</f>
        <v>0.56987296710053592</v>
      </c>
      <c r="B6054" s="1"/>
      <c r="C6054">
        <v>5</v>
      </c>
      <c r="D6054" t="s">
        <v>11501</v>
      </c>
      <c r="E6054" t="s">
        <v>32525</v>
      </c>
      <c r="F6054">
        <v>5</v>
      </c>
      <c r="G6054" t="s">
        <v>13</v>
      </c>
      <c r="H6054" t="s">
        <v>11502</v>
      </c>
      <c r="I6054" t="s">
        <v>30540</v>
      </c>
    </row>
    <row r="6055" spans="1:9">
      <c r="A6055" s="1">
        <f ca="1">RAND()</f>
        <v>0.97407379015499007</v>
      </c>
      <c r="B6055" s="1"/>
      <c r="C6055">
        <v>9</v>
      </c>
      <c r="D6055" t="s">
        <v>11503</v>
      </c>
      <c r="E6055" t="s">
        <v>32525</v>
      </c>
      <c r="F6055">
        <v>5</v>
      </c>
      <c r="G6055" t="s">
        <v>14</v>
      </c>
      <c r="H6055" t="s">
        <v>11504</v>
      </c>
      <c r="I6055" t="s">
        <v>30540</v>
      </c>
    </row>
    <row r="6056" spans="1:9">
      <c r="A6056" s="1">
        <f ca="1">RAND()</f>
        <v>0.88386198015831485</v>
      </c>
      <c r="B6056" s="1"/>
      <c r="C6056">
        <v>1</v>
      </c>
      <c r="D6056" t="s">
        <v>11499</v>
      </c>
      <c r="E6056" t="s">
        <v>32525</v>
      </c>
      <c r="F6056">
        <v>4</v>
      </c>
      <c r="G6056" t="s">
        <v>15</v>
      </c>
      <c r="H6056" t="s">
        <v>11500</v>
      </c>
      <c r="I6056" t="s">
        <v>30540</v>
      </c>
    </row>
    <row r="6057" spans="1:9">
      <c r="A6057" s="1">
        <f ca="1">RAND()</f>
        <v>0.99219740874073159</v>
      </c>
      <c r="B6057" s="1"/>
      <c r="C6057">
        <v>10</v>
      </c>
      <c r="D6057" t="s">
        <v>11497</v>
      </c>
      <c r="E6057" t="s">
        <v>32526</v>
      </c>
      <c r="F6057">
        <v>3</v>
      </c>
      <c r="G6057" t="s">
        <v>14</v>
      </c>
      <c r="H6057" t="s">
        <v>11498</v>
      </c>
      <c r="I6057" t="s">
        <v>30540</v>
      </c>
    </row>
    <row r="6058" spans="1:9">
      <c r="A6058" s="1">
        <f ca="1">RAND()</f>
        <v>3.6386117325792888E-4</v>
      </c>
      <c r="B6058" s="1"/>
      <c r="C6058">
        <v>20</v>
      </c>
      <c r="D6058" t="s">
        <v>11495</v>
      </c>
      <c r="E6058" t="s">
        <v>32527</v>
      </c>
      <c r="F6058">
        <v>4</v>
      </c>
      <c r="G6058" t="s">
        <v>14</v>
      </c>
      <c r="H6058" t="s">
        <v>11496</v>
      </c>
      <c r="I6058" t="s">
        <v>30540</v>
      </c>
    </row>
    <row r="6059" spans="1:9">
      <c r="A6059" s="1">
        <f ca="1">RAND()</f>
        <v>0.60010112206209565</v>
      </c>
      <c r="B6059" s="1"/>
      <c r="C6059">
        <v>15</v>
      </c>
      <c r="D6059" t="s">
        <v>11493</v>
      </c>
      <c r="E6059" t="s">
        <v>32527</v>
      </c>
      <c r="F6059">
        <v>3</v>
      </c>
      <c r="G6059" t="s">
        <v>14</v>
      </c>
      <c r="H6059" t="s">
        <v>11494</v>
      </c>
      <c r="I6059" t="s">
        <v>30540</v>
      </c>
    </row>
    <row r="6060" spans="1:9">
      <c r="A6060" s="1">
        <f ca="1">RAND()</f>
        <v>0.85734474767039059</v>
      </c>
      <c r="B6060" s="1"/>
      <c r="C6060">
        <v>1</v>
      </c>
      <c r="D6060" t="s">
        <v>11485</v>
      </c>
      <c r="E6060" t="s">
        <v>32528</v>
      </c>
      <c r="F6060">
        <v>5</v>
      </c>
      <c r="G6060" t="s">
        <v>15</v>
      </c>
      <c r="H6060" t="s">
        <v>11486</v>
      </c>
      <c r="I6060" t="s">
        <v>30540</v>
      </c>
    </row>
    <row r="6061" spans="1:9">
      <c r="A6061" s="1">
        <f ca="1">RAND()</f>
        <v>0.1000564550409887</v>
      </c>
      <c r="B6061" s="1"/>
      <c r="C6061">
        <v>5</v>
      </c>
      <c r="D6061" t="s">
        <v>11487</v>
      </c>
      <c r="E6061" t="s">
        <v>32528</v>
      </c>
      <c r="F6061">
        <v>4</v>
      </c>
      <c r="G6061" t="s">
        <v>9</v>
      </c>
      <c r="H6061" t="s">
        <v>11488</v>
      </c>
      <c r="I6061" t="s">
        <v>30540</v>
      </c>
    </row>
    <row r="6062" spans="1:9">
      <c r="A6062" s="1">
        <f ca="1">RAND()</f>
        <v>0.50440723630968232</v>
      </c>
      <c r="B6062" s="1"/>
      <c r="C6062">
        <v>11</v>
      </c>
      <c r="D6062" t="s">
        <v>11491</v>
      </c>
      <c r="E6062" t="s">
        <v>32528</v>
      </c>
      <c r="F6062">
        <v>4</v>
      </c>
      <c r="G6062" t="s">
        <v>13</v>
      </c>
      <c r="H6062" t="s">
        <v>11492</v>
      </c>
      <c r="I6062" t="s">
        <v>30540</v>
      </c>
    </row>
    <row r="6063" spans="1:9">
      <c r="A6063" s="1">
        <f ca="1">RAND()</f>
        <v>0.10670869157364682</v>
      </c>
      <c r="B6063" s="1"/>
      <c r="C6063">
        <v>7</v>
      </c>
      <c r="D6063" t="s">
        <v>11489</v>
      </c>
      <c r="E6063" t="s">
        <v>32528</v>
      </c>
      <c r="F6063">
        <v>3</v>
      </c>
      <c r="G6063" t="s">
        <v>13</v>
      </c>
      <c r="H6063" t="s">
        <v>11490</v>
      </c>
      <c r="I6063" t="s">
        <v>30540</v>
      </c>
    </row>
    <row r="6064" spans="1:9">
      <c r="A6064" s="1">
        <f ca="1">RAND()</f>
        <v>0.41950221965192935</v>
      </c>
      <c r="B6064" s="1"/>
      <c r="C6064">
        <v>17</v>
      </c>
      <c r="D6064" t="s">
        <v>11481</v>
      </c>
      <c r="E6064" t="s">
        <v>32529</v>
      </c>
      <c r="F6064">
        <v>5</v>
      </c>
      <c r="G6064" t="s">
        <v>14</v>
      </c>
      <c r="H6064" t="s">
        <v>11482</v>
      </c>
      <c r="I6064" t="s">
        <v>30540</v>
      </c>
    </row>
    <row r="6065" spans="1:9">
      <c r="A6065" s="1">
        <f ca="1">RAND()</f>
        <v>0.76295353383511322</v>
      </c>
      <c r="B6065" s="1"/>
      <c r="C6065">
        <v>7</v>
      </c>
      <c r="D6065" t="s">
        <v>11475</v>
      </c>
      <c r="E6065" t="s">
        <v>32529</v>
      </c>
      <c r="F6065">
        <v>5</v>
      </c>
      <c r="G6065" t="s">
        <v>2</v>
      </c>
      <c r="H6065" t="s">
        <v>11476</v>
      </c>
      <c r="I6065" t="s">
        <v>30540</v>
      </c>
    </row>
    <row r="6066" spans="1:9">
      <c r="A6066" s="1">
        <f ca="1">RAND()</f>
        <v>0.39044386580953183</v>
      </c>
      <c r="B6066" s="1"/>
      <c r="C6066">
        <v>10</v>
      </c>
      <c r="D6066" t="s">
        <v>11477</v>
      </c>
      <c r="E6066" t="s">
        <v>32529</v>
      </c>
      <c r="F6066">
        <v>4</v>
      </c>
      <c r="G6066" t="s">
        <v>11306</v>
      </c>
      <c r="H6066" t="s">
        <v>11478</v>
      </c>
      <c r="I6066" t="s">
        <v>30540</v>
      </c>
    </row>
    <row r="6067" spans="1:9">
      <c r="A6067" s="1">
        <f ca="1">RAND()</f>
        <v>0.87025404334085976</v>
      </c>
      <c r="B6067" s="1"/>
      <c r="C6067">
        <v>1</v>
      </c>
      <c r="D6067" t="s">
        <v>11473</v>
      </c>
      <c r="E6067" t="s">
        <v>32529</v>
      </c>
      <c r="F6067">
        <v>4</v>
      </c>
      <c r="G6067" t="s">
        <v>13</v>
      </c>
      <c r="H6067" t="s">
        <v>11474</v>
      </c>
      <c r="I6067" t="s">
        <v>30540</v>
      </c>
    </row>
    <row r="6068" spans="1:9">
      <c r="A6068" s="1">
        <f ca="1">RAND()</f>
        <v>0.6983013169736132</v>
      </c>
      <c r="B6068" s="1"/>
      <c r="C6068">
        <v>11</v>
      </c>
      <c r="D6068" t="s">
        <v>11479</v>
      </c>
      <c r="E6068" t="s">
        <v>32529</v>
      </c>
      <c r="F6068">
        <v>3</v>
      </c>
      <c r="G6068" t="s">
        <v>2</v>
      </c>
      <c r="H6068" t="s">
        <v>11480</v>
      </c>
      <c r="I6068" t="s">
        <v>30540</v>
      </c>
    </row>
    <row r="6069" spans="1:9">
      <c r="A6069" s="1">
        <f ca="1">RAND()</f>
        <v>0.92981265042930195</v>
      </c>
      <c r="B6069" s="1"/>
      <c r="C6069">
        <v>19</v>
      </c>
      <c r="D6069" t="s">
        <v>11483</v>
      </c>
      <c r="E6069" t="s">
        <v>32529</v>
      </c>
      <c r="F6069">
        <v>3</v>
      </c>
      <c r="G6069" t="s">
        <v>2</v>
      </c>
      <c r="H6069" t="s">
        <v>11484</v>
      </c>
      <c r="I6069" t="s">
        <v>30540</v>
      </c>
    </row>
    <row r="6070" spans="1:9">
      <c r="A6070" s="1">
        <f ca="1">RAND()</f>
        <v>0.81065932673353003</v>
      </c>
      <c r="B6070" s="1"/>
      <c r="C6070">
        <v>9</v>
      </c>
      <c r="D6070" t="s">
        <v>11471</v>
      </c>
      <c r="E6070" t="s">
        <v>32530</v>
      </c>
      <c r="F6070">
        <v>4</v>
      </c>
      <c r="G6070" t="s">
        <v>14</v>
      </c>
      <c r="H6070" t="s">
        <v>11472</v>
      </c>
      <c r="I6070" t="s">
        <v>30540</v>
      </c>
    </row>
    <row r="6071" spans="1:9">
      <c r="A6071" s="1">
        <f ca="1">RAND()</f>
        <v>0.10689635885881799</v>
      </c>
      <c r="B6071" s="1"/>
      <c r="C6071">
        <v>2</v>
      </c>
      <c r="D6071" t="s">
        <v>11469</v>
      </c>
      <c r="E6071" t="s">
        <v>32530</v>
      </c>
      <c r="F6071">
        <v>3</v>
      </c>
      <c r="G6071" t="s">
        <v>0</v>
      </c>
      <c r="H6071" t="s">
        <v>11470</v>
      </c>
      <c r="I6071" t="s">
        <v>30540</v>
      </c>
    </row>
    <row r="6072" spans="1:9">
      <c r="A6072" s="1">
        <f ca="1">RAND()</f>
        <v>0.314757943513859</v>
      </c>
      <c r="B6072" s="1"/>
      <c r="C6072">
        <v>2</v>
      </c>
      <c r="D6072" t="s">
        <v>11463</v>
      </c>
      <c r="E6072" t="s">
        <v>32531</v>
      </c>
      <c r="F6072">
        <v>5</v>
      </c>
      <c r="G6072" t="s">
        <v>14</v>
      </c>
      <c r="H6072" t="s">
        <v>11464</v>
      </c>
      <c r="I6072" t="s">
        <v>30540</v>
      </c>
    </row>
    <row r="6073" spans="1:9">
      <c r="A6073" s="1">
        <f ca="1">RAND()</f>
        <v>0.78333986360785446</v>
      </c>
      <c r="B6073" s="1"/>
      <c r="C6073">
        <v>10</v>
      </c>
      <c r="D6073" t="s">
        <v>11467</v>
      </c>
      <c r="E6073" t="s">
        <v>32531</v>
      </c>
      <c r="F6073">
        <v>4</v>
      </c>
      <c r="G6073" t="s">
        <v>0</v>
      </c>
      <c r="H6073" t="s">
        <v>11468</v>
      </c>
      <c r="I6073" t="s">
        <v>30540</v>
      </c>
    </row>
    <row r="6074" spans="1:9">
      <c r="A6074" s="1">
        <f ca="1">RAND()</f>
        <v>4.4889790003264651E-2</v>
      </c>
      <c r="B6074" s="1"/>
      <c r="C6074">
        <v>3</v>
      </c>
      <c r="D6074" t="s">
        <v>11465</v>
      </c>
      <c r="E6074" t="s">
        <v>32531</v>
      </c>
      <c r="F6074">
        <v>2</v>
      </c>
      <c r="G6074" t="s">
        <v>13</v>
      </c>
      <c r="H6074" t="s">
        <v>11466</v>
      </c>
      <c r="I6074" t="s">
        <v>30540</v>
      </c>
    </row>
    <row r="6075" spans="1:9">
      <c r="A6075" s="1">
        <f ca="1">RAND()</f>
        <v>0.66010475902472054</v>
      </c>
      <c r="B6075" s="1"/>
      <c r="C6075">
        <v>10</v>
      </c>
      <c r="D6075" t="s">
        <v>11459</v>
      </c>
      <c r="E6075" t="s">
        <v>32532</v>
      </c>
      <c r="F6075">
        <v>5</v>
      </c>
      <c r="G6075" t="s">
        <v>1</v>
      </c>
      <c r="H6075" t="s">
        <v>11460</v>
      </c>
      <c r="I6075" t="s">
        <v>30540</v>
      </c>
    </row>
    <row r="6076" spans="1:9">
      <c r="A6076" s="1">
        <f ca="1">RAND()</f>
        <v>0.46963231580824494</v>
      </c>
      <c r="B6076" s="1"/>
      <c r="C6076">
        <v>7</v>
      </c>
      <c r="D6076" t="s">
        <v>11457</v>
      </c>
      <c r="E6076" t="s">
        <v>32532</v>
      </c>
      <c r="F6076">
        <v>5</v>
      </c>
      <c r="G6076" t="s">
        <v>1295</v>
      </c>
      <c r="H6076" t="s">
        <v>11458</v>
      </c>
      <c r="I6076" t="s">
        <v>30540</v>
      </c>
    </row>
    <row r="6077" spans="1:9">
      <c r="A6077" s="1">
        <f ca="1">RAND()</f>
        <v>0.31056107709242098</v>
      </c>
      <c r="B6077" s="1"/>
      <c r="C6077">
        <v>15</v>
      </c>
      <c r="D6077" t="s">
        <v>11461</v>
      </c>
      <c r="E6077" t="s">
        <v>32532</v>
      </c>
      <c r="F6077">
        <v>2</v>
      </c>
      <c r="G6077" t="s">
        <v>14</v>
      </c>
      <c r="H6077" t="s">
        <v>11462</v>
      </c>
      <c r="I6077" t="s">
        <v>30540</v>
      </c>
    </row>
    <row r="6078" spans="1:9">
      <c r="A6078" s="1">
        <f ca="1">RAND()</f>
        <v>0.77714378463108635</v>
      </c>
      <c r="B6078" s="1"/>
      <c r="C6078">
        <v>11</v>
      </c>
      <c r="D6078" t="s">
        <v>11453</v>
      </c>
      <c r="E6078" t="s">
        <v>32533</v>
      </c>
      <c r="F6078">
        <v>5</v>
      </c>
      <c r="G6078" t="s">
        <v>1</v>
      </c>
      <c r="H6078" t="s">
        <v>11454</v>
      </c>
      <c r="I6078" t="s">
        <v>30540</v>
      </c>
    </row>
    <row r="6079" spans="1:9">
      <c r="A6079" s="1">
        <f ca="1">RAND()</f>
        <v>0.37904528957779959</v>
      </c>
      <c r="B6079" s="1"/>
      <c r="C6079">
        <v>6</v>
      </c>
      <c r="D6079" t="s">
        <v>11451</v>
      </c>
      <c r="E6079" t="s">
        <v>32533</v>
      </c>
      <c r="F6079">
        <v>4</v>
      </c>
      <c r="G6079" t="s">
        <v>14</v>
      </c>
      <c r="H6079" t="s">
        <v>11452</v>
      </c>
      <c r="I6079" t="s">
        <v>30540</v>
      </c>
    </row>
    <row r="6080" spans="1:9">
      <c r="A6080" s="1">
        <f ca="1">RAND()</f>
        <v>0.88696386537954641</v>
      </c>
      <c r="B6080" s="1"/>
      <c r="C6080">
        <v>5</v>
      </c>
      <c r="D6080" t="s">
        <v>11449</v>
      </c>
      <c r="E6080" t="s">
        <v>32533</v>
      </c>
      <c r="F6080">
        <v>4</v>
      </c>
      <c r="G6080" t="s">
        <v>14</v>
      </c>
      <c r="H6080" t="s">
        <v>11450</v>
      </c>
      <c r="I6080" t="s">
        <v>30540</v>
      </c>
    </row>
    <row r="6081" spans="1:9">
      <c r="A6081" s="1">
        <f ca="1">RAND()</f>
        <v>0.10160530730255712</v>
      </c>
      <c r="B6081" s="1"/>
      <c r="C6081">
        <v>12</v>
      </c>
      <c r="D6081" t="s">
        <v>11455</v>
      </c>
      <c r="E6081" t="s">
        <v>32533</v>
      </c>
      <c r="F6081">
        <v>3</v>
      </c>
      <c r="G6081" t="s">
        <v>9</v>
      </c>
      <c r="H6081" t="s">
        <v>11456</v>
      </c>
      <c r="I6081" t="s">
        <v>30540</v>
      </c>
    </row>
    <row r="6082" spans="1:9">
      <c r="A6082" s="1">
        <f ca="1">RAND()</f>
        <v>0.98548032470649549</v>
      </c>
      <c r="B6082" s="1"/>
      <c r="C6082">
        <v>4</v>
      </c>
      <c r="D6082" t="s">
        <v>11447</v>
      </c>
      <c r="E6082" t="s">
        <v>32533</v>
      </c>
      <c r="F6082">
        <v>2</v>
      </c>
      <c r="G6082" t="s">
        <v>14</v>
      </c>
      <c r="H6082" t="s">
        <v>11448</v>
      </c>
      <c r="I6082" t="s">
        <v>30540</v>
      </c>
    </row>
    <row r="6083" spans="1:9">
      <c r="A6083" s="1">
        <f ca="1">RAND()</f>
        <v>0.60299847603595758</v>
      </c>
      <c r="B6083" s="1"/>
      <c r="C6083">
        <v>3</v>
      </c>
      <c r="D6083" t="s">
        <v>11445</v>
      </c>
      <c r="E6083" t="s">
        <v>32534</v>
      </c>
      <c r="F6083">
        <v>2</v>
      </c>
      <c r="G6083" t="s">
        <v>2</v>
      </c>
      <c r="H6083" t="s">
        <v>11446</v>
      </c>
      <c r="I6083" t="s">
        <v>30540</v>
      </c>
    </row>
    <row r="6084" spans="1:9">
      <c r="A6084" s="1">
        <f ca="1">RAND()</f>
        <v>0.14826653791173272</v>
      </c>
      <c r="B6084" s="1"/>
      <c r="C6084">
        <v>1</v>
      </c>
      <c r="D6084" t="s">
        <v>11441</v>
      </c>
      <c r="E6084" t="s">
        <v>32535</v>
      </c>
      <c r="F6084">
        <v>4</v>
      </c>
      <c r="G6084" t="s">
        <v>13</v>
      </c>
      <c r="H6084" t="s">
        <v>11442</v>
      </c>
      <c r="I6084" t="s">
        <v>30540</v>
      </c>
    </row>
    <row r="6085" spans="1:9">
      <c r="A6085" s="1">
        <f ca="1">RAND()</f>
        <v>8.4112601112554808E-3</v>
      </c>
      <c r="B6085" s="1"/>
      <c r="C6085">
        <v>3</v>
      </c>
      <c r="D6085" t="s">
        <v>11443</v>
      </c>
      <c r="E6085" t="s">
        <v>32535</v>
      </c>
      <c r="F6085">
        <v>4</v>
      </c>
      <c r="G6085" t="s">
        <v>9</v>
      </c>
      <c r="H6085" t="s">
        <v>11444</v>
      </c>
      <c r="I6085" t="s">
        <v>30540</v>
      </c>
    </row>
    <row r="6086" spans="1:9">
      <c r="A6086" s="1">
        <f ca="1">RAND()</f>
        <v>9.4287504003483402E-2</v>
      </c>
      <c r="B6086" s="1"/>
      <c r="C6086">
        <v>17</v>
      </c>
      <c r="D6086" t="s">
        <v>11437</v>
      </c>
      <c r="E6086" t="s">
        <v>32536</v>
      </c>
      <c r="F6086">
        <v>5</v>
      </c>
      <c r="G6086" t="s">
        <v>14</v>
      </c>
      <c r="H6086" t="s">
        <v>11438</v>
      </c>
      <c r="I6086" t="s">
        <v>30540</v>
      </c>
    </row>
    <row r="6087" spans="1:9">
      <c r="A6087" s="1">
        <f ca="1">RAND()</f>
        <v>0.21053505912057857</v>
      </c>
      <c r="B6087" s="1"/>
      <c r="C6087">
        <v>20</v>
      </c>
      <c r="D6087" t="s">
        <v>11439</v>
      </c>
      <c r="E6087" t="s">
        <v>32536</v>
      </c>
      <c r="F6087">
        <v>4</v>
      </c>
      <c r="G6087" t="s">
        <v>14</v>
      </c>
      <c r="H6087" t="s">
        <v>11440</v>
      </c>
      <c r="I6087" t="s">
        <v>30540</v>
      </c>
    </row>
    <row r="6088" spans="1:9">
      <c r="A6088" s="1">
        <f ca="1">RAND()</f>
        <v>0.14386550373024909</v>
      </c>
      <c r="B6088" s="1"/>
      <c r="C6088">
        <v>14</v>
      </c>
      <c r="D6088" t="s">
        <v>11435</v>
      </c>
      <c r="E6088" t="s">
        <v>32536</v>
      </c>
      <c r="F6088">
        <v>4</v>
      </c>
      <c r="G6088" t="s">
        <v>774</v>
      </c>
      <c r="H6088" t="s">
        <v>11436</v>
      </c>
      <c r="I6088" t="s">
        <v>30540</v>
      </c>
    </row>
    <row r="6089" spans="1:9">
      <c r="A6089" s="1">
        <f ca="1">RAND()</f>
        <v>0.61354458898532072</v>
      </c>
      <c r="B6089" s="1"/>
      <c r="C6089">
        <v>1</v>
      </c>
      <c r="D6089" t="s">
        <v>11431</v>
      </c>
      <c r="E6089" t="s">
        <v>32536</v>
      </c>
      <c r="F6089">
        <v>4</v>
      </c>
      <c r="G6089" t="s">
        <v>766</v>
      </c>
      <c r="H6089" t="s">
        <v>11432</v>
      </c>
      <c r="I6089" t="s">
        <v>30540</v>
      </c>
    </row>
    <row r="6090" spans="1:9">
      <c r="A6090" s="1">
        <f ca="1">RAND()</f>
        <v>0.45269336735810795</v>
      </c>
      <c r="B6090" s="1"/>
      <c r="C6090">
        <v>5</v>
      </c>
      <c r="D6090" t="s">
        <v>11433</v>
      </c>
      <c r="E6090" t="s">
        <v>32536</v>
      </c>
      <c r="F6090">
        <v>4</v>
      </c>
      <c r="G6090" t="s">
        <v>771</v>
      </c>
      <c r="H6090" t="s">
        <v>11434</v>
      </c>
      <c r="I6090" t="s">
        <v>30540</v>
      </c>
    </row>
    <row r="6091" spans="1:9">
      <c r="A6091" s="1">
        <f ca="1">RAND()</f>
        <v>0.76698109130867265</v>
      </c>
      <c r="B6091" s="1"/>
      <c r="C6091">
        <v>15</v>
      </c>
      <c r="D6091" t="s">
        <v>11429</v>
      </c>
      <c r="E6091" t="s">
        <v>32537</v>
      </c>
      <c r="F6091">
        <v>5</v>
      </c>
      <c r="G6091" t="s">
        <v>10</v>
      </c>
      <c r="H6091" t="s">
        <v>11430</v>
      </c>
      <c r="I6091" t="s">
        <v>30540</v>
      </c>
    </row>
    <row r="6092" spans="1:9">
      <c r="A6092" s="1">
        <f ca="1">RAND()</f>
        <v>0.93683924394093521</v>
      </c>
      <c r="B6092" s="1"/>
      <c r="C6092">
        <v>2</v>
      </c>
      <c r="D6092" t="s">
        <v>11422</v>
      </c>
      <c r="E6092" t="s">
        <v>32537</v>
      </c>
      <c r="F6092">
        <v>4</v>
      </c>
      <c r="G6092" t="s">
        <v>15</v>
      </c>
      <c r="H6092" t="s">
        <v>11423</v>
      </c>
      <c r="I6092" t="s">
        <v>30540</v>
      </c>
    </row>
    <row r="6093" spans="1:9">
      <c r="A6093" s="1">
        <f ca="1">RAND()</f>
        <v>0.14509789618917424</v>
      </c>
      <c r="B6093" s="1"/>
      <c r="C6093">
        <v>14</v>
      </c>
      <c r="D6093" t="s">
        <v>11427</v>
      </c>
      <c r="E6093" t="s">
        <v>32537</v>
      </c>
      <c r="F6093">
        <v>4</v>
      </c>
      <c r="G6093" t="s">
        <v>11346</v>
      </c>
      <c r="H6093" t="s">
        <v>11428</v>
      </c>
      <c r="I6093" t="s">
        <v>30540</v>
      </c>
    </row>
    <row r="6094" spans="1:9">
      <c r="A6094" s="1">
        <f ca="1">RAND()</f>
        <v>2.3471999048627623E-3</v>
      </c>
      <c r="B6094" s="1"/>
      <c r="C6094">
        <v>1</v>
      </c>
      <c r="D6094" t="s">
        <v>11420</v>
      </c>
      <c r="E6094" t="s">
        <v>32537</v>
      </c>
      <c r="F6094">
        <v>2</v>
      </c>
      <c r="G6094" t="s">
        <v>2</v>
      </c>
      <c r="H6094" t="s">
        <v>11421</v>
      </c>
      <c r="I6094" t="s">
        <v>30540</v>
      </c>
    </row>
    <row r="6095" spans="1:9">
      <c r="A6095" s="1">
        <f ca="1">RAND()</f>
        <v>0.87027460821379687</v>
      </c>
      <c r="B6095" s="1"/>
      <c r="C6095">
        <v>5</v>
      </c>
      <c r="D6095" t="s">
        <v>11416</v>
      </c>
      <c r="E6095" t="s">
        <v>32538</v>
      </c>
      <c r="F6095">
        <v>5</v>
      </c>
      <c r="G6095" t="s">
        <v>13</v>
      </c>
      <c r="H6095" t="s">
        <v>11417</v>
      </c>
      <c r="I6095" t="s">
        <v>30540</v>
      </c>
    </row>
    <row r="6096" spans="1:9">
      <c r="A6096" s="1">
        <f ca="1">RAND()</f>
        <v>0.25006116119072519</v>
      </c>
      <c r="B6096" s="1"/>
      <c r="C6096">
        <v>6</v>
      </c>
      <c r="D6096" t="s">
        <v>11418</v>
      </c>
      <c r="E6096" t="s">
        <v>32538</v>
      </c>
      <c r="F6096">
        <v>4</v>
      </c>
      <c r="G6096" t="s">
        <v>0</v>
      </c>
      <c r="H6096" t="s">
        <v>11419</v>
      </c>
      <c r="I6096" t="s">
        <v>30540</v>
      </c>
    </row>
    <row r="6097" spans="1:9">
      <c r="A6097" s="1">
        <f ca="1">RAND()</f>
        <v>0.74720670596480854</v>
      </c>
      <c r="B6097" s="1"/>
      <c r="C6097">
        <v>2</v>
      </c>
      <c r="D6097" t="s">
        <v>11412</v>
      </c>
      <c r="E6097" t="s">
        <v>32539</v>
      </c>
      <c r="F6097">
        <v>5</v>
      </c>
      <c r="G6097" t="s">
        <v>13</v>
      </c>
      <c r="H6097" t="s">
        <v>11413</v>
      </c>
      <c r="I6097" t="s">
        <v>30540</v>
      </c>
    </row>
    <row r="6098" spans="1:9">
      <c r="A6098" s="1">
        <f ca="1">RAND()</f>
        <v>0.70472673759059945</v>
      </c>
      <c r="B6098" s="1"/>
      <c r="C6098">
        <v>1</v>
      </c>
      <c r="D6098" t="s">
        <v>11410</v>
      </c>
      <c r="E6098" t="s">
        <v>32539</v>
      </c>
      <c r="F6098">
        <v>5</v>
      </c>
      <c r="G6098" t="s">
        <v>9</v>
      </c>
      <c r="H6098" t="s">
        <v>11411</v>
      </c>
      <c r="I6098" t="s">
        <v>30540</v>
      </c>
    </row>
    <row r="6099" spans="1:9">
      <c r="A6099" s="1">
        <f ca="1">RAND()</f>
        <v>0.76831081332881002</v>
      </c>
      <c r="B6099" s="1"/>
      <c r="C6099">
        <v>4</v>
      </c>
      <c r="D6099" t="s">
        <v>11414</v>
      </c>
      <c r="E6099" t="s">
        <v>32539</v>
      </c>
      <c r="F6099">
        <v>4</v>
      </c>
      <c r="G6099" t="s">
        <v>1</v>
      </c>
      <c r="H6099" t="s">
        <v>11415</v>
      </c>
      <c r="I6099" t="s">
        <v>30540</v>
      </c>
    </row>
    <row r="6100" spans="1:9">
      <c r="A6100" s="1">
        <f ca="1">RAND()</f>
        <v>0.75504305917233738</v>
      </c>
      <c r="B6100" s="1"/>
      <c r="C6100">
        <v>1</v>
      </c>
      <c r="D6100" t="s">
        <v>11404</v>
      </c>
      <c r="E6100" t="s">
        <v>32540</v>
      </c>
      <c r="F6100">
        <v>4</v>
      </c>
      <c r="G6100" t="s">
        <v>9</v>
      </c>
      <c r="H6100" t="s">
        <v>11405</v>
      </c>
      <c r="I6100" t="s">
        <v>30540</v>
      </c>
    </row>
    <row r="6101" spans="1:9">
      <c r="A6101" s="1">
        <f ca="1">RAND()</f>
        <v>0.66004010527787382</v>
      </c>
      <c r="B6101" s="1"/>
      <c r="C6101">
        <v>8</v>
      </c>
      <c r="D6101" t="s">
        <v>11406</v>
      </c>
      <c r="E6101" t="s">
        <v>32540</v>
      </c>
      <c r="F6101">
        <v>4</v>
      </c>
      <c r="G6101" t="s">
        <v>762</v>
      </c>
      <c r="H6101" t="s">
        <v>11407</v>
      </c>
      <c r="I6101" t="s">
        <v>30540</v>
      </c>
    </row>
    <row r="6102" spans="1:9">
      <c r="A6102" s="1">
        <f ca="1">RAND()</f>
        <v>2.7765716920229999E-2</v>
      </c>
      <c r="B6102" s="1"/>
      <c r="C6102">
        <v>11</v>
      </c>
      <c r="D6102" t="s">
        <v>11408</v>
      </c>
      <c r="E6102" t="s">
        <v>32540</v>
      </c>
      <c r="F6102">
        <v>4</v>
      </c>
      <c r="G6102" t="s">
        <v>14</v>
      </c>
      <c r="H6102" t="s">
        <v>11409</v>
      </c>
      <c r="I6102" t="s">
        <v>30540</v>
      </c>
    </row>
    <row r="6103" spans="1:9">
      <c r="A6103" s="1">
        <f ca="1">RAND()</f>
        <v>0.8888540593615778</v>
      </c>
      <c r="B6103" s="1"/>
      <c r="C6103">
        <v>9</v>
      </c>
      <c r="D6103" t="s">
        <v>11402</v>
      </c>
      <c r="E6103" t="s">
        <v>32541</v>
      </c>
      <c r="F6103">
        <v>5</v>
      </c>
      <c r="G6103" t="s">
        <v>1</v>
      </c>
      <c r="H6103" t="s">
        <v>11403</v>
      </c>
      <c r="I6103" t="s">
        <v>30540</v>
      </c>
    </row>
    <row r="6104" spans="1:9">
      <c r="A6104" s="1">
        <f ca="1">RAND()</f>
        <v>0.63140490461408816</v>
      </c>
      <c r="B6104" s="1"/>
      <c r="C6104">
        <v>8</v>
      </c>
      <c r="D6104" t="s">
        <v>11400</v>
      </c>
      <c r="E6104" t="s">
        <v>32541</v>
      </c>
      <c r="F6104">
        <v>5</v>
      </c>
      <c r="G6104" t="s">
        <v>14</v>
      </c>
      <c r="H6104" t="s">
        <v>11401</v>
      </c>
      <c r="I6104" t="s">
        <v>30540</v>
      </c>
    </row>
    <row r="6105" spans="1:9">
      <c r="A6105" s="1">
        <f ca="1">RAND()</f>
        <v>0.57124649511610015</v>
      </c>
      <c r="B6105" s="1"/>
      <c r="C6105">
        <v>1</v>
      </c>
      <c r="D6105" t="s">
        <v>11396</v>
      </c>
      <c r="E6105" t="s">
        <v>32541</v>
      </c>
      <c r="F6105">
        <v>4</v>
      </c>
      <c r="G6105" t="s">
        <v>15</v>
      </c>
      <c r="H6105" t="s">
        <v>11397</v>
      </c>
      <c r="I6105" t="s">
        <v>30540</v>
      </c>
    </row>
    <row r="6106" spans="1:9">
      <c r="A6106" s="1">
        <f ca="1">RAND()</f>
        <v>0.42248588785842167</v>
      </c>
      <c r="B6106" s="1"/>
      <c r="C6106">
        <v>6</v>
      </c>
      <c r="D6106" t="s">
        <v>11398</v>
      </c>
      <c r="E6106" t="s">
        <v>32541</v>
      </c>
      <c r="F6106">
        <v>2</v>
      </c>
      <c r="G6106" t="s">
        <v>14</v>
      </c>
      <c r="H6106" t="s">
        <v>11399</v>
      </c>
      <c r="I6106" t="s">
        <v>30540</v>
      </c>
    </row>
    <row r="6107" spans="1:9">
      <c r="A6107" s="1">
        <f ca="1">RAND()</f>
        <v>0.81222514911396093</v>
      </c>
      <c r="B6107" s="1"/>
      <c r="C6107">
        <v>16</v>
      </c>
      <c r="D6107" t="s">
        <v>11394</v>
      </c>
      <c r="E6107" t="s">
        <v>32542</v>
      </c>
      <c r="F6107">
        <v>4</v>
      </c>
      <c r="G6107" t="s">
        <v>11313</v>
      </c>
      <c r="H6107" t="s">
        <v>11395</v>
      </c>
      <c r="I6107" t="s">
        <v>30540</v>
      </c>
    </row>
    <row r="6108" spans="1:9">
      <c r="A6108" s="1">
        <f ca="1">RAND()</f>
        <v>0.85111041448463365</v>
      </c>
      <c r="B6108" s="1"/>
      <c r="C6108">
        <v>6</v>
      </c>
      <c r="D6108" t="s">
        <v>11384</v>
      </c>
      <c r="E6108" t="s">
        <v>32542</v>
      </c>
      <c r="F6108">
        <v>4</v>
      </c>
      <c r="G6108" t="s">
        <v>9</v>
      </c>
      <c r="H6108" t="s">
        <v>11385</v>
      </c>
      <c r="I6108" t="s">
        <v>30540</v>
      </c>
    </row>
    <row r="6109" spans="1:9">
      <c r="A6109" s="1">
        <f ca="1">RAND()</f>
        <v>0.1682742194277147</v>
      </c>
      <c r="B6109" s="1"/>
      <c r="C6109">
        <v>11</v>
      </c>
      <c r="D6109" t="s">
        <v>11388</v>
      </c>
      <c r="E6109" t="s">
        <v>32542</v>
      </c>
      <c r="F6109">
        <v>4</v>
      </c>
      <c r="G6109" t="s">
        <v>13</v>
      </c>
      <c r="H6109" t="s">
        <v>11389</v>
      </c>
      <c r="I6109" t="s">
        <v>30540</v>
      </c>
    </row>
    <row r="6110" spans="1:9">
      <c r="A6110" s="1">
        <f ca="1">RAND()</f>
        <v>0.27321646898193097</v>
      </c>
      <c r="B6110" s="1"/>
      <c r="C6110">
        <v>4</v>
      </c>
      <c r="D6110" t="s">
        <v>11380</v>
      </c>
      <c r="E6110" t="s">
        <v>32542</v>
      </c>
      <c r="F6110">
        <v>4</v>
      </c>
      <c r="G6110" t="s">
        <v>15</v>
      </c>
      <c r="H6110" t="s">
        <v>11381</v>
      </c>
      <c r="I6110" t="s">
        <v>30540</v>
      </c>
    </row>
    <row r="6111" spans="1:9">
      <c r="A6111" s="1">
        <f ca="1">RAND()</f>
        <v>0.10064070401253933</v>
      </c>
      <c r="B6111" s="1"/>
      <c r="C6111">
        <v>8</v>
      </c>
      <c r="D6111" t="s">
        <v>11386</v>
      </c>
      <c r="E6111" t="s">
        <v>32542</v>
      </c>
      <c r="F6111">
        <v>4</v>
      </c>
      <c r="G6111" t="s">
        <v>9</v>
      </c>
      <c r="H6111" t="s">
        <v>11387</v>
      </c>
      <c r="I6111" t="s">
        <v>30540</v>
      </c>
    </row>
    <row r="6112" spans="1:9">
      <c r="A6112" s="1">
        <f ca="1">RAND()</f>
        <v>0.82225914463292515</v>
      </c>
      <c r="B6112" s="1"/>
      <c r="C6112">
        <v>14</v>
      </c>
      <c r="D6112" t="s">
        <v>11390</v>
      </c>
      <c r="E6112" t="s">
        <v>32542</v>
      </c>
      <c r="F6112">
        <v>4</v>
      </c>
      <c r="G6112" t="s">
        <v>14</v>
      </c>
      <c r="H6112" t="s">
        <v>11391</v>
      </c>
      <c r="I6112" t="s">
        <v>30540</v>
      </c>
    </row>
    <row r="6113" spans="1:9">
      <c r="A6113" s="1">
        <f ca="1">RAND()</f>
        <v>0.82004115391072674</v>
      </c>
      <c r="B6113" s="1"/>
      <c r="C6113">
        <v>5</v>
      </c>
      <c r="D6113" t="s">
        <v>11382</v>
      </c>
      <c r="E6113" t="s">
        <v>32542</v>
      </c>
      <c r="F6113">
        <v>4</v>
      </c>
      <c r="G6113" t="s">
        <v>2</v>
      </c>
      <c r="H6113" t="s">
        <v>11383</v>
      </c>
      <c r="I6113" t="s">
        <v>30540</v>
      </c>
    </row>
    <row r="6114" spans="1:9">
      <c r="A6114" s="1">
        <f ca="1">RAND()</f>
        <v>0.250003802711533</v>
      </c>
      <c r="B6114" s="1"/>
      <c r="C6114">
        <v>15</v>
      </c>
      <c r="D6114" t="s">
        <v>11392</v>
      </c>
      <c r="E6114" t="s">
        <v>32542</v>
      </c>
      <c r="F6114">
        <v>2</v>
      </c>
      <c r="G6114" t="s">
        <v>14</v>
      </c>
      <c r="H6114" t="s">
        <v>11393</v>
      </c>
      <c r="I6114" t="s">
        <v>30540</v>
      </c>
    </row>
    <row r="6115" spans="1:9">
      <c r="A6115" s="1">
        <f ca="1">RAND()</f>
        <v>0.50798781618459043</v>
      </c>
      <c r="B6115" s="1"/>
      <c r="C6115">
        <v>1</v>
      </c>
      <c r="D6115" t="s">
        <v>11378</v>
      </c>
      <c r="E6115" t="s">
        <v>32542</v>
      </c>
      <c r="F6115">
        <v>2</v>
      </c>
      <c r="G6115" t="s">
        <v>9</v>
      </c>
      <c r="H6115" t="s">
        <v>11379</v>
      </c>
      <c r="I6115" t="s">
        <v>30540</v>
      </c>
    </row>
    <row r="6116" spans="1:9">
      <c r="A6116" s="1">
        <f ca="1">RAND()</f>
        <v>0.8381531038200366</v>
      </c>
      <c r="B6116" s="1"/>
      <c r="C6116">
        <v>3</v>
      </c>
      <c r="D6116" t="s">
        <v>11372</v>
      </c>
      <c r="E6116" t="s">
        <v>32543</v>
      </c>
      <c r="F6116">
        <v>5</v>
      </c>
      <c r="G6116" t="s">
        <v>0</v>
      </c>
      <c r="H6116" t="s">
        <v>11373</v>
      </c>
      <c r="I6116" t="s">
        <v>30540</v>
      </c>
    </row>
    <row r="6117" spans="1:9">
      <c r="A6117" s="1">
        <f ca="1">RAND()</f>
        <v>0.61745894889647468</v>
      </c>
      <c r="B6117" s="1"/>
      <c r="C6117">
        <v>7</v>
      </c>
      <c r="D6117" t="s">
        <v>11376</v>
      </c>
      <c r="E6117" t="s">
        <v>32543</v>
      </c>
      <c r="F6117">
        <v>2</v>
      </c>
      <c r="G6117" t="s">
        <v>1</v>
      </c>
      <c r="H6117" t="s">
        <v>11377</v>
      </c>
      <c r="I6117" t="s">
        <v>30540</v>
      </c>
    </row>
    <row r="6118" spans="1:9">
      <c r="A6118" s="1">
        <f ca="1">RAND()</f>
        <v>0.99876181421080967</v>
      </c>
      <c r="B6118" s="1"/>
      <c r="C6118">
        <v>4</v>
      </c>
      <c r="D6118" t="s">
        <v>11374</v>
      </c>
      <c r="E6118" t="s">
        <v>32543</v>
      </c>
      <c r="F6118">
        <v>1</v>
      </c>
      <c r="G6118" t="s">
        <v>0</v>
      </c>
      <c r="H6118" t="s">
        <v>11375</v>
      </c>
      <c r="I6118" t="s">
        <v>30540</v>
      </c>
    </row>
    <row r="6119" spans="1:9">
      <c r="A6119" s="1">
        <f ca="1">RAND()</f>
        <v>0.16390078654318407</v>
      </c>
      <c r="B6119" s="1"/>
      <c r="C6119">
        <v>13</v>
      </c>
      <c r="D6119" t="s">
        <v>11370</v>
      </c>
      <c r="E6119" t="s">
        <v>32544</v>
      </c>
      <c r="F6119">
        <v>4</v>
      </c>
      <c r="G6119" t="s">
        <v>15</v>
      </c>
      <c r="H6119" t="s">
        <v>11371</v>
      </c>
      <c r="I6119" t="s">
        <v>30540</v>
      </c>
    </row>
    <row r="6120" spans="1:9">
      <c r="A6120" s="1">
        <f ca="1">RAND()</f>
        <v>0.71989565370102704</v>
      </c>
      <c r="B6120" s="1"/>
      <c r="C6120">
        <v>2</v>
      </c>
      <c r="D6120" t="s">
        <v>11364</v>
      </c>
      <c r="E6120" t="s">
        <v>32544</v>
      </c>
      <c r="F6120">
        <v>4</v>
      </c>
      <c r="G6120" t="s">
        <v>15</v>
      </c>
      <c r="H6120" t="s">
        <v>11365</v>
      </c>
      <c r="I6120" t="s">
        <v>30540</v>
      </c>
    </row>
    <row r="6121" spans="1:9">
      <c r="A6121" s="1">
        <f ca="1">RAND()</f>
        <v>0.61351614196306514</v>
      </c>
      <c r="B6121" s="1"/>
      <c r="C6121">
        <v>4</v>
      </c>
      <c r="D6121" t="s">
        <v>11366</v>
      </c>
      <c r="E6121" t="s">
        <v>32544</v>
      </c>
      <c r="F6121">
        <v>2</v>
      </c>
      <c r="G6121" t="s">
        <v>771</v>
      </c>
      <c r="H6121" t="s">
        <v>11367</v>
      </c>
      <c r="I6121" t="s">
        <v>30540</v>
      </c>
    </row>
    <row r="6122" spans="1:9">
      <c r="A6122" s="1">
        <f ca="1">RAND()</f>
        <v>0.98902626408618977</v>
      </c>
      <c r="B6122" s="1"/>
      <c r="C6122">
        <v>1</v>
      </c>
      <c r="D6122" t="s">
        <v>11362</v>
      </c>
      <c r="E6122" t="s">
        <v>32544</v>
      </c>
      <c r="F6122">
        <v>2</v>
      </c>
      <c r="G6122" t="s">
        <v>0</v>
      </c>
      <c r="H6122" t="s">
        <v>11363</v>
      </c>
      <c r="I6122" t="s">
        <v>30540</v>
      </c>
    </row>
    <row r="6123" spans="1:9">
      <c r="A6123" s="1">
        <f ca="1">RAND()</f>
        <v>0.50050573156736378</v>
      </c>
      <c r="B6123" s="1"/>
      <c r="C6123">
        <v>11</v>
      </c>
      <c r="D6123" t="s">
        <v>11368</v>
      </c>
      <c r="E6123" t="s">
        <v>32544</v>
      </c>
      <c r="F6123">
        <v>2</v>
      </c>
      <c r="G6123" t="s">
        <v>770</v>
      </c>
      <c r="H6123" t="s">
        <v>11369</v>
      </c>
      <c r="I6123" t="s">
        <v>30540</v>
      </c>
    </row>
    <row r="6124" spans="1:9">
      <c r="A6124" s="1">
        <f ca="1">RAND()</f>
        <v>0.26610707493700314</v>
      </c>
      <c r="B6124" s="1"/>
      <c r="C6124">
        <v>9</v>
      </c>
      <c r="D6124" t="s">
        <v>11360</v>
      </c>
      <c r="E6124" t="s">
        <v>32545</v>
      </c>
      <c r="F6124">
        <v>5</v>
      </c>
      <c r="G6124" t="s">
        <v>13</v>
      </c>
      <c r="H6124" t="s">
        <v>11361</v>
      </c>
      <c r="I6124" t="s">
        <v>30540</v>
      </c>
    </row>
    <row r="6125" spans="1:9">
      <c r="A6125" s="1">
        <f ca="1">RAND()</f>
        <v>0.11716890771581989</v>
      </c>
      <c r="B6125" s="1"/>
      <c r="C6125">
        <v>6</v>
      </c>
      <c r="D6125" t="s">
        <v>11358</v>
      </c>
      <c r="E6125" t="s">
        <v>32545</v>
      </c>
      <c r="F6125">
        <v>3</v>
      </c>
      <c r="G6125" t="s">
        <v>0</v>
      </c>
      <c r="H6125" t="s">
        <v>11359</v>
      </c>
      <c r="I6125" t="s">
        <v>30540</v>
      </c>
    </row>
    <row r="6126" spans="1:9">
      <c r="A6126" s="1">
        <f ca="1">RAND()</f>
        <v>0.40125127613689648</v>
      </c>
      <c r="B6126" s="1"/>
      <c r="C6126">
        <v>1</v>
      </c>
      <c r="D6126" t="s">
        <v>11356</v>
      </c>
      <c r="E6126" t="s">
        <v>32545</v>
      </c>
      <c r="F6126">
        <v>2</v>
      </c>
      <c r="G6126" t="s">
        <v>13</v>
      </c>
      <c r="H6126" t="s">
        <v>11357</v>
      </c>
      <c r="I6126" t="s">
        <v>30540</v>
      </c>
    </row>
    <row r="6127" spans="1:9">
      <c r="A6127" s="1">
        <f ca="1">RAND()</f>
        <v>0.97197347850340532</v>
      </c>
      <c r="B6127" s="1"/>
      <c r="C6127">
        <v>9</v>
      </c>
      <c r="D6127" t="s">
        <v>11347</v>
      </c>
      <c r="E6127" t="s">
        <v>32546</v>
      </c>
      <c r="F6127">
        <v>5</v>
      </c>
      <c r="G6127" t="s">
        <v>11302</v>
      </c>
      <c r="H6127" t="s">
        <v>11348</v>
      </c>
      <c r="I6127" t="s">
        <v>30540</v>
      </c>
    </row>
    <row r="6128" spans="1:9">
      <c r="A6128" s="1">
        <f ca="1">RAND()</f>
        <v>1.2859147561878892E-3</v>
      </c>
      <c r="B6128" s="1"/>
      <c r="C6128">
        <v>18</v>
      </c>
      <c r="D6128" t="s">
        <v>11354</v>
      </c>
      <c r="E6128" t="s">
        <v>32546</v>
      </c>
      <c r="F6128">
        <v>4</v>
      </c>
      <c r="G6128" t="s">
        <v>11302</v>
      </c>
      <c r="H6128" t="s">
        <v>11355</v>
      </c>
      <c r="I6128" t="s">
        <v>30540</v>
      </c>
    </row>
    <row r="6129" spans="1:9">
      <c r="A6129" s="1">
        <f ca="1">RAND()</f>
        <v>0.18088404568796157</v>
      </c>
      <c r="B6129" s="1"/>
      <c r="C6129">
        <v>12</v>
      </c>
      <c r="D6129" t="s">
        <v>11351</v>
      </c>
      <c r="E6129" t="s">
        <v>32546</v>
      </c>
      <c r="F6129">
        <v>4</v>
      </c>
      <c r="G6129" t="s">
        <v>2</v>
      </c>
      <c r="H6129" t="s">
        <v>11352</v>
      </c>
      <c r="I6129" t="s">
        <v>30540</v>
      </c>
    </row>
    <row r="6130" spans="1:9">
      <c r="A6130" s="1">
        <f ca="1">RAND()</f>
        <v>2.9698864339753439E-2</v>
      </c>
      <c r="B6130" s="1"/>
      <c r="C6130">
        <v>10</v>
      </c>
      <c r="D6130" t="s">
        <v>11349</v>
      </c>
      <c r="E6130" t="s">
        <v>32546</v>
      </c>
      <c r="F6130">
        <v>3</v>
      </c>
      <c r="G6130" t="s">
        <v>0</v>
      </c>
      <c r="H6130" t="s">
        <v>11350</v>
      </c>
      <c r="I6130" t="s">
        <v>30540</v>
      </c>
    </row>
    <row r="6131" spans="1:9">
      <c r="A6131" s="1">
        <f ca="1">RAND()</f>
        <v>0.32115891772949601</v>
      </c>
      <c r="B6131" s="1"/>
      <c r="C6131">
        <v>2</v>
      </c>
      <c r="D6131" t="s">
        <v>11338</v>
      </c>
      <c r="E6131" t="s">
        <v>32547</v>
      </c>
      <c r="F6131">
        <v>5</v>
      </c>
      <c r="G6131" t="s">
        <v>0</v>
      </c>
      <c r="H6131" t="s">
        <v>11339</v>
      </c>
      <c r="I6131" t="s">
        <v>30540</v>
      </c>
    </row>
    <row r="6132" spans="1:9">
      <c r="A6132" s="1">
        <f ca="1">RAND()</f>
        <v>0.27585629884211793</v>
      </c>
      <c r="B6132" s="1"/>
      <c r="C6132">
        <v>11</v>
      </c>
      <c r="D6132" t="s">
        <v>11344</v>
      </c>
      <c r="E6132" t="s">
        <v>32547</v>
      </c>
      <c r="F6132">
        <v>4</v>
      </c>
      <c r="G6132" t="s">
        <v>14</v>
      </c>
      <c r="H6132" t="s">
        <v>11345</v>
      </c>
      <c r="I6132" t="s">
        <v>30540</v>
      </c>
    </row>
    <row r="6133" spans="1:9">
      <c r="A6133" s="1">
        <f ca="1">RAND()</f>
        <v>0.39015989565940157</v>
      </c>
      <c r="B6133" s="1"/>
      <c r="C6133">
        <v>5</v>
      </c>
      <c r="D6133" t="s">
        <v>11342</v>
      </c>
      <c r="E6133" t="s">
        <v>32547</v>
      </c>
      <c r="F6133">
        <v>2</v>
      </c>
      <c r="G6133" t="s">
        <v>13</v>
      </c>
      <c r="H6133" t="s">
        <v>11343</v>
      </c>
      <c r="I6133" t="s">
        <v>30540</v>
      </c>
    </row>
    <row r="6134" spans="1:9">
      <c r="A6134" s="1">
        <f ca="1">RAND()</f>
        <v>0.63280363033401754</v>
      </c>
      <c r="B6134" s="1"/>
      <c r="C6134">
        <v>4</v>
      </c>
      <c r="D6134" t="s">
        <v>11340</v>
      </c>
      <c r="E6134" t="s">
        <v>32547</v>
      </c>
      <c r="F6134">
        <v>1</v>
      </c>
      <c r="G6134" t="s">
        <v>0</v>
      </c>
      <c r="H6134" t="s">
        <v>11341</v>
      </c>
      <c r="I6134" t="s">
        <v>30540</v>
      </c>
    </row>
    <row r="6135" spans="1:9">
      <c r="A6135" s="1">
        <f ca="1">RAND()</f>
        <v>0.67751619042754763</v>
      </c>
      <c r="B6135" s="1"/>
      <c r="C6135">
        <v>9</v>
      </c>
      <c r="D6135" t="s">
        <v>11336</v>
      </c>
      <c r="E6135" t="s">
        <v>32548</v>
      </c>
      <c r="F6135">
        <v>3</v>
      </c>
      <c r="G6135" t="s">
        <v>14</v>
      </c>
      <c r="H6135" t="s">
        <v>11337</v>
      </c>
      <c r="I6135" t="s">
        <v>30540</v>
      </c>
    </row>
    <row r="6136" spans="1:9">
      <c r="A6136" s="1">
        <f ca="1">RAND()</f>
        <v>4.5828797680308009E-2</v>
      </c>
      <c r="B6136" s="1"/>
      <c r="C6136">
        <v>19</v>
      </c>
      <c r="D6136" t="s">
        <v>11334</v>
      </c>
      <c r="E6136" t="s">
        <v>32549</v>
      </c>
      <c r="F6136">
        <v>3</v>
      </c>
      <c r="G6136" t="s">
        <v>14</v>
      </c>
      <c r="H6136" t="s">
        <v>11335</v>
      </c>
      <c r="I6136" t="s">
        <v>30540</v>
      </c>
    </row>
    <row r="6137" spans="1:9">
      <c r="A6137" s="1">
        <f ca="1">RAND()</f>
        <v>9.8937832075861265E-2</v>
      </c>
      <c r="B6137" s="1"/>
      <c r="C6137">
        <v>12</v>
      </c>
      <c r="D6137" t="s">
        <v>11330</v>
      </c>
      <c r="E6137" t="s">
        <v>32549</v>
      </c>
      <c r="F6137">
        <v>3</v>
      </c>
      <c r="G6137" t="s">
        <v>769</v>
      </c>
      <c r="H6137" t="s">
        <v>11331</v>
      </c>
      <c r="I6137" t="s">
        <v>30540</v>
      </c>
    </row>
    <row r="6138" spans="1:9">
      <c r="A6138" s="1">
        <f ca="1">RAND()</f>
        <v>0.16420441509224948</v>
      </c>
      <c r="B6138" s="1"/>
      <c r="C6138">
        <v>14</v>
      </c>
      <c r="D6138" t="s">
        <v>11332</v>
      </c>
      <c r="E6138" t="s">
        <v>32549</v>
      </c>
      <c r="F6138">
        <v>3</v>
      </c>
      <c r="G6138" t="s">
        <v>765</v>
      </c>
      <c r="H6138" t="s">
        <v>11333</v>
      </c>
      <c r="I6138" t="s">
        <v>30540</v>
      </c>
    </row>
    <row r="6139" spans="1:9">
      <c r="A6139" s="1">
        <f ca="1">RAND()</f>
        <v>0.99648877655120638</v>
      </c>
      <c r="B6139" s="1"/>
      <c r="C6139">
        <v>2</v>
      </c>
      <c r="D6139" t="s">
        <v>11328</v>
      </c>
      <c r="E6139" t="s">
        <v>32549</v>
      </c>
      <c r="F6139">
        <v>2</v>
      </c>
      <c r="G6139" t="s">
        <v>9</v>
      </c>
      <c r="H6139" t="s">
        <v>11329</v>
      </c>
      <c r="I6139" t="s">
        <v>30540</v>
      </c>
    </row>
    <row r="6140" spans="1:9">
      <c r="A6140" s="1">
        <f ca="1">RAND()</f>
        <v>0.68998764647812361</v>
      </c>
      <c r="B6140" s="1"/>
      <c r="C6140">
        <v>10</v>
      </c>
      <c r="D6140" t="s">
        <v>11326</v>
      </c>
      <c r="E6140" t="s">
        <v>32550</v>
      </c>
      <c r="F6140">
        <v>4</v>
      </c>
      <c r="G6140" t="s">
        <v>14</v>
      </c>
      <c r="H6140" t="s">
        <v>11327</v>
      </c>
      <c r="I6140" t="s">
        <v>30540</v>
      </c>
    </row>
    <row r="6141" spans="1:9">
      <c r="A6141" s="1">
        <f ca="1">RAND()</f>
        <v>0.55199265750768889</v>
      </c>
      <c r="B6141" s="1"/>
      <c r="C6141">
        <v>1</v>
      </c>
      <c r="D6141" t="s">
        <v>11318</v>
      </c>
      <c r="E6141" t="s">
        <v>32550</v>
      </c>
      <c r="F6141">
        <v>4</v>
      </c>
      <c r="G6141" t="s">
        <v>2</v>
      </c>
      <c r="H6141" t="s">
        <v>11319</v>
      </c>
      <c r="I6141" t="s">
        <v>30540</v>
      </c>
    </row>
    <row r="6142" spans="1:9">
      <c r="A6142" s="1">
        <f ca="1">RAND()</f>
        <v>0.13382589650038312</v>
      </c>
      <c r="B6142" s="1"/>
      <c r="C6142">
        <v>8</v>
      </c>
      <c r="D6142" t="s">
        <v>11324</v>
      </c>
      <c r="E6142" t="s">
        <v>32550</v>
      </c>
      <c r="F6142">
        <v>4</v>
      </c>
      <c r="G6142" t="s">
        <v>0</v>
      </c>
      <c r="H6142" t="s">
        <v>11325</v>
      </c>
      <c r="I6142" t="s">
        <v>30540</v>
      </c>
    </row>
    <row r="6143" spans="1:9">
      <c r="A6143" s="1">
        <f ca="1">RAND()</f>
        <v>4.8861414029224504E-2</v>
      </c>
      <c r="B6143" s="1"/>
      <c r="C6143">
        <v>6</v>
      </c>
      <c r="D6143" t="s">
        <v>11322</v>
      </c>
      <c r="E6143" t="s">
        <v>32550</v>
      </c>
      <c r="F6143">
        <v>4</v>
      </c>
      <c r="G6143" t="s">
        <v>1</v>
      </c>
      <c r="H6143" t="s">
        <v>11323</v>
      </c>
      <c r="I6143" t="s">
        <v>30540</v>
      </c>
    </row>
    <row r="6144" spans="1:9">
      <c r="A6144" s="1">
        <f ca="1">RAND()</f>
        <v>0.24180370282097374</v>
      </c>
      <c r="B6144" s="1"/>
      <c r="C6144">
        <v>4</v>
      </c>
      <c r="D6144" t="s">
        <v>11320</v>
      </c>
      <c r="E6144" t="s">
        <v>32550</v>
      </c>
      <c r="F6144">
        <v>4</v>
      </c>
      <c r="G6144" t="s">
        <v>15</v>
      </c>
      <c r="H6144" t="s">
        <v>11321</v>
      </c>
      <c r="I6144" t="s">
        <v>30540</v>
      </c>
    </row>
    <row r="6145" spans="1:9">
      <c r="A6145" s="1">
        <f ca="1">RAND()</f>
        <v>0.56045963204302329</v>
      </c>
      <c r="B6145" s="1"/>
      <c r="C6145">
        <v>19</v>
      </c>
      <c r="D6145" t="s">
        <v>11314</v>
      </c>
      <c r="E6145" t="s">
        <v>32551</v>
      </c>
      <c r="F6145">
        <v>5</v>
      </c>
      <c r="G6145" t="s">
        <v>2</v>
      </c>
      <c r="H6145" t="s">
        <v>11315</v>
      </c>
      <c r="I6145" t="s">
        <v>30540</v>
      </c>
    </row>
    <row r="6146" spans="1:9">
      <c r="A6146" s="1">
        <f ca="1">RAND()</f>
        <v>7.910312099925676E-2</v>
      </c>
      <c r="B6146" s="1"/>
      <c r="C6146">
        <v>12</v>
      </c>
      <c r="D6146" t="s">
        <v>11304</v>
      </c>
      <c r="E6146" t="s">
        <v>32551</v>
      </c>
      <c r="F6146">
        <v>4</v>
      </c>
      <c r="G6146" t="s">
        <v>0</v>
      </c>
      <c r="H6146" t="s">
        <v>11305</v>
      </c>
      <c r="I6146" t="s">
        <v>30540</v>
      </c>
    </row>
    <row r="6147" spans="1:9">
      <c r="A6147" s="1">
        <f ca="1">RAND()</f>
        <v>0.76396758416526767</v>
      </c>
      <c r="B6147" s="1"/>
      <c r="C6147">
        <v>15</v>
      </c>
      <c r="D6147" t="s">
        <v>11309</v>
      </c>
      <c r="E6147" t="s">
        <v>32551</v>
      </c>
      <c r="F6147">
        <v>4</v>
      </c>
      <c r="G6147" t="s">
        <v>14</v>
      </c>
      <c r="H6147" t="s">
        <v>11310</v>
      </c>
      <c r="I6147" t="s">
        <v>30540</v>
      </c>
    </row>
    <row r="6148" spans="1:9">
      <c r="A6148" s="1">
        <f ca="1">RAND()</f>
        <v>0.42123123866538892</v>
      </c>
      <c r="B6148" s="1"/>
      <c r="C6148">
        <v>17</v>
      </c>
      <c r="D6148" t="s">
        <v>11311</v>
      </c>
      <c r="E6148" t="s">
        <v>32551</v>
      </c>
      <c r="F6148">
        <v>4</v>
      </c>
      <c r="G6148" t="s">
        <v>14</v>
      </c>
      <c r="H6148" t="s">
        <v>11312</v>
      </c>
      <c r="I6148" t="s">
        <v>30540</v>
      </c>
    </row>
    <row r="6149" spans="1:9">
      <c r="A6149" s="1">
        <f ca="1">RAND()</f>
        <v>0.2892914313732452</v>
      </c>
      <c r="B6149" s="1"/>
      <c r="C6149">
        <v>20</v>
      </c>
      <c r="D6149" t="s">
        <v>11316</v>
      </c>
      <c r="E6149" t="s">
        <v>32551</v>
      </c>
      <c r="F6149">
        <v>4</v>
      </c>
      <c r="G6149" t="s">
        <v>14</v>
      </c>
      <c r="H6149" t="s">
        <v>11317</v>
      </c>
      <c r="I6149" t="s">
        <v>30540</v>
      </c>
    </row>
    <row r="6150" spans="1:9">
      <c r="A6150" s="1">
        <f ca="1">RAND()</f>
        <v>0.45095944203114779</v>
      </c>
      <c r="B6150" s="1"/>
      <c r="C6150">
        <v>7</v>
      </c>
      <c r="D6150" t="s">
        <v>11301</v>
      </c>
      <c r="E6150" t="s">
        <v>32551</v>
      </c>
      <c r="F6150">
        <v>2</v>
      </c>
      <c r="G6150" t="s">
        <v>11302</v>
      </c>
      <c r="H6150" t="s">
        <v>11303</v>
      </c>
      <c r="I6150" t="s">
        <v>30540</v>
      </c>
    </row>
    <row r="6151" spans="1:9">
      <c r="A6151" s="1">
        <f ca="1">RAND()</f>
        <v>0.97224537013738843</v>
      </c>
      <c r="B6151" s="1"/>
      <c r="C6151">
        <v>14</v>
      </c>
      <c r="D6151" t="s">
        <v>11307</v>
      </c>
      <c r="E6151" t="s">
        <v>32551</v>
      </c>
      <c r="F6151">
        <v>1</v>
      </c>
      <c r="G6151" t="s">
        <v>2</v>
      </c>
      <c r="H6151" t="s">
        <v>11308</v>
      </c>
      <c r="I6151" t="s">
        <v>30540</v>
      </c>
    </row>
    <row r="6152" spans="1:9">
      <c r="A6152" s="1">
        <f ca="1">RAND()</f>
        <v>0.39960061444818828</v>
      </c>
      <c r="B6152" s="1"/>
      <c r="C6152">
        <v>9</v>
      </c>
      <c r="D6152" t="s">
        <v>11298</v>
      </c>
      <c r="E6152" t="s">
        <v>32552</v>
      </c>
      <c r="F6152">
        <v>4</v>
      </c>
      <c r="G6152" t="s">
        <v>1</v>
      </c>
      <c r="H6152" t="s">
        <v>11299</v>
      </c>
      <c r="I6152" t="s">
        <v>30540</v>
      </c>
    </row>
    <row r="6153" spans="1:9">
      <c r="A6153" s="1">
        <f ca="1">RAND()</f>
        <v>0.69277336355709673</v>
      </c>
      <c r="B6153" s="1"/>
      <c r="C6153">
        <v>6</v>
      </c>
      <c r="D6153" t="s">
        <v>11290</v>
      </c>
      <c r="E6153" t="s">
        <v>32553</v>
      </c>
      <c r="F6153">
        <v>5</v>
      </c>
      <c r="G6153" t="s">
        <v>14</v>
      </c>
      <c r="H6153" t="s">
        <v>11291</v>
      </c>
      <c r="I6153" t="s">
        <v>30540</v>
      </c>
    </row>
    <row r="6154" spans="1:9">
      <c r="A6154" s="1">
        <f ca="1">RAND()</f>
        <v>0.33884202131456287</v>
      </c>
      <c r="B6154" s="1"/>
      <c r="C6154">
        <v>3</v>
      </c>
      <c r="D6154" t="s">
        <v>11288</v>
      </c>
      <c r="E6154" t="s">
        <v>32553</v>
      </c>
      <c r="F6154">
        <v>4</v>
      </c>
      <c r="G6154" t="s">
        <v>15</v>
      </c>
      <c r="H6154" t="s">
        <v>11289</v>
      </c>
      <c r="I6154" t="s">
        <v>30540</v>
      </c>
    </row>
    <row r="6155" spans="1:9">
      <c r="A6155" s="1">
        <f ca="1">RAND()</f>
        <v>0.12544088291969513</v>
      </c>
      <c r="B6155" s="1"/>
      <c r="C6155">
        <v>14</v>
      </c>
      <c r="D6155" t="s">
        <v>11296</v>
      </c>
      <c r="E6155" t="s">
        <v>32553</v>
      </c>
      <c r="F6155">
        <v>4</v>
      </c>
      <c r="G6155" t="s">
        <v>14</v>
      </c>
      <c r="H6155" t="s">
        <v>11297</v>
      </c>
      <c r="I6155" t="s">
        <v>30540</v>
      </c>
    </row>
    <row r="6156" spans="1:9">
      <c r="A6156" s="1">
        <f ca="1">RAND()</f>
        <v>0.63264184090171682</v>
      </c>
      <c r="B6156" s="1"/>
      <c r="C6156">
        <v>9</v>
      </c>
      <c r="D6156" t="s">
        <v>11292</v>
      </c>
      <c r="E6156" t="s">
        <v>32553</v>
      </c>
      <c r="F6156">
        <v>2</v>
      </c>
      <c r="G6156" t="s">
        <v>0</v>
      </c>
      <c r="H6156" t="s">
        <v>11293</v>
      </c>
      <c r="I6156" t="s">
        <v>30540</v>
      </c>
    </row>
    <row r="6157" spans="1:9">
      <c r="A6157" s="1">
        <f ca="1">RAND()</f>
        <v>0.59124145754827062</v>
      </c>
      <c r="B6157" s="1"/>
      <c r="C6157">
        <v>11</v>
      </c>
      <c r="D6157" t="s">
        <v>11294</v>
      </c>
      <c r="E6157" t="s">
        <v>32553</v>
      </c>
      <c r="F6157">
        <v>1</v>
      </c>
      <c r="G6157" t="s">
        <v>14</v>
      </c>
      <c r="H6157" t="s">
        <v>11295</v>
      </c>
      <c r="I6157" t="s">
        <v>30540</v>
      </c>
    </row>
    <row r="6158" spans="1:9">
      <c r="A6158" s="1">
        <f ca="1">RAND()</f>
        <v>0.58737863385436606</v>
      </c>
      <c r="B6158" s="1"/>
      <c r="C6158">
        <v>14</v>
      </c>
      <c r="D6158" t="s">
        <v>11284</v>
      </c>
      <c r="E6158" t="s">
        <v>32554</v>
      </c>
      <c r="F6158">
        <v>4</v>
      </c>
      <c r="G6158" t="s">
        <v>766</v>
      </c>
      <c r="H6158" t="s">
        <v>11285</v>
      </c>
      <c r="I6158" t="s">
        <v>30540</v>
      </c>
    </row>
    <row r="6159" spans="1:9">
      <c r="A6159" s="1">
        <f ca="1">RAND()</f>
        <v>0.38488376751663234</v>
      </c>
      <c r="B6159" s="1"/>
      <c r="C6159">
        <v>5</v>
      </c>
      <c r="D6159" t="s">
        <v>11280</v>
      </c>
      <c r="E6159" t="s">
        <v>32554</v>
      </c>
      <c r="F6159">
        <v>3</v>
      </c>
      <c r="G6159" t="s">
        <v>13</v>
      </c>
      <c r="H6159" t="s">
        <v>11281</v>
      </c>
      <c r="I6159" t="s">
        <v>30540</v>
      </c>
    </row>
    <row r="6160" spans="1:9">
      <c r="A6160" s="1">
        <f ca="1">RAND()</f>
        <v>0.44324899596471634</v>
      </c>
      <c r="B6160" s="1"/>
      <c r="C6160">
        <v>16</v>
      </c>
      <c r="D6160" t="s">
        <v>11286</v>
      </c>
      <c r="E6160" t="s">
        <v>32554</v>
      </c>
      <c r="F6160">
        <v>2</v>
      </c>
      <c r="G6160" t="s">
        <v>10</v>
      </c>
      <c r="H6160" t="s">
        <v>11287</v>
      </c>
      <c r="I6160" t="s">
        <v>30540</v>
      </c>
    </row>
    <row r="6161" spans="1:9">
      <c r="A6161" s="1">
        <f ca="1">RAND()</f>
        <v>0.628484776307624</v>
      </c>
      <c r="B6161" s="1"/>
      <c r="C6161">
        <v>6</v>
      </c>
      <c r="D6161" t="s">
        <v>11282</v>
      </c>
      <c r="E6161" t="s">
        <v>32554</v>
      </c>
      <c r="F6161">
        <v>2</v>
      </c>
      <c r="G6161" t="s">
        <v>1295</v>
      </c>
      <c r="H6161" t="s">
        <v>11283</v>
      </c>
      <c r="I6161" t="s">
        <v>30540</v>
      </c>
    </row>
    <row r="6162" spans="1:9">
      <c r="A6162" s="1">
        <f ca="1">RAND()</f>
        <v>0.33945536772087748</v>
      </c>
      <c r="B6162" s="1"/>
      <c r="C6162">
        <v>3</v>
      </c>
      <c r="D6162" t="s">
        <v>11272</v>
      </c>
      <c r="E6162" t="s">
        <v>32555</v>
      </c>
      <c r="F6162">
        <v>5</v>
      </c>
      <c r="G6162" t="s">
        <v>2</v>
      </c>
      <c r="H6162" t="s">
        <v>11273</v>
      </c>
      <c r="I6162" t="s">
        <v>30540</v>
      </c>
    </row>
    <row r="6163" spans="1:9">
      <c r="A6163" s="1">
        <f ca="1">RAND()</f>
        <v>0.42754217318959165</v>
      </c>
      <c r="B6163" s="1"/>
      <c r="C6163">
        <v>8</v>
      </c>
      <c r="D6163" t="s">
        <v>11274</v>
      </c>
      <c r="E6163" t="s">
        <v>32555</v>
      </c>
      <c r="F6163">
        <v>4</v>
      </c>
      <c r="G6163" t="s">
        <v>2</v>
      </c>
      <c r="H6163" t="s">
        <v>11275</v>
      </c>
      <c r="I6163" t="s">
        <v>30540</v>
      </c>
    </row>
    <row r="6164" spans="1:9">
      <c r="A6164" s="1">
        <f ca="1">RAND()</f>
        <v>0.6658701612271406</v>
      </c>
      <c r="B6164" s="1"/>
      <c r="C6164">
        <v>10</v>
      </c>
      <c r="D6164" t="s">
        <v>11278</v>
      </c>
      <c r="E6164" t="s">
        <v>32555</v>
      </c>
      <c r="F6164">
        <v>4</v>
      </c>
      <c r="G6164" t="s">
        <v>0</v>
      </c>
      <c r="H6164" t="s">
        <v>11279</v>
      </c>
      <c r="I6164" t="s">
        <v>30540</v>
      </c>
    </row>
    <row r="6165" spans="1:9">
      <c r="A6165" s="1">
        <f ca="1">RAND()</f>
        <v>0.76768390596449143</v>
      </c>
      <c r="B6165" s="1"/>
      <c r="C6165">
        <v>9</v>
      </c>
      <c r="D6165" t="s">
        <v>11276</v>
      </c>
      <c r="E6165" t="s">
        <v>32555</v>
      </c>
      <c r="F6165">
        <v>4</v>
      </c>
      <c r="G6165" t="s">
        <v>14</v>
      </c>
      <c r="H6165" t="s">
        <v>11277</v>
      </c>
      <c r="I6165" t="s">
        <v>30540</v>
      </c>
    </row>
    <row r="6166" spans="1:9">
      <c r="A6166" s="1">
        <f ca="1">RAND()</f>
        <v>0.82157001901311866</v>
      </c>
      <c r="B6166" s="1"/>
      <c r="C6166">
        <v>5</v>
      </c>
      <c r="D6166" t="s">
        <v>11268</v>
      </c>
      <c r="E6166" t="s">
        <v>32556</v>
      </c>
      <c r="F6166">
        <v>5</v>
      </c>
      <c r="G6166" t="s">
        <v>14</v>
      </c>
      <c r="H6166" t="s">
        <v>11269</v>
      </c>
      <c r="I6166" t="s">
        <v>30540</v>
      </c>
    </row>
    <row r="6167" spans="1:9">
      <c r="A6167" s="1">
        <f ca="1">RAND()</f>
        <v>0.91754201469587393</v>
      </c>
      <c r="B6167" s="1"/>
      <c r="C6167">
        <v>15</v>
      </c>
      <c r="D6167" t="s">
        <v>11270</v>
      </c>
      <c r="E6167" t="s">
        <v>32556</v>
      </c>
      <c r="F6167">
        <v>4</v>
      </c>
      <c r="G6167" t="s">
        <v>14</v>
      </c>
      <c r="H6167" t="s">
        <v>11271</v>
      </c>
      <c r="I6167" t="s">
        <v>30540</v>
      </c>
    </row>
    <row r="6168" spans="1:9">
      <c r="A6168" s="1">
        <f ca="1">RAND()</f>
        <v>6.8851464635037884E-2</v>
      </c>
      <c r="B6168" s="1"/>
      <c r="C6168">
        <v>2</v>
      </c>
      <c r="D6168" t="s">
        <v>11262</v>
      </c>
      <c r="E6168" t="s">
        <v>32557</v>
      </c>
      <c r="F6168">
        <v>5</v>
      </c>
      <c r="G6168" t="s">
        <v>0</v>
      </c>
      <c r="H6168" t="s">
        <v>11263</v>
      </c>
      <c r="I6168" t="s">
        <v>30540</v>
      </c>
    </row>
    <row r="6169" spans="1:9">
      <c r="A6169" s="1">
        <f ca="1">RAND()</f>
        <v>0.68837894952026712</v>
      </c>
      <c r="B6169" s="1"/>
      <c r="C6169">
        <v>3</v>
      </c>
      <c r="D6169" t="s">
        <v>11264</v>
      </c>
      <c r="E6169" t="s">
        <v>32557</v>
      </c>
      <c r="F6169">
        <v>4</v>
      </c>
      <c r="G6169" t="s">
        <v>9</v>
      </c>
      <c r="H6169" t="s">
        <v>11265</v>
      </c>
      <c r="I6169" t="s">
        <v>30540</v>
      </c>
    </row>
    <row r="6170" spans="1:9">
      <c r="A6170" s="1">
        <f ca="1">RAND()</f>
        <v>0.643386398797125</v>
      </c>
      <c r="B6170" s="1"/>
      <c r="C6170">
        <v>10</v>
      </c>
      <c r="D6170" t="s">
        <v>11266</v>
      </c>
      <c r="E6170" t="s">
        <v>32557</v>
      </c>
      <c r="F6170">
        <v>4</v>
      </c>
      <c r="G6170" t="s">
        <v>0</v>
      </c>
      <c r="H6170" t="s">
        <v>11267</v>
      </c>
      <c r="I6170" t="s">
        <v>30540</v>
      </c>
    </row>
    <row r="6171" spans="1:9">
      <c r="A6171" s="1">
        <f ca="1">RAND()</f>
        <v>0.56856109385222153</v>
      </c>
      <c r="B6171" s="1"/>
      <c r="C6171">
        <v>5</v>
      </c>
      <c r="D6171" t="s">
        <v>11256</v>
      </c>
      <c r="E6171" t="s">
        <v>32558</v>
      </c>
      <c r="F6171">
        <v>4</v>
      </c>
      <c r="G6171" t="s">
        <v>10</v>
      </c>
      <c r="H6171" t="s">
        <v>11257</v>
      </c>
      <c r="I6171" t="s">
        <v>30540</v>
      </c>
    </row>
    <row r="6172" spans="1:9">
      <c r="A6172" s="1">
        <f ca="1">RAND()</f>
        <v>0.89800857369082809</v>
      </c>
      <c r="B6172" s="1"/>
      <c r="C6172">
        <v>9</v>
      </c>
      <c r="D6172" t="s">
        <v>11260</v>
      </c>
      <c r="E6172" t="s">
        <v>32558</v>
      </c>
      <c r="F6172">
        <v>2</v>
      </c>
      <c r="G6172" t="s">
        <v>10</v>
      </c>
      <c r="H6172" t="s">
        <v>11261</v>
      </c>
      <c r="I6172" t="s">
        <v>30540</v>
      </c>
    </row>
    <row r="6173" spans="1:9">
      <c r="A6173" s="1">
        <f ca="1">RAND()</f>
        <v>0.3212620591318599</v>
      </c>
      <c r="B6173" s="1"/>
      <c r="C6173">
        <v>8</v>
      </c>
      <c r="D6173" t="s">
        <v>11258</v>
      </c>
      <c r="E6173" t="s">
        <v>32558</v>
      </c>
      <c r="F6173">
        <v>2</v>
      </c>
      <c r="G6173" t="s">
        <v>10</v>
      </c>
      <c r="H6173" t="s">
        <v>11259</v>
      </c>
      <c r="I6173" t="s">
        <v>30540</v>
      </c>
    </row>
    <row r="6174" spans="1:9">
      <c r="A6174" s="1">
        <f ca="1">RAND()</f>
        <v>0.36260016045240384</v>
      </c>
      <c r="B6174" s="1"/>
      <c r="C6174">
        <v>3</v>
      </c>
      <c r="D6174" t="s">
        <v>11248</v>
      </c>
      <c r="E6174" t="s">
        <v>32559</v>
      </c>
      <c r="F6174">
        <v>5</v>
      </c>
      <c r="G6174" t="s">
        <v>15</v>
      </c>
      <c r="H6174" t="s">
        <v>11249</v>
      </c>
      <c r="I6174" t="s">
        <v>30540</v>
      </c>
    </row>
    <row r="6175" spans="1:9">
      <c r="A6175" s="1">
        <f ca="1">RAND()</f>
        <v>0.9275330671718629</v>
      </c>
      <c r="B6175" s="1"/>
      <c r="C6175">
        <v>9</v>
      </c>
      <c r="D6175" t="s">
        <v>11254</v>
      </c>
      <c r="E6175" t="s">
        <v>32559</v>
      </c>
      <c r="F6175">
        <v>4</v>
      </c>
      <c r="G6175" t="s">
        <v>14</v>
      </c>
      <c r="H6175" t="s">
        <v>11255</v>
      </c>
      <c r="I6175" t="s">
        <v>30540</v>
      </c>
    </row>
    <row r="6176" spans="1:9">
      <c r="A6176" s="1">
        <f ca="1">RAND()</f>
        <v>0.84954332729852178</v>
      </c>
      <c r="B6176" s="1"/>
      <c r="C6176">
        <v>7</v>
      </c>
      <c r="D6176" t="s">
        <v>11252</v>
      </c>
      <c r="E6176" t="s">
        <v>32559</v>
      </c>
      <c r="F6176">
        <v>4</v>
      </c>
      <c r="G6176" t="s">
        <v>10</v>
      </c>
      <c r="H6176" t="s">
        <v>11253</v>
      </c>
      <c r="I6176" t="s">
        <v>30540</v>
      </c>
    </row>
    <row r="6177" spans="1:9">
      <c r="A6177" s="1">
        <f ca="1">RAND()</f>
        <v>0.55404580424420724</v>
      </c>
      <c r="B6177" s="1"/>
      <c r="C6177">
        <v>6</v>
      </c>
      <c r="D6177" t="s">
        <v>11250</v>
      </c>
      <c r="E6177" t="s">
        <v>32559</v>
      </c>
      <c r="F6177">
        <v>3</v>
      </c>
      <c r="G6177" t="s">
        <v>0</v>
      </c>
      <c r="H6177" t="s">
        <v>11251</v>
      </c>
      <c r="I6177" t="s">
        <v>30540</v>
      </c>
    </row>
    <row r="6178" spans="1:9">
      <c r="A6178" s="1">
        <f ca="1">RAND()</f>
        <v>0.76488578445351407</v>
      </c>
      <c r="B6178" s="1"/>
      <c r="C6178">
        <v>2</v>
      </c>
      <c r="D6178" t="s">
        <v>11246</v>
      </c>
      <c r="E6178" t="s">
        <v>32559</v>
      </c>
      <c r="F6178">
        <v>1</v>
      </c>
      <c r="G6178" t="s">
        <v>2</v>
      </c>
      <c r="H6178" t="s">
        <v>11247</v>
      </c>
      <c r="I6178" t="s">
        <v>30540</v>
      </c>
    </row>
    <row r="6179" spans="1:9">
      <c r="A6179" s="1">
        <f ca="1">RAND()</f>
        <v>0.83273774466657113</v>
      </c>
      <c r="B6179" s="1"/>
      <c r="C6179">
        <v>12</v>
      </c>
      <c r="D6179" t="s">
        <v>11242</v>
      </c>
      <c r="E6179" t="s">
        <v>32560</v>
      </c>
      <c r="F6179">
        <v>5</v>
      </c>
      <c r="G6179" t="s">
        <v>10</v>
      </c>
      <c r="H6179" t="s">
        <v>11243</v>
      </c>
      <c r="I6179" t="s">
        <v>30540</v>
      </c>
    </row>
    <row r="6180" spans="1:9">
      <c r="A6180" s="1">
        <f ca="1">RAND()</f>
        <v>0.19133174473017489</v>
      </c>
      <c r="B6180" s="1"/>
      <c r="C6180">
        <v>13</v>
      </c>
      <c r="D6180" t="s">
        <v>11244</v>
      </c>
      <c r="E6180" t="s">
        <v>32560</v>
      </c>
      <c r="F6180">
        <v>4</v>
      </c>
      <c r="G6180" t="s">
        <v>10</v>
      </c>
      <c r="H6180" t="s">
        <v>11245</v>
      </c>
      <c r="I6180" t="s">
        <v>30540</v>
      </c>
    </row>
    <row r="6181" spans="1:9">
      <c r="A6181" s="1">
        <f ca="1">RAND()</f>
        <v>0.43612417039825391</v>
      </c>
      <c r="B6181" s="1"/>
      <c r="C6181">
        <v>9</v>
      </c>
      <c r="D6181" t="s">
        <v>11238</v>
      </c>
      <c r="E6181" t="s">
        <v>32560</v>
      </c>
      <c r="F6181">
        <v>4</v>
      </c>
      <c r="G6181" t="s">
        <v>0</v>
      </c>
      <c r="H6181" t="s">
        <v>11239</v>
      </c>
      <c r="I6181" t="s">
        <v>30540</v>
      </c>
    </row>
    <row r="6182" spans="1:9">
      <c r="A6182" s="1">
        <f ca="1">RAND()</f>
        <v>0.44672525557741471</v>
      </c>
      <c r="B6182" s="1"/>
      <c r="C6182">
        <v>4</v>
      </c>
      <c r="D6182" t="s">
        <v>11232</v>
      </c>
      <c r="E6182" t="s">
        <v>32560</v>
      </c>
      <c r="F6182">
        <v>4</v>
      </c>
      <c r="G6182" t="s">
        <v>13</v>
      </c>
      <c r="H6182" t="s">
        <v>11233</v>
      </c>
      <c r="I6182" t="s">
        <v>30540</v>
      </c>
    </row>
    <row r="6183" spans="1:9">
      <c r="A6183" s="1">
        <f ca="1">RAND()</f>
        <v>0.86012235923687286</v>
      </c>
      <c r="B6183" s="1"/>
      <c r="C6183">
        <v>5</v>
      </c>
      <c r="D6183" t="s">
        <v>11234</v>
      </c>
      <c r="E6183" t="s">
        <v>32560</v>
      </c>
      <c r="F6183">
        <v>4</v>
      </c>
      <c r="G6183" t="s">
        <v>2</v>
      </c>
      <c r="H6183" t="s">
        <v>11235</v>
      </c>
      <c r="I6183" t="s">
        <v>30540</v>
      </c>
    </row>
    <row r="6184" spans="1:9">
      <c r="A6184" s="1">
        <f ca="1">RAND()</f>
        <v>0.58494733562499557</v>
      </c>
      <c r="B6184" s="1"/>
      <c r="C6184">
        <v>11</v>
      </c>
      <c r="D6184" t="s">
        <v>11240</v>
      </c>
      <c r="E6184" t="s">
        <v>32560</v>
      </c>
      <c r="F6184">
        <v>4</v>
      </c>
      <c r="G6184" t="s">
        <v>10</v>
      </c>
      <c r="H6184" t="s">
        <v>11241</v>
      </c>
      <c r="I6184" t="s">
        <v>30540</v>
      </c>
    </row>
    <row r="6185" spans="1:9">
      <c r="A6185" s="1">
        <f ca="1">RAND()</f>
        <v>0.55092026498428737</v>
      </c>
      <c r="B6185" s="1"/>
      <c r="C6185">
        <v>8</v>
      </c>
      <c r="D6185" t="s">
        <v>11236</v>
      </c>
      <c r="E6185" t="s">
        <v>32560</v>
      </c>
      <c r="F6185">
        <v>2</v>
      </c>
      <c r="G6185" t="s">
        <v>2</v>
      </c>
      <c r="H6185" t="s">
        <v>11237</v>
      </c>
      <c r="I6185" t="s">
        <v>30540</v>
      </c>
    </row>
    <row r="6186" spans="1:9">
      <c r="A6186" s="1">
        <f ca="1">RAND()</f>
        <v>0.75121667583064267</v>
      </c>
      <c r="B6186" s="1"/>
      <c r="C6186">
        <v>20</v>
      </c>
      <c r="D6186" t="s">
        <v>11230</v>
      </c>
      <c r="E6186" t="s">
        <v>32561</v>
      </c>
      <c r="F6186">
        <v>4</v>
      </c>
      <c r="G6186" t="s">
        <v>10</v>
      </c>
      <c r="H6186" t="s">
        <v>11231</v>
      </c>
      <c r="I6186" t="s">
        <v>30540</v>
      </c>
    </row>
    <row r="6187" spans="1:9">
      <c r="A6187" s="1">
        <f ca="1">RAND()</f>
        <v>0.54507179015290963</v>
      </c>
      <c r="B6187" s="1"/>
      <c r="C6187">
        <v>10</v>
      </c>
      <c r="D6187" t="s">
        <v>11226</v>
      </c>
      <c r="E6187" t="s">
        <v>32561</v>
      </c>
      <c r="F6187">
        <v>4</v>
      </c>
      <c r="G6187" t="s">
        <v>2229</v>
      </c>
      <c r="H6187" t="s">
        <v>11227</v>
      </c>
      <c r="I6187" t="s">
        <v>30540</v>
      </c>
    </row>
    <row r="6188" spans="1:9">
      <c r="A6188" s="1">
        <f ca="1">RAND()</f>
        <v>0.59725469159109235</v>
      </c>
      <c r="B6188" s="1"/>
      <c r="C6188">
        <v>9</v>
      </c>
      <c r="D6188" t="s">
        <v>11224</v>
      </c>
      <c r="E6188" t="s">
        <v>32561</v>
      </c>
      <c r="F6188">
        <v>4</v>
      </c>
      <c r="G6188" t="s">
        <v>13</v>
      </c>
      <c r="H6188" t="s">
        <v>11225</v>
      </c>
      <c r="I6188" t="s">
        <v>30540</v>
      </c>
    </row>
    <row r="6189" spans="1:9">
      <c r="A6189" s="1">
        <f ca="1">RAND()</f>
        <v>0.29065380867622337</v>
      </c>
      <c r="B6189" s="1"/>
      <c r="C6189">
        <v>18</v>
      </c>
      <c r="D6189" t="s">
        <v>11228</v>
      </c>
      <c r="E6189" t="s">
        <v>32561</v>
      </c>
      <c r="F6189">
        <v>2</v>
      </c>
      <c r="G6189" t="s">
        <v>10</v>
      </c>
      <c r="H6189" t="s">
        <v>11229</v>
      </c>
      <c r="I6189" t="s">
        <v>30540</v>
      </c>
    </row>
    <row r="6190" spans="1:9">
      <c r="A6190" s="1">
        <f ca="1">RAND()</f>
        <v>0.56868798596682058</v>
      </c>
      <c r="B6190" s="1"/>
      <c r="C6190">
        <v>10</v>
      </c>
      <c r="D6190" t="s">
        <v>11222</v>
      </c>
      <c r="E6190" t="s">
        <v>32562</v>
      </c>
      <c r="F6190">
        <v>4</v>
      </c>
      <c r="G6190" t="s">
        <v>2</v>
      </c>
      <c r="H6190" t="s">
        <v>11223</v>
      </c>
      <c r="I6190" t="s">
        <v>30540</v>
      </c>
    </row>
    <row r="6191" spans="1:9">
      <c r="A6191" s="1">
        <f ca="1">RAND()</f>
        <v>0.64608922464034224</v>
      </c>
      <c r="B6191" s="1"/>
      <c r="C6191">
        <v>7</v>
      </c>
      <c r="D6191" t="s">
        <v>11220</v>
      </c>
      <c r="E6191" t="s">
        <v>32562</v>
      </c>
      <c r="F6191">
        <v>4</v>
      </c>
      <c r="G6191" t="s">
        <v>13</v>
      </c>
      <c r="H6191" t="s">
        <v>11221</v>
      </c>
      <c r="I6191" t="s">
        <v>30540</v>
      </c>
    </row>
    <row r="6192" spans="1:9">
      <c r="A6192" s="1">
        <f ca="1">RAND()</f>
        <v>2.5045369471078383E-3</v>
      </c>
      <c r="B6192" s="1"/>
      <c r="C6192">
        <v>3</v>
      </c>
      <c r="D6192" t="s">
        <v>11218</v>
      </c>
      <c r="E6192" t="s">
        <v>32562</v>
      </c>
      <c r="F6192">
        <v>4</v>
      </c>
      <c r="G6192" t="s">
        <v>10</v>
      </c>
      <c r="H6192" t="s">
        <v>11219</v>
      </c>
      <c r="I6192" t="s">
        <v>30540</v>
      </c>
    </row>
    <row r="6193" spans="1:9">
      <c r="A6193" s="1">
        <f ca="1">RAND()</f>
        <v>0.49272077197714959</v>
      </c>
      <c r="B6193" s="1"/>
      <c r="C6193">
        <v>7</v>
      </c>
      <c r="D6193" t="s">
        <v>11214</v>
      </c>
      <c r="E6193" t="s">
        <v>32563</v>
      </c>
      <c r="F6193">
        <v>5</v>
      </c>
      <c r="G6193" t="s">
        <v>10</v>
      </c>
      <c r="H6193" t="s">
        <v>11215</v>
      </c>
      <c r="I6193" t="s">
        <v>30540</v>
      </c>
    </row>
    <row r="6194" spans="1:9">
      <c r="A6194" s="1">
        <f ca="1">RAND()</f>
        <v>0.31873911564398416</v>
      </c>
      <c r="B6194" s="1"/>
      <c r="C6194">
        <v>6</v>
      </c>
      <c r="D6194" t="s">
        <v>11212</v>
      </c>
      <c r="E6194" t="s">
        <v>32563</v>
      </c>
      <c r="F6194">
        <v>4</v>
      </c>
      <c r="G6194" t="s">
        <v>0</v>
      </c>
      <c r="H6194" t="s">
        <v>11213</v>
      </c>
      <c r="I6194" t="s">
        <v>30540</v>
      </c>
    </row>
    <row r="6195" spans="1:9">
      <c r="A6195" s="1">
        <f ca="1">RAND()</f>
        <v>2.9114600617535125E-2</v>
      </c>
      <c r="B6195" s="1"/>
      <c r="C6195">
        <v>1</v>
      </c>
      <c r="D6195" t="s">
        <v>11206</v>
      </c>
      <c r="E6195" t="s">
        <v>32563</v>
      </c>
      <c r="F6195">
        <v>4</v>
      </c>
      <c r="G6195" t="s">
        <v>10</v>
      </c>
      <c r="H6195" t="s">
        <v>11207</v>
      </c>
      <c r="I6195" t="s">
        <v>30540</v>
      </c>
    </row>
    <row r="6196" spans="1:9">
      <c r="A6196" s="1">
        <f ca="1">RAND()</f>
        <v>0.67961956433270199</v>
      </c>
      <c r="B6196" s="1"/>
      <c r="C6196">
        <v>3</v>
      </c>
      <c r="D6196" t="s">
        <v>11210</v>
      </c>
      <c r="E6196" t="s">
        <v>32563</v>
      </c>
      <c r="F6196">
        <v>4</v>
      </c>
      <c r="G6196" t="s">
        <v>13</v>
      </c>
      <c r="H6196" t="s">
        <v>11211</v>
      </c>
      <c r="I6196" t="s">
        <v>30540</v>
      </c>
    </row>
    <row r="6197" spans="1:9">
      <c r="A6197" s="1">
        <f ca="1">RAND()</f>
        <v>0.98163820314314687</v>
      </c>
      <c r="B6197" s="1"/>
      <c r="C6197">
        <v>11</v>
      </c>
      <c r="D6197" t="s">
        <v>11216</v>
      </c>
      <c r="E6197" t="s">
        <v>32563</v>
      </c>
      <c r="F6197">
        <v>4</v>
      </c>
      <c r="G6197" t="s">
        <v>1</v>
      </c>
      <c r="H6197" t="s">
        <v>11217</v>
      </c>
      <c r="I6197" t="s">
        <v>30540</v>
      </c>
    </row>
    <row r="6198" spans="1:9">
      <c r="A6198" s="1">
        <f ca="1">RAND()</f>
        <v>0.11201144629872928</v>
      </c>
      <c r="B6198" s="1"/>
      <c r="C6198">
        <v>2</v>
      </c>
      <c r="D6198" t="s">
        <v>11208</v>
      </c>
      <c r="E6198" t="s">
        <v>32563</v>
      </c>
      <c r="F6198">
        <v>3</v>
      </c>
      <c r="G6198" t="s">
        <v>10</v>
      </c>
      <c r="H6198" t="s">
        <v>11209</v>
      </c>
      <c r="I6198" t="s">
        <v>30540</v>
      </c>
    </row>
    <row r="6199" spans="1:9">
      <c r="A6199" s="1">
        <f ca="1">RAND()</f>
        <v>4.4045750522940463E-2</v>
      </c>
      <c r="B6199" s="1"/>
      <c r="C6199">
        <v>11</v>
      </c>
      <c r="D6199" t="s">
        <v>11202</v>
      </c>
      <c r="E6199" t="s">
        <v>32564</v>
      </c>
      <c r="F6199">
        <v>4</v>
      </c>
      <c r="G6199" t="s">
        <v>9</v>
      </c>
      <c r="H6199" t="s">
        <v>11203</v>
      </c>
      <c r="I6199" t="s">
        <v>30540</v>
      </c>
    </row>
    <row r="6200" spans="1:9">
      <c r="A6200" s="1">
        <f ca="1">RAND()</f>
        <v>0.9587573253667494</v>
      </c>
      <c r="B6200" s="1"/>
      <c r="C6200">
        <v>16</v>
      </c>
      <c r="D6200" t="s">
        <v>11204</v>
      </c>
      <c r="E6200" t="s">
        <v>32564</v>
      </c>
      <c r="F6200">
        <v>4</v>
      </c>
      <c r="G6200" t="s">
        <v>14</v>
      </c>
      <c r="H6200" t="s">
        <v>11205</v>
      </c>
      <c r="I6200" t="s">
        <v>30540</v>
      </c>
    </row>
    <row r="6201" spans="1:9">
      <c r="A6201" s="1">
        <f ca="1">RAND()</f>
        <v>0.93077735067705836</v>
      </c>
      <c r="B6201" s="1"/>
      <c r="C6201">
        <v>8</v>
      </c>
      <c r="D6201" t="s">
        <v>11200</v>
      </c>
      <c r="E6201" t="s">
        <v>32564</v>
      </c>
      <c r="F6201">
        <v>1</v>
      </c>
      <c r="G6201" t="s">
        <v>1</v>
      </c>
      <c r="H6201" t="s">
        <v>11201</v>
      </c>
      <c r="I6201" t="s">
        <v>30540</v>
      </c>
    </row>
    <row r="6202" spans="1:9">
      <c r="A6202" s="1">
        <f ca="1">RAND()</f>
        <v>8.6415666574475747E-2</v>
      </c>
      <c r="B6202" s="1"/>
      <c r="C6202">
        <v>11</v>
      </c>
      <c r="D6202" t="s">
        <v>11194</v>
      </c>
      <c r="E6202" t="s">
        <v>32565</v>
      </c>
      <c r="F6202">
        <v>5</v>
      </c>
      <c r="G6202" t="s">
        <v>9</v>
      </c>
      <c r="H6202" t="s">
        <v>11195</v>
      </c>
      <c r="I6202" t="s">
        <v>30540</v>
      </c>
    </row>
    <row r="6203" spans="1:9">
      <c r="A6203" s="1">
        <f ca="1">RAND()</f>
        <v>0.4652108620879577</v>
      </c>
      <c r="B6203" s="1"/>
      <c r="C6203">
        <v>12</v>
      </c>
      <c r="D6203" t="s">
        <v>11196</v>
      </c>
      <c r="E6203" t="s">
        <v>32565</v>
      </c>
      <c r="F6203">
        <v>4</v>
      </c>
      <c r="G6203" t="s">
        <v>10</v>
      </c>
      <c r="H6203" t="s">
        <v>11197</v>
      </c>
      <c r="I6203" t="s">
        <v>30540</v>
      </c>
    </row>
    <row r="6204" spans="1:9">
      <c r="A6204" s="1">
        <f ca="1">RAND()</f>
        <v>3.4416692985539177E-2</v>
      </c>
      <c r="B6204" s="1"/>
      <c r="C6204">
        <v>5</v>
      </c>
      <c r="D6204" t="s">
        <v>11188</v>
      </c>
      <c r="E6204" t="s">
        <v>32565</v>
      </c>
      <c r="F6204">
        <v>4</v>
      </c>
      <c r="G6204" t="s">
        <v>0</v>
      </c>
      <c r="H6204" t="s">
        <v>11189</v>
      </c>
      <c r="I6204" t="s">
        <v>30540</v>
      </c>
    </row>
    <row r="6205" spans="1:9">
      <c r="A6205" s="1">
        <f ca="1">RAND()</f>
        <v>0.30150401832603513</v>
      </c>
      <c r="B6205" s="1"/>
      <c r="C6205">
        <v>3</v>
      </c>
      <c r="D6205" t="s">
        <v>11186</v>
      </c>
      <c r="E6205" t="s">
        <v>32565</v>
      </c>
      <c r="F6205">
        <v>4</v>
      </c>
      <c r="G6205" t="s">
        <v>10</v>
      </c>
      <c r="H6205" t="s">
        <v>11187</v>
      </c>
      <c r="I6205" t="s">
        <v>30540</v>
      </c>
    </row>
    <row r="6206" spans="1:9">
      <c r="A6206" s="1">
        <f ca="1">RAND()</f>
        <v>0.11893765755876817</v>
      </c>
      <c r="B6206" s="1"/>
      <c r="C6206">
        <v>14</v>
      </c>
      <c r="D6206" t="s">
        <v>11198</v>
      </c>
      <c r="E6206" t="s">
        <v>32565</v>
      </c>
      <c r="F6206">
        <v>4</v>
      </c>
      <c r="G6206" t="s">
        <v>10</v>
      </c>
      <c r="H6206" t="s">
        <v>11199</v>
      </c>
      <c r="I6206" t="s">
        <v>30540</v>
      </c>
    </row>
    <row r="6207" spans="1:9">
      <c r="A6207" s="1">
        <f ca="1">RAND()</f>
        <v>0.82517654537501717</v>
      </c>
      <c r="B6207" s="1"/>
      <c r="C6207">
        <v>8</v>
      </c>
      <c r="D6207" t="s">
        <v>11190</v>
      </c>
      <c r="E6207" t="s">
        <v>32565</v>
      </c>
      <c r="F6207">
        <v>4</v>
      </c>
      <c r="G6207" t="s">
        <v>2</v>
      </c>
      <c r="H6207" t="s">
        <v>11191</v>
      </c>
      <c r="I6207" t="s">
        <v>30540</v>
      </c>
    </row>
    <row r="6208" spans="1:9">
      <c r="A6208" s="1">
        <f ca="1">RAND()</f>
        <v>0.1271255063413036</v>
      </c>
      <c r="B6208" s="1"/>
      <c r="C6208">
        <v>9</v>
      </c>
      <c r="D6208" t="s">
        <v>11192</v>
      </c>
      <c r="E6208" t="s">
        <v>32565</v>
      </c>
      <c r="F6208">
        <v>3</v>
      </c>
      <c r="G6208" t="s">
        <v>2</v>
      </c>
      <c r="H6208" t="s">
        <v>11193</v>
      </c>
      <c r="I6208" t="s">
        <v>30540</v>
      </c>
    </row>
    <row r="6209" spans="1:9">
      <c r="A6209" s="1">
        <f ca="1">RAND()</f>
        <v>0.38593927184151033</v>
      </c>
      <c r="B6209" s="1"/>
      <c r="C6209">
        <v>4</v>
      </c>
      <c r="D6209" t="s">
        <v>11182</v>
      </c>
      <c r="E6209" t="s">
        <v>32566</v>
      </c>
      <c r="F6209">
        <v>4</v>
      </c>
      <c r="G6209" t="s">
        <v>1431</v>
      </c>
      <c r="H6209" t="s">
        <v>11183</v>
      </c>
      <c r="I6209" t="s">
        <v>30540</v>
      </c>
    </row>
    <row r="6210" spans="1:9">
      <c r="A6210" s="1">
        <f ca="1">RAND()</f>
        <v>0.87394127156047152</v>
      </c>
      <c r="B6210" s="1"/>
      <c r="C6210">
        <v>11</v>
      </c>
      <c r="D6210" t="s">
        <v>11184</v>
      </c>
      <c r="E6210" t="s">
        <v>32566</v>
      </c>
      <c r="F6210">
        <v>4</v>
      </c>
      <c r="G6210" t="s">
        <v>1426</v>
      </c>
      <c r="H6210" t="s">
        <v>11185</v>
      </c>
      <c r="I6210" t="s">
        <v>30540</v>
      </c>
    </row>
    <row r="6211" spans="1:9">
      <c r="A6211" s="1">
        <f ca="1">RAND()</f>
        <v>0.61168028820048459</v>
      </c>
      <c r="B6211" s="1"/>
      <c r="C6211">
        <v>15</v>
      </c>
      <c r="D6211" t="s">
        <v>11180</v>
      </c>
      <c r="E6211" t="s">
        <v>32567</v>
      </c>
      <c r="F6211">
        <v>5</v>
      </c>
      <c r="G6211" t="s">
        <v>0</v>
      </c>
      <c r="H6211" t="s">
        <v>11181</v>
      </c>
      <c r="I6211" t="s">
        <v>30540</v>
      </c>
    </row>
    <row r="6212" spans="1:9">
      <c r="A6212" s="1">
        <f ca="1">RAND()</f>
        <v>2.9876842868541864E-2</v>
      </c>
      <c r="B6212" s="1"/>
      <c r="C6212">
        <v>12</v>
      </c>
      <c r="D6212" t="s">
        <v>11178</v>
      </c>
      <c r="E6212" t="s">
        <v>32567</v>
      </c>
      <c r="F6212">
        <v>4</v>
      </c>
      <c r="G6212" t="s">
        <v>10</v>
      </c>
      <c r="H6212" t="s">
        <v>11179</v>
      </c>
      <c r="I6212" t="s">
        <v>30540</v>
      </c>
    </row>
    <row r="6213" spans="1:9">
      <c r="A6213" s="1">
        <f ca="1">RAND()</f>
        <v>0.22773359507172763</v>
      </c>
      <c r="B6213" s="1"/>
      <c r="C6213">
        <v>9</v>
      </c>
      <c r="D6213" t="s">
        <v>11176</v>
      </c>
      <c r="E6213" t="s">
        <v>32567</v>
      </c>
      <c r="F6213">
        <v>4</v>
      </c>
      <c r="G6213" t="s">
        <v>10</v>
      </c>
      <c r="H6213" t="s">
        <v>11177</v>
      </c>
      <c r="I6213" t="s">
        <v>30540</v>
      </c>
    </row>
    <row r="6214" spans="1:9">
      <c r="A6214" s="1">
        <f ca="1">RAND()</f>
        <v>0.13267288216046691</v>
      </c>
      <c r="B6214" s="1"/>
      <c r="C6214">
        <v>2</v>
      </c>
      <c r="D6214" t="s">
        <v>11172</v>
      </c>
      <c r="E6214" t="s">
        <v>32567</v>
      </c>
      <c r="F6214">
        <v>2</v>
      </c>
      <c r="G6214" t="s">
        <v>9</v>
      </c>
      <c r="H6214" t="s">
        <v>11173</v>
      </c>
      <c r="I6214" t="s">
        <v>30540</v>
      </c>
    </row>
    <row r="6215" spans="1:9">
      <c r="A6215" s="1">
        <f ca="1">RAND()</f>
        <v>0.46481127444963666</v>
      </c>
      <c r="B6215" s="1"/>
      <c r="C6215">
        <v>3</v>
      </c>
      <c r="D6215" t="s">
        <v>11174</v>
      </c>
      <c r="E6215" t="s">
        <v>32567</v>
      </c>
      <c r="F6215">
        <v>2</v>
      </c>
      <c r="G6215" t="s">
        <v>10</v>
      </c>
      <c r="H6215" t="s">
        <v>11175</v>
      </c>
      <c r="I6215" t="s">
        <v>30540</v>
      </c>
    </row>
    <row r="6216" spans="1:9">
      <c r="A6216" s="1">
        <f ca="1">RAND()</f>
        <v>0.8173616309113878</v>
      </c>
      <c r="B6216" s="1"/>
      <c r="C6216">
        <v>3</v>
      </c>
      <c r="D6216" t="s">
        <v>11166</v>
      </c>
      <c r="E6216" t="s">
        <v>32568</v>
      </c>
      <c r="F6216">
        <v>5</v>
      </c>
      <c r="G6216" t="s">
        <v>9</v>
      </c>
      <c r="H6216" t="s">
        <v>11167</v>
      </c>
      <c r="I6216" t="s">
        <v>30540</v>
      </c>
    </row>
    <row r="6217" spans="1:9">
      <c r="A6217" s="1">
        <f ca="1">RAND()</f>
        <v>2.631205506317269E-2</v>
      </c>
      <c r="B6217" s="1"/>
      <c r="C6217">
        <v>13</v>
      </c>
      <c r="D6217" t="s">
        <v>11170</v>
      </c>
      <c r="E6217" t="s">
        <v>32568</v>
      </c>
      <c r="F6217">
        <v>3</v>
      </c>
      <c r="G6217" t="s">
        <v>10</v>
      </c>
      <c r="H6217" t="s">
        <v>11171</v>
      </c>
      <c r="I6217" t="s">
        <v>30540</v>
      </c>
    </row>
    <row r="6218" spans="1:9">
      <c r="A6218" s="1">
        <f ca="1">RAND()</f>
        <v>0.17488173521176442</v>
      </c>
      <c r="B6218" s="1"/>
      <c r="C6218">
        <v>4</v>
      </c>
      <c r="D6218" t="s">
        <v>11168</v>
      </c>
      <c r="E6218" t="s">
        <v>32568</v>
      </c>
      <c r="F6218">
        <v>2</v>
      </c>
      <c r="G6218" t="s">
        <v>10</v>
      </c>
      <c r="H6218" t="s">
        <v>11169</v>
      </c>
      <c r="I6218" t="s">
        <v>30540</v>
      </c>
    </row>
    <row r="6219" spans="1:9">
      <c r="A6219" s="1">
        <f ca="1">RAND()</f>
        <v>0.13762391261539197</v>
      </c>
      <c r="B6219" s="1"/>
      <c r="C6219">
        <v>6</v>
      </c>
      <c r="D6219" t="s">
        <v>11158</v>
      </c>
      <c r="E6219" t="s">
        <v>32569</v>
      </c>
      <c r="F6219">
        <v>5</v>
      </c>
      <c r="G6219" t="s">
        <v>9</v>
      </c>
      <c r="H6219" t="s">
        <v>11159</v>
      </c>
      <c r="I6219" t="s">
        <v>30540</v>
      </c>
    </row>
    <row r="6220" spans="1:9">
      <c r="A6220" s="1">
        <f ca="1">RAND()</f>
        <v>0.86517310429585625</v>
      </c>
      <c r="B6220" s="1"/>
      <c r="C6220">
        <v>11</v>
      </c>
      <c r="D6220" t="s">
        <v>11160</v>
      </c>
      <c r="E6220" t="s">
        <v>32569</v>
      </c>
      <c r="F6220">
        <v>4</v>
      </c>
      <c r="G6220" t="s">
        <v>14</v>
      </c>
      <c r="H6220" t="s">
        <v>11161</v>
      </c>
      <c r="I6220" t="s">
        <v>30540</v>
      </c>
    </row>
    <row r="6221" spans="1:9">
      <c r="A6221" s="1">
        <f ca="1">RAND()</f>
        <v>0.22438862427333128</v>
      </c>
      <c r="B6221" s="1"/>
      <c r="C6221">
        <v>12</v>
      </c>
      <c r="D6221" t="s">
        <v>11162</v>
      </c>
      <c r="E6221" t="s">
        <v>32569</v>
      </c>
      <c r="F6221">
        <v>4</v>
      </c>
      <c r="G6221" t="s">
        <v>14</v>
      </c>
      <c r="H6221" t="s">
        <v>11163</v>
      </c>
      <c r="I6221" t="s">
        <v>30540</v>
      </c>
    </row>
    <row r="6222" spans="1:9">
      <c r="A6222" s="1">
        <f ca="1">RAND()</f>
        <v>0.8159795003280591</v>
      </c>
      <c r="B6222" s="1"/>
      <c r="C6222">
        <v>15</v>
      </c>
      <c r="D6222" t="s">
        <v>11164</v>
      </c>
      <c r="E6222" t="s">
        <v>32569</v>
      </c>
      <c r="F6222">
        <v>3</v>
      </c>
      <c r="G6222" t="s">
        <v>1</v>
      </c>
      <c r="H6222" t="s">
        <v>11165</v>
      </c>
      <c r="I6222" t="s">
        <v>30540</v>
      </c>
    </row>
    <row r="6223" spans="1:9">
      <c r="A6223" s="1">
        <f ca="1">RAND()</f>
        <v>0.6386537160052792</v>
      </c>
      <c r="B6223" s="1"/>
      <c r="C6223">
        <v>5</v>
      </c>
      <c r="D6223" t="s">
        <v>11152</v>
      </c>
      <c r="E6223" t="s">
        <v>32570</v>
      </c>
      <c r="F6223">
        <v>5</v>
      </c>
      <c r="G6223" t="s">
        <v>10</v>
      </c>
      <c r="H6223" t="s">
        <v>11153</v>
      </c>
      <c r="I6223" t="s">
        <v>30540</v>
      </c>
    </row>
    <row r="6224" spans="1:9">
      <c r="A6224" s="1">
        <f ca="1">RAND()</f>
        <v>0.41361411737753384</v>
      </c>
      <c r="B6224" s="1"/>
      <c r="C6224">
        <v>7</v>
      </c>
      <c r="D6224" t="s">
        <v>11154</v>
      </c>
      <c r="E6224" t="s">
        <v>32570</v>
      </c>
      <c r="F6224">
        <v>5</v>
      </c>
      <c r="G6224" t="s">
        <v>0</v>
      </c>
      <c r="H6224" t="s">
        <v>11155</v>
      </c>
      <c r="I6224" t="s">
        <v>30540</v>
      </c>
    </row>
    <row r="6225" spans="1:9">
      <c r="A6225" s="1">
        <f ca="1">RAND()</f>
        <v>0.47366471024467627</v>
      </c>
      <c r="B6225" s="1"/>
      <c r="C6225">
        <v>8</v>
      </c>
      <c r="D6225" t="s">
        <v>11156</v>
      </c>
      <c r="E6225" t="s">
        <v>32570</v>
      </c>
      <c r="F6225">
        <v>4</v>
      </c>
      <c r="G6225" t="s">
        <v>10</v>
      </c>
      <c r="H6225" t="s">
        <v>11157</v>
      </c>
      <c r="I6225" t="s">
        <v>30540</v>
      </c>
    </row>
    <row r="6226" spans="1:9">
      <c r="A6226" s="1">
        <f ca="1">RAND()</f>
        <v>0.35225971370297671</v>
      </c>
      <c r="B6226" s="1"/>
      <c r="C6226">
        <v>16</v>
      </c>
      <c r="D6226" t="s">
        <v>11148</v>
      </c>
      <c r="E6226" t="s">
        <v>32571</v>
      </c>
      <c r="F6226">
        <v>4</v>
      </c>
      <c r="G6226" t="s">
        <v>1431</v>
      </c>
      <c r="H6226" t="s">
        <v>11149</v>
      </c>
      <c r="I6226" t="s">
        <v>30540</v>
      </c>
    </row>
    <row r="6227" spans="1:9">
      <c r="A6227" s="1">
        <f ca="1">RAND()</f>
        <v>0.33206108268058665</v>
      </c>
      <c r="B6227" s="1"/>
      <c r="C6227">
        <v>19</v>
      </c>
      <c r="D6227" t="s">
        <v>11150</v>
      </c>
      <c r="E6227" t="s">
        <v>32571</v>
      </c>
      <c r="F6227">
        <v>4</v>
      </c>
      <c r="G6227" t="s">
        <v>10</v>
      </c>
      <c r="H6227" t="s">
        <v>11151</v>
      </c>
      <c r="I6227" t="s">
        <v>30540</v>
      </c>
    </row>
    <row r="6228" spans="1:9">
      <c r="A6228" s="1">
        <f ca="1">RAND()</f>
        <v>0.15061548446768247</v>
      </c>
      <c r="B6228" s="1"/>
      <c r="C6228">
        <v>1</v>
      </c>
      <c r="D6228" t="s">
        <v>11146</v>
      </c>
      <c r="E6228" t="s">
        <v>32571</v>
      </c>
      <c r="F6228">
        <v>4</v>
      </c>
      <c r="G6228" t="s">
        <v>13</v>
      </c>
      <c r="H6228" t="s">
        <v>11147</v>
      </c>
      <c r="I6228" t="s">
        <v>30540</v>
      </c>
    </row>
    <row r="6229" spans="1:9">
      <c r="A6229" s="1">
        <f ca="1">RAND()</f>
        <v>0.9173935483488207</v>
      </c>
      <c r="B6229" s="1"/>
      <c r="C6229">
        <v>11</v>
      </c>
      <c r="D6229" t="s">
        <v>11142</v>
      </c>
      <c r="E6229" t="s">
        <v>32572</v>
      </c>
      <c r="F6229">
        <v>4</v>
      </c>
      <c r="G6229" t="s">
        <v>14</v>
      </c>
      <c r="H6229" t="s">
        <v>11143</v>
      </c>
      <c r="I6229" t="s">
        <v>30540</v>
      </c>
    </row>
    <row r="6230" spans="1:9">
      <c r="A6230" s="1">
        <f ca="1">RAND()</f>
        <v>0.65369591687663009</v>
      </c>
      <c r="B6230" s="1"/>
      <c r="C6230">
        <v>4</v>
      </c>
      <c r="D6230" t="s">
        <v>11140</v>
      </c>
      <c r="E6230" t="s">
        <v>32572</v>
      </c>
      <c r="F6230">
        <v>4</v>
      </c>
      <c r="G6230" t="s">
        <v>13</v>
      </c>
      <c r="H6230" t="s">
        <v>11141</v>
      </c>
      <c r="I6230" t="s">
        <v>30540</v>
      </c>
    </row>
    <row r="6231" spans="1:9">
      <c r="A6231" s="1">
        <f ca="1">RAND()</f>
        <v>0.13160715920528643</v>
      </c>
      <c r="B6231" s="1"/>
      <c r="C6231">
        <v>13</v>
      </c>
      <c r="D6231" t="s">
        <v>11144</v>
      </c>
      <c r="E6231" t="s">
        <v>32572</v>
      </c>
      <c r="F6231">
        <v>4</v>
      </c>
      <c r="G6231" t="s">
        <v>2</v>
      </c>
      <c r="H6231" t="s">
        <v>11145</v>
      </c>
      <c r="I6231" t="s">
        <v>30540</v>
      </c>
    </row>
    <row r="6232" spans="1:9">
      <c r="A6232" s="1">
        <f ca="1">RAND()</f>
        <v>0.50467710133347476</v>
      </c>
      <c r="B6232" s="1"/>
      <c r="C6232">
        <v>3</v>
      </c>
      <c r="D6232" t="s">
        <v>11138</v>
      </c>
      <c r="E6232" t="s">
        <v>32572</v>
      </c>
      <c r="F6232">
        <v>4</v>
      </c>
      <c r="G6232" t="s">
        <v>10</v>
      </c>
      <c r="H6232" t="s">
        <v>11139</v>
      </c>
      <c r="I6232" t="s">
        <v>30540</v>
      </c>
    </row>
    <row r="6233" spans="1:9">
      <c r="A6233" s="1">
        <f ca="1">RAND()</f>
        <v>0.46762269718175453</v>
      </c>
      <c r="B6233" s="1"/>
      <c r="C6233">
        <v>10</v>
      </c>
      <c r="D6233" t="s">
        <v>11132</v>
      </c>
      <c r="E6233" t="s">
        <v>32573</v>
      </c>
      <c r="F6233">
        <v>4</v>
      </c>
      <c r="G6233" t="s">
        <v>14</v>
      </c>
      <c r="H6233" t="s">
        <v>11133</v>
      </c>
      <c r="I6233" t="s">
        <v>30540</v>
      </c>
    </row>
    <row r="6234" spans="1:9">
      <c r="A6234" s="1">
        <f ca="1">RAND()</f>
        <v>0.92436453409753971</v>
      </c>
      <c r="B6234" s="1"/>
      <c r="C6234">
        <v>6</v>
      </c>
      <c r="D6234" t="s">
        <v>11128</v>
      </c>
      <c r="E6234" t="s">
        <v>32573</v>
      </c>
      <c r="F6234">
        <v>4</v>
      </c>
      <c r="G6234" t="s">
        <v>14</v>
      </c>
      <c r="H6234" t="s">
        <v>11129</v>
      </c>
      <c r="I6234" t="s">
        <v>30540</v>
      </c>
    </row>
    <row r="6235" spans="1:9">
      <c r="A6235" s="1">
        <f ca="1">RAND()</f>
        <v>0.44815269155189019</v>
      </c>
      <c r="B6235" s="1"/>
      <c r="C6235">
        <v>11</v>
      </c>
      <c r="D6235" t="s">
        <v>11134</v>
      </c>
      <c r="E6235" t="s">
        <v>32573</v>
      </c>
      <c r="F6235">
        <v>4</v>
      </c>
      <c r="G6235" t="s">
        <v>14</v>
      </c>
      <c r="H6235" t="s">
        <v>11135</v>
      </c>
      <c r="I6235" t="s">
        <v>30540</v>
      </c>
    </row>
    <row r="6236" spans="1:9">
      <c r="A6236" s="1">
        <f ca="1">RAND()</f>
        <v>3.6105036896843412E-2</v>
      </c>
      <c r="B6236" s="1"/>
      <c r="C6236">
        <v>1</v>
      </c>
      <c r="D6236" t="s">
        <v>11124</v>
      </c>
      <c r="E6236" t="s">
        <v>32573</v>
      </c>
      <c r="F6236">
        <v>4</v>
      </c>
      <c r="G6236" t="s">
        <v>10</v>
      </c>
      <c r="H6236" t="s">
        <v>11125</v>
      </c>
      <c r="I6236" t="s">
        <v>30540</v>
      </c>
    </row>
    <row r="6237" spans="1:9">
      <c r="A6237" s="1">
        <f ca="1">RAND()</f>
        <v>0.93657770539828644</v>
      </c>
      <c r="B6237" s="1"/>
      <c r="C6237">
        <v>7</v>
      </c>
      <c r="D6237" t="s">
        <v>11130</v>
      </c>
      <c r="E6237" t="s">
        <v>32573</v>
      </c>
      <c r="F6237">
        <v>4</v>
      </c>
      <c r="G6237" t="s">
        <v>1</v>
      </c>
      <c r="H6237" t="s">
        <v>11131</v>
      </c>
      <c r="I6237" t="s">
        <v>30540</v>
      </c>
    </row>
    <row r="6238" spans="1:9">
      <c r="A6238" s="1">
        <f ca="1">RAND()</f>
        <v>0.86867957123214423</v>
      </c>
      <c r="B6238" s="1"/>
      <c r="C6238">
        <v>3</v>
      </c>
      <c r="D6238" t="s">
        <v>11126</v>
      </c>
      <c r="E6238" t="s">
        <v>32573</v>
      </c>
      <c r="F6238">
        <v>2</v>
      </c>
      <c r="G6238" t="s">
        <v>13</v>
      </c>
      <c r="H6238" t="s">
        <v>11127</v>
      </c>
      <c r="I6238" t="s">
        <v>30540</v>
      </c>
    </row>
    <row r="6239" spans="1:9">
      <c r="A6239" s="1">
        <f ca="1">RAND()</f>
        <v>0.42068750380120656</v>
      </c>
      <c r="B6239" s="1"/>
      <c r="C6239">
        <v>14</v>
      </c>
      <c r="D6239" t="s">
        <v>11136</v>
      </c>
      <c r="E6239" t="s">
        <v>32573</v>
      </c>
      <c r="F6239">
        <v>2</v>
      </c>
      <c r="G6239" t="s">
        <v>14</v>
      </c>
      <c r="H6239" t="s">
        <v>11137</v>
      </c>
      <c r="I6239" t="s">
        <v>30540</v>
      </c>
    </row>
    <row r="6240" spans="1:9">
      <c r="A6240" s="1">
        <f ca="1">RAND()</f>
        <v>0.93566799655252275</v>
      </c>
      <c r="B6240" s="1"/>
      <c r="C6240">
        <v>9</v>
      </c>
      <c r="D6240" t="s">
        <v>11122</v>
      </c>
      <c r="E6240" t="s">
        <v>32574</v>
      </c>
      <c r="F6240">
        <v>5</v>
      </c>
      <c r="G6240" t="s">
        <v>13</v>
      </c>
      <c r="H6240" t="s">
        <v>11123</v>
      </c>
      <c r="I6240" t="s">
        <v>30540</v>
      </c>
    </row>
    <row r="6241" spans="1:9">
      <c r="A6241" s="1">
        <f ca="1">RAND()</f>
        <v>0.55408822995327089</v>
      </c>
      <c r="B6241" s="1"/>
      <c r="C6241">
        <v>6</v>
      </c>
      <c r="D6241" t="s">
        <v>11118</v>
      </c>
      <c r="E6241" t="s">
        <v>32574</v>
      </c>
      <c r="F6241">
        <v>4</v>
      </c>
      <c r="G6241" t="s">
        <v>2</v>
      </c>
      <c r="H6241" t="s">
        <v>11119</v>
      </c>
      <c r="I6241" t="s">
        <v>30540</v>
      </c>
    </row>
    <row r="6242" spans="1:9">
      <c r="A6242" s="1">
        <f ca="1">RAND()</f>
        <v>0.50502595135406225</v>
      </c>
      <c r="B6242" s="1"/>
      <c r="C6242">
        <v>8</v>
      </c>
      <c r="D6242" t="s">
        <v>11120</v>
      </c>
      <c r="E6242" t="s">
        <v>32574</v>
      </c>
      <c r="F6242">
        <v>4</v>
      </c>
      <c r="G6242" t="s">
        <v>14</v>
      </c>
      <c r="H6242" t="s">
        <v>11121</v>
      </c>
      <c r="I6242" t="s">
        <v>30540</v>
      </c>
    </row>
    <row r="6243" spans="1:9">
      <c r="A6243" s="1">
        <f ca="1">RAND()</f>
        <v>0.20461013811283324</v>
      </c>
      <c r="B6243" s="1"/>
      <c r="C6243">
        <v>4</v>
      </c>
      <c r="D6243" t="s">
        <v>11114</v>
      </c>
      <c r="E6243" t="s">
        <v>32574</v>
      </c>
      <c r="F6243">
        <v>4</v>
      </c>
      <c r="G6243" t="s">
        <v>1</v>
      </c>
      <c r="H6243" t="s">
        <v>11115</v>
      </c>
      <c r="I6243" t="s">
        <v>30540</v>
      </c>
    </row>
    <row r="6244" spans="1:9">
      <c r="A6244" s="1">
        <f ca="1">RAND()</f>
        <v>0.56796098582683974</v>
      </c>
      <c r="B6244" s="1"/>
      <c r="C6244">
        <v>5</v>
      </c>
      <c r="D6244" t="s">
        <v>11116</v>
      </c>
      <c r="E6244" t="s">
        <v>32574</v>
      </c>
      <c r="F6244">
        <v>4</v>
      </c>
      <c r="G6244" t="s">
        <v>14</v>
      </c>
      <c r="H6244" t="s">
        <v>11117</v>
      </c>
      <c r="I6244" t="s">
        <v>30540</v>
      </c>
    </row>
    <row r="6245" spans="1:9">
      <c r="A6245" s="1">
        <f ca="1">RAND()</f>
        <v>0.90063927356757933</v>
      </c>
      <c r="B6245" s="1"/>
      <c r="C6245">
        <v>9</v>
      </c>
      <c r="D6245" t="s">
        <v>11112</v>
      </c>
      <c r="E6245" t="s">
        <v>32575</v>
      </c>
      <c r="F6245">
        <v>5</v>
      </c>
      <c r="G6245" t="s">
        <v>9</v>
      </c>
      <c r="H6245" t="s">
        <v>11113</v>
      </c>
      <c r="I6245" t="s">
        <v>30540</v>
      </c>
    </row>
    <row r="6246" spans="1:9">
      <c r="A6246" s="1">
        <f ca="1">RAND()</f>
        <v>0.721802619330149</v>
      </c>
      <c r="B6246" s="1"/>
      <c r="C6246">
        <v>2</v>
      </c>
      <c r="D6246" t="s">
        <v>11108</v>
      </c>
      <c r="E6246" t="s">
        <v>32575</v>
      </c>
      <c r="F6246">
        <v>4</v>
      </c>
      <c r="G6246" t="s">
        <v>2</v>
      </c>
      <c r="H6246" t="s">
        <v>11109</v>
      </c>
      <c r="I6246" t="s">
        <v>30540</v>
      </c>
    </row>
    <row r="6247" spans="1:9">
      <c r="A6247" s="1">
        <f ca="1">RAND()</f>
        <v>0.43862219116254142</v>
      </c>
      <c r="B6247" s="1"/>
      <c r="C6247">
        <v>8</v>
      </c>
      <c r="D6247" t="s">
        <v>11110</v>
      </c>
      <c r="E6247" t="s">
        <v>32575</v>
      </c>
      <c r="F6247">
        <v>4</v>
      </c>
      <c r="G6247" t="s">
        <v>14</v>
      </c>
      <c r="H6247" t="s">
        <v>11111</v>
      </c>
      <c r="I6247" t="s">
        <v>30540</v>
      </c>
    </row>
    <row r="6248" spans="1:9">
      <c r="A6248" s="1">
        <f ca="1">RAND()</f>
        <v>0.41217794642158256</v>
      </c>
      <c r="B6248" s="1"/>
      <c r="C6248">
        <v>11</v>
      </c>
      <c r="D6248" t="s">
        <v>11102</v>
      </c>
      <c r="E6248" t="s">
        <v>32576</v>
      </c>
      <c r="F6248">
        <v>4</v>
      </c>
      <c r="G6248" t="s">
        <v>0</v>
      </c>
      <c r="H6248" t="s">
        <v>11103</v>
      </c>
      <c r="I6248" t="s">
        <v>30540</v>
      </c>
    </row>
    <row r="6249" spans="1:9">
      <c r="A6249" s="1">
        <f ca="1">RAND()</f>
        <v>2.5310815422635913E-2</v>
      </c>
      <c r="B6249" s="1"/>
      <c r="C6249">
        <v>20</v>
      </c>
      <c r="D6249" t="s">
        <v>11106</v>
      </c>
      <c r="E6249" t="s">
        <v>32576</v>
      </c>
      <c r="F6249">
        <v>4</v>
      </c>
      <c r="G6249" t="s">
        <v>14</v>
      </c>
      <c r="H6249" t="s">
        <v>11107</v>
      </c>
      <c r="I6249" t="s">
        <v>30540</v>
      </c>
    </row>
    <row r="6250" spans="1:9">
      <c r="A6250" s="1">
        <f ca="1">RAND()</f>
        <v>0.18720769837669426</v>
      </c>
      <c r="B6250" s="1"/>
      <c r="C6250">
        <v>12</v>
      </c>
      <c r="D6250" t="s">
        <v>11104</v>
      </c>
      <c r="E6250" t="s">
        <v>32576</v>
      </c>
      <c r="F6250">
        <v>2</v>
      </c>
      <c r="G6250" t="s">
        <v>762</v>
      </c>
      <c r="H6250" t="s">
        <v>11105</v>
      </c>
      <c r="I6250" t="s">
        <v>30540</v>
      </c>
    </row>
    <row r="6251" spans="1:9">
      <c r="A6251" s="1">
        <f ca="1">RAND()</f>
        <v>0.45516502060678232</v>
      </c>
      <c r="B6251" s="1"/>
      <c r="C6251">
        <v>4</v>
      </c>
      <c r="D6251" t="s">
        <v>11100</v>
      </c>
      <c r="E6251" t="s">
        <v>32576</v>
      </c>
      <c r="F6251">
        <v>1</v>
      </c>
      <c r="G6251" t="s">
        <v>1</v>
      </c>
      <c r="H6251" t="s">
        <v>11101</v>
      </c>
      <c r="I6251" t="s">
        <v>30540</v>
      </c>
    </row>
    <row r="6252" spans="1:9">
      <c r="A6252" s="1">
        <f ca="1">RAND()</f>
        <v>0.43308990313521345</v>
      </c>
      <c r="B6252" s="1"/>
      <c r="C6252">
        <v>2</v>
      </c>
      <c r="D6252" t="s">
        <v>11092</v>
      </c>
      <c r="E6252" t="s">
        <v>32577</v>
      </c>
      <c r="F6252">
        <v>5</v>
      </c>
      <c r="G6252" t="s">
        <v>14</v>
      </c>
      <c r="H6252" t="s">
        <v>11093</v>
      </c>
      <c r="I6252" t="s">
        <v>30540</v>
      </c>
    </row>
    <row r="6253" spans="1:9">
      <c r="A6253" s="1">
        <f ca="1">RAND()</f>
        <v>0.55185344930084612</v>
      </c>
      <c r="B6253" s="1"/>
      <c r="C6253">
        <v>9</v>
      </c>
      <c r="D6253" t="s">
        <v>11098</v>
      </c>
      <c r="E6253" t="s">
        <v>32577</v>
      </c>
      <c r="F6253">
        <v>4</v>
      </c>
      <c r="G6253" t="s">
        <v>14</v>
      </c>
      <c r="H6253" t="s">
        <v>11099</v>
      </c>
      <c r="I6253" t="s">
        <v>30540</v>
      </c>
    </row>
    <row r="6254" spans="1:9">
      <c r="A6254" s="1">
        <f ca="1">RAND()</f>
        <v>0.93319305811641018</v>
      </c>
      <c r="B6254" s="1"/>
      <c r="C6254">
        <v>7</v>
      </c>
      <c r="D6254" t="s">
        <v>11094</v>
      </c>
      <c r="E6254" t="s">
        <v>32577</v>
      </c>
      <c r="F6254">
        <v>3</v>
      </c>
      <c r="G6254" t="s">
        <v>13</v>
      </c>
      <c r="H6254" t="s">
        <v>11095</v>
      </c>
      <c r="I6254" t="s">
        <v>30540</v>
      </c>
    </row>
    <row r="6255" spans="1:9">
      <c r="A6255" s="1">
        <f ca="1">RAND()</f>
        <v>0.94504856421084216</v>
      </c>
      <c r="B6255" s="1"/>
      <c r="C6255">
        <v>8</v>
      </c>
      <c r="D6255" t="s">
        <v>11096</v>
      </c>
      <c r="E6255" t="s">
        <v>32577</v>
      </c>
      <c r="F6255">
        <v>3</v>
      </c>
      <c r="G6255" t="s">
        <v>14</v>
      </c>
      <c r="H6255" t="s">
        <v>11097</v>
      </c>
      <c r="I6255" t="s">
        <v>30540</v>
      </c>
    </row>
    <row r="6256" spans="1:9">
      <c r="A6256" s="1">
        <f ca="1">RAND()</f>
        <v>0.43192009398987097</v>
      </c>
      <c r="B6256" s="1"/>
      <c r="C6256">
        <v>12</v>
      </c>
      <c r="D6256" t="s">
        <v>11090</v>
      </c>
      <c r="E6256" t="s">
        <v>32578</v>
      </c>
      <c r="F6256">
        <v>5</v>
      </c>
      <c r="G6256" t="s">
        <v>14</v>
      </c>
      <c r="H6256" t="s">
        <v>11091</v>
      </c>
      <c r="I6256" t="s">
        <v>30540</v>
      </c>
    </row>
    <row r="6257" spans="1:9">
      <c r="A6257" s="1">
        <f ca="1">RAND()</f>
        <v>0.1489090274035153</v>
      </c>
      <c r="B6257" s="1"/>
      <c r="C6257">
        <v>4</v>
      </c>
      <c r="D6257" t="s">
        <v>11086</v>
      </c>
      <c r="E6257" t="s">
        <v>32578</v>
      </c>
      <c r="F6257">
        <v>4</v>
      </c>
      <c r="G6257" t="s">
        <v>14</v>
      </c>
      <c r="H6257" t="s">
        <v>11087</v>
      </c>
      <c r="I6257" t="s">
        <v>30540</v>
      </c>
    </row>
    <row r="6258" spans="1:9">
      <c r="A6258" s="1">
        <f ca="1">RAND()</f>
        <v>0.87288334815439206</v>
      </c>
      <c r="B6258" s="1"/>
      <c r="C6258">
        <v>7</v>
      </c>
      <c r="D6258" t="s">
        <v>11088</v>
      </c>
      <c r="E6258" t="s">
        <v>32578</v>
      </c>
      <c r="F6258">
        <v>4</v>
      </c>
      <c r="G6258" t="s">
        <v>2</v>
      </c>
      <c r="H6258" t="s">
        <v>11089</v>
      </c>
      <c r="I6258" t="s">
        <v>30540</v>
      </c>
    </row>
    <row r="6259" spans="1:9">
      <c r="A6259" s="1">
        <f ca="1">RAND()</f>
        <v>0.64080140423608878</v>
      </c>
      <c r="B6259" s="1"/>
      <c r="C6259">
        <v>2</v>
      </c>
      <c r="D6259" t="s">
        <v>11084</v>
      </c>
      <c r="E6259" t="s">
        <v>32578</v>
      </c>
      <c r="F6259">
        <v>3</v>
      </c>
      <c r="G6259" t="s">
        <v>0</v>
      </c>
      <c r="H6259" t="s">
        <v>11085</v>
      </c>
      <c r="I6259" t="s">
        <v>30540</v>
      </c>
    </row>
    <row r="6260" spans="1:9">
      <c r="A6260" s="1">
        <f ca="1">RAND()</f>
        <v>0.69694992409242162</v>
      </c>
      <c r="B6260" s="1"/>
      <c r="C6260">
        <v>2</v>
      </c>
      <c r="D6260" t="s">
        <v>11082</v>
      </c>
      <c r="E6260" t="s">
        <v>32579</v>
      </c>
      <c r="F6260">
        <v>4</v>
      </c>
      <c r="G6260" t="s">
        <v>0</v>
      </c>
      <c r="H6260" t="s">
        <v>11083</v>
      </c>
      <c r="I6260" t="s">
        <v>30540</v>
      </c>
    </row>
    <row r="6261" spans="1:9">
      <c r="A6261" s="1">
        <f ca="1">RAND()</f>
        <v>0.61657533621187532</v>
      </c>
      <c r="B6261" s="1"/>
      <c r="C6261">
        <v>12</v>
      </c>
      <c r="D6261" t="s">
        <v>11076</v>
      </c>
      <c r="E6261" t="s">
        <v>32580</v>
      </c>
      <c r="F6261">
        <v>4</v>
      </c>
      <c r="G6261" t="s">
        <v>10</v>
      </c>
      <c r="H6261" t="s">
        <v>11077</v>
      </c>
      <c r="I6261" t="s">
        <v>30540</v>
      </c>
    </row>
    <row r="6262" spans="1:9">
      <c r="A6262" s="1">
        <f ca="1">RAND()</f>
        <v>0.41543098824286706</v>
      </c>
      <c r="B6262" s="1"/>
      <c r="C6262">
        <v>16</v>
      </c>
      <c r="D6262" t="s">
        <v>11078</v>
      </c>
      <c r="E6262" t="s">
        <v>32580</v>
      </c>
      <c r="F6262">
        <v>4</v>
      </c>
      <c r="G6262" t="s">
        <v>2226</v>
      </c>
      <c r="H6262" t="s">
        <v>11079</v>
      </c>
      <c r="I6262" t="s">
        <v>30540</v>
      </c>
    </row>
    <row r="6263" spans="1:9">
      <c r="A6263" s="1">
        <f ca="1">RAND()</f>
        <v>0.21179193354218384</v>
      </c>
      <c r="B6263" s="1"/>
      <c r="C6263">
        <v>8</v>
      </c>
      <c r="D6263" t="s">
        <v>11074</v>
      </c>
      <c r="E6263" t="s">
        <v>32580</v>
      </c>
      <c r="F6263">
        <v>4</v>
      </c>
      <c r="G6263" t="s">
        <v>10</v>
      </c>
      <c r="H6263" t="s">
        <v>11075</v>
      </c>
      <c r="I6263" t="s">
        <v>30540</v>
      </c>
    </row>
    <row r="6264" spans="1:9">
      <c r="A6264" s="1">
        <f ca="1">RAND()</f>
        <v>0.3030733804049881</v>
      </c>
      <c r="B6264" s="1"/>
      <c r="C6264">
        <v>17</v>
      </c>
      <c r="D6264" t="s">
        <v>11080</v>
      </c>
      <c r="E6264" t="s">
        <v>32580</v>
      </c>
      <c r="F6264">
        <v>3</v>
      </c>
      <c r="G6264" t="s">
        <v>765</v>
      </c>
      <c r="H6264" t="s">
        <v>11081</v>
      </c>
      <c r="I6264" t="s">
        <v>30540</v>
      </c>
    </row>
    <row r="6265" spans="1:9">
      <c r="A6265" s="1">
        <f ca="1">RAND()</f>
        <v>0.88499636429782369</v>
      </c>
      <c r="B6265" s="1"/>
      <c r="C6265">
        <v>5</v>
      </c>
      <c r="D6265" t="s">
        <v>11072</v>
      </c>
      <c r="E6265" t="s">
        <v>32581</v>
      </c>
      <c r="F6265">
        <v>3</v>
      </c>
      <c r="G6265" t="s">
        <v>2</v>
      </c>
      <c r="H6265" t="s">
        <v>11073</v>
      </c>
      <c r="I6265" t="s">
        <v>30540</v>
      </c>
    </row>
    <row r="6266" spans="1:9">
      <c r="A6266" s="1">
        <f ca="1">RAND()</f>
        <v>0.72632703156820799</v>
      </c>
      <c r="B6266" s="1"/>
      <c r="C6266">
        <v>2</v>
      </c>
      <c r="D6266" t="s">
        <v>11070</v>
      </c>
      <c r="E6266" t="s">
        <v>32581</v>
      </c>
      <c r="F6266">
        <v>3</v>
      </c>
      <c r="G6266" t="s">
        <v>10</v>
      </c>
      <c r="H6266" t="s">
        <v>11071</v>
      </c>
      <c r="I6266" t="s">
        <v>30540</v>
      </c>
    </row>
    <row r="6267" spans="1:9">
      <c r="A6267" s="1">
        <f ca="1">RAND()</f>
        <v>0.1147121327284315</v>
      </c>
      <c r="B6267" s="1"/>
      <c r="C6267">
        <v>10</v>
      </c>
      <c r="D6267" t="s">
        <v>11068</v>
      </c>
      <c r="E6267" t="s">
        <v>32582</v>
      </c>
      <c r="F6267">
        <v>5</v>
      </c>
      <c r="G6267" t="s">
        <v>14</v>
      </c>
      <c r="H6267" t="s">
        <v>11069</v>
      </c>
      <c r="I6267" t="s">
        <v>30540</v>
      </c>
    </row>
    <row r="6268" spans="1:9">
      <c r="A6268" s="1">
        <f ca="1">RAND()</f>
        <v>0.98413027338574677</v>
      </c>
      <c r="B6268" s="1"/>
      <c r="C6268">
        <v>4</v>
      </c>
      <c r="D6268" t="s">
        <v>11066</v>
      </c>
      <c r="E6268" t="s">
        <v>32582</v>
      </c>
      <c r="F6268">
        <v>4</v>
      </c>
      <c r="G6268" t="s">
        <v>14</v>
      </c>
      <c r="H6268" t="s">
        <v>11067</v>
      </c>
      <c r="I6268" t="s">
        <v>30540</v>
      </c>
    </row>
    <row r="6269" spans="1:9">
      <c r="A6269" s="1">
        <f ca="1">RAND()</f>
        <v>0.37245433237311842</v>
      </c>
      <c r="B6269" s="1"/>
      <c r="C6269">
        <v>15</v>
      </c>
      <c r="D6269" t="s">
        <v>11060</v>
      </c>
      <c r="E6269" t="s">
        <v>32583</v>
      </c>
      <c r="F6269">
        <v>5</v>
      </c>
      <c r="G6269" t="s">
        <v>14</v>
      </c>
      <c r="H6269" t="s">
        <v>11061</v>
      </c>
      <c r="I6269" t="s">
        <v>30540</v>
      </c>
    </row>
    <row r="6270" spans="1:9">
      <c r="A6270" s="1">
        <f ca="1">RAND()</f>
        <v>0.72747040127427642</v>
      </c>
      <c r="B6270" s="1"/>
      <c r="C6270">
        <v>12</v>
      </c>
      <c r="D6270" t="s">
        <v>11056</v>
      </c>
      <c r="E6270" t="s">
        <v>32583</v>
      </c>
      <c r="F6270">
        <v>5</v>
      </c>
      <c r="G6270" t="s">
        <v>0</v>
      </c>
      <c r="H6270" t="s">
        <v>11057</v>
      </c>
      <c r="I6270" t="s">
        <v>30540</v>
      </c>
    </row>
    <row r="6271" spans="1:9">
      <c r="A6271" s="1">
        <f ca="1">RAND()</f>
        <v>0.30539291714798311</v>
      </c>
      <c r="B6271" s="1"/>
      <c r="C6271">
        <v>14</v>
      </c>
      <c r="D6271" t="s">
        <v>11058</v>
      </c>
      <c r="E6271" t="s">
        <v>32583</v>
      </c>
      <c r="F6271">
        <v>5</v>
      </c>
      <c r="G6271" t="s">
        <v>2</v>
      </c>
      <c r="H6271" t="s">
        <v>11059</v>
      </c>
      <c r="I6271" t="s">
        <v>30540</v>
      </c>
    </row>
    <row r="6272" spans="1:9">
      <c r="A6272" s="1">
        <f ca="1">RAND()</f>
        <v>0.76137065326720821</v>
      </c>
      <c r="B6272" s="1"/>
      <c r="C6272">
        <v>16</v>
      </c>
      <c r="D6272" t="s">
        <v>11062</v>
      </c>
      <c r="E6272" t="s">
        <v>32583</v>
      </c>
      <c r="F6272">
        <v>5</v>
      </c>
      <c r="G6272" t="s">
        <v>14</v>
      </c>
      <c r="H6272" t="s">
        <v>11063</v>
      </c>
      <c r="I6272" t="s">
        <v>30540</v>
      </c>
    </row>
    <row r="6273" spans="1:9">
      <c r="A6273" s="1">
        <f ca="1">RAND()</f>
        <v>0.92352721886642386</v>
      </c>
      <c r="B6273" s="1"/>
      <c r="C6273">
        <v>11</v>
      </c>
      <c r="D6273" t="s">
        <v>11054</v>
      </c>
      <c r="E6273" t="s">
        <v>32583</v>
      </c>
      <c r="F6273">
        <v>5</v>
      </c>
      <c r="G6273" t="s">
        <v>2</v>
      </c>
      <c r="H6273" t="s">
        <v>11055</v>
      </c>
      <c r="I6273" t="s">
        <v>30540</v>
      </c>
    </row>
    <row r="6274" spans="1:9">
      <c r="A6274" s="1">
        <f ca="1">RAND()</f>
        <v>0.38265660652388456</v>
      </c>
      <c r="B6274" s="1"/>
      <c r="C6274">
        <v>19</v>
      </c>
      <c r="D6274" t="s">
        <v>11064</v>
      </c>
      <c r="E6274" t="s">
        <v>32583</v>
      </c>
      <c r="F6274">
        <v>4</v>
      </c>
      <c r="G6274" t="s">
        <v>14</v>
      </c>
      <c r="H6274" t="s">
        <v>11065</v>
      </c>
      <c r="I6274" t="s">
        <v>30540</v>
      </c>
    </row>
    <row r="6275" spans="1:9">
      <c r="A6275" s="1">
        <f ca="1">RAND()</f>
        <v>0.97663553584412066</v>
      </c>
      <c r="B6275" s="1"/>
      <c r="C6275">
        <v>7</v>
      </c>
      <c r="D6275" t="s">
        <v>11052</v>
      </c>
      <c r="E6275" t="s">
        <v>32583</v>
      </c>
      <c r="F6275">
        <v>4</v>
      </c>
      <c r="G6275" t="s">
        <v>14</v>
      </c>
      <c r="H6275" t="s">
        <v>11053</v>
      </c>
      <c r="I6275" t="s">
        <v>30540</v>
      </c>
    </row>
    <row r="6276" spans="1:9">
      <c r="A6276" s="1">
        <f ca="1">RAND()</f>
        <v>0.40315942734279075</v>
      </c>
      <c r="B6276" s="1"/>
      <c r="C6276">
        <v>10</v>
      </c>
      <c r="D6276" t="s">
        <v>11046</v>
      </c>
      <c r="E6276" t="s">
        <v>32584</v>
      </c>
      <c r="F6276">
        <v>5</v>
      </c>
      <c r="G6276" t="s">
        <v>2</v>
      </c>
      <c r="H6276" t="s">
        <v>11047</v>
      </c>
      <c r="I6276" t="s">
        <v>30540</v>
      </c>
    </row>
    <row r="6277" spans="1:9">
      <c r="A6277" s="1">
        <f ca="1">RAND()</f>
        <v>0.20766223966606767</v>
      </c>
      <c r="B6277" s="1"/>
      <c r="C6277">
        <v>9</v>
      </c>
      <c r="D6277" t="s">
        <v>11044</v>
      </c>
      <c r="E6277" t="s">
        <v>32584</v>
      </c>
      <c r="F6277">
        <v>4</v>
      </c>
      <c r="G6277" t="s">
        <v>2</v>
      </c>
      <c r="H6277" t="s">
        <v>11045</v>
      </c>
      <c r="I6277" t="s">
        <v>30540</v>
      </c>
    </row>
    <row r="6278" spans="1:9">
      <c r="A6278" s="1">
        <f ca="1">RAND()</f>
        <v>3.665551058876193E-2</v>
      </c>
      <c r="B6278" s="1"/>
      <c r="C6278">
        <v>3</v>
      </c>
      <c r="D6278" t="s">
        <v>11038</v>
      </c>
      <c r="E6278" t="s">
        <v>32584</v>
      </c>
      <c r="F6278">
        <v>4</v>
      </c>
      <c r="G6278" t="s">
        <v>2</v>
      </c>
      <c r="H6278" t="s">
        <v>11039</v>
      </c>
      <c r="I6278" t="s">
        <v>30540</v>
      </c>
    </row>
    <row r="6279" spans="1:9">
      <c r="A6279" s="1">
        <f ca="1">RAND()</f>
        <v>1.114126482977229E-2</v>
      </c>
      <c r="B6279" s="1"/>
      <c r="C6279">
        <v>6</v>
      </c>
      <c r="D6279" t="s">
        <v>11040</v>
      </c>
      <c r="E6279" t="s">
        <v>32584</v>
      </c>
      <c r="F6279">
        <v>4</v>
      </c>
      <c r="G6279" t="s">
        <v>14</v>
      </c>
      <c r="H6279" t="s">
        <v>11041</v>
      </c>
      <c r="I6279" t="s">
        <v>30540</v>
      </c>
    </row>
    <row r="6280" spans="1:9">
      <c r="A6280" s="1">
        <f ca="1">RAND()</f>
        <v>0.32797774558097048</v>
      </c>
      <c r="B6280" s="1"/>
      <c r="C6280">
        <v>15</v>
      </c>
      <c r="D6280" t="s">
        <v>11050</v>
      </c>
      <c r="E6280" t="s">
        <v>32584</v>
      </c>
      <c r="F6280">
        <v>4</v>
      </c>
      <c r="G6280" t="s">
        <v>14</v>
      </c>
      <c r="H6280" t="s">
        <v>11051</v>
      </c>
      <c r="I6280" t="s">
        <v>30540</v>
      </c>
    </row>
    <row r="6281" spans="1:9">
      <c r="A6281" s="1">
        <f ca="1">RAND()</f>
        <v>0.55080253745223351</v>
      </c>
      <c r="B6281" s="1"/>
      <c r="C6281">
        <v>13</v>
      </c>
      <c r="D6281" t="s">
        <v>11048</v>
      </c>
      <c r="E6281" t="s">
        <v>32584</v>
      </c>
      <c r="F6281">
        <v>3</v>
      </c>
      <c r="G6281" t="s">
        <v>14</v>
      </c>
      <c r="H6281" t="s">
        <v>11049</v>
      </c>
      <c r="I6281" t="s">
        <v>30540</v>
      </c>
    </row>
    <row r="6282" spans="1:9">
      <c r="A6282" s="1">
        <f ca="1">RAND()</f>
        <v>0.70387399104924275</v>
      </c>
      <c r="B6282" s="1"/>
      <c r="C6282">
        <v>8</v>
      </c>
      <c r="D6282" t="s">
        <v>11042</v>
      </c>
      <c r="E6282" t="s">
        <v>32584</v>
      </c>
      <c r="F6282">
        <v>2</v>
      </c>
      <c r="G6282" t="s">
        <v>9</v>
      </c>
      <c r="H6282" t="s">
        <v>11043</v>
      </c>
      <c r="I6282" t="s">
        <v>30540</v>
      </c>
    </row>
    <row r="6283" spans="1:9">
      <c r="A6283" s="1">
        <f ca="1">RAND()</f>
        <v>0.30011571828704431</v>
      </c>
      <c r="B6283" s="1"/>
      <c r="C6283">
        <v>5</v>
      </c>
      <c r="D6283" t="s">
        <v>11030</v>
      </c>
      <c r="E6283" t="s">
        <v>32585</v>
      </c>
      <c r="F6283">
        <v>5</v>
      </c>
      <c r="G6283" t="s">
        <v>2</v>
      </c>
      <c r="H6283" t="s">
        <v>11031</v>
      </c>
      <c r="I6283" t="s">
        <v>30540</v>
      </c>
    </row>
    <row r="6284" spans="1:9">
      <c r="A6284" s="1">
        <f ca="1">RAND()</f>
        <v>0.76537080125756074</v>
      </c>
      <c r="B6284" s="1"/>
      <c r="C6284">
        <v>3</v>
      </c>
      <c r="D6284" t="s">
        <v>11028</v>
      </c>
      <c r="E6284" t="s">
        <v>32585</v>
      </c>
      <c r="F6284">
        <v>5</v>
      </c>
      <c r="G6284" t="s">
        <v>2</v>
      </c>
      <c r="H6284" t="s">
        <v>11029</v>
      </c>
      <c r="I6284" t="s">
        <v>30540</v>
      </c>
    </row>
    <row r="6285" spans="1:9">
      <c r="A6285" s="1">
        <f ca="1">RAND()</f>
        <v>0.6706998511375929</v>
      </c>
      <c r="B6285" s="1"/>
      <c r="C6285">
        <v>9</v>
      </c>
      <c r="D6285" t="s">
        <v>11034</v>
      </c>
      <c r="E6285" t="s">
        <v>32585</v>
      </c>
      <c r="F6285">
        <v>4</v>
      </c>
      <c r="G6285" t="s">
        <v>13</v>
      </c>
      <c r="H6285" t="s">
        <v>11035</v>
      </c>
      <c r="I6285" t="s">
        <v>30540</v>
      </c>
    </row>
    <row r="6286" spans="1:9">
      <c r="A6286" s="1">
        <f ca="1">RAND()</f>
        <v>0.83844515188198432</v>
      </c>
      <c r="B6286" s="1"/>
      <c r="C6286">
        <v>2</v>
      </c>
      <c r="D6286" t="s">
        <v>11026</v>
      </c>
      <c r="E6286" t="s">
        <v>32585</v>
      </c>
      <c r="F6286">
        <v>4</v>
      </c>
      <c r="G6286" t="s">
        <v>1431</v>
      </c>
      <c r="H6286" t="s">
        <v>11027</v>
      </c>
      <c r="I6286" t="s">
        <v>30540</v>
      </c>
    </row>
    <row r="6287" spans="1:9">
      <c r="A6287" s="1">
        <f ca="1">RAND()</f>
        <v>0.15403213723219178</v>
      </c>
      <c r="B6287" s="1"/>
      <c r="C6287">
        <v>7</v>
      </c>
      <c r="D6287" t="s">
        <v>11032</v>
      </c>
      <c r="E6287" t="s">
        <v>32585</v>
      </c>
      <c r="F6287">
        <v>4</v>
      </c>
      <c r="G6287" t="s">
        <v>0</v>
      </c>
      <c r="H6287" t="s">
        <v>11033</v>
      </c>
      <c r="I6287" t="s">
        <v>30540</v>
      </c>
    </row>
    <row r="6288" spans="1:9">
      <c r="A6288" s="1">
        <f ca="1">RAND()</f>
        <v>0.11434156723616029</v>
      </c>
      <c r="B6288" s="1"/>
      <c r="C6288">
        <v>19</v>
      </c>
      <c r="D6288" t="s">
        <v>11036</v>
      </c>
      <c r="E6288" t="s">
        <v>32585</v>
      </c>
      <c r="F6288">
        <v>3</v>
      </c>
      <c r="G6288" t="s">
        <v>14</v>
      </c>
      <c r="H6288" t="s">
        <v>11037</v>
      </c>
      <c r="I6288" t="s">
        <v>30540</v>
      </c>
    </row>
    <row r="6289" spans="1:9">
      <c r="A6289" s="1">
        <f ca="1">RAND()</f>
        <v>0.8853357395366892</v>
      </c>
      <c r="B6289" s="1"/>
      <c r="C6289">
        <v>5</v>
      </c>
      <c r="D6289" t="s">
        <v>11022</v>
      </c>
      <c r="E6289" t="s">
        <v>32586</v>
      </c>
      <c r="F6289">
        <v>5</v>
      </c>
      <c r="G6289" t="s">
        <v>0</v>
      </c>
      <c r="H6289" t="s">
        <v>11023</v>
      </c>
      <c r="I6289" t="s">
        <v>30540</v>
      </c>
    </row>
    <row r="6290" spans="1:9">
      <c r="A6290" s="1">
        <f ca="1">RAND()</f>
        <v>0.32960705676470403</v>
      </c>
      <c r="B6290" s="1"/>
      <c r="C6290">
        <v>7</v>
      </c>
      <c r="D6290" t="s">
        <v>11024</v>
      </c>
      <c r="E6290" t="s">
        <v>32586</v>
      </c>
      <c r="F6290">
        <v>4</v>
      </c>
      <c r="G6290" t="s">
        <v>9</v>
      </c>
      <c r="H6290" t="s">
        <v>11025</v>
      </c>
      <c r="I6290" t="s">
        <v>30540</v>
      </c>
    </row>
    <row r="6291" spans="1:9">
      <c r="A6291" s="1">
        <f ca="1">RAND()</f>
        <v>0.53610523563599199</v>
      </c>
      <c r="B6291" s="1"/>
      <c r="C6291">
        <v>2</v>
      </c>
      <c r="D6291" t="s">
        <v>11016</v>
      </c>
      <c r="E6291" t="s">
        <v>32587</v>
      </c>
      <c r="F6291">
        <v>4</v>
      </c>
      <c r="G6291" t="s">
        <v>10</v>
      </c>
      <c r="H6291" t="s">
        <v>11017</v>
      </c>
      <c r="I6291" t="s">
        <v>30540</v>
      </c>
    </row>
    <row r="6292" spans="1:9">
      <c r="A6292" s="1">
        <f ca="1">RAND()</f>
        <v>0.42454729882883924</v>
      </c>
      <c r="B6292" s="1"/>
      <c r="C6292">
        <v>4</v>
      </c>
      <c r="D6292" t="s">
        <v>11018</v>
      </c>
      <c r="E6292" t="s">
        <v>32587</v>
      </c>
      <c r="F6292">
        <v>3</v>
      </c>
      <c r="G6292" t="s">
        <v>13</v>
      </c>
      <c r="H6292" t="s">
        <v>11019</v>
      </c>
      <c r="I6292" t="s">
        <v>30540</v>
      </c>
    </row>
    <row r="6293" spans="1:9">
      <c r="A6293" s="1">
        <f ca="1">RAND()</f>
        <v>0.83736548545066714</v>
      </c>
      <c r="B6293" s="1"/>
      <c r="C6293">
        <v>9</v>
      </c>
      <c r="D6293" t="s">
        <v>11020</v>
      </c>
      <c r="E6293" t="s">
        <v>32587</v>
      </c>
      <c r="F6293">
        <v>2</v>
      </c>
      <c r="G6293" t="s">
        <v>14</v>
      </c>
      <c r="H6293" t="s">
        <v>11021</v>
      </c>
      <c r="I6293" t="s">
        <v>30540</v>
      </c>
    </row>
    <row r="6294" spans="1:9">
      <c r="A6294" s="1">
        <f ca="1">RAND()</f>
        <v>0.15642762305122782</v>
      </c>
      <c r="B6294" s="1"/>
      <c r="C6294">
        <v>8</v>
      </c>
      <c r="D6294" t="s">
        <v>11012</v>
      </c>
      <c r="E6294" t="s">
        <v>32588</v>
      </c>
      <c r="F6294">
        <v>4</v>
      </c>
      <c r="G6294" t="s">
        <v>0</v>
      </c>
      <c r="H6294" t="s">
        <v>11013</v>
      </c>
      <c r="I6294" t="s">
        <v>30540</v>
      </c>
    </row>
    <row r="6295" spans="1:9">
      <c r="A6295" s="1">
        <f ca="1">RAND()</f>
        <v>0.26426933828167398</v>
      </c>
      <c r="B6295" s="1"/>
      <c r="C6295">
        <v>11</v>
      </c>
      <c r="D6295" t="s">
        <v>11014</v>
      </c>
      <c r="E6295" t="s">
        <v>32588</v>
      </c>
      <c r="F6295">
        <v>4</v>
      </c>
      <c r="G6295" t="s">
        <v>14</v>
      </c>
      <c r="H6295" t="s">
        <v>11015</v>
      </c>
      <c r="I6295" t="s">
        <v>30540</v>
      </c>
    </row>
    <row r="6296" spans="1:9">
      <c r="A6296" s="1">
        <f ca="1">RAND()</f>
        <v>0.11968655364532066</v>
      </c>
      <c r="B6296" s="1"/>
      <c r="C6296">
        <v>2</v>
      </c>
      <c r="D6296" t="s">
        <v>11010</v>
      </c>
      <c r="E6296" t="s">
        <v>32588</v>
      </c>
      <c r="F6296">
        <v>4</v>
      </c>
      <c r="G6296" t="s">
        <v>2</v>
      </c>
      <c r="H6296" t="s">
        <v>11011</v>
      </c>
      <c r="I6296" t="s">
        <v>30540</v>
      </c>
    </row>
    <row r="6297" spans="1:9">
      <c r="A6297" s="1">
        <f ca="1">RAND()</f>
        <v>0.3466726958726648</v>
      </c>
      <c r="B6297" s="1"/>
      <c r="C6297">
        <v>1</v>
      </c>
      <c r="D6297" t="s">
        <v>11008</v>
      </c>
      <c r="E6297" t="s">
        <v>32588</v>
      </c>
      <c r="F6297">
        <v>4</v>
      </c>
      <c r="G6297" t="s">
        <v>15</v>
      </c>
      <c r="H6297" t="s">
        <v>11009</v>
      </c>
      <c r="I6297" t="s">
        <v>30540</v>
      </c>
    </row>
    <row r="6298" spans="1:9">
      <c r="A6298" s="1">
        <f ca="1">RAND()</f>
        <v>0.2339656976257104</v>
      </c>
      <c r="B6298" s="1"/>
      <c r="C6298">
        <v>7</v>
      </c>
      <c r="D6298" t="s">
        <v>11002</v>
      </c>
      <c r="E6298" t="s">
        <v>32589</v>
      </c>
      <c r="F6298">
        <v>4</v>
      </c>
      <c r="G6298" t="s">
        <v>14</v>
      </c>
      <c r="H6298" t="s">
        <v>11003</v>
      </c>
      <c r="I6298" t="s">
        <v>30540</v>
      </c>
    </row>
    <row r="6299" spans="1:9">
      <c r="A6299" s="1">
        <f ca="1">RAND()</f>
        <v>0.5667832586072008</v>
      </c>
      <c r="B6299" s="1"/>
      <c r="C6299">
        <v>8</v>
      </c>
      <c r="D6299" t="s">
        <v>11004</v>
      </c>
      <c r="E6299" t="s">
        <v>32589</v>
      </c>
      <c r="F6299">
        <v>4</v>
      </c>
      <c r="G6299" t="s">
        <v>15</v>
      </c>
      <c r="H6299" t="s">
        <v>11005</v>
      </c>
      <c r="I6299" t="s">
        <v>30540</v>
      </c>
    </row>
    <row r="6300" spans="1:9">
      <c r="A6300" s="1">
        <f ca="1">RAND()</f>
        <v>0.45569381184088997</v>
      </c>
      <c r="B6300" s="1"/>
      <c r="C6300">
        <v>3</v>
      </c>
      <c r="D6300" t="s">
        <v>11000</v>
      </c>
      <c r="E6300" t="s">
        <v>32589</v>
      </c>
      <c r="F6300">
        <v>4</v>
      </c>
      <c r="G6300" t="s">
        <v>9</v>
      </c>
      <c r="H6300" t="s">
        <v>11001</v>
      </c>
      <c r="I6300" t="s">
        <v>30540</v>
      </c>
    </row>
    <row r="6301" spans="1:9">
      <c r="A6301" s="1">
        <f ca="1">RAND()</f>
        <v>0.32448723327850315</v>
      </c>
      <c r="B6301" s="1"/>
      <c r="C6301">
        <v>2</v>
      </c>
      <c r="D6301" t="s">
        <v>10998</v>
      </c>
      <c r="E6301" t="s">
        <v>32589</v>
      </c>
      <c r="F6301">
        <v>2</v>
      </c>
      <c r="G6301" t="s">
        <v>13</v>
      </c>
      <c r="H6301" t="s">
        <v>10999</v>
      </c>
      <c r="I6301" t="s">
        <v>30540</v>
      </c>
    </row>
    <row r="6302" spans="1:9">
      <c r="A6302" s="1">
        <f ca="1">RAND()</f>
        <v>0.29819011832162867</v>
      </c>
      <c r="B6302" s="1"/>
      <c r="C6302">
        <v>11</v>
      </c>
      <c r="D6302" t="s">
        <v>11006</v>
      </c>
      <c r="E6302" t="s">
        <v>32589</v>
      </c>
      <c r="F6302">
        <v>1</v>
      </c>
      <c r="G6302" t="s">
        <v>14</v>
      </c>
      <c r="H6302" t="s">
        <v>11007</v>
      </c>
      <c r="I6302" t="s">
        <v>30540</v>
      </c>
    </row>
    <row r="6303" spans="1:9">
      <c r="A6303" s="1">
        <f ca="1">RAND()</f>
        <v>0.26706694384174723</v>
      </c>
      <c r="B6303" s="1"/>
      <c r="C6303">
        <v>3</v>
      </c>
      <c r="D6303" t="s">
        <v>10992</v>
      </c>
      <c r="E6303" t="s">
        <v>32590</v>
      </c>
      <c r="F6303">
        <v>4</v>
      </c>
      <c r="G6303" t="s">
        <v>1431</v>
      </c>
      <c r="H6303" t="s">
        <v>10993</v>
      </c>
      <c r="I6303" t="s">
        <v>30540</v>
      </c>
    </row>
    <row r="6304" spans="1:9">
      <c r="A6304" s="1">
        <f ca="1">RAND()</f>
        <v>0.95647339923305508</v>
      </c>
      <c r="B6304" s="1"/>
      <c r="C6304">
        <v>1</v>
      </c>
      <c r="D6304" t="s">
        <v>10990</v>
      </c>
      <c r="E6304" t="s">
        <v>32590</v>
      </c>
      <c r="F6304">
        <v>4</v>
      </c>
      <c r="G6304" t="s">
        <v>14</v>
      </c>
      <c r="H6304" t="s">
        <v>10991</v>
      </c>
      <c r="I6304" t="s">
        <v>30540</v>
      </c>
    </row>
    <row r="6305" spans="1:9">
      <c r="A6305" s="1">
        <f ca="1">RAND()</f>
        <v>0.68296682663025576</v>
      </c>
      <c r="B6305" s="1"/>
      <c r="C6305">
        <v>7</v>
      </c>
      <c r="D6305" t="s">
        <v>10996</v>
      </c>
      <c r="E6305" t="s">
        <v>32590</v>
      </c>
      <c r="F6305">
        <v>4</v>
      </c>
      <c r="G6305" t="s">
        <v>13</v>
      </c>
      <c r="H6305" t="s">
        <v>10997</v>
      </c>
      <c r="I6305" t="s">
        <v>30540</v>
      </c>
    </row>
    <row r="6306" spans="1:9">
      <c r="A6306" s="1">
        <f ca="1">RAND()</f>
        <v>0.99241850389651709</v>
      </c>
      <c r="B6306" s="1"/>
      <c r="C6306">
        <v>4</v>
      </c>
      <c r="D6306" t="s">
        <v>10994</v>
      </c>
      <c r="E6306" t="s">
        <v>32590</v>
      </c>
      <c r="F6306">
        <v>3</v>
      </c>
      <c r="G6306" t="s">
        <v>775</v>
      </c>
      <c r="H6306" t="s">
        <v>10995</v>
      </c>
      <c r="I6306" t="s">
        <v>30540</v>
      </c>
    </row>
    <row r="6307" spans="1:9">
      <c r="A6307" s="1">
        <f ca="1">RAND()</f>
        <v>0.25495473316683692</v>
      </c>
      <c r="B6307" s="1"/>
      <c r="C6307">
        <v>7</v>
      </c>
      <c r="D6307" t="s">
        <v>10988</v>
      </c>
      <c r="E6307" t="s">
        <v>32591</v>
      </c>
      <c r="F6307">
        <v>4</v>
      </c>
      <c r="G6307" t="s">
        <v>0</v>
      </c>
      <c r="H6307" t="s">
        <v>10989</v>
      </c>
      <c r="I6307" t="s">
        <v>30540</v>
      </c>
    </row>
    <row r="6308" spans="1:9">
      <c r="A6308" s="1">
        <f ca="1">RAND()</f>
        <v>1.0597375073012394E-2</v>
      </c>
      <c r="B6308" s="1"/>
      <c r="C6308">
        <v>5</v>
      </c>
      <c r="D6308" t="s">
        <v>10986</v>
      </c>
      <c r="E6308" t="s">
        <v>32591</v>
      </c>
      <c r="F6308">
        <v>4</v>
      </c>
      <c r="G6308" t="s">
        <v>14</v>
      </c>
      <c r="H6308" t="s">
        <v>10987</v>
      </c>
      <c r="I6308" t="s">
        <v>30540</v>
      </c>
    </row>
    <row r="6309" spans="1:9">
      <c r="A6309" s="1">
        <f ca="1">RAND()</f>
        <v>0.55881419820539646</v>
      </c>
      <c r="B6309" s="1"/>
      <c r="C6309">
        <v>6</v>
      </c>
      <c r="D6309" t="s">
        <v>10978</v>
      </c>
      <c r="E6309" t="s">
        <v>32592</v>
      </c>
      <c r="F6309">
        <v>5</v>
      </c>
      <c r="G6309" t="s">
        <v>9</v>
      </c>
      <c r="H6309" t="s">
        <v>10979</v>
      </c>
      <c r="I6309" t="s">
        <v>30540</v>
      </c>
    </row>
    <row r="6310" spans="1:9">
      <c r="A6310" s="1">
        <f ca="1">RAND()</f>
        <v>0.55460941113024675</v>
      </c>
      <c r="B6310" s="1"/>
      <c r="C6310">
        <v>11</v>
      </c>
      <c r="D6310" t="s">
        <v>10980</v>
      </c>
      <c r="E6310" t="s">
        <v>32592</v>
      </c>
      <c r="F6310">
        <v>5</v>
      </c>
      <c r="G6310" t="s">
        <v>9</v>
      </c>
      <c r="H6310" t="s">
        <v>10981</v>
      </c>
      <c r="I6310" t="s">
        <v>30540</v>
      </c>
    </row>
    <row r="6311" spans="1:9">
      <c r="A6311" s="1">
        <f ca="1">RAND()</f>
        <v>0.59381367046142086</v>
      </c>
      <c r="B6311" s="1"/>
      <c r="C6311">
        <v>15</v>
      </c>
      <c r="D6311" t="s">
        <v>10984</v>
      </c>
      <c r="E6311" t="s">
        <v>32592</v>
      </c>
      <c r="F6311">
        <v>4</v>
      </c>
      <c r="G6311" t="s">
        <v>14</v>
      </c>
      <c r="H6311" t="s">
        <v>10985</v>
      </c>
      <c r="I6311" t="s">
        <v>30540</v>
      </c>
    </row>
    <row r="6312" spans="1:9">
      <c r="A6312" s="1">
        <f ca="1">RAND()</f>
        <v>4.6913914298842174E-2</v>
      </c>
      <c r="B6312" s="1"/>
      <c r="C6312">
        <v>14</v>
      </c>
      <c r="D6312" t="s">
        <v>10982</v>
      </c>
      <c r="E6312" t="s">
        <v>32592</v>
      </c>
      <c r="F6312">
        <v>4</v>
      </c>
      <c r="G6312" t="s">
        <v>14</v>
      </c>
      <c r="H6312" t="s">
        <v>10983</v>
      </c>
      <c r="I6312" t="s">
        <v>30540</v>
      </c>
    </row>
    <row r="6313" spans="1:9">
      <c r="A6313" s="1">
        <f ca="1">RAND()</f>
        <v>0.39520957042390081</v>
      </c>
      <c r="B6313" s="1"/>
      <c r="C6313">
        <v>3</v>
      </c>
      <c r="D6313" t="s">
        <v>10976</v>
      </c>
      <c r="E6313" t="s">
        <v>32592</v>
      </c>
      <c r="F6313">
        <v>3</v>
      </c>
      <c r="G6313" t="s">
        <v>14</v>
      </c>
      <c r="H6313" t="s">
        <v>10977</v>
      </c>
      <c r="I6313" t="s">
        <v>30540</v>
      </c>
    </row>
    <row r="6314" spans="1:9">
      <c r="A6314" s="1">
        <f ca="1">RAND()</f>
        <v>0.28524873927974637</v>
      </c>
      <c r="B6314" s="1"/>
      <c r="C6314">
        <v>8</v>
      </c>
      <c r="D6314" t="s">
        <v>10970</v>
      </c>
      <c r="E6314" t="s">
        <v>32593</v>
      </c>
      <c r="F6314">
        <v>4</v>
      </c>
      <c r="G6314" t="s">
        <v>14</v>
      </c>
      <c r="H6314" t="s">
        <v>10971</v>
      </c>
      <c r="I6314" t="s">
        <v>30540</v>
      </c>
    </row>
    <row r="6315" spans="1:9">
      <c r="A6315" s="1">
        <f ca="1">RAND()</f>
        <v>0.84658747254821676</v>
      </c>
      <c r="B6315" s="1"/>
      <c r="C6315">
        <v>13</v>
      </c>
      <c r="D6315" t="s">
        <v>10974</v>
      </c>
      <c r="E6315" t="s">
        <v>32593</v>
      </c>
      <c r="F6315">
        <v>4</v>
      </c>
      <c r="G6315" t="s">
        <v>14</v>
      </c>
      <c r="H6315" t="s">
        <v>10975</v>
      </c>
      <c r="I6315" t="s">
        <v>30540</v>
      </c>
    </row>
    <row r="6316" spans="1:9">
      <c r="A6316" s="1">
        <f ca="1">RAND()</f>
        <v>0.35806015375906819</v>
      </c>
      <c r="B6316" s="1"/>
      <c r="C6316">
        <v>11</v>
      </c>
      <c r="D6316" t="s">
        <v>10972</v>
      </c>
      <c r="E6316" t="s">
        <v>32593</v>
      </c>
      <c r="F6316">
        <v>4</v>
      </c>
      <c r="G6316" t="s">
        <v>0</v>
      </c>
      <c r="H6316" t="s">
        <v>10973</v>
      </c>
      <c r="I6316" t="s">
        <v>30540</v>
      </c>
    </row>
    <row r="6317" spans="1:9">
      <c r="A6317" s="1">
        <f ca="1">RAND()</f>
        <v>0.86414527609746961</v>
      </c>
      <c r="B6317" s="1"/>
      <c r="C6317">
        <v>1</v>
      </c>
      <c r="D6317" t="s">
        <v>10968</v>
      </c>
      <c r="E6317" t="s">
        <v>32593</v>
      </c>
      <c r="F6317">
        <v>4</v>
      </c>
      <c r="G6317" t="s">
        <v>10</v>
      </c>
      <c r="H6317" t="s">
        <v>10969</v>
      </c>
      <c r="I6317" t="s">
        <v>30540</v>
      </c>
    </row>
    <row r="6318" spans="1:9">
      <c r="A6318" s="1">
        <f ca="1">RAND()</f>
        <v>0.57636655693748751</v>
      </c>
      <c r="B6318" s="1"/>
      <c r="C6318">
        <v>6</v>
      </c>
      <c r="D6318" t="s">
        <v>10962</v>
      </c>
      <c r="E6318" t="s">
        <v>32594</v>
      </c>
      <c r="F6318">
        <v>5</v>
      </c>
      <c r="G6318" t="s">
        <v>14</v>
      </c>
      <c r="H6318" t="s">
        <v>10963</v>
      </c>
      <c r="I6318" t="s">
        <v>30540</v>
      </c>
    </row>
    <row r="6319" spans="1:9">
      <c r="A6319" s="1">
        <f ca="1">RAND()</f>
        <v>1.6037223038612991E-2</v>
      </c>
      <c r="B6319" s="1"/>
      <c r="C6319">
        <v>18</v>
      </c>
      <c r="D6319" t="s">
        <v>10966</v>
      </c>
      <c r="E6319" t="s">
        <v>32594</v>
      </c>
      <c r="F6319">
        <v>5</v>
      </c>
      <c r="G6319" t="s">
        <v>2</v>
      </c>
      <c r="H6319" t="s">
        <v>10967</v>
      </c>
      <c r="I6319" t="s">
        <v>30540</v>
      </c>
    </row>
    <row r="6320" spans="1:9">
      <c r="A6320" s="1">
        <f ca="1">RAND()</f>
        <v>1.0842295994312634E-2</v>
      </c>
      <c r="B6320" s="1"/>
      <c r="C6320">
        <v>5</v>
      </c>
      <c r="D6320" t="s">
        <v>10960</v>
      </c>
      <c r="E6320" t="s">
        <v>32594</v>
      </c>
      <c r="F6320">
        <v>4</v>
      </c>
      <c r="G6320" t="s">
        <v>14</v>
      </c>
      <c r="H6320" t="s">
        <v>10961</v>
      </c>
      <c r="I6320" t="s">
        <v>30540</v>
      </c>
    </row>
    <row r="6321" spans="1:9">
      <c r="A6321" s="1">
        <f ca="1">RAND()</f>
        <v>0.45106855252803468</v>
      </c>
      <c r="B6321" s="1"/>
      <c r="C6321">
        <v>1</v>
      </c>
      <c r="D6321" t="s">
        <v>10958</v>
      </c>
      <c r="E6321" t="s">
        <v>32594</v>
      </c>
      <c r="F6321">
        <v>4</v>
      </c>
      <c r="G6321" t="s">
        <v>15</v>
      </c>
      <c r="H6321" t="s">
        <v>10959</v>
      </c>
      <c r="I6321" t="s">
        <v>30540</v>
      </c>
    </row>
    <row r="6322" spans="1:9">
      <c r="A6322" s="1">
        <f ca="1">RAND()</f>
        <v>0.89280967475463535</v>
      </c>
      <c r="B6322" s="1"/>
      <c r="C6322">
        <v>10</v>
      </c>
      <c r="D6322" t="s">
        <v>10964</v>
      </c>
      <c r="E6322" t="s">
        <v>32594</v>
      </c>
      <c r="F6322">
        <v>2</v>
      </c>
      <c r="G6322" t="s">
        <v>2</v>
      </c>
      <c r="H6322" t="s">
        <v>10965</v>
      </c>
      <c r="I6322" t="s">
        <v>30540</v>
      </c>
    </row>
    <row r="6323" spans="1:9">
      <c r="A6323" s="1">
        <f ca="1">RAND()</f>
        <v>0.11543222019844879</v>
      </c>
      <c r="B6323" s="1"/>
      <c r="C6323">
        <v>7</v>
      </c>
      <c r="D6323" t="s">
        <v>14835</v>
      </c>
      <c r="E6323" t="s">
        <v>32595</v>
      </c>
      <c r="F6323">
        <v>5</v>
      </c>
      <c r="G6323" t="s">
        <v>10</v>
      </c>
      <c r="H6323" t="s">
        <v>14836</v>
      </c>
      <c r="I6323" t="s">
        <v>30540</v>
      </c>
    </row>
    <row r="6324" spans="1:9">
      <c r="A6324" s="1">
        <f ca="1">RAND()</f>
        <v>0.11982826532086277</v>
      </c>
      <c r="B6324" s="1"/>
      <c r="C6324">
        <v>3</v>
      </c>
      <c r="D6324" t="s">
        <v>14833</v>
      </c>
      <c r="E6324" t="s">
        <v>32595</v>
      </c>
      <c r="F6324">
        <v>5</v>
      </c>
      <c r="G6324" t="s">
        <v>14</v>
      </c>
      <c r="H6324" t="s">
        <v>14834</v>
      </c>
      <c r="I6324" t="s">
        <v>30540</v>
      </c>
    </row>
    <row r="6325" spans="1:9">
      <c r="A6325" s="1">
        <f ca="1">RAND()</f>
        <v>0.1966906256440184</v>
      </c>
      <c r="B6325" s="1"/>
      <c r="C6325">
        <v>11</v>
      </c>
      <c r="D6325" t="s">
        <v>14841</v>
      </c>
      <c r="E6325" t="s">
        <v>32595</v>
      </c>
      <c r="F6325">
        <v>5</v>
      </c>
      <c r="G6325" t="s">
        <v>14</v>
      </c>
      <c r="H6325" t="s">
        <v>14842</v>
      </c>
      <c r="I6325" t="s">
        <v>30540</v>
      </c>
    </row>
    <row r="6326" spans="1:9">
      <c r="A6326" s="1">
        <f ca="1">RAND()</f>
        <v>0.98235216966600147</v>
      </c>
      <c r="B6326" s="1"/>
      <c r="C6326">
        <v>8</v>
      </c>
      <c r="D6326" t="s">
        <v>14837</v>
      </c>
      <c r="E6326" t="s">
        <v>32595</v>
      </c>
      <c r="F6326">
        <v>4</v>
      </c>
      <c r="G6326" t="s">
        <v>15</v>
      </c>
      <c r="H6326" t="s">
        <v>14838</v>
      </c>
      <c r="I6326" t="s">
        <v>30540</v>
      </c>
    </row>
    <row r="6327" spans="1:9">
      <c r="A6327" s="1">
        <f ca="1">RAND()</f>
        <v>0.28565265905028392</v>
      </c>
      <c r="B6327" s="1"/>
      <c r="C6327">
        <v>10</v>
      </c>
      <c r="D6327" t="s">
        <v>14839</v>
      </c>
      <c r="E6327" t="s">
        <v>32595</v>
      </c>
      <c r="F6327">
        <v>3</v>
      </c>
      <c r="G6327" t="s">
        <v>13</v>
      </c>
      <c r="H6327" t="s">
        <v>14840</v>
      </c>
      <c r="I6327" t="s">
        <v>30540</v>
      </c>
    </row>
    <row r="6328" spans="1:9">
      <c r="A6328" s="1">
        <f ca="1">RAND()</f>
        <v>0.15057380166986556</v>
      </c>
      <c r="B6328" s="1"/>
      <c r="C6328">
        <v>12</v>
      </c>
      <c r="D6328" t="s">
        <v>14831</v>
      </c>
      <c r="E6328" t="s">
        <v>32596</v>
      </c>
      <c r="F6328">
        <v>5</v>
      </c>
      <c r="G6328" t="s">
        <v>14</v>
      </c>
      <c r="H6328" t="s">
        <v>14832</v>
      </c>
      <c r="I6328" t="s">
        <v>30540</v>
      </c>
    </row>
    <row r="6329" spans="1:9">
      <c r="A6329" s="1">
        <f ca="1">RAND()</f>
        <v>0.84879751020819372</v>
      </c>
      <c r="B6329" s="1"/>
      <c r="C6329">
        <v>6</v>
      </c>
      <c r="D6329" t="s">
        <v>14825</v>
      </c>
      <c r="E6329" t="s">
        <v>32596</v>
      </c>
      <c r="F6329">
        <v>4</v>
      </c>
      <c r="G6329" t="s">
        <v>0</v>
      </c>
      <c r="H6329" t="s">
        <v>14826</v>
      </c>
      <c r="I6329" t="s">
        <v>30540</v>
      </c>
    </row>
    <row r="6330" spans="1:9">
      <c r="A6330" s="1">
        <f ca="1">RAND()</f>
        <v>0.29481109762406721</v>
      </c>
      <c r="B6330" s="1"/>
      <c r="C6330">
        <v>1</v>
      </c>
      <c r="D6330" t="s">
        <v>14823</v>
      </c>
      <c r="E6330" t="s">
        <v>32596</v>
      </c>
      <c r="F6330">
        <v>4</v>
      </c>
      <c r="G6330" t="s">
        <v>14</v>
      </c>
      <c r="H6330" t="s">
        <v>14824</v>
      </c>
      <c r="I6330" t="s">
        <v>30540</v>
      </c>
    </row>
    <row r="6331" spans="1:9">
      <c r="A6331" s="1">
        <f ca="1">RAND()</f>
        <v>0.92967045183891839</v>
      </c>
      <c r="B6331" s="1"/>
      <c r="C6331">
        <v>11</v>
      </c>
      <c r="D6331" t="s">
        <v>14829</v>
      </c>
      <c r="E6331" t="s">
        <v>32596</v>
      </c>
      <c r="F6331">
        <v>4</v>
      </c>
      <c r="G6331" t="s">
        <v>14</v>
      </c>
      <c r="H6331" t="s">
        <v>14830</v>
      </c>
      <c r="I6331" t="s">
        <v>30540</v>
      </c>
    </row>
    <row r="6332" spans="1:9">
      <c r="A6332" s="1">
        <f ca="1">RAND()</f>
        <v>0.71515330823843881</v>
      </c>
      <c r="B6332" s="1"/>
      <c r="C6332">
        <v>8</v>
      </c>
      <c r="D6332" t="s">
        <v>14827</v>
      </c>
      <c r="E6332" t="s">
        <v>32596</v>
      </c>
      <c r="F6332">
        <v>4</v>
      </c>
      <c r="G6332" t="s">
        <v>14</v>
      </c>
      <c r="H6332" t="s">
        <v>14828</v>
      </c>
      <c r="I6332" t="s">
        <v>30540</v>
      </c>
    </row>
    <row r="6333" spans="1:9">
      <c r="A6333" s="1">
        <f ca="1">RAND()</f>
        <v>0.73706256653303048</v>
      </c>
      <c r="B6333" s="1"/>
      <c r="C6333">
        <v>10</v>
      </c>
      <c r="D6333" t="s">
        <v>14819</v>
      </c>
      <c r="E6333" t="s">
        <v>32597</v>
      </c>
      <c r="F6333">
        <v>5</v>
      </c>
      <c r="G6333" t="s">
        <v>14</v>
      </c>
      <c r="H6333" t="s">
        <v>14820</v>
      </c>
      <c r="I6333" t="s">
        <v>30540</v>
      </c>
    </row>
    <row r="6334" spans="1:9">
      <c r="A6334" s="1">
        <f ca="1">RAND()</f>
        <v>0.59380589178048215</v>
      </c>
      <c r="B6334" s="1"/>
      <c r="C6334">
        <v>11</v>
      </c>
      <c r="D6334" t="s">
        <v>14821</v>
      </c>
      <c r="E6334" t="s">
        <v>32597</v>
      </c>
      <c r="F6334">
        <v>4</v>
      </c>
      <c r="G6334" t="s">
        <v>14</v>
      </c>
      <c r="H6334" t="s">
        <v>14822</v>
      </c>
      <c r="I6334" t="s">
        <v>30540</v>
      </c>
    </row>
    <row r="6335" spans="1:9">
      <c r="A6335" s="1">
        <f ca="1">RAND()</f>
        <v>0.98781260179914321</v>
      </c>
      <c r="B6335" s="1"/>
      <c r="C6335">
        <v>8</v>
      </c>
      <c r="D6335" t="s">
        <v>14817</v>
      </c>
      <c r="E6335" t="s">
        <v>32597</v>
      </c>
      <c r="F6335">
        <v>3</v>
      </c>
      <c r="G6335" t="s">
        <v>0</v>
      </c>
      <c r="H6335" t="s">
        <v>14818</v>
      </c>
      <c r="I6335" t="s">
        <v>30540</v>
      </c>
    </row>
    <row r="6336" spans="1:9">
      <c r="A6336" s="1">
        <f ca="1">RAND()</f>
        <v>0.67063725541109687</v>
      </c>
      <c r="B6336" s="1"/>
      <c r="C6336">
        <v>10</v>
      </c>
      <c r="D6336" t="s">
        <v>14813</v>
      </c>
      <c r="E6336" t="s">
        <v>32598</v>
      </c>
      <c r="F6336">
        <v>5</v>
      </c>
      <c r="G6336" t="s">
        <v>2</v>
      </c>
      <c r="H6336" t="s">
        <v>14814</v>
      </c>
      <c r="I6336" t="s">
        <v>30540</v>
      </c>
    </row>
    <row r="6337" spans="1:9">
      <c r="A6337" s="1">
        <f ca="1">RAND()</f>
        <v>0.43384048270394437</v>
      </c>
      <c r="B6337" s="1"/>
      <c r="C6337">
        <v>5</v>
      </c>
      <c r="D6337" t="s">
        <v>14807</v>
      </c>
      <c r="E6337" t="s">
        <v>32598</v>
      </c>
      <c r="F6337">
        <v>5</v>
      </c>
      <c r="G6337" t="s">
        <v>2</v>
      </c>
      <c r="H6337" t="s">
        <v>14808</v>
      </c>
      <c r="I6337" t="s">
        <v>30540</v>
      </c>
    </row>
    <row r="6338" spans="1:9">
      <c r="A6338" s="1">
        <f ca="1">RAND()</f>
        <v>0.56294091965664128</v>
      </c>
      <c r="B6338" s="1"/>
      <c r="C6338">
        <v>8</v>
      </c>
      <c r="D6338" t="s">
        <v>14811</v>
      </c>
      <c r="E6338" t="s">
        <v>32598</v>
      </c>
      <c r="F6338">
        <v>5</v>
      </c>
      <c r="G6338" t="s">
        <v>2</v>
      </c>
      <c r="H6338" t="s">
        <v>14812</v>
      </c>
      <c r="I6338" t="s">
        <v>30540</v>
      </c>
    </row>
    <row r="6339" spans="1:9">
      <c r="A6339" s="1">
        <f ca="1">RAND()</f>
        <v>0.1007450957967535</v>
      </c>
      <c r="B6339" s="1"/>
      <c r="C6339">
        <v>7</v>
      </c>
      <c r="D6339" t="s">
        <v>14809</v>
      </c>
      <c r="E6339" t="s">
        <v>32598</v>
      </c>
      <c r="F6339">
        <v>4</v>
      </c>
      <c r="G6339" t="s">
        <v>14</v>
      </c>
      <c r="H6339" t="s">
        <v>14810</v>
      </c>
      <c r="I6339" t="s">
        <v>30540</v>
      </c>
    </row>
    <row r="6340" spans="1:9">
      <c r="A6340" s="1">
        <f ca="1">RAND()</f>
        <v>0.78065622060489936</v>
      </c>
      <c r="B6340" s="1"/>
      <c r="C6340">
        <v>12</v>
      </c>
      <c r="D6340" t="s">
        <v>14815</v>
      </c>
      <c r="E6340" t="s">
        <v>32598</v>
      </c>
      <c r="F6340">
        <v>4</v>
      </c>
      <c r="G6340" t="s">
        <v>14</v>
      </c>
      <c r="H6340" t="s">
        <v>14816</v>
      </c>
      <c r="I6340" t="s">
        <v>30540</v>
      </c>
    </row>
    <row r="6341" spans="1:9">
      <c r="A6341" s="1">
        <f ca="1">RAND()</f>
        <v>8.4501634198468012E-2</v>
      </c>
      <c r="B6341" s="1"/>
      <c r="C6341">
        <v>13</v>
      </c>
      <c r="D6341" t="s">
        <v>14803</v>
      </c>
      <c r="E6341" t="s">
        <v>32599</v>
      </c>
      <c r="F6341">
        <v>5</v>
      </c>
      <c r="G6341" t="s">
        <v>2</v>
      </c>
      <c r="H6341" t="s">
        <v>14804</v>
      </c>
      <c r="I6341" t="s">
        <v>30540</v>
      </c>
    </row>
    <row r="6342" spans="1:9">
      <c r="A6342" s="1">
        <f ca="1">RAND()</f>
        <v>0.95711291478315019</v>
      </c>
      <c r="B6342" s="1"/>
      <c r="C6342">
        <v>10</v>
      </c>
      <c r="D6342" t="s">
        <v>14799</v>
      </c>
      <c r="E6342" t="s">
        <v>32599</v>
      </c>
      <c r="F6342">
        <v>5</v>
      </c>
      <c r="G6342" t="s">
        <v>775</v>
      </c>
      <c r="H6342" t="s">
        <v>14800</v>
      </c>
      <c r="I6342" t="s">
        <v>30540</v>
      </c>
    </row>
    <row r="6343" spans="1:9">
      <c r="A6343" s="1">
        <f ca="1">RAND()</f>
        <v>0.10065981379022615</v>
      </c>
      <c r="B6343" s="1"/>
      <c r="C6343">
        <v>6</v>
      </c>
      <c r="D6343" t="s">
        <v>14795</v>
      </c>
      <c r="E6343" t="s">
        <v>32599</v>
      </c>
      <c r="F6343">
        <v>4</v>
      </c>
      <c r="G6343" t="s">
        <v>2</v>
      </c>
      <c r="H6343" t="s">
        <v>14796</v>
      </c>
      <c r="I6343" t="s">
        <v>30540</v>
      </c>
    </row>
    <row r="6344" spans="1:9">
      <c r="A6344" s="1">
        <f ca="1">RAND()</f>
        <v>8.0596332966634487E-2</v>
      </c>
      <c r="B6344" s="1"/>
      <c r="C6344">
        <v>7</v>
      </c>
      <c r="D6344" t="s">
        <v>14797</v>
      </c>
      <c r="E6344" t="s">
        <v>32599</v>
      </c>
      <c r="F6344">
        <v>4</v>
      </c>
      <c r="G6344" t="s">
        <v>2</v>
      </c>
      <c r="H6344" t="s">
        <v>14798</v>
      </c>
      <c r="I6344" t="s">
        <v>30540</v>
      </c>
    </row>
    <row r="6345" spans="1:9">
      <c r="A6345" s="1">
        <f ca="1">RAND()</f>
        <v>0.231150784432682</v>
      </c>
      <c r="B6345" s="1"/>
      <c r="C6345">
        <v>12</v>
      </c>
      <c r="D6345" t="s">
        <v>14801</v>
      </c>
      <c r="E6345" t="s">
        <v>32599</v>
      </c>
      <c r="F6345">
        <v>3</v>
      </c>
      <c r="G6345" t="s">
        <v>1431</v>
      </c>
      <c r="H6345" t="s">
        <v>14802</v>
      </c>
      <c r="I6345" t="s">
        <v>30540</v>
      </c>
    </row>
    <row r="6346" spans="1:9">
      <c r="A6346" s="1">
        <f ca="1">RAND()</f>
        <v>0.87823039225585076</v>
      </c>
      <c r="B6346" s="1"/>
      <c r="C6346">
        <v>19</v>
      </c>
      <c r="D6346" t="s">
        <v>14805</v>
      </c>
      <c r="E6346" t="s">
        <v>32599</v>
      </c>
      <c r="F6346">
        <v>2</v>
      </c>
      <c r="G6346" t="s">
        <v>1431</v>
      </c>
      <c r="H6346" t="s">
        <v>14806</v>
      </c>
      <c r="I6346" t="s">
        <v>30540</v>
      </c>
    </row>
    <row r="6347" spans="1:9">
      <c r="A6347" s="1">
        <f ca="1">RAND()</f>
        <v>6.8345928717968518E-2</v>
      </c>
      <c r="B6347" s="1"/>
      <c r="C6347">
        <v>9</v>
      </c>
      <c r="D6347" t="s">
        <v>14793</v>
      </c>
      <c r="E6347" t="s">
        <v>32600</v>
      </c>
      <c r="F6347">
        <v>4</v>
      </c>
      <c r="G6347" t="s">
        <v>14</v>
      </c>
      <c r="H6347" t="s">
        <v>14794</v>
      </c>
      <c r="I6347" t="s">
        <v>30540</v>
      </c>
    </row>
    <row r="6348" spans="1:9">
      <c r="A6348" s="1">
        <f ca="1">RAND()</f>
        <v>0.74573195269800741</v>
      </c>
      <c r="B6348" s="1"/>
      <c r="C6348">
        <v>6</v>
      </c>
      <c r="D6348" t="s">
        <v>14791</v>
      </c>
      <c r="E6348" t="s">
        <v>32600</v>
      </c>
      <c r="F6348">
        <v>3</v>
      </c>
      <c r="G6348" t="s">
        <v>14</v>
      </c>
      <c r="H6348" t="s">
        <v>14792</v>
      </c>
      <c r="I6348" t="s">
        <v>30540</v>
      </c>
    </row>
    <row r="6349" spans="1:9">
      <c r="A6349" s="1">
        <f ca="1">RAND()</f>
        <v>0.23847710266162825</v>
      </c>
      <c r="B6349" s="1"/>
      <c r="C6349">
        <v>2</v>
      </c>
      <c r="D6349" t="s">
        <v>14787</v>
      </c>
      <c r="E6349" t="s">
        <v>32601</v>
      </c>
      <c r="F6349">
        <v>4</v>
      </c>
      <c r="G6349" t="s">
        <v>15</v>
      </c>
      <c r="H6349" t="s">
        <v>14788</v>
      </c>
      <c r="I6349" t="s">
        <v>30540</v>
      </c>
    </row>
    <row r="6350" spans="1:9">
      <c r="A6350" s="1">
        <f ca="1">RAND()</f>
        <v>0.52354468482638816</v>
      </c>
      <c r="B6350" s="1"/>
      <c r="C6350">
        <v>9</v>
      </c>
      <c r="D6350" t="s">
        <v>14789</v>
      </c>
      <c r="E6350" t="s">
        <v>32601</v>
      </c>
      <c r="F6350">
        <v>4</v>
      </c>
      <c r="G6350" t="s">
        <v>14</v>
      </c>
      <c r="H6350" t="s">
        <v>14790</v>
      </c>
      <c r="I6350" t="s">
        <v>30540</v>
      </c>
    </row>
    <row r="6351" spans="1:9">
      <c r="A6351" s="1">
        <f ca="1">RAND()</f>
        <v>0.83619847315085061</v>
      </c>
      <c r="B6351" s="1"/>
      <c r="C6351">
        <v>8</v>
      </c>
      <c r="D6351" t="s">
        <v>14781</v>
      </c>
      <c r="E6351" t="s">
        <v>32602</v>
      </c>
      <c r="F6351">
        <v>5</v>
      </c>
      <c r="G6351" t="s">
        <v>1</v>
      </c>
      <c r="H6351" t="s">
        <v>14782</v>
      </c>
      <c r="I6351" t="s">
        <v>30540</v>
      </c>
    </row>
    <row r="6352" spans="1:9">
      <c r="A6352" s="1">
        <f ca="1">RAND()</f>
        <v>0.81572028030091781</v>
      </c>
      <c r="B6352" s="1"/>
      <c r="C6352">
        <v>2</v>
      </c>
      <c r="D6352" t="s">
        <v>14777</v>
      </c>
      <c r="E6352" t="s">
        <v>32602</v>
      </c>
      <c r="F6352">
        <v>5</v>
      </c>
      <c r="G6352" t="s">
        <v>0</v>
      </c>
      <c r="H6352" t="s">
        <v>14778</v>
      </c>
      <c r="I6352" t="s">
        <v>30540</v>
      </c>
    </row>
    <row r="6353" spans="1:9">
      <c r="A6353" s="1">
        <f ca="1">RAND()</f>
        <v>0.30138297680834913</v>
      </c>
      <c r="B6353" s="1"/>
      <c r="C6353">
        <v>10</v>
      </c>
      <c r="D6353" t="s">
        <v>14785</v>
      </c>
      <c r="E6353" t="s">
        <v>32602</v>
      </c>
      <c r="F6353">
        <v>4</v>
      </c>
      <c r="G6353" t="s">
        <v>14</v>
      </c>
      <c r="H6353" t="s">
        <v>14786</v>
      </c>
      <c r="I6353" t="s">
        <v>30540</v>
      </c>
    </row>
    <row r="6354" spans="1:9">
      <c r="A6354" s="1">
        <f ca="1">RAND()</f>
        <v>0.21429463431438522</v>
      </c>
      <c r="B6354" s="1"/>
      <c r="C6354">
        <v>6</v>
      </c>
      <c r="D6354" t="s">
        <v>14779</v>
      </c>
      <c r="E6354" t="s">
        <v>32602</v>
      </c>
      <c r="F6354">
        <v>2</v>
      </c>
      <c r="G6354" t="s">
        <v>14</v>
      </c>
      <c r="H6354" t="s">
        <v>14780</v>
      </c>
      <c r="I6354" t="s">
        <v>30540</v>
      </c>
    </row>
    <row r="6355" spans="1:9">
      <c r="A6355" s="1">
        <f ca="1">RAND()</f>
        <v>0.24965246203006219</v>
      </c>
      <c r="B6355" s="1"/>
      <c r="C6355">
        <v>9</v>
      </c>
      <c r="D6355" t="s">
        <v>14783</v>
      </c>
      <c r="E6355" t="s">
        <v>32602</v>
      </c>
      <c r="F6355">
        <v>2</v>
      </c>
      <c r="G6355" t="s">
        <v>14</v>
      </c>
      <c r="H6355" t="s">
        <v>14784</v>
      </c>
      <c r="I6355" t="s">
        <v>30540</v>
      </c>
    </row>
    <row r="6356" spans="1:9">
      <c r="A6356" s="1">
        <f ca="1">RAND()</f>
        <v>0.12494453533608862</v>
      </c>
      <c r="B6356" s="1"/>
      <c r="C6356">
        <v>14</v>
      </c>
      <c r="D6356" t="s">
        <v>14775</v>
      </c>
      <c r="E6356" t="s">
        <v>32603</v>
      </c>
      <c r="F6356">
        <v>5</v>
      </c>
      <c r="G6356" t="s">
        <v>14</v>
      </c>
      <c r="H6356" t="s">
        <v>14776</v>
      </c>
      <c r="I6356" t="s">
        <v>30540</v>
      </c>
    </row>
    <row r="6357" spans="1:9">
      <c r="A6357" s="1">
        <f ca="1">RAND()</f>
        <v>0.51156304174553069</v>
      </c>
      <c r="B6357" s="1"/>
      <c r="C6357">
        <v>12</v>
      </c>
      <c r="D6357" t="s">
        <v>14773</v>
      </c>
      <c r="E6357" t="s">
        <v>32603</v>
      </c>
      <c r="F6357">
        <v>5</v>
      </c>
      <c r="G6357" t="s">
        <v>14</v>
      </c>
      <c r="H6357" t="s">
        <v>14774</v>
      </c>
      <c r="I6357" t="s">
        <v>30540</v>
      </c>
    </row>
    <row r="6358" spans="1:9">
      <c r="A6358" s="1">
        <f ca="1">RAND()</f>
        <v>0.63703772862115493</v>
      </c>
      <c r="B6358" s="1"/>
      <c r="C6358">
        <v>8</v>
      </c>
      <c r="D6358" t="s">
        <v>14771</v>
      </c>
      <c r="E6358" t="s">
        <v>32603</v>
      </c>
      <c r="F6358">
        <v>4</v>
      </c>
      <c r="G6358" t="s">
        <v>14</v>
      </c>
      <c r="H6358" t="s">
        <v>14772</v>
      </c>
      <c r="I6358" t="s">
        <v>30540</v>
      </c>
    </row>
    <row r="6359" spans="1:9">
      <c r="A6359" s="1">
        <f ca="1">RAND()</f>
        <v>9.6063962169800066E-2</v>
      </c>
      <c r="B6359" s="1"/>
      <c r="C6359">
        <v>2</v>
      </c>
      <c r="D6359" t="s">
        <v>14769</v>
      </c>
      <c r="E6359" t="s">
        <v>32603</v>
      </c>
      <c r="F6359">
        <v>3</v>
      </c>
      <c r="G6359" t="s">
        <v>2</v>
      </c>
      <c r="H6359" t="s">
        <v>14770</v>
      </c>
      <c r="I6359" t="s">
        <v>30540</v>
      </c>
    </row>
    <row r="6360" spans="1:9">
      <c r="A6360" s="1">
        <f ca="1">RAND()</f>
        <v>0.72967713090434461</v>
      </c>
      <c r="B6360" s="1"/>
      <c r="C6360">
        <v>17</v>
      </c>
      <c r="D6360" t="s">
        <v>14761</v>
      </c>
      <c r="E6360" t="s">
        <v>32604</v>
      </c>
      <c r="F6360">
        <v>4</v>
      </c>
      <c r="G6360" t="s">
        <v>2</v>
      </c>
      <c r="H6360" t="s">
        <v>14762</v>
      </c>
      <c r="I6360" t="s">
        <v>30540</v>
      </c>
    </row>
    <row r="6361" spans="1:9">
      <c r="A6361" s="1">
        <f ca="1">RAND()</f>
        <v>0.16435227140071706</v>
      </c>
      <c r="B6361" s="1"/>
      <c r="C6361">
        <v>18</v>
      </c>
      <c r="D6361" t="s">
        <v>14763</v>
      </c>
      <c r="E6361" t="s">
        <v>32604</v>
      </c>
      <c r="F6361">
        <v>4</v>
      </c>
      <c r="G6361" t="s">
        <v>1431</v>
      </c>
      <c r="H6361" t="s">
        <v>14764</v>
      </c>
      <c r="I6361" t="s">
        <v>30540</v>
      </c>
    </row>
    <row r="6362" spans="1:9">
      <c r="A6362" s="1">
        <f ca="1">RAND()</f>
        <v>4.7054436463529137E-2</v>
      </c>
      <c r="B6362" s="1"/>
      <c r="C6362">
        <v>3</v>
      </c>
      <c r="D6362" t="s">
        <v>14751</v>
      </c>
      <c r="E6362" t="s">
        <v>32604</v>
      </c>
      <c r="F6362">
        <v>4</v>
      </c>
      <c r="G6362" t="s">
        <v>2</v>
      </c>
      <c r="H6362" t="s">
        <v>14752</v>
      </c>
      <c r="I6362" t="s">
        <v>30540</v>
      </c>
    </row>
    <row r="6363" spans="1:9">
      <c r="A6363" s="1">
        <f ca="1">RAND()</f>
        <v>0.58350946909628731</v>
      </c>
      <c r="B6363" s="1"/>
      <c r="C6363">
        <v>19</v>
      </c>
      <c r="D6363" t="s">
        <v>14765</v>
      </c>
      <c r="E6363" t="s">
        <v>32604</v>
      </c>
      <c r="F6363">
        <v>4</v>
      </c>
      <c r="G6363" t="s">
        <v>1431</v>
      </c>
      <c r="H6363" t="s">
        <v>14766</v>
      </c>
      <c r="I6363" t="s">
        <v>30540</v>
      </c>
    </row>
    <row r="6364" spans="1:9">
      <c r="A6364" s="1">
        <f ca="1">RAND()</f>
        <v>0.49203078199268258</v>
      </c>
      <c r="B6364" s="1"/>
      <c r="C6364">
        <v>14</v>
      </c>
      <c r="D6364" t="s">
        <v>14759</v>
      </c>
      <c r="E6364" t="s">
        <v>32604</v>
      </c>
      <c r="F6364">
        <v>4</v>
      </c>
      <c r="G6364" t="s">
        <v>14</v>
      </c>
      <c r="H6364" t="s">
        <v>14760</v>
      </c>
      <c r="I6364" t="s">
        <v>30540</v>
      </c>
    </row>
    <row r="6365" spans="1:9">
      <c r="A6365" s="1">
        <f ca="1">RAND()</f>
        <v>0.11277202912768169</v>
      </c>
      <c r="B6365" s="1"/>
      <c r="C6365">
        <v>20</v>
      </c>
      <c r="D6365" t="s">
        <v>14767</v>
      </c>
      <c r="E6365" t="s">
        <v>32604</v>
      </c>
      <c r="F6365">
        <v>4</v>
      </c>
      <c r="G6365" t="s">
        <v>1431</v>
      </c>
      <c r="H6365" t="s">
        <v>14768</v>
      </c>
      <c r="I6365" t="s">
        <v>30540</v>
      </c>
    </row>
    <row r="6366" spans="1:9">
      <c r="A6366" s="1">
        <f ca="1">RAND()</f>
        <v>8.019497249493357E-2</v>
      </c>
      <c r="B6366" s="1"/>
      <c r="C6366">
        <v>6</v>
      </c>
      <c r="D6366" t="s">
        <v>14755</v>
      </c>
      <c r="E6366" t="s">
        <v>32604</v>
      </c>
      <c r="F6366">
        <v>4</v>
      </c>
      <c r="G6366" t="s">
        <v>775</v>
      </c>
      <c r="H6366" t="s">
        <v>14756</v>
      </c>
      <c r="I6366" t="s">
        <v>30540</v>
      </c>
    </row>
    <row r="6367" spans="1:9">
      <c r="A6367" s="1">
        <f ca="1">RAND()</f>
        <v>0.79749018530197757</v>
      </c>
      <c r="B6367" s="1"/>
      <c r="C6367">
        <v>5</v>
      </c>
      <c r="D6367" t="s">
        <v>14753</v>
      </c>
      <c r="E6367" t="s">
        <v>32604</v>
      </c>
      <c r="F6367">
        <v>4</v>
      </c>
      <c r="G6367" t="s">
        <v>2</v>
      </c>
      <c r="H6367" t="s">
        <v>14754</v>
      </c>
      <c r="I6367" t="s">
        <v>30540</v>
      </c>
    </row>
    <row r="6368" spans="1:9">
      <c r="A6368" s="1">
        <f ca="1">RAND()</f>
        <v>8.5716797600381645E-2</v>
      </c>
      <c r="B6368" s="1"/>
      <c r="C6368">
        <v>13</v>
      </c>
      <c r="D6368" t="s">
        <v>14757</v>
      </c>
      <c r="E6368" t="s">
        <v>32604</v>
      </c>
      <c r="F6368">
        <v>1</v>
      </c>
      <c r="G6368" t="s">
        <v>10</v>
      </c>
      <c r="H6368" t="s">
        <v>14758</v>
      </c>
      <c r="I6368" t="s">
        <v>30540</v>
      </c>
    </row>
    <row r="6369" spans="1:9">
      <c r="A6369" s="1">
        <f ca="1">RAND()</f>
        <v>0.97156637633751142</v>
      </c>
      <c r="B6369" s="1"/>
      <c r="C6369">
        <v>9</v>
      </c>
      <c r="D6369" t="s">
        <v>14747</v>
      </c>
      <c r="E6369" t="s">
        <v>32605</v>
      </c>
      <c r="F6369">
        <v>5</v>
      </c>
      <c r="G6369" t="s">
        <v>14</v>
      </c>
      <c r="H6369" t="s">
        <v>14748</v>
      </c>
      <c r="I6369" t="s">
        <v>30540</v>
      </c>
    </row>
    <row r="6370" spans="1:9">
      <c r="A6370" s="1">
        <f ca="1">RAND()</f>
        <v>0.40982610918735318</v>
      </c>
      <c r="B6370" s="1"/>
      <c r="C6370">
        <v>10</v>
      </c>
      <c r="D6370" t="s">
        <v>14749</v>
      </c>
      <c r="E6370" t="s">
        <v>32605</v>
      </c>
      <c r="F6370">
        <v>4</v>
      </c>
      <c r="G6370" t="s">
        <v>0</v>
      </c>
      <c r="H6370" t="s">
        <v>14750</v>
      </c>
      <c r="I6370" t="s">
        <v>30540</v>
      </c>
    </row>
    <row r="6371" spans="1:9">
      <c r="A6371" s="1">
        <f ca="1">RAND()</f>
        <v>0.30109602286489778</v>
      </c>
      <c r="B6371" s="1"/>
      <c r="C6371">
        <v>4</v>
      </c>
      <c r="D6371" t="s">
        <v>14745</v>
      </c>
      <c r="E6371" t="s">
        <v>32605</v>
      </c>
      <c r="F6371">
        <v>2</v>
      </c>
      <c r="G6371" t="s">
        <v>10</v>
      </c>
      <c r="H6371" t="s">
        <v>14746</v>
      </c>
      <c r="I6371" t="s">
        <v>30540</v>
      </c>
    </row>
    <row r="6372" spans="1:9">
      <c r="A6372" s="1">
        <f ca="1">RAND()</f>
        <v>0.87286362561195996</v>
      </c>
      <c r="B6372" s="1"/>
      <c r="C6372">
        <v>5</v>
      </c>
      <c r="D6372" t="s">
        <v>14733</v>
      </c>
      <c r="E6372" t="s">
        <v>32606</v>
      </c>
      <c r="F6372">
        <v>5</v>
      </c>
      <c r="G6372" t="s">
        <v>13</v>
      </c>
      <c r="H6372" t="s">
        <v>14734</v>
      </c>
      <c r="I6372" t="s">
        <v>30540</v>
      </c>
    </row>
    <row r="6373" spans="1:9">
      <c r="A6373" s="1">
        <f ca="1">RAND()</f>
        <v>0.9894057749710724</v>
      </c>
      <c r="B6373" s="1"/>
      <c r="C6373">
        <v>6</v>
      </c>
      <c r="D6373" t="s">
        <v>14735</v>
      </c>
      <c r="E6373" t="s">
        <v>32606</v>
      </c>
      <c r="F6373">
        <v>4</v>
      </c>
      <c r="G6373" t="s">
        <v>2</v>
      </c>
      <c r="H6373" t="s">
        <v>14736</v>
      </c>
      <c r="I6373" t="s">
        <v>30540</v>
      </c>
    </row>
    <row r="6374" spans="1:9">
      <c r="A6374" s="1">
        <f ca="1">RAND()</f>
        <v>0.46536528610739647</v>
      </c>
      <c r="B6374" s="1"/>
      <c r="C6374">
        <v>10</v>
      </c>
      <c r="D6374" t="s">
        <v>14739</v>
      </c>
      <c r="E6374" t="s">
        <v>32606</v>
      </c>
      <c r="F6374">
        <v>4</v>
      </c>
      <c r="G6374" t="s">
        <v>13</v>
      </c>
      <c r="H6374" t="s">
        <v>14740</v>
      </c>
      <c r="I6374" t="s">
        <v>30540</v>
      </c>
    </row>
    <row r="6375" spans="1:9">
      <c r="A6375" s="1">
        <f ca="1">RAND()</f>
        <v>0.76992008411823487</v>
      </c>
      <c r="B6375" s="1"/>
      <c r="C6375">
        <v>12</v>
      </c>
      <c r="D6375" t="s">
        <v>14743</v>
      </c>
      <c r="E6375" t="s">
        <v>32606</v>
      </c>
      <c r="F6375">
        <v>4</v>
      </c>
      <c r="G6375" t="s">
        <v>0</v>
      </c>
      <c r="H6375" t="s">
        <v>14744</v>
      </c>
      <c r="I6375" t="s">
        <v>30540</v>
      </c>
    </row>
    <row r="6376" spans="1:9">
      <c r="A6376" s="1">
        <f ca="1">RAND()</f>
        <v>0.95921868723476644</v>
      </c>
      <c r="B6376" s="1"/>
      <c r="C6376">
        <v>11</v>
      </c>
      <c r="D6376" t="s">
        <v>14741</v>
      </c>
      <c r="E6376" t="s">
        <v>32606</v>
      </c>
      <c r="F6376">
        <v>4</v>
      </c>
      <c r="G6376" t="s">
        <v>14</v>
      </c>
      <c r="H6376" t="s">
        <v>14742</v>
      </c>
      <c r="I6376" t="s">
        <v>30540</v>
      </c>
    </row>
    <row r="6377" spans="1:9">
      <c r="A6377" s="1">
        <f ca="1">RAND()</f>
        <v>0.97137168177441902</v>
      </c>
      <c r="B6377" s="1"/>
      <c r="C6377">
        <v>7</v>
      </c>
      <c r="D6377" t="s">
        <v>14737</v>
      </c>
      <c r="E6377" t="s">
        <v>32606</v>
      </c>
      <c r="F6377">
        <v>2</v>
      </c>
      <c r="G6377" t="s">
        <v>14</v>
      </c>
      <c r="H6377" t="s">
        <v>14738</v>
      </c>
      <c r="I6377" t="s">
        <v>30540</v>
      </c>
    </row>
    <row r="6378" spans="1:9">
      <c r="A6378" s="1">
        <f ca="1">RAND()</f>
        <v>0.48219147797436768</v>
      </c>
      <c r="B6378" s="1"/>
      <c r="C6378">
        <v>10</v>
      </c>
      <c r="D6378" t="s">
        <v>14729</v>
      </c>
      <c r="E6378" t="s">
        <v>32607</v>
      </c>
      <c r="F6378">
        <v>4</v>
      </c>
      <c r="G6378" t="s">
        <v>0</v>
      </c>
      <c r="H6378" t="s">
        <v>14730</v>
      </c>
      <c r="I6378" t="s">
        <v>30540</v>
      </c>
    </row>
    <row r="6379" spans="1:9">
      <c r="A6379" s="1">
        <f ca="1">RAND()</f>
        <v>0.86726659019999797</v>
      </c>
      <c r="B6379" s="1"/>
      <c r="C6379">
        <v>6</v>
      </c>
      <c r="D6379" t="s">
        <v>14727</v>
      </c>
      <c r="E6379" t="s">
        <v>32607</v>
      </c>
      <c r="F6379">
        <v>4</v>
      </c>
      <c r="G6379" t="s">
        <v>14</v>
      </c>
      <c r="H6379" t="s">
        <v>14728</v>
      </c>
      <c r="I6379" t="s">
        <v>30540</v>
      </c>
    </row>
    <row r="6380" spans="1:9">
      <c r="A6380" s="1">
        <f ca="1">RAND()</f>
        <v>0.75801261522646268</v>
      </c>
      <c r="B6380" s="1"/>
      <c r="C6380">
        <v>2</v>
      </c>
      <c r="D6380" t="s">
        <v>14725</v>
      </c>
      <c r="E6380" t="s">
        <v>32607</v>
      </c>
      <c r="F6380">
        <v>4</v>
      </c>
      <c r="G6380" t="s">
        <v>2</v>
      </c>
      <c r="H6380" t="s">
        <v>14726</v>
      </c>
      <c r="I6380" t="s">
        <v>30540</v>
      </c>
    </row>
    <row r="6381" spans="1:9">
      <c r="A6381" s="1">
        <f ca="1">RAND()</f>
        <v>0.34450733105968556</v>
      </c>
      <c r="B6381" s="1"/>
      <c r="C6381">
        <v>11</v>
      </c>
      <c r="D6381" t="s">
        <v>14731</v>
      </c>
      <c r="E6381" t="s">
        <v>32607</v>
      </c>
      <c r="F6381">
        <v>1</v>
      </c>
      <c r="G6381" t="s">
        <v>14</v>
      </c>
      <c r="H6381" t="s">
        <v>14732</v>
      </c>
      <c r="I6381" t="s">
        <v>30540</v>
      </c>
    </row>
    <row r="6382" spans="1:9">
      <c r="A6382" s="1">
        <f ca="1">RAND()</f>
        <v>0.38087644557804601</v>
      </c>
      <c r="B6382" s="1"/>
      <c r="C6382">
        <v>10</v>
      </c>
      <c r="D6382" t="s">
        <v>14721</v>
      </c>
      <c r="E6382" t="s">
        <v>32608</v>
      </c>
      <c r="F6382">
        <v>4</v>
      </c>
      <c r="G6382" t="s">
        <v>2</v>
      </c>
      <c r="H6382" t="s">
        <v>14722</v>
      </c>
      <c r="I6382" t="s">
        <v>30540</v>
      </c>
    </row>
    <row r="6383" spans="1:9">
      <c r="A6383" s="1">
        <f ca="1">RAND()</f>
        <v>0.66908306978016074</v>
      </c>
      <c r="B6383" s="1"/>
      <c r="C6383">
        <v>2</v>
      </c>
      <c r="D6383" t="s">
        <v>14715</v>
      </c>
      <c r="E6383" t="s">
        <v>32608</v>
      </c>
      <c r="F6383">
        <v>4</v>
      </c>
      <c r="G6383" t="s">
        <v>14</v>
      </c>
      <c r="H6383" t="s">
        <v>14716</v>
      </c>
      <c r="I6383" t="s">
        <v>30540</v>
      </c>
    </row>
    <row r="6384" spans="1:9">
      <c r="A6384" s="1">
        <f ca="1">RAND()</f>
        <v>0.65670620406186686</v>
      </c>
      <c r="B6384" s="1"/>
      <c r="C6384">
        <v>8</v>
      </c>
      <c r="D6384" t="s">
        <v>14717</v>
      </c>
      <c r="E6384" t="s">
        <v>32608</v>
      </c>
      <c r="F6384">
        <v>4</v>
      </c>
      <c r="G6384" t="s">
        <v>14</v>
      </c>
      <c r="H6384" t="s">
        <v>14718</v>
      </c>
      <c r="I6384" t="s">
        <v>30540</v>
      </c>
    </row>
    <row r="6385" spans="1:9">
      <c r="A6385" s="1">
        <f ca="1">RAND()</f>
        <v>0.39263875211093158</v>
      </c>
      <c r="B6385" s="1"/>
      <c r="C6385">
        <v>12</v>
      </c>
      <c r="D6385" t="s">
        <v>14723</v>
      </c>
      <c r="E6385" t="s">
        <v>32608</v>
      </c>
      <c r="F6385">
        <v>4</v>
      </c>
      <c r="G6385" t="s">
        <v>15</v>
      </c>
      <c r="H6385" t="s">
        <v>14724</v>
      </c>
      <c r="I6385" t="s">
        <v>30540</v>
      </c>
    </row>
    <row r="6386" spans="1:9">
      <c r="A6386" s="1">
        <f ca="1">RAND()</f>
        <v>0.5710452536581091</v>
      </c>
      <c r="B6386" s="1"/>
      <c r="C6386">
        <v>1</v>
      </c>
      <c r="D6386" t="s">
        <v>14713</v>
      </c>
      <c r="E6386" t="s">
        <v>32608</v>
      </c>
      <c r="F6386">
        <v>3</v>
      </c>
      <c r="G6386" t="s">
        <v>2</v>
      </c>
      <c r="H6386" t="s">
        <v>14714</v>
      </c>
      <c r="I6386" t="s">
        <v>30540</v>
      </c>
    </row>
    <row r="6387" spans="1:9">
      <c r="A6387" s="1">
        <f ca="1">RAND()</f>
        <v>0.88374699412772806</v>
      </c>
      <c r="B6387" s="1"/>
      <c r="C6387">
        <v>9</v>
      </c>
      <c r="D6387" t="s">
        <v>14719</v>
      </c>
      <c r="E6387" t="s">
        <v>32608</v>
      </c>
      <c r="F6387">
        <v>3</v>
      </c>
      <c r="G6387" t="s">
        <v>2</v>
      </c>
      <c r="H6387" t="s">
        <v>14720</v>
      </c>
      <c r="I6387" t="s">
        <v>30540</v>
      </c>
    </row>
    <row r="6388" spans="1:9">
      <c r="A6388" s="1">
        <f ca="1">RAND()</f>
        <v>0.28003370815314266</v>
      </c>
      <c r="B6388" s="1"/>
      <c r="C6388">
        <v>16</v>
      </c>
      <c r="D6388" t="s">
        <v>14705</v>
      </c>
      <c r="E6388" t="s">
        <v>32609</v>
      </c>
      <c r="F6388">
        <v>4</v>
      </c>
      <c r="G6388" t="s">
        <v>1431</v>
      </c>
      <c r="H6388" t="s">
        <v>14706</v>
      </c>
      <c r="I6388" t="s">
        <v>30540</v>
      </c>
    </row>
    <row r="6389" spans="1:9">
      <c r="A6389" s="1">
        <f ca="1">RAND()</f>
        <v>0.23322450864949029</v>
      </c>
      <c r="B6389" s="1"/>
      <c r="C6389">
        <v>5</v>
      </c>
      <c r="D6389" t="s">
        <v>14695</v>
      </c>
      <c r="E6389" t="s">
        <v>32609</v>
      </c>
      <c r="F6389">
        <v>4</v>
      </c>
      <c r="G6389" t="s">
        <v>1431</v>
      </c>
      <c r="H6389" t="s">
        <v>14696</v>
      </c>
      <c r="I6389" t="s">
        <v>30540</v>
      </c>
    </row>
    <row r="6390" spans="1:9">
      <c r="A6390" s="1">
        <f ca="1">RAND()</f>
        <v>0.29125915401816771</v>
      </c>
      <c r="B6390" s="1"/>
      <c r="C6390">
        <v>18</v>
      </c>
      <c r="D6390" t="s">
        <v>14709</v>
      </c>
      <c r="E6390" t="s">
        <v>32609</v>
      </c>
      <c r="F6390">
        <v>4</v>
      </c>
      <c r="G6390" t="s">
        <v>1431</v>
      </c>
      <c r="H6390" t="s">
        <v>14710</v>
      </c>
      <c r="I6390" t="s">
        <v>30540</v>
      </c>
    </row>
    <row r="6391" spans="1:9">
      <c r="A6391" s="1">
        <f ca="1">RAND()</f>
        <v>0.78408541223589057</v>
      </c>
      <c r="B6391" s="1"/>
      <c r="C6391">
        <v>7</v>
      </c>
      <c r="D6391" t="s">
        <v>14699</v>
      </c>
      <c r="E6391" t="s">
        <v>32609</v>
      </c>
      <c r="F6391">
        <v>4</v>
      </c>
      <c r="G6391" t="s">
        <v>1431</v>
      </c>
      <c r="H6391" t="s">
        <v>14700</v>
      </c>
      <c r="I6391" t="s">
        <v>30540</v>
      </c>
    </row>
    <row r="6392" spans="1:9">
      <c r="A6392" s="1">
        <f ca="1">RAND()</f>
        <v>0.53457413629037032</v>
      </c>
      <c r="B6392" s="1"/>
      <c r="C6392">
        <v>9</v>
      </c>
      <c r="D6392" t="s">
        <v>14701</v>
      </c>
      <c r="E6392" t="s">
        <v>32609</v>
      </c>
      <c r="F6392">
        <v>4</v>
      </c>
      <c r="G6392" t="s">
        <v>14</v>
      </c>
      <c r="H6392" t="s">
        <v>14702</v>
      </c>
      <c r="I6392" t="s">
        <v>30540</v>
      </c>
    </row>
    <row r="6393" spans="1:9">
      <c r="A6393" s="1">
        <f ca="1">RAND()</f>
        <v>9.0491481150253295E-3</v>
      </c>
      <c r="B6393" s="1"/>
      <c r="C6393">
        <v>17</v>
      </c>
      <c r="D6393" t="s">
        <v>14707</v>
      </c>
      <c r="E6393" t="s">
        <v>32609</v>
      </c>
      <c r="F6393">
        <v>4</v>
      </c>
      <c r="G6393" t="s">
        <v>1431</v>
      </c>
      <c r="H6393" t="s">
        <v>14708</v>
      </c>
      <c r="I6393" t="s">
        <v>30540</v>
      </c>
    </row>
    <row r="6394" spans="1:9">
      <c r="A6394" s="1">
        <f ca="1">RAND()</f>
        <v>0.75019090694236268</v>
      </c>
      <c r="B6394" s="1"/>
      <c r="C6394">
        <v>4</v>
      </c>
      <c r="D6394" t="s">
        <v>14693</v>
      </c>
      <c r="E6394" t="s">
        <v>32609</v>
      </c>
      <c r="F6394">
        <v>4</v>
      </c>
      <c r="G6394" t="s">
        <v>2</v>
      </c>
      <c r="H6394" t="s">
        <v>14694</v>
      </c>
      <c r="I6394" t="s">
        <v>30540</v>
      </c>
    </row>
    <row r="6395" spans="1:9">
      <c r="A6395" s="1">
        <f ca="1">RAND()</f>
        <v>0.27215591595444455</v>
      </c>
      <c r="B6395" s="1"/>
      <c r="C6395">
        <v>19</v>
      </c>
      <c r="D6395" t="s">
        <v>14711</v>
      </c>
      <c r="E6395" t="s">
        <v>32609</v>
      </c>
      <c r="F6395">
        <v>4</v>
      </c>
      <c r="G6395" t="s">
        <v>14</v>
      </c>
      <c r="H6395" t="s">
        <v>14712</v>
      </c>
      <c r="I6395" t="s">
        <v>30540</v>
      </c>
    </row>
    <row r="6396" spans="1:9">
      <c r="A6396" s="1">
        <f ca="1">RAND()</f>
        <v>0.68663901961264107</v>
      </c>
      <c r="B6396" s="1"/>
      <c r="C6396">
        <v>10</v>
      </c>
      <c r="D6396" t="s">
        <v>14703</v>
      </c>
      <c r="E6396" t="s">
        <v>32609</v>
      </c>
      <c r="F6396">
        <v>4</v>
      </c>
      <c r="G6396" t="s">
        <v>1431</v>
      </c>
      <c r="H6396" t="s">
        <v>14704</v>
      </c>
      <c r="I6396" t="s">
        <v>30540</v>
      </c>
    </row>
    <row r="6397" spans="1:9">
      <c r="A6397" s="1">
        <f ca="1">RAND()</f>
        <v>0.40143582737376537</v>
      </c>
      <c r="B6397" s="1"/>
      <c r="C6397">
        <v>3</v>
      </c>
      <c r="D6397" t="s">
        <v>14691</v>
      </c>
      <c r="E6397" t="s">
        <v>32609</v>
      </c>
      <c r="F6397">
        <v>2</v>
      </c>
      <c r="G6397" t="s">
        <v>1426</v>
      </c>
      <c r="H6397" t="s">
        <v>14692</v>
      </c>
      <c r="I6397" t="s">
        <v>30540</v>
      </c>
    </row>
    <row r="6398" spans="1:9">
      <c r="A6398" s="1">
        <f ca="1">RAND()</f>
        <v>0.88717664300976573</v>
      </c>
      <c r="B6398" s="1"/>
      <c r="C6398">
        <v>6</v>
      </c>
      <c r="D6398" t="s">
        <v>14697</v>
      </c>
      <c r="E6398" t="s">
        <v>32609</v>
      </c>
      <c r="F6398">
        <v>2</v>
      </c>
      <c r="G6398" t="s">
        <v>1431</v>
      </c>
      <c r="H6398" t="s">
        <v>14698</v>
      </c>
      <c r="I6398" t="s">
        <v>30540</v>
      </c>
    </row>
    <row r="6399" spans="1:9">
      <c r="A6399" s="1">
        <f ca="1">RAND()</f>
        <v>5.0833325424593734E-2</v>
      </c>
      <c r="B6399" s="1"/>
      <c r="C6399">
        <v>5</v>
      </c>
      <c r="D6399" t="s">
        <v>14685</v>
      </c>
      <c r="E6399" t="s">
        <v>32610</v>
      </c>
      <c r="F6399">
        <v>4</v>
      </c>
      <c r="G6399" t="s">
        <v>2</v>
      </c>
      <c r="H6399" t="s">
        <v>14686</v>
      </c>
      <c r="I6399" t="s">
        <v>30540</v>
      </c>
    </row>
    <row r="6400" spans="1:9">
      <c r="A6400" s="1">
        <f ca="1">RAND()</f>
        <v>0.69673505543913861</v>
      </c>
      <c r="B6400" s="1"/>
      <c r="C6400">
        <v>1</v>
      </c>
      <c r="D6400" t="s">
        <v>14683</v>
      </c>
      <c r="E6400" t="s">
        <v>32610</v>
      </c>
      <c r="F6400">
        <v>4</v>
      </c>
      <c r="G6400" t="s">
        <v>10</v>
      </c>
      <c r="H6400" t="s">
        <v>14684</v>
      </c>
      <c r="I6400" t="s">
        <v>30540</v>
      </c>
    </row>
    <row r="6401" spans="1:9">
      <c r="A6401" s="1">
        <f ca="1">RAND()</f>
        <v>0.20217799516226076</v>
      </c>
      <c r="B6401" s="1"/>
      <c r="C6401">
        <v>8</v>
      </c>
      <c r="D6401" t="s">
        <v>14687</v>
      </c>
      <c r="E6401" t="s">
        <v>32610</v>
      </c>
      <c r="F6401">
        <v>4</v>
      </c>
      <c r="G6401" t="s">
        <v>13</v>
      </c>
      <c r="H6401" t="s">
        <v>14688</v>
      </c>
      <c r="I6401" t="s">
        <v>30540</v>
      </c>
    </row>
    <row r="6402" spans="1:9">
      <c r="A6402" s="1">
        <f ca="1">RAND()</f>
        <v>0.9089681265379993</v>
      </c>
      <c r="B6402" s="1"/>
      <c r="C6402">
        <v>12</v>
      </c>
      <c r="D6402" t="s">
        <v>14689</v>
      </c>
      <c r="E6402" t="s">
        <v>32610</v>
      </c>
      <c r="F6402">
        <v>4</v>
      </c>
      <c r="G6402" t="s">
        <v>14</v>
      </c>
      <c r="H6402" t="s">
        <v>14690</v>
      </c>
      <c r="I6402" t="s">
        <v>30540</v>
      </c>
    </row>
    <row r="6403" spans="1:9">
      <c r="A6403" s="1">
        <f ca="1">RAND()</f>
        <v>7.9455820386181264E-2</v>
      </c>
      <c r="B6403" s="1"/>
      <c r="C6403">
        <v>10</v>
      </c>
      <c r="D6403" t="s">
        <v>14681</v>
      </c>
      <c r="E6403" t="s">
        <v>32611</v>
      </c>
      <c r="F6403">
        <v>5</v>
      </c>
      <c r="G6403" t="s">
        <v>0</v>
      </c>
      <c r="H6403" t="s">
        <v>14682</v>
      </c>
      <c r="I6403" t="s">
        <v>30540</v>
      </c>
    </row>
    <row r="6404" spans="1:9">
      <c r="A6404" s="1">
        <f ca="1">RAND()</f>
        <v>0.24168543161579814</v>
      </c>
      <c r="B6404" s="1"/>
      <c r="C6404">
        <v>8</v>
      </c>
      <c r="D6404" t="s">
        <v>14679</v>
      </c>
      <c r="E6404" t="s">
        <v>32611</v>
      </c>
      <c r="F6404">
        <v>4</v>
      </c>
      <c r="G6404" t="s">
        <v>14</v>
      </c>
      <c r="H6404" t="s">
        <v>14680</v>
      </c>
      <c r="I6404" t="s">
        <v>30540</v>
      </c>
    </row>
    <row r="6405" spans="1:9">
      <c r="A6405" s="1">
        <f ca="1">RAND()</f>
        <v>0.28573422803915305</v>
      </c>
      <c r="B6405" s="1"/>
      <c r="C6405">
        <v>5</v>
      </c>
      <c r="D6405" t="s">
        <v>14677</v>
      </c>
      <c r="E6405" t="s">
        <v>32611</v>
      </c>
      <c r="F6405">
        <v>2</v>
      </c>
      <c r="G6405" t="s">
        <v>15</v>
      </c>
      <c r="H6405" t="s">
        <v>14678</v>
      </c>
      <c r="I6405" t="s">
        <v>30540</v>
      </c>
    </row>
    <row r="6406" spans="1:9">
      <c r="A6406" s="1">
        <f ca="1">RAND()</f>
        <v>0.56847827104636739</v>
      </c>
      <c r="B6406" s="1"/>
      <c r="C6406">
        <v>4</v>
      </c>
      <c r="D6406" t="s">
        <v>14671</v>
      </c>
      <c r="E6406" t="s">
        <v>32612</v>
      </c>
      <c r="F6406">
        <v>5</v>
      </c>
      <c r="G6406" t="s">
        <v>13</v>
      </c>
      <c r="H6406" t="s">
        <v>14672</v>
      </c>
      <c r="I6406" t="s">
        <v>30540</v>
      </c>
    </row>
    <row r="6407" spans="1:9">
      <c r="A6407" s="1">
        <f ca="1">RAND()</f>
        <v>0.67496685526120959</v>
      </c>
      <c r="B6407" s="1"/>
      <c r="C6407">
        <v>5</v>
      </c>
      <c r="D6407" t="s">
        <v>14673</v>
      </c>
      <c r="E6407" t="s">
        <v>32612</v>
      </c>
      <c r="F6407">
        <v>5</v>
      </c>
      <c r="G6407" t="s">
        <v>14</v>
      </c>
      <c r="H6407" t="s">
        <v>14674</v>
      </c>
      <c r="I6407" t="s">
        <v>30540</v>
      </c>
    </row>
    <row r="6408" spans="1:9">
      <c r="A6408" s="1">
        <f ca="1">RAND()</f>
        <v>0.54438061193523679</v>
      </c>
      <c r="B6408" s="1"/>
      <c r="C6408">
        <v>6</v>
      </c>
      <c r="D6408" t="s">
        <v>14675</v>
      </c>
      <c r="E6408" t="s">
        <v>32612</v>
      </c>
      <c r="F6408">
        <v>3</v>
      </c>
      <c r="G6408" t="s">
        <v>13</v>
      </c>
      <c r="H6408" t="s">
        <v>14676</v>
      </c>
      <c r="I6408" t="s">
        <v>30540</v>
      </c>
    </row>
    <row r="6409" spans="1:9">
      <c r="A6409" s="1">
        <f ca="1">RAND()</f>
        <v>0.55763665151504582</v>
      </c>
      <c r="B6409" s="1"/>
      <c r="C6409">
        <v>11</v>
      </c>
      <c r="D6409" t="s">
        <v>14667</v>
      </c>
      <c r="E6409" t="s">
        <v>32613</v>
      </c>
      <c r="F6409">
        <v>4</v>
      </c>
      <c r="G6409" t="s">
        <v>2</v>
      </c>
      <c r="H6409" t="s">
        <v>14668</v>
      </c>
      <c r="I6409" t="s">
        <v>30540</v>
      </c>
    </row>
    <row r="6410" spans="1:9">
      <c r="A6410" s="1">
        <f ca="1">RAND()</f>
        <v>0.76142051673848943</v>
      </c>
      <c r="B6410" s="1"/>
      <c r="C6410">
        <v>12</v>
      </c>
      <c r="D6410" t="s">
        <v>14669</v>
      </c>
      <c r="E6410" t="s">
        <v>32613</v>
      </c>
      <c r="F6410">
        <v>4</v>
      </c>
      <c r="G6410" t="s">
        <v>14</v>
      </c>
      <c r="H6410" t="s">
        <v>14670</v>
      </c>
      <c r="I6410" t="s">
        <v>30540</v>
      </c>
    </row>
    <row r="6411" spans="1:9">
      <c r="A6411" s="1">
        <f ca="1">RAND()</f>
        <v>6.9891407432863817E-3</v>
      </c>
      <c r="B6411" s="1"/>
      <c r="C6411">
        <v>3</v>
      </c>
      <c r="D6411" t="s">
        <v>14663</v>
      </c>
      <c r="E6411" t="s">
        <v>32613</v>
      </c>
      <c r="F6411">
        <v>4</v>
      </c>
      <c r="G6411" t="s">
        <v>14</v>
      </c>
      <c r="H6411" t="s">
        <v>14664</v>
      </c>
      <c r="I6411" t="s">
        <v>30540</v>
      </c>
    </row>
    <row r="6412" spans="1:9">
      <c r="A6412" s="1">
        <f ca="1">RAND()</f>
        <v>0.10223770018515621</v>
      </c>
      <c r="B6412" s="1"/>
      <c r="C6412">
        <v>10</v>
      </c>
      <c r="D6412" t="s">
        <v>14665</v>
      </c>
      <c r="E6412" t="s">
        <v>32613</v>
      </c>
      <c r="F6412">
        <v>4</v>
      </c>
      <c r="G6412" t="s">
        <v>2</v>
      </c>
      <c r="H6412" t="s">
        <v>14666</v>
      </c>
      <c r="I6412" t="s">
        <v>30540</v>
      </c>
    </row>
    <row r="6413" spans="1:9">
      <c r="A6413" s="1">
        <f ca="1">RAND()</f>
        <v>0.12641127994845469</v>
      </c>
      <c r="B6413" s="1"/>
      <c r="C6413">
        <v>16</v>
      </c>
      <c r="D6413" t="s">
        <v>14657</v>
      </c>
      <c r="E6413" t="s">
        <v>32614</v>
      </c>
      <c r="F6413">
        <v>4</v>
      </c>
      <c r="G6413" t="s">
        <v>1431</v>
      </c>
      <c r="H6413" t="s">
        <v>14658</v>
      </c>
      <c r="I6413" t="s">
        <v>30540</v>
      </c>
    </row>
    <row r="6414" spans="1:9">
      <c r="A6414" s="1">
        <f ca="1">RAND()</f>
        <v>0.83205069612391347</v>
      </c>
      <c r="B6414" s="1"/>
      <c r="C6414">
        <v>10</v>
      </c>
      <c r="D6414" t="s">
        <v>14655</v>
      </c>
      <c r="E6414" t="s">
        <v>32614</v>
      </c>
      <c r="F6414">
        <v>4</v>
      </c>
      <c r="G6414" t="s">
        <v>1431</v>
      </c>
      <c r="H6414" t="s">
        <v>14656</v>
      </c>
      <c r="I6414" t="s">
        <v>30540</v>
      </c>
    </row>
    <row r="6415" spans="1:9">
      <c r="A6415" s="1">
        <f ca="1">RAND()</f>
        <v>0.64721364011211158</v>
      </c>
      <c r="B6415" s="1"/>
      <c r="C6415">
        <v>19</v>
      </c>
      <c r="D6415" t="s">
        <v>14659</v>
      </c>
      <c r="E6415" t="s">
        <v>32614</v>
      </c>
      <c r="F6415">
        <v>3</v>
      </c>
      <c r="G6415" t="s">
        <v>1431</v>
      </c>
      <c r="H6415" t="s">
        <v>14660</v>
      </c>
      <c r="I6415" t="s">
        <v>30540</v>
      </c>
    </row>
    <row r="6416" spans="1:9">
      <c r="A6416" s="1">
        <f ca="1">RAND()</f>
        <v>0.2599811329979429</v>
      </c>
      <c r="B6416" s="1"/>
      <c r="C6416">
        <v>20</v>
      </c>
      <c r="D6416" t="s">
        <v>14661</v>
      </c>
      <c r="E6416" t="s">
        <v>32614</v>
      </c>
      <c r="F6416">
        <v>3</v>
      </c>
      <c r="G6416" t="s">
        <v>1431</v>
      </c>
      <c r="H6416" t="s">
        <v>14662</v>
      </c>
      <c r="I6416" t="s">
        <v>30540</v>
      </c>
    </row>
    <row r="6417" spans="1:9">
      <c r="A6417" s="1">
        <f ca="1">RAND()</f>
        <v>0.53281064039484038</v>
      </c>
      <c r="B6417" s="1"/>
      <c r="C6417">
        <v>7</v>
      </c>
      <c r="D6417" t="s">
        <v>14651</v>
      </c>
      <c r="E6417" t="s">
        <v>32615</v>
      </c>
      <c r="F6417">
        <v>5</v>
      </c>
      <c r="G6417" t="s">
        <v>15</v>
      </c>
      <c r="H6417" t="s">
        <v>14652</v>
      </c>
      <c r="I6417" t="s">
        <v>30540</v>
      </c>
    </row>
    <row r="6418" spans="1:9">
      <c r="A6418" s="1">
        <f ca="1">RAND()</f>
        <v>0.97722858035026483</v>
      </c>
      <c r="B6418" s="1"/>
      <c r="C6418">
        <v>6</v>
      </c>
      <c r="D6418" t="s">
        <v>14649</v>
      </c>
      <c r="E6418" t="s">
        <v>32615</v>
      </c>
      <c r="F6418">
        <v>4</v>
      </c>
      <c r="G6418" t="s">
        <v>14</v>
      </c>
      <c r="H6418" t="s">
        <v>14650</v>
      </c>
      <c r="I6418" t="s">
        <v>30540</v>
      </c>
    </row>
    <row r="6419" spans="1:9">
      <c r="A6419" s="1">
        <f ca="1">RAND()</f>
        <v>0.27030647334136271</v>
      </c>
      <c r="B6419" s="1"/>
      <c r="C6419">
        <v>4</v>
      </c>
      <c r="D6419" t="s">
        <v>14647</v>
      </c>
      <c r="E6419" t="s">
        <v>32615</v>
      </c>
      <c r="F6419">
        <v>4</v>
      </c>
      <c r="G6419" t="s">
        <v>9</v>
      </c>
      <c r="H6419" t="s">
        <v>14648</v>
      </c>
      <c r="I6419" t="s">
        <v>30540</v>
      </c>
    </row>
    <row r="6420" spans="1:9">
      <c r="A6420" s="1">
        <f ca="1">RAND()</f>
        <v>0.83805806661377136</v>
      </c>
      <c r="B6420" s="1"/>
      <c r="C6420">
        <v>9</v>
      </c>
      <c r="D6420" t="s">
        <v>14653</v>
      </c>
      <c r="E6420" t="s">
        <v>32615</v>
      </c>
      <c r="F6420">
        <v>1</v>
      </c>
      <c r="G6420" t="s">
        <v>13</v>
      </c>
      <c r="H6420" t="s">
        <v>14654</v>
      </c>
      <c r="I6420" t="s">
        <v>30540</v>
      </c>
    </row>
    <row r="6421" spans="1:9">
      <c r="A6421" s="1">
        <f ca="1">RAND()</f>
        <v>3.7191651589727703E-2</v>
      </c>
      <c r="B6421" s="1"/>
      <c r="C6421">
        <v>1</v>
      </c>
      <c r="D6421" t="s">
        <v>14643</v>
      </c>
      <c r="E6421" t="s">
        <v>32616</v>
      </c>
      <c r="F6421">
        <v>3</v>
      </c>
      <c r="G6421" t="s">
        <v>10</v>
      </c>
      <c r="H6421" t="s">
        <v>14644</v>
      </c>
      <c r="I6421" t="s">
        <v>30540</v>
      </c>
    </row>
    <row r="6422" spans="1:9">
      <c r="A6422" s="1">
        <f ca="1">RAND()</f>
        <v>0.75095103833157262</v>
      </c>
      <c r="B6422" s="1"/>
      <c r="C6422">
        <v>2</v>
      </c>
      <c r="D6422" t="s">
        <v>14645</v>
      </c>
      <c r="E6422" t="s">
        <v>32616</v>
      </c>
      <c r="F6422">
        <v>2</v>
      </c>
      <c r="G6422" t="s">
        <v>14</v>
      </c>
      <c r="H6422" t="s">
        <v>14646</v>
      </c>
      <c r="I6422" t="s">
        <v>30540</v>
      </c>
    </row>
    <row r="6423" spans="1:9">
      <c r="A6423" s="1">
        <f ca="1">RAND()</f>
        <v>0.3042037907379066</v>
      </c>
      <c r="B6423" s="1"/>
      <c r="C6423">
        <v>8</v>
      </c>
      <c r="D6423" t="s">
        <v>14635</v>
      </c>
      <c r="E6423" t="s">
        <v>32617</v>
      </c>
      <c r="F6423">
        <v>5</v>
      </c>
      <c r="G6423" t="s">
        <v>14</v>
      </c>
      <c r="H6423" t="s">
        <v>14636</v>
      </c>
      <c r="I6423" t="s">
        <v>30540</v>
      </c>
    </row>
    <row r="6424" spans="1:9">
      <c r="A6424" s="1">
        <f ca="1">RAND()</f>
        <v>2.9993558867728143E-2</v>
      </c>
      <c r="B6424" s="1"/>
      <c r="C6424">
        <v>13</v>
      </c>
      <c r="D6424" t="s">
        <v>14641</v>
      </c>
      <c r="E6424" t="s">
        <v>32617</v>
      </c>
      <c r="F6424">
        <v>4</v>
      </c>
      <c r="G6424" t="s">
        <v>2</v>
      </c>
      <c r="H6424" t="s">
        <v>14642</v>
      </c>
      <c r="I6424" t="s">
        <v>30540</v>
      </c>
    </row>
    <row r="6425" spans="1:9">
      <c r="A6425" s="1">
        <f ca="1">RAND()</f>
        <v>0.77351310922883165</v>
      </c>
      <c r="B6425" s="1"/>
      <c r="C6425">
        <v>11</v>
      </c>
      <c r="D6425" t="s">
        <v>14639</v>
      </c>
      <c r="E6425" t="s">
        <v>32617</v>
      </c>
      <c r="F6425">
        <v>4</v>
      </c>
      <c r="G6425" t="s">
        <v>14</v>
      </c>
      <c r="H6425" t="s">
        <v>14640</v>
      </c>
      <c r="I6425" t="s">
        <v>30540</v>
      </c>
    </row>
    <row r="6426" spans="1:9">
      <c r="A6426" s="1">
        <f ca="1">RAND()</f>
        <v>0.55755709942708587</v>
      </c>
      <c r="B6426" s="1"/>
      <c r="C6426">
        <v>10</v>
      </c>
      <c r="D6426" t="s">
        <v>14637</v>
      </c>
      <c r="E6426" t="s">
        <v>32617</v>
      </c>
      <c r="F6426">
        <v>4</v>
      </c>
      <c r="G6426" t="s">
        <v>2</v>
      </c>
      <c r="H6426" t="s">
        <v>14638</v>
      </c>
      <c r="I6426" t="s">
        <v>30540</v>
      </c>
    </row>
    <row r="6427" spans="1:9">
      <c r="A6427" s="1">
        <f ca="1">RAND()</f>
        <v>0.61037998464968157</v>
      </c>
      <c r="B6427" s="1"/>
      <c r="C6427">
        <v>2</v>
      </c>
      <c r="D6427" t="s">
        <v>14625</v>
      </c>
      <c r="E6427" t="s">
        <v>32618</v>
      </c>
      <c r="F6427">
        <v>4</v>
      </c>
      <c r="G6427" t="s">
        <v>13</v>
      </c>
      <c r="H6427" t="s">
        <v>14626</v>
      </c>
      <c r="I6427" t="s">
        <v>30540</v>
      </c>
    </row>
    <row r="6428" spans="1:9">
      <c r="A6428" s="1">
        <f ca="1">RAND()</f>
        <v>0.19781973242466533</v>
      </c>
      <c r="B6428" s="1"/>
      <c r="C6428">
        <v>1</v>
      </c>
      <c r="D6428" t="s">
        <v>14623</v>
      </c>
      <c r="E6428" t="s">
        <v>32618</v>
      </c>
      <c r="F6428">
        <v>4</v>
      </c>
      <c r="G6428" t="s">
        <v>10</v>
      </c>
      <c r="H6428" t="s">
        <v>14624</v>
      </c>
      <c r="I6428" t="s">
        <v>30540</v>
      </c>
    </row>
    <row r="6429" spans="1:9">
      <c r="A6429" s="1">
        <f ca="1">RAND()</f>
        <v>4.0057531861982576E-2</v>
      </c>
      <c r="B6429" s="1"/>
      <c r="C6429">
        <v>8</v>
      </c>
      <c r="D6429" t="s">
        <v>14631</v>
      </c>
      <c r="E6429" t="s">
        <v>32618</v>
      </c>
      <c r="F6429">
        <v>3</v>
      </c>
      <c r="G6429" t="s">
        <v>13</v>
      </c>
      <c r="H6429" t="s">
        <v>14632</v>
      </c>
      <c r="I6429" t="s">
        <v>30540</v>
      </c>
    </row>
    <row r="6430" spans="1:9">
      <c r="A6430" s="1">
        <f ca="1">RAND()</f>
        <v>6.2059469758914965E-2</v>
      </c>
      <c r="B6430" s="1"/>
      <c r="C6430">
        <v>7</v>
      </c>
      <c r="D6430" t="s">
        <v>14629</v>
      </c>
      <c r="E6430" t="s">
        <v>32618</v>
      </c>
      <c r="F6430">
        <v>3</v>
      </c>
      <c r="G6430" t="s">
        <v>15</v>
      </c>
      <c r="H6430" t="s">
        <v>14630</v>
      </c>
      <c r="I6430" t="s">
        <v>30540</v>
      </c>
    </row>
    <row r="6431" spans="1:9">
      <c r="A6431" s="1">
        <f ca="1">RAND()</f>
        <v>0.79048448305074748</v>
      </c>
      <c r="B6431" s="1"/>
      <c r="C6431">
        <v>9</v>
      </c>
      <c r="D6431" t="s">
        <v>14633</v>
      </c>
      <c r="E6431" t="s">
        <v>32618</v>
      </c>
      <c r="F6431">
        <v>2</v>
      </c>
      <c r="G6431" t="s">
        <v>2</v>
      </c>
      <c r="H6431" t="s">
        <v>14634</v>
      </c>
      <c r="I6431" t="s">
        <v>30540</v>
      </c>
    </row>
    <row r="6432" spans="1:9">
      <c r="A6432" s="1">
        <f ca="1">RAND()</f>
        <v>0.37509154559446545</v>
      </c>
      <c r="B6432" s="1"/>
      <c r="C6432">
        <v>5</v>
      </c>
      <c r="D6432" t="s">
        <v>14627</v>
      </c>
      <c r="E6432" t="s">
        <v>32618</v>
      </c>
      <c r="F6432">
        <v>2</v>
      </c>
      <c r="G6432" t="s">
        <v>2</v>
      </c>
      <c r="H6432" t="s">
        <v>14628</v>
      </c>
      <c r="I6432" t="s">
        <v>30540</v>
      </c>
    </row>
    <row r="6433" spans="1:9">
      <c r="A6433" s="1">
        <f ca="1">RAND()</f>
        <v>0.12034859104682982</v>
      </c>
      <c r="B6433" s="1"/>
      <c r="C6433">
        <v>1</v>
      </c>
      <c r="D6433" t="s">
        <v>14603</v>
      </c>
      <c r="E6433" t="s">
        <v>32619</v>
      </c>
      <c r="F6433">
        <v>5</v>
      </c>
      <c r="G6433" t="s">
        <v>1431</v>
      </c>
      <c r="H6433" t="s">
        <v>14604</v>
      </c>
      <c r="I6433" t="s">
        <v>30540</v>
      </c>
    </row>
    <row r="6434" spans="1:9">
      <c r="A6434" s="1">
        <f ca="1">RAND()</f>
        <v>0.47626173178514852</v>
      </c>
      <c r="B6434" s="1"/>
      <c r="C6434">
        <v>16</v>
      </c>
      <c r="D6434" t="s">
        <v>14619</v>
      </c>
      <c r="E6434" t="s">
        <v>32619</v>
      </c>
      <c r="F6434">
        <v>4</v>
      </c>
      <c r="G6434" t="s">
        <v>1431</v>
      </c>
      <c r="H6434" t="s">
        <v>14620</v>
      </c>
      <c r="I6434" t="s">
        <v>30540</v>
      </c>
    </row>
    <row r="6435" spans="1:9">
      <c r="A6435" s="1">
        <f ca="1">RAND()</f>
        <v>0.42398219820169869</v>
      </c>
      <c r="B6435" s="1"/>
      <c r="C6435">
        <v>17</v>
      </c>
      <c r="D6435" t="s">
        <v>14621</v>
      </c>
      <c r="E6435" t="s">
        <v>32619</v>
      </c>
      <c r="F6435">
        <v>4</v>
      </c>
      <c r="G6435" t="s">
        <v>0</v>
      </c>
      <c r="H6435" t="s">
        <v>14622</v>
      </c>
      <c r="I6435" t="s">
        <v>30540</v>
      </c>
    </row>
    <row r="6436" spans="1:9">
      <c r="A6436" s="1">
        <f ca="1">RAND()</f>
        <v>0.2935004149956133</v>
      </c>
      <c r="B6436" s="1"/>
      <c r="C6436">
        <v>6</v>
      </c>
      <c r="D6436" t="s">
        <v>14609</v>
      </c>
      <c r="E6436" t="s">
        <v>32619</v>
      </c>
      <c r="F6436">
        <v>4</v>
      </c>
      <c r="G6436" t="s">
        <v>14</v>
      </c>
      <c r="H6436" t="s">
        <v>14610</v>
      </c>
      <c r="I6436" t="s">
        <v>30540</v>
      </c>
    </row>
    <row r="6437" spans="1:9">
      <c r="A6437" s="1">
        <f ca="1">RAND()</f>
        <v>0.37420844138430187</v>
      </c>
      <c r="B6437" s="1"/>
      <c r="C6437">
        <v>3</v>
      </c>
      <c r="D6437" t="s">
        <v>14605</v>
      </c>
      <c r="E6437" t="s">
        <v>32619</v>
      </c>
      <c r="F6437">
        <v>4</v>
      </c>
      <c r="G6437" t="s">
        <v>13</v>
      </c>
      <c r="H6437" t="s">
        <v>14606</v>
      </c>
      <c r="I6437" t="s">
        <v>30540</v>
      </c>
    </row>
    <row r="6438" spans="1:9">
      <c r="A6438" s="1">
        <f ca="1">RAND()</f>
        <v>0.65446316239892</v>
      </c>
      <c r="B6438" s="1"/>
      <c r="C6438">
        <v>11</v>
      </c>
      <c r="D6438" t="s">
        <v>14611</v>
      </c>
      <c r="E6438" t="s">
        <v>32619</v>
      </c>
      <c r="F6438">
        <v>4</v>
      </c>
      <c r="G6438" t="s">
        <v>1431</v>
      </c>
      <c r="H6438" t="s">
        <v>14612</v>
      </c>
      <c r="I6438" t="s">
        <v>30540</v>
      </c>
    </row>
    <row r="6439" spans="1:9">
      <c r="A6439" s="1">
        <f ca="1">RAND()</f>
        <v>0.36080818702125506</v>
      </c>
      <c r="B6439" s="1"/>
      <c r="C6439">
        <v>13</v>
      </c>
      <c r="D6439" t="s">
        <v>14615</v>
      </c>
      <c r="E6439" t="s">
        <v>32619</v>
      </c>
      <c r="F6439">
        <v>3</v>
      </c>
      <c r="G6439" t="s">
        <v>1431</v>
      </c>
      <c r="H6439" t="s">
        <v>14616</v>
      </c>
      <c r="I6439" t="s">
        <v>30540</v>
      </c>
    </row>
    <row r="6440" spans="1:9">
      <c r="A6440" s="1">
        <f ca="1">RAND()</f>
        <v>2.239794223113456E-2</v>
      </c>
      <c r="B6440" s="1"/>
      <c r="C6440">
        <v>14</v>
      </c>
      <c r="D6440" t="s">
        <v>14617</v>
      </c>
      <c r="E6440" t="s">
        <v>32619</v>
      </c>
      <c r="F6440">
        <v>3</v>
      </c>
      <c r="G6440" t="s">
        <v>1431</v>
      </c>
      <c r="H6440" t="s">
        <v>14618</v>
      </c>
      <c r="I6440" t="s">
        <v>30540</v>
      </c>
    </row>
    <row r="6441" spans="1:9">
      <c r="A6441" s="1">
        <f ca="1">RAND()</f>
        <v>0.88750455636866143</v>
      </c>
      <c r="B6441" s="1"/>
      <c r="C6441">
        <v>12</v>
      </c>
      <c r="D6441" t="s">
        <v>14613</v>
      </c>
      <c r="E6441" t="s">
        <v>32619</v>
      </c>
      <c r="F6441">
        <v>3</v>
      </c>
      <c r="G6441" t="s">
        <v>1431</v>
      </c>
      <c r="H6441" t="s">
        <v>14614</v>
      </c>
      <c r="I6441" t="s">
        <v>30540</v>
      </c>
    </row>
    <row r="6442" spans="1:9">
      <c r="A6442" s="1">
        <f ca="1">RAND()</f>
        <v>0.25927356135363999</v>
      </c>
      <c r="B6442" s="1"/>
      <c r="C6442">
        <v>4</v>
      </c>
      <c r="D6442" t="s">
        <v>14607</v>
      </c>
      <c r="E6442" t="s">
        <v>32619</v>
      </c>
      <c r="F6442">
        <v>2</v>
      </c>
      <c r="G6442" t="s">
        <v>775</v>
      </c>
      <c r="H6442" t="s">
        <v>14608</v>
      </c>
      <c r="I6442" t="s">
        <v>30540</v>
      </c>
    </row>
    <row r="6443" spans="1:9">
      <c r="A6443" s="1">
        <f ca="1">RAND()</f>
        <v>0.58698413969897278</v>
      </c>
      <c r="B6443" s="1"/>
      <c r="C6443">
        <v>2</v>
      </c>
      <c r="D6443" t="s">
        <v>14595</v>
      </c>
      <c r="E6443" t="s">
        <v>32620</v>
      </c>
      <c r="F6443">
        <v>4</v>
      </c>
      <c r="G6443" t="s">
        <v>13</v>
      </c>
      <c r="H6443" t="s">
        <v>14596</v>
      </c>
      <c r="I6443" t="s">
        <v>30540</v>
      </c>
    </row>
    <row r="6444" spans="1:9">
      <c r="A6444" s="1">
        <f ca="1">RAND()</f>
        <v>9.1938986195393424E-3</v>
      </c>
      <c r="B6444" s="1"/>
      <c r="C6444">
        <v>10</v>
      </c>
      <c r="D6444" t="s">
        <v>14601</v>
      </c>
      <c r="E6444" t="s">
        <v>32620</v>
      </c>
      <c r="F6444">
        <v>4</v>
      </c>
      <c r="G6444" t="s">
        <v>13</v>
      </c>
      <c r="H6444" t="s">
        <v>14602</v>
      </c>
      <c r="I6444" t="s">
        <v>30540</v>
      </c>
    </row>
    <row r="6445" spans="1:9">
      <c r="A6445" s="1">
        <f ca="1">RAND()</f>
        <v>0.65721949320603501</v>
      </c>
      <c r="B6445" s="1"/>
      <c r="C6445">
        <v>5</v>
      </c>
      <c r="D6445" t="s">
        <v>14597</v>
      </c>
      <c r="E6445" t="s">
        <v>32620</v>
      </c>
      <c r="F6445">
        <v>4</v>
      </c>
      <c r="G6445" t="s">
        <v>15</v>
      </c>
      <c r="H6445" t="s">
        <v>14598</v>
      </c>
      <c r="I6445" t="s">
        <v>30540</v>
      </c>
    </row>
    <row r="6446" spans="1:9">
      <c r="A6446" s="1">
        <f ca="1">RAND()</f>
        <v>0.90507151505093852</v>
      </c>
      <c r="B6446" s="1"/>
      <c r="C6446">
        <v>9</v>
      </c>
      <c r="D6446" t="s">
        <v>14599</v>
      </c>
      <c r="E6446" t="s">
        <v>32620</v>
      </c>
      <c r="F6446">
        <v>3</v>
      </c>
      <c r="G6446" t="s">
        <v>0</v>
      </c>
      <c r="H6446" t="s">
        <v>14600</v>
      </c>
      <c r="I6446" t="s">
        <v>30540</v>
      </c>
    </row>
    <row r="6447" spans="1:9">
      <c r="A6447" s="1">
        <f ca="1">RAND()</f>
        <v>1.4411710229916497E-2</v>
      </c>
      <c r="B6447" s="1"/>
      <c r="C6447">
        <v>6</v>
      </c>
      <c r="D6447" t="s">
        <v>14587</v>
      </c>
      <c r="E6447" t="s">
        <v>32621</v>
      </c>
      <c r="F6447">
        <v>5</v>
      </c>
      <c r="G6447" t="s">
        <v>10</v>
      </c>
      <c r="H6447" t="s">
        <v>14588</v>
      </c>
      <c r="I6447" t="s">
        <v>30540</v>
      </c>
    </row>
    <row r="6448" spans="1:9">
      <c r="A6448" s="1">
        <f ca="1">RAND()</f>
        <v>0.31861831576825206</v>
      </c>
      <c r="B6448" s="1"/>
      <c r="C6448">
        <v>5</v>
      </c>
      <c r="D6448" t="s">
        <v>14585</v>
      </c>
      <c r="E6448" t="s">
        <v>32621</v>
      </c>
      <c r="F6448">
        <v>4</v>
      </c>
      <c r="G6448" t="s">
        <v>14</v>
      </c>
      <c r="H6448" t="s">
        <v>14586</v>
      </c>
      <c r="I6448" t="s">
        <v>30540</v>
      </c>
    </row>
    <row r="6449" spans="1:9">
      <c r="A6449" s="1">
        <f ca="1">RAND()</f>
        <v>0.69656296767598813</v>
      </c>
      <c r="B6449" s="1"/>
      <c r="C6449">
        <v>15</v>
      </c>
      <c r="D6449" t="s">
        <v>14591</v>
      </c>
      <c r="E6449" t="s">
        <v>32621</v>
      </c>
      <c r="F6449">
        <v>4</v>
      </c>
      <c r="G6449" t="s">
        <v>14</v>
      </c>
      <c r="H6449" t="s">
        <v>14592</v>
      </c>
      <c r="I6449" t="s">
        <v>30540</v>
      </c>
    </row>
    <row r="6450" spans="1:9">
      <c r="A6450" s="1">
        <f ca="1">RAND()</f>
        <v>0.64909173644281781</v>
      </c>
      <c r="B6450" s="1"/>
      <c r="C6450">
        <v>16</v>
      </c>
      <c r="D6450" t="s">
        <v>14593</v>
      </c>
      <c r="E6450" t="s">
        <v>32621</v>
      </c>
      <c r="F6450">
        <v>2</v>
      </c>
      <c r="G6450" t="s">
        <v>0</v>
      </c>
      <c r="H6450" t="s">
        <v>14594</v>
      </c>
      <c r="I6450" t="s">
        <v>30540</v>
      </c>
    </row>
    <row r="6451" spans="1:9">
      <c r="A6451" s="1">
        <f ca="1">RAND()</f>
        <v>0.21149144495721028</v>
      </c>
      <c r="B6451" s="1"/>
      <c r="C6451">
        <v>11</v>
      </c>
      <c r="D6451" t="s">
        <v>14589</v>
      </c>
      <c r="E6451" t="s">
        <v>32621</v>
      </c>
      <c r="F6451">
        <v>2</v>
      </c>
      <c r="G6451" t="s">
        <v>10</v>
      </c>
      <c r="H6451" t="s">
        <v>14590</v>
      </c>
      <c r="I6451" t="s">
        <v>30540</v>
      </c>
    </row>
    <row r="6452" spans="1:9">
      <c r="A6452" s="1">
        <f ca="1">RAND()</f>
        <v>0.35767640632122089</v>
      </c>
      <c r="B6452" s="1"/>
      <c r="C6452">
        <v>8</v>
      </c>
      <c r="D6452" t="s">
        <v>14583</v>
      </c>
      <c r="E6452" t="s">
        <v>32622</v>
      </c>
      <c r="F6452">
        <v>5</v>
      </c>
      <c r="G6452" t="s">
        <v>14</v>
      </c>
      <c r="H6452" t="s">
        <v>14584</v>
      </c>
      <c r="I6452" t="s">
        <v>30540</v>
      </c>
    </row>
    <row r="6453" spans="1:9">
      <c r="A6453" s="1">
        <f ca="1">RAND()</f>
        <v>0.57780921270721852</v>
      </c>
      <c r="B6453" s="1"/>
      <c r="C6453">
        <v>7</v>
      </c>
      <c r="D6453" t="s">
        <v>14581</v>
      </c>
      <c r="E6453" t="s">
        <v>32622</v>
      </c>
      <c r="F6453">
        <v>4</v>
      </c>
      <c r="G6453" t="s">
        <v>9</v>
      </c>
      <c r="H6453" t="s">
        <v>14582</v>
      </c>
      <c r="I6453" t="s">
        <v>30540</v>
      </c>
    </row>
    <row r="6454" spans="1:9">
      <c r="A6454" s="1">
        <f ca="1">RAND()</f>
        <v>7.493798324035883E-2</v>
      </c>
      <c r="B6454" s="1"/>
      <c r="C6454">
        <v>6</v>
      </c>
      <c r="D6454" t="s">
        <v>14579</v>
      </c>
      <c r="E6454" t="s">
        <v>32622</v>
      </c>
      <c r="F6454">
        <v>4</v>
      </c>
      <c r="G6454" t="s">
        <v>13</v>
      </c>
      <c r="H6454" t="s">
        <v>14580</v>
      </c>
      <c r="I6454" t="s">
        <v>30540</v>
      </c>
    </row>
    <row r="6455" spans="1:9">
      <c r="A6455" s="1">
        <f ca="1">RAND()</f>
        <v>0.22744815772533822</v>
      </c>
      <c r="B6455" s="1"/>
      <c r="C6455">
        <v>1</v>
      </c>
      <c r="D6455" t="s">
        <v>14577</v>
      </c>
      <c r="E6455" t="s">
        <v>32622</v>
      </c>
      <c r="F6455">
        <v>4</v>
      </c>
      <c r="G6455" t="s">
        <v>0</v>
      </c>
      <c r="H6455" t="s">
        <v>14578</v>
      </c>
      <c r="I6455" t="s">
        <v>30540</v>
      </c>
    </row>
    <row r="6456" spans="1:9">
      <c r="A6456" s="1">
        <f ca="1">RAND()</f>
        <v>0.54982975049501392</v>
      </c>
      <c r="B6456" s="1"/>
      <c r="C6456">
        <v>4</v>
      </c>
      <c r="D6456" t="s">
        <v>14565</v>
      </c>
      <c r="E6456" t="s">
        <v>32623</v>
      </c>
      <c r="F6456">
        <v>4</v>
      </c>
      <c r="G6456" t="s">
        <v>2</v>
      </c>
      <c r="H6456" t="s">
        <v>14566</v>
      </c>
      <c r="I6456" t="s">
        <v>30540</v>
      </c>
    </row>
    <row r="6457" spans="1:9">
      <c r="A6457" s="1">
        <f ca="1">RAND()</f>
        <v>0.49784859083625332</v>
      </c>
      <c r="B6457" s="1"/>
      <c r="C6457">
        <v>2</v>
      </c>
      <c r="D6457" t="s">
        <v>14563</v>
      </c>
      <c r="E6457" t="s">
        <v>32623</v>
      </c>
      <c r="F6457">
        <v>4</v>
      </c>
      <c r="G6457" t="s">
        <v>10</v>
      </c>
      <c r="H6457" t="s">
        <v>14564</v>
      </c>
      <c r="I6457" t="s">
        <v>30540</v>
      </c>
    </row>
    <row r="6458" spans="1:9">
      <c r="A6458" s="1">
        <f ca="1">RAND()</f>
        <v>0.12565918813416432</v>
      </c>
      <c r="B6458" s="1"/>
      <c r="C6458">
        <v>8</v>
      </c>
      <c r="D6458" t="s">
        <v>14569</v>
      </c>
      <c r="E6458" t="s">
        <v>32623</v>
      </c>
      <c r="F6458">
        <v>4</v>
      </c>
      <c r="G6458" t="s">
        <v>0</v>
      </c>
      <c r="H6458" t="s">
        <v>14570</v>
      </c>
      <c r="I6458" t="s">
        <v>30540</v>
      </c>
    </row>
    <row r="6459" spans="1:9">
      <c r="A6459" s="1">
        <f ca="1">RAND()</f>
        <v>8.0655167956113494E-2</v>
      </c>
      <c r="B6459" s="1"/>
      <c r="C6459">
        <v>10</v>
      </c>
      <c r="D6459" t="s">
        <v>14573</v>
      </c>
      <c r="E6459" t="s">
        <v>32623</v>
      </c>
      <c r="F6459">
        <v>4</v>
      </c>
      <c r="G6459" t="s">
        <v>2</v>
      </c>
      <c r="H6459" t="s">
        <v>14574</v>
      </c>
      <c r="I6459" t="s">
        <v>30540</v>
      </c>
    </row>
    <row r="6460" spans="1:9">
      <c r="A6460" s="1">
        <f ca="1">RAND()</f>
        <v>0.83353141056875413</v>
      </c>
      <c r="B6460" s="1"/>
      <c r="C6460">
        <v>11</v>
      </c>
      <c r="D6460" t="s">
        <v>14575</v>
      </c>
      <c r="E6460" t="s">
        <v>32623</v>
      </c>
      <c r="F6460">
        <v>4</v>
      </c>
      <c r="G6460" t="s">
        <v>14</v>
      </c>
      <c r="H6460" t="s">
        <v>14576</v>
      </c>
      <c r="I6460" t="s">
        <v>30540</v>
      </c>
    </row>
    <row r="6461" spans="1:9">
      <c r="A6461" s="1">
        <f ca="1">RAND()</f>
        <v>6.2129313060093283E-2</v>
      </c>
      <c r="B6461" s="1"/>
      <c r="C6461">
        <v>5</v>
      </c>
      <c r="D6461" t="s">
        <v>14567</v>
      </c>
      <c r="E6461" t="s">
        <v>32623</v>
      </c>
      <c r="F6461">
        <v>4</v>
      </c>
      <c r="G6461" t="s">
        <v>2</v>
      </c>
      <c r="H6461" t="s">
        <v>14568</v>
      </c>
      <c r="I6461" t="s">
        <v>30540</v>
      </c>
    </row>
    <row r="6462" spans="1:9">
      <c r="A6462" s="1">
        <f ca="1">RAND()</f>
        <v>1.1562930136771676E-2</v>
      </c>
      <c r="B6462" s="1"/>
      <c r="C6462">
        <v>9</v>
      </c>
      <c r="D6462" t="s">
        <v>14571</v>
      </c>
      <c r="E6462" t="s">
        <v>32623</v>
      </c>
      <c r="F6462">
        <v>3</v>
      </c>
      <c r="G6462" t="s">
        <v>14</v>
      </c>
      <c r="H6462" t="s">
        <v>14572</v>
      </c>
      <c r="I6462" t="s">
        <v>30540</v>
      </c>
    </row>
    <row r="6463" spans="1:9">
      <c r="A6463" s="1">
        <f ca="1">RAND()</f>
        <v>0.86871355226367508</v>
      </c>
      <c r="B6463" s="1"/>
      <c r="C6463">
        <v>15</v>
      </c>
      <c r="D6463" t="s">
        <v>14559</v>
      </c>
      <c r="E6463" t="s">
        <v>32624</v>
      </c>
      <c r="F6463">
        <v>4</v>
      </c>
      <c r="G6463" t="s">
        <v>14</v>
      </c>
      <c r="H6463" t="s">
        <v>14560</v>
      </c>
      <c r="I6463" t="s">
        <v>30540</v>
      </c>
    </row>
    <row r="6464" spans="1:9">
      <c r="A6464" s="1">
        <f ca="1">RAND()</f>
        <v>0.37012299333847509</v>
      </c>
      <c r="B6464" s="1"/>
      <c r="C6464">
        <v>13</v>
      </c>
      <c r="D6464" t="s">
        <v>14557</v>
      </c>
      <c r="E6464" t="s">
        <v>32624</v>
      </c>
      <c r="F6464">
        <v>4</v>
      </c>
      <c r="G6464" t="s">
        <v>14</v>
      </c>
      <c r="H6464" t="s">
        <v>14558</v>
      </c>
      <c r="I6464" t="s">
        <v>30540</v>
      </c>
    </row>
    <row r="6465" spans="1:9">
      <c r="A6465" s="1">
        <f ca="1">RAND()</f>
        <v>0.8754076773383801</v>
      </c>
      <c r="B6465" s="1"/>
      <c r="C6465">
        <v>10</v>
      </c>
      <c r="D6465" t="s">
        <v>14553</v>
      </c>
      <c r="E6465" t="s">
        <v>32624</v>
      </c>
      <c r="F6465">
        <v>4</v>
      </c>
      <c r="G6465" t="s">
        <v>0</v>
      </c>
      <c r="H6465" t="s">
        <v>14554</v>
      </c>
      <c r="I6465" t="s">
        <v>30540</v>
      </c>
    </row>
    <row r="6466" spans="1:9">
      <c r="A6466" s="1">
        <f ca="1">RAND()</f>
        <v>0.98249801450529894</v>
      </c>
      <c r="B6466" s="1"/>
      <c r="C6466">
        <v>19</v>
      </c>
      <c r="D6466" t="s">
        <v>14561</v>
      </c>
      <c r="E6466" t="s">
        <v>32624</v>
      </c>
      <c r="F6466">
        <v>4</v>
      </c>
      <c r="G6466" t="s">
        <v>14</v>
      </c>
      <c r="H6466" t="s">
        <v>14562</v>
      </c>
      <c r="I6466" t="s">
        <v>30540</v>
      </c>
    </row>
    <row r="6467" spans="1:9">
      <c r="A6467" s="1">
        <f ca="1">RAND()</f>
        <v>0.95622955448728419</v>
      </c>
      <c r="B6467" s="1"/>
      <c r="C6467">
        <v>11</v>
      </c>
      <c r="D6467" t="s">
        <v>14555</v>
      </c>
      <c r="E6467" t="s">
        <v>32624</v>
      </c>
      <c r="F6467">
        <v>3</v>
      </c>
      <c r="G6467" t="s">
        <v>14</v>
      </c>
      <c r="H6467" t="s">
        <v>14556</v>
      </c>
      <c r="I6467" t="s">
        <v>30540</v>
      </c>
    </row>
    <row r="6468" spans="1:9">
      <c r="A6468" s="1">
        <f ca="1">RAND()</f>
        <v>0.29789935439513426</v>
      </c>
      <c r="B6468" s="1"/>
      <c r="C6468">
        <v>6</v>
      </c>
      <c r="D6468" t="s">
        <v>14549</v>
      </c>
      <c r="E6468" t="s">
        <v>32625</v>
      </c>
      <c r="F6468">
        <v>5</v>
      </c>
      <c r="G6468" t="s">
        <v>14</v>
      </c>
      <c r="H6468" t="s">
        <v>14550</v>
      </c>
      <c r="I6468" t="s">
        <v>30540</v>
      </c>
    </row>
    <row r="6469" spans="1:9">
      <c r="A6469" s="1">
        <f ca="1">RAND()</f>
        <v>0.49284193772809137</v>
      </c>
      <c r="B6469" s="1"/>
      <c r="C6469">
        <v>9</v>
      </c>
      <c r="D6469" t="s">
        <v>14551</v>
      </c>
      <c r="E6469" t="s">
        <v>32625</v>
      </c>
      <c r="F6469">
        <v>5</v>
      </c>
      <c r="G6469" t="s">
        <v>0</v>
      </c>
      <c r="H6469" t="s">
        <v>14552</v>
      </c>
      <c r="I6469" t="s">
        <v>30540</v>
      </c>
    </row>
    <row r="6470" spans="1:9">
      <c r="A6470" s="1">
        <f ca="1">RAND()</f>
        <v>0.63452133820313827</v>
      </c>
      <c r="B6470" s="1"/>
      <c r="C6470">
        <v>1</v>
      </c>
      <c r="D6470" t="s">
        <v>14545</v>
      </c>
      <c r="E6470" t="s">
        <v>32625</v>
      </c>
      <c r="F6470">
        <v>5</v>
      </c>
      <c r="G6470" t="s">
        <v>15</v>
      </c>
      <c r="H6470" t="s">
        <v>14546</v>
      </c>
      <c r="I6470" t="s">
        <v>30540</v>
      </c>
    </row>
    <row r="6471" spans="1:9">
      <c r="A6471" s="1">
        <f ca="1">RAND()</f>
        <v>0.11724371504122</v>
      </c>
      <c r="B6471" s="1"/>
      <c r="C6471">
        <v>5</v>
      </c>
      <c r="D6471" t="s">
        <v>14547</v>
      </c>
      <c r="E6471" t="s">
        <v>32625</v>
      </c>
      <c r="F6471">
        <v>4</v>
      </c>
      <c r="G6471" t="s">
        <v>0</v>
      </c>
      <c r="H6471" t="s">
        <v>14548</v>
      </c>
      <c r="I6471" t="s">
        <v>30540</v>
      </c>
    </row>
    <row r="6472" spans="1:9">
      <c r="A6472" s="1">
        <f ca="1">RAND()</f>
        <v>0.2351402176744436</v>
      </c>
      <c r="B6472" s="1"/>
      <c r="C6472">
        <v>10</v>
      </c>
      <c r="D6472" t="s">
        <v>14541</v>
      </c>
      <c r="E6472" t="s">
        <v>32626</v>
      </c>
      <c r="F6472">
        <v>4</v>
      </c>
      <c r="G6472" t="s">
        <v>14</v>
      </c>
      <c r="H6472" t="s">
        <v>14542</v>
      </c>
      <c r="I6472" t="s">
        <v>30540</v>
      </c>
    </row>
    <row r="6473" spans="1:9">
      <c r="A6473" s="1">
        <f ca="1">RAND()</f>
        <v>0.93608515180420149</v>
      </c>
      <c r="B6473" s="1"/>
      <c r="C6473">
        <v>6</v>
      </c>
      <c r="D6473" t="s">
        <v>14537</v>
      </c>
      <c r="E6473" t="s">
        <v>32626</v>
      </c>
      <c r="F6473">
        <v>4</v>
      </c>
      <c r="G6473" t="s">
        <v>14</v>
      </c>
      <c r="H6473" t="s">
        <v>14538</v>
      </c>
      <c r="I6473" t="s">
        <v>30540</v>
      </c>
    </row>
    <row r="6474" spans="1:9">
      <c r="A6474" s="1">
        <f ca="1">RAND()</f>
        <v>0.47516520128968109</v>
      </c>
      <c r="B6474" s="1"/>
      <c r="C6474">
        <v>12</v>
      </c>
      <c r="D6474" t="s">
        <v>14543</v>
      </c>
      <c r="E6474" t="s">
        <v>32626</v>
      </c>
      <c r="F6474">
        <v>2</v>
      </c>
      <c r="G6474" t="s">
        <v>15</v>
      </c>
      <c r="H6474" t="s">
        <v>14544</v>
      </c>
      <c r="I6474" t="s">
        <v>30540</v>
      </c>
    </row>
    <row r="6475" spans="1:9">
      <c r="A6475" s="1">
        <f ca="1">RAND()</f>
        <v>0.94400635753418161</v>
      </c>
      <c r="B6475" s="1"/>
      <c r="C6475">
        <v>8</v>
      </c>
      <c r="D6475" t="s">
        <v>14539</v>
      </c>
      <c r="E6475" t="s">
        <v>32626</v>
      </c>
      <c r="F6475">
        <v>1</v>
      </c>
      <c r="G6475" t="s">
        <v>14</v>
      </c>
      <c r="H6475" t="s">
        <v>14540</v>
      </c>
      <c r="I6475" t="s">
        <v>30540</v>
      </c>
    </row>
    <row r="6476" spans="1:9">
      <c r="A6476" s="1">
        <f ca="1">RAND()</f>
        <v>0.54765777589344877</v>
      </c>
      <c r="B6476" s="1"/>
      <c r="C6476">
        <v>12</v>
      </c>
      <c r="D6476" t="s">
        <v>14535</v>
      </c>
      <c r="E6476" t="s">
        <v>32627</v>
      </c>
      <c r="F6476">
        <v>4</v>
      </c>
      <c r="G6476" t="s">
        <v>2</v>
      </c>
      <c r="H6476" t="s">
        <v>14536</v>
      </c>
      <c r="I6476" t="s">
        <v>30540</v>
      </c>
    </row>
    <row r="6477" spans="1:9">
      <c r="A6477" s="1">
        <f ca="1">RAND()</f>
        <v>0.1775670210683743</v>
      </c>
      <c r="B6477" s="1"/>
      <c r="C6477">
        <v>8</v>
      </c>
      <c r="D6477" t="s">
        <v>14529</v>
      </c>
      <c r="E6477" t="s">
        <v>32627</v>
      </c>
      <c r="F6477">
        <v>4</v>
      </c>
      <c r="G6477" t="s">
        <v>2</v>
      </c>
      <c r="H6477" t="s">
        <v>14530</v>
      </c>
      <c r="I6477" t="s">
        <v>30540</v>
      </c>
    </row>
    <row r="6478" spans="1:9">
      <c r="A6478" s="1">
        <f ca="1">RAND()</f>
        <v>0.86218236260146119</v>
      </c>
      <c r="B6478" s="1"/>
      <c r="C6478">
        <v>7</v>
      </c>
      <c r="D6478" t="s">
        <v>14527</v>
      </c>
      <c r="E6478" t="s">
        <v>32627</v>
      </c>
      <c r="F6478">
        <v>4</v>
      </c>
      <c r="G6478" t="s">
        <v>0</v>
      </c>
      <c r="H6478" t="s">
        <v>14528</v>
      </c>
      <c r="I6478" t="s">
        <v>30540</v>
      </c>
    </row>
    <row r="6479" spans="1:9">
      <c r="A6479" s="1">
        <f ca="1">RAND()</f>
        <v>0.39373176002601629</v>
      </c>
      <c r="B6479" s="1"/>
      <c r="C6479">
        <v>6</v>
      </c>
      <c r="D6479" t="s">
        <v>14525</v>
      </c>
      <c r="E6479" t="s">
        <v>32627</v>
      </c>
      <c r="F6479">
        <v>4</v>
      </c>
      <c r="G6479" t="s">
        <v>14</v>
      </c>
      <c r="H6479" t="s">
        <v>14526</v>
      </c>
      <c r="I6479" t="s">
        <v>30540</v>
      </c>
    </row>
    <row r="6480" spans="1:9">
      <c r="A6480" s="1">
        <f ca="1">RAND()</f>
        <v>5.2011866819977715E-2</v>
      </c>
      <c r="B6480" s="1"/>
      <c r="C6480">
        <v>10</v>
      </c>
      <c r="D6480" t="s">
        <v>14533</v>
      </c>
      <c r="E6480" t="s">
        <v>32627</v>
      </c>
      <c r="F6480">
        <v>4</v>
      </c>
      <c r="G6480" t="s">
        <v>14</v>
      </c>
      <c r="H6480" t="s">
        <v>14534</v>
      </c>
      <c r="I6480" t="s">
        <v>30540</v>
      </c>
    </row>
    <row r="6481" spans="1:9">
      <c r="A6481" s="1">
        <f ca="1">RAND()</f>
        <v>0.73680480019217176</v>
      </c>
      <c r="B6481" s="1"/>
      <c r="C6481">
        <v>9</v>
      </c>
      <c r="D6481" t="s">
        <v>14531</v>
      </c>
      <c r="E6481" t="s">
        <v>32627</v>
      </c>
      <c r="F6481">
        <v>4</v>
      </c>
      <c r="G6481" t="s">
        <v>14</v>
      </c>
      <c r="H6481" t="s">
        <v>14532</v>
      </c>
      <c r="I6481" t="s">
        <v>30540</v>
      </c>
    </row>
    <row r="6482" spans="1:9">
      <c r="A6482" s="1">
        <f ca="1">RAND()</f>
        <v>0.56177732568530425</v>
      </c>
      <c r="B6482" s="1"/>
      <c r="C6482">
        <v>5</v>
      </c>
      <c r="D6482" t="s">
        <v>14523</v>
      </c>
      <c r="E6482" t="s">
        <v>32627</v>
      </c>
      <c r="F6482">
        <v>4</v>
      </c>
      <c r="G6482" t="s">
        <v>2</v>
      </c>
      <c r="H6482" t="s">
        <v>14524</v>
      </c>
      <c r="I6482" t="s">
        <v>30540</v>
      </c>
    </row>
    <row r="6483" spans="1:9">
      <c r="A6483" s="1">
        <f ca="1">RAND()</f>
        <v>0.58097225130686647</v>
      </c>
      <c r="B6483" s="1"/>
      <c r="C6483">
        <v>7</v>
      </c>
      <c r="D6483" t="s">
        <v>14511</v>
      </c>
      <c r="E6483" t="s">
        <v>32628</v>
      </c>
      <c r="F6483">
        <v>5</v>
      </c>
      <c r="G6483" t="s">
        <v>14</v>
      </c>
      <c r="H6483" t="s">
        <v>14512</v>
      </c>
      <c r="I6483" t="s">
        <v>30540</v>
      </c>
    </row>
    <row r="6484" spans="1:9">
      <c r="A6484" s="1">
        <f ca="1">RAND()</f>
        <v>0.1849033115110813</v>
      </c>
      <c r="B6484" s="1"/>
      <c r="C6484">
        <v>9</v>
      </c>
      <c r="D6484" t="s">
        <v>14515</v>
      </c>
      <c r="E6484" t="s">
        <v>32628</v>
      </c>
      <c r="F6484">
        <v>5</v>
      </c>
      <c r="G6484" t="s">
        <v>1</v>
      </c>
      <c r="H6484" t="s">
        <v>14516</v>
      </c>
      <c r="I6484" t="s">
        <v>30540</v>
      </c>
    </row>
    <row r="6485" spans="1:9">
      <c r="A6485" s="1">
        <f ca="1">RAND()</f>
        <v>0.4903835301554762</v>
      </c>
      <c r="B6485" s="1"/>
      <c r="C6485">
        <v>8</v>
      </c>
      <c r="D6485" t="s">
        <v>14513</v>
      </c>
      <c r="E6485" t="s">
        <v>32628</v>
      </c>
      <c r="F6485">
        <v>5</v>
      </c>
      <c r="G6485" t="s">
        <v>2</v>
      </c>
      <c r="H6485" t="s">
        <v>14514</v>
      </c>
      <c r="I6485" t="s">
        <v>30540</v>
      </c>
    </row>
    <row r="6486" spans="1:9">
      <c r="A6486" s="1">
        <f ca="1">RAND()</f>
        <v>0.17407241915806682</v>
      </c>
      <c r="B6486" s="1"/>
      <c r="C6486">
        <v>11</v>
      </c>
      <c r="D6486" t="s">
        <v>14519</v>
      </c>
      <c r="E6486" t="s">
        <v>32628</v>
      </c>
      <c r="F6486">
        <v>4</v>
      </c>
      <c r="G6486" t="s">
        <v>14</v>
      </c>
      <c r="H6486" t="s">
        <v>14520</v>
      </c>
      <c r="I6486" t="s">
        <v>30540</v>
      </c>
    </row>
    <row r="6487" spans="1:9">
      <c r="A6487" s="1">
        <f ca="1">RAND()</f>
        <v>0.72010078377976006</v>
      </c>
      <c r="B6487" s="1"/>
      <c r="C6487">
        <v>6</v>
      </c>
      <c r="D6487" t="s">
        <v>14509</v>
      </c>
      <c r="E6487" t="s">
        <v>32628</v>
      </c>
      <c r="F6487">
        <v>4</v>
      </c>
      <c r="G6487" t="s">
        <v>2</v>
      </c>
      <c r="H6487" t="s">
        <v>14510</v>
      </c>
      <c r="I6487" t="s">
        <v>30540</v>
      </c>
    </row>
    <row r="6488" spans="1:9">
      <c r="A6488" s="1">
        <f ca="1">RAND()</f>
        <v>0.96831396119512048</v>
      </c>
      <c r="B6488" s="1"/>
      <c r="C6488">
        <v>12</v>
      </c>
      <c r="D6488" t="s">
        <v>14521</v>
      </c>
      <c r="E6488" t="s">
        <v>32628</v>
      </c>
      <c r="F6488">
        <v>4</v>
      </c>
      <c r="G6488" t="s">
        <v>2</v>
      </c>
      <c r="H6488" t="s">
        <v>14522</v>
      </c>
      <c r="I6488" t="s">
        <v>30540</v>
      </c>
    </row>
    <row r="6489" spans="1:9">
      <c r="A6489" s="1">
        <f ca="1">RAND()</f>
        <v>0.35806017470341489</v>
      </c>
      <c r="B6489" s="1"/>
      <c r="C6489">
        <v>2</v>
      </c>
      <c r="D6489" t="s">
        <v>14507</v>
      </c>
      <c r="E6489" t="s">
        <v>32628</v>
      </c>
      <c r="F6489">
        <v>4</v>
      </c>
      <c r="G6489" t="s">
        <v>15</v>
      </c>
      <c r="H6489" t="s">
        <v>14508</v>
      </c>
      <c r="I6489" t="s">
        <v>30540</v>
      </c>
    </row>
    <row r="6490" spans="1:9">
      <c r="A6490" s="1">
        <f ca="1">RAND()</f>
        <v>3.4862619335214173E-3</v>
      </c>
      <c r="B6490" s="1"/>
      <c r="C6490">
        <v>10</v>
      </c>
      <c r="D6490" t="s">
        <v>14517</v>
      </c>
      <c r="E6490" t="s">
        <v>32628</v>
      </c>
      <c r="F6490">
        <v>4</v>
      </c>
      <c r="G6490" t="s">
        <v>14</v>
      </c>
      <c r="H6490" t="s">
        <v>14518</v>
      </c>
      <c r="I6490" t="s">
        <v>30540</v>
      </c>
    </row>
    <row r="6491" spans="1:9">
      <c r="A6491" s="1">
        <f ca="1">RAND()</f>
        <v>0.44905394103620078</v>
      </c>
      <c r="B6491" s="1"/>
      <c r="C6491">
        <v>5</v>
      </c>
      <c r="D6491" t="s">
        <v>14487</v>
      </c>
      <c r="E6491" t="s">
        <v>32629</v>
      </c>
      <c r="F6491">
        <v>5</v>
      </c>
      <c r="G6491" t="s">
        <v>14</v>
      </c>
      <c r="H6491" t="s">
        <v>14488</v>
      </c>
      <c r="I6491" t="s">
        <v>30540</v>
      </c>
    </row>
    <row r="6492" spans="1:9">
      <c r="A6492" s="1">
        <f ca="1">RAND()</f>
        <v>0.59197114969071685</v>
      </c>
      <c r="B6492" s="1"/>
      <c r="C6492">
        <v>1</v>
      </c>
      <c r="D6492" t="s">
        <v>14485</v>
      </c>
      <c r="E6492" t="s">
        <v>32629</v>
      </c>
      <c r="F6492">
        <v>5</v>
      </c>
      <c r="G6492" t="s">
        <v>1431</v>
      </c>
      <c r="H6492" t="s">
        <v>14486</v>
      </c>
      <c r="I6492" t="s">
        <v>30540</v>
      </c>
    </row>
    <row r="6493" spans="1:9">
      <c r="A6493" s="1">
        <f ca="1">RAND()</f>
        <v>0.98435322684172011</v>
      </c>
      <c r="B6493" s="1"/>
      <c r="C6493">
        <v>8</v>
      </c>
      <c r="D6493" t="s">
        <v>14489</v>
      </c>
      <c r="E6493" t="s">
        <v>32629</v>
      </c>
      <c r="F6493">
        <v>4</v>
      </c>
      <c r="G6493" t="s">
        <v>3107</v>
      </c>
      <c r="H6493" t="s">
        <v>14490</v>
      </c>
      <c r="I6493" t="s">
        <v>30540</v>
      </c>
    </row>
    <row r="6494" spans="1:9">
      <c r="A6494" s="1">
        <f ca="1">RAND()</f>
        <v>0.13368890409903544</v>
      </c>
      <c r="B6494" s="1"/>
      <c r="C6494">
        <v>15</v>
      </c>
      <c r="D6494" t="s">
        <v>14495</v>
      </c>
      <c r="E6494" t="s">
        <v>32629</v>
      </c>
      <c r="F6494">
        <v>4</v>
      </c>
      <c r="G6494" t="s">
        <v>1431</v>
      </c>
      <c r="H6494" t="s">
        <v>14496</v>
      </c>
      <c r="I6494" t="s">
        <v>30540</v>
      </c>
    </row>
    <row r="6495" spans="1:9">
      <c r="A6495" s="1">
        <f ca="1">RAND()</f>
        <v>4.4122677144384559E-2</v>
      </c>
      <c r="B6495" s="1"/>
      <c r="C6495">
        <v>9</v>
      </c>
      <c r="D6495" t="s">
        <v>14491</v>
      </c>
      <c r="E6495" t="s">
        <v>32629</v>
      </c>
      <c r="F6495">
        <v>4</v>
      </c>
      <c r="G6495" t="s">
        <v>14</v>
      </c>
      <c r="H6495" t="s">
        <v>14492</v>
      </c>
      <c r="I6495" t="s">
        <v>30540</v>
      </c>
    </row>
    <row r="6496" spans="1:9">
      <c r="A6496" s="1">
        <f ca="1">RAND()</f>
        <v>0.14115749237280972</v>
      </c>
      <c r="B6496" s="1"/>
      <c r="C6496">
        <v>17</v>
      </c>
      <c r="D6496" t="s">
        <v>14499</v>
      </c>
      <c r="E6496" t="s">
        <v>32629</v>
      </c>
      <c r="F6496">
        <v>4</v>
      </c>
      <c r="G6496" t="s">
        <v>1431</v>
      </c>
      <c r="H6496" t="s">
        <v>14500</v>
      </c>
      <c r="I6496" t="s">
        <v>30540</v>
      </c>
    </row>
    <row r="6497" spans="1:9">
      <c r="A6497" s="1">
        <f ca="1">RAND()</f>
        <v>0.78544682413383193</v>
      </c>
      <c r="B6497" s="1"/>
      <c r="C6497">
        <v>14</v>
      </c>
      <c r="D6497" t="s">
        <v>14493</v>
      </c>
      <c r="E6497" t="s">
        <v>32629</v>
      </c>
      <c r="F6497">
        <v>4</v>
      </c>
      <c r="G6497" t="s">
        <v>1431</v>
      </c>
      <c r="H6497" t="s">
        <v>14494</v>
      </c>
      <c r="I6497" t="s">
        <v>30540</v>
      </c>
    </row>
    <row r="6498" spans="1:9">
      <c r="A6498" s="1">
        <f ca="1">RAND()</f>
        <v>0.37181520382170719</v>
      </c>
      <c r="B6498" s="1"/>
      <c r="C6498">
        <v>20</v>
      </c>
      <c r="D6498" t="s">
        <v>14505</v>
      </c>
      <c r="E6498" t="s">
        <v>32629</v>
      </c>
      <c r="F6498">
        <v>4</v>
      </c>
      <c r="G6498" t="s">
        <v>14</v>
      </c>
      <c r="H6498" t="s">
        <v>14506</v>
      </c>
      <c r="I6498" t="s">
        <v>30540</v>
      </c>
    </row>
    <row r="6499" spans="1:9">
      <c r="A6499" s="1">
        <f ca="1">RAND()</f>
        <v>0.188993812555593</v>
      </c>
      <c r="B6499" s="1"/>
      <c r="C6499">
        <v>16</v>
      </c>
      <c r="D6499" t="s">
        <v>14497</v>
      </c>
      <c r="E6499" t="s">
        <v>32629</v>
      </c>
      <c r="F6499">
        <v>4</v>
      </c>
      <c r="G6499" t="s">
        <v>14</v>
      </c>
      <c r="H6499" t="s">
        <v>14498</v>
      </c>
      <c r="I6499" t="s">
        <v>30540</v>
      </c>
    </row>
    <row r="6500" spans="1:9">
      <c r="A6500" s="1">
        <f ca="1">RAND()</f>
        <v>6.2279033714025767E-2</v>
      </c>
      <c r="B6500" s="1"/>
      <c r="C6500">
        <v>19</v>
      </c>
      <c r="D6500" t="s">
        <v>14503</v>
      </c>
      <c r="E6500" t="s">
        <v>32629</v>
      </c>
      <c r="F6500">
        <v>4</v>
      </c>
      <c r="G6500" t="s">
        <v>1431</v>
      </c>
      <c r="H6500" t="s">
        <v>14504</v>
      </c>
      <c r="I6500" t="s">
        <v>30540</v>
      </c>
    </row>
    <row r="6501" spans="1:9">
      <c r="A6501" s="1">
        <f ca="1">RAND()</f>
        <v>0.23384967615198171</v>
      </c>
      <c r="B6501" s="1"/>
      <c r="C6501">
        <v>18</v>
      </c>
      <c r="D6501" t="s">
        <v>14501</v>
      </c>
      <c r="E6501" t="s">
        <v>32629</v>
      </c>
      <c r="F6501">
        <v>3</v>
      </c>
      <c r="G6501" t="s">
        <v>1431</v>
      </c>
      <c r="H6501" t="s">
        <v>14502</v>
      </c>
      <c r="I6501" t="s">
        <v>30540</v>
      </c>
    </row>
    <row r="6502" spans="1:9">
      <c r="A6502" s="1">
        <f ca="1">RAND()</f>
        <v>0.22639320371263383</v>
      </c>
      <c r="B6502" s="1"/>
      <c r="C6502">
        <v>7</v>
      </c>
      <c r="D6502" t="s">
        <v>14481</v>
      </c>
      <c r="E6502" t="s">
        <v>32630</v>
      </c>
      <c r="F6502">
        <v>4</v>
      </c>
      <c r="G6502" t="s">
        <v>14</v>
      </c>
      <c r="H6502" t="s">
        <v>14482</v>
      </c>
      <c r="I6502" t="s">
        <v>30540</v>
      </c>
    </row>
    <row r="6503" spans="1:9">
      <c r="A6503" s="1">
        <f ca="1">RAND()</f>
        <v>0.97211013668270418</v>
      </c>
      <c r="B6503" s="1"/>
      <c r="C6503">
        <v>10</v>
      </c>
      <c r="D6503" t="s">
        <v>14483</v>
      </c>
      <c r="E6503" t="s">
        <v>32630</v>
      </c>
      <c r="F6503">
        <v>2</v>
      </c>
      <c r="G6503" t="s">
        <v>13</v>
      </c>
      <c r="H6503" t="s">
        <v>14484</v>
      </c>
      <c r="I6503" t="s">
        <v>30540</v>
      </c>
    </row>
    <row r="6504" spans="1:9">
      <c r="A6504" s="1">
        <f ca="1">RAND()</f>
        <v>0.24499411007616145</v>
      </c>
      <c r="B6504" s="1"/>
      <c r="C6504">
        <v>4</v>
      </c>
      <c r="D6504" t="s">
        <v>14471</v>
      </c>
      <c r="E6504" t="s">
        <v>32631</v>
      </c>
      <c r="F6504">
        <v>5</v>
      </c>
      <c r="G6504" t="s">
        <v>13</v>
      </c>
      <c r="H6504" t="s">
        <v>14472</v>
      </c>
      <c r="I6504" t="s">
        <v>30540</v>
      </c>
    </row>
    <row r="6505" spans="1:9">
      <c r="A6505" s="1">
        <f ca="1">RAND()</f>
        <v>0.98502251173460242</v>
      </c>
      <c r="B6505" s="1"/>
      <c r="C6505">
        <v>15</v>
      </c>
      <c r="D6505" t="s">
        <v>14479</v>
      </c>
      <c r="E6505" t="s">
        <v>32631</v>
      </c>
      <c r="F6505">
        <v>4</v>
      </c>
      <c r="G6505" t="s">
        <v>9</v>
      </c>
      <c r="H6505" t="s">
        <v>14480</v>
      </c>
      <c r="I6505" t="s">
        <v>30540</v>
      </c>
    </row>
    <row r="6506" spans="1:9">
      <c r="A6506" s="1">
        <f ca="1">RAND()</f>
        <v>0.22865759070621527</v>
      </c>
      <c r="B6506" s="1"/>
      <c r="C6506">
        <v>12</v>
      </c>
      <c r="D6506" t="s">
        <v>14477</v>
      </c>
      <c r="E6506" t="s">
        <v>32631</v>
      </c>
      <c r="F6506">
        <v>4</v>
      </c>
      <c r="G6506" t="s">
        <v>10</v>
      </c>
      <c r="H6506" t="s">
        <v>14478</v>
      </c>
      <c r="I6506" t="s">
        <v>30540</v>
      </c>
    </row>
    <row r="6507" spans="1:9">
      <c r="A6507" s="1">
        <f ca="1">RAND()</f>
        <v>0.91425624002667327</v>
      </c>
      <c r="B6507" s="1"/>
      <c r="C6507">
        <v>2</v>
      </c>
      <c r="D6507" t="s">
        <v>14469</v>
      </c>
      <c r="E6507" t="s">
        <v>32631</v>
      </c>
      <c r="F6507">
        <v>4</v>
      </c>
      <c r="G6507" t="s">
        <v>10</v>
      </c>
      <c r="H6507" t="s">
        <v>14470</v>
      </c>
      <c r="I6507" t="s">
        <v>30540</v>
      </c>
    </row>
    <row r="6508" spans="1:9">
      <c r="A6508" s="1">
        <f ca="1">RAND()</f>
        <v>0.46985071885290219</v>
      </c>
      <c r="B6508" s="1"/>
      <c r="C6508">
        <v>6</v>
      </c>
      <c r="D6508" t="s">
        <v>14473</v>
      </c>
      <c r="E6508" t="s">
        <v>32631</v>
      </c>
      <c r="F6508">
        <v>4</v>
      </c>
      <c r="G6508" t="s">
        <v>9</v>
      </c>
      <c r="H6508" t="s">
        <v>14474</v>
      </c>
      <c r="I6508" t="s">
        <v>30540</v>
      </c>
    </row>
    <row r="6509" spans="1:9">
      <c r="A6509" s="1">
        <f ca="1">RAND()</f>
        <v>0.9548066107827462</v>
      </c>
      <c r="B6509" s="1"/>
      <c r="C6509">
        <v>10</v>
      </c>
      <c r="D6509" t="s">
        <v>14475</v>
      </c>
      <c r="E6509" t="s">
        <v>32631</v>
      </c>
      <c r="F6509">
        <v>3</v>
      </c>
      <c r="G6509" t="s">
        <v>14</v>
      </c>
      <c r="H6509" t="s">
        <v>14476</v>
      </c>
      <c r="I6509" t="s">
        <v>30540</v>
      </c>
    </row>
    <row r="6510" spans="1:9">
      <c r="A6510" s="1">
        <f ca="1">RAND()</f>
        <v>0.97152352464757519</v>
      </c>
      <c r="B6510" s="1"/>
      <c r="C6510">
        <v>7</v>
      </c>
      <c r="D6510" t="s">
        <v>14465</v>
      </c>
      <c r="E6510" t="s">
        <v>32632</v>
      </c>
      <c r="F6510">
        <v>4</v>
      </c>
      <c r="G6510" t="s">
        <v>9</v>
      </c>
      <c r="H6510" t="s">
        <v>14466</v>
      </c>
      <c r="I6510" t="s">
        <v>30540</v>
      </c>
    </row>
    <row r="6511" spans="1:9">
      <c r="A6511" s="1">
        <f ca="1">RAND()</f>
        <v>0.25049167565107811</v>
      </c>
      <c r="B6511" s="1"/>
      <c r="C6511">
        <v>10</v>
      </c>
      <c r="D6511" t="s">
        <v>14467</v>
      </c>
      <c r="E6511" t="s">
        <v>32632</v>
      </c>
      <c r="F6511">
        <v>4</v>
      </c>
      <c r="G6511" t="s">
        <v>9</v>
      </c>
      <c r="H6511" t="s">
        <v>14468</v>
      </c>
      <c r="I6511" t="s">
        <v>30540</v>
      </c>
    </row>
    <row r="6512" spans="1:9">
      <c r="A6512" s="1">
        <f ca="1">RAND()</f>
        <v>0.78348622812390778</v>
      </c>
      <c r="B6512" s="1"/>
      <c r="C6512">
        <v>13</v>
      </c>
      <c r="D6512" t="s">
        <v>14461</v>
      </c>
      <c r="E6512" t="s">
        <v>32633</v>
      </c>
      <c r="F6512">
        <v>5</v>
      </c>
      <c r="G6512" t="s">
        <v>9</v>
      </c>
      <c r="H6512" t="s">
        <v>14462</v>
      </c>
      <c r="I6512" t="s">
        <v>30540</v>
      </c>
    </row>
    <row r="6513" spans="1:9">
      <c r="A6513" s="1">
        <f ca="1">RAND()</f>
        <v>0.29689401006131366</v>
      </c>
      <c r="B6513" s="1"/>
      <c r="C6513">
        <v>4</v>
      </c>
      <c r="D6513" t="s">
        <v>14455</v>
      </c>
      <c r="E6513" t="s">
        <v>32633</v>
      </c>
      <c r="F6513">
        <v>5</v>
      </c>
      <c r="G6513" t="s">
        <v>9</v>
      </c>
      <c r="H6513" t="s">
        <v>14456</v>
      </c>
      <c r="I6513" t="s">
        <v>30540</v>
      </c>
    </row>
    <row r="6514" spans="1:9">
      <c r="A6514" s="1">
        <f ca="1">RAND()</f>
        <v>0.93733309678787569</v>
      </c>
      <c r="B6514" s="1"/>
      <c r="C6514">
        <v>10</v>
      </c>
      <c r="D6514" t="s">
        <v>14459</v>
      </c>
      <c r="E6514" t="s">
        <v>32633</v>
      </c>
      <c r="F6514">
        <v>4</v>
      </c>
      <c r="G6514" t="s">
        <v>9</v>
      </c>
      <c r="H6514" t="s">
        <v>14460</v>
      </c>
      <c r="I6514" t="s">
        <v>30540</v>
      </c>
    </row>
    <row r="6515" spans="1:9">
      <c r="A6515" s="1">
        <f ca="1">RAND()</f>
        <v>0.15771461559265643</v>
      </c>
      <c r="B6515" s="1"/>
      <c r="C6515">
        <v>2</v>
      </c>
      <c r="D6515" t="s">
        <v>14451</v>
      </c>
      <c r="E6515" t="s">
        <v>32633</v>
      </c>
      <c r="F6515">
        <v>4</v>
      </c>
      <c r="G6515" t="s">
        <v>15</v>
      </c>
      <c r="H6515" t="s">
        <v>14452</v>
      </c>
      <c r="I6515" t="s">
        <v>30540</v>
      </c>
    </row>
    <row r="6516" spans="1:9">
      <c r="A6516" s="1">
        <f ca="1">RAND()</f>
        <v>0.1415362589145357</v>
      </c>
      <c r="B6516" s="1"/>
      <c r="C6516">
        <v>3</v>
      </c>
      <c r="D6516" t="s">
        <v>14453</v>
      </c>
      <c r="E6516" t="s">
        <v>32633</v>
      </c>
      <c r="F6516">
        <v>3</v>
      </c>
      <c r="G6516" t="s">
        <v>15</v>
      </c>
      <c r="H6516" t="s">
        <v>14454</v>
      </c>
      <c r="I6516" t="s">
        <v>30540</v>
      </c>
    </row>
    <row r="6517" spans="1:9">
      <c r="A6517" s="1">
        <f ca="1">RAND()</f>
        <v>0.81449691898548604</v>
      </c>
      <c r="B6517" s="1"/>
      <c r="C6517">
        <v>16</v>
      </c>
      <c r="D6517" t="s">
        <v>14463</v>
      </c>
      <c r="E6517" t="s">
        <v>32633</v>
      </c>
      <c r="F6517">
        <v>3</v>
      </c>
      <c r="G6517" t="s">
        <v>2</v>
      </c>
      <c r="H6517" t="s">
        <v>14464</v>
      </c>
      <c r="I6517" t="s">
        <v>30540</v>
      </c>
    </row>
    <row r="6518" spans="1:9">
      <c r="A6518" s="1">
        <f ca="1">RAND()</f>
        <v>0.60678712493815612</v>
      </c>
      <c r="B6518" s="1"/>
      <c r="C6518">
        <v>9</v>
      </c>
      <c r="D6518" t="s">
        <v>14457</v>
      </c>
      <c r="E6518" t="s">
        <v>32633</v>
      </c>
      <c r="F6518">
        <v>3</v>
      </c>
      <c r="G6518" t="s">
        <v>2</v>
      </c>
      <c r="H6518" t="s">
        <v>14458</v>
      </c>
      <c r="I6518" t="s">
        <v>30540</v>
      </c>
    </row>
    <row r="6519" spans="1:9">
      <c r="A6519" s="1">
        <f ca="1">RAND()</f>
        <v>0.77893353250273811</v>
      </c>
      <c r="B6519" s="1"/>
      <c r="C6519">
        <v>16</v>
      </c>
      <c r="D6519" t="s">
        <v>14441</v>
      </c>
      <c r="E6519" t="s">
        <v>32634</v>
      </c>
      <c r="F6519">
        <v>5</v>
      </c>
      <c r="G6519" t="s">
        <v>1431</v>
      </c>
      <c r="H6519" t="s">
        <v>14442</v>
      </c>
      <c r="I6519" t="s">
        <v>30540</v>
      </c>
    </row>
    <row r="6520" spans="1:9">
      <c r="A6520" s="1">
        <f ca="1">RAND()</f>
        <v>0.37050715771747045</v>
      </c>
      <c r="B6520" s="1"/>
      <c r="C6520">
        <v>9</v>
      </c>
      <c r="D6520" t="s">
        <v>14435</v>
      </c>
      <c r="E6520" t="s">
        <v>32634</v>
      </c>
      <c r="F6520">
        <v>5</v>
      </c>
      <c r="G6520" t="s">
        <v>3732</v>
      </c>
      <c r="H6520" t="s">
        <v>14436</v>
      </c>
      <c r="I6520" t="s">
        <v>30540</v>
      </c>
    </row>
    <row r="6521" spans="1:9">
      <c r="A6521" s="1">
        <f ca="1">RAND()</f>
        <v>0.98770900011568763</v>
      </c>
      <c r="B6521" s="1"/>
      <c r="C6521">
        <v>13</v>
      </c>
      <c r="D6521" t="s">
        <v>14439</v>
      </c>
      <c r="E6521" t="s">
        <v>32634</v>
      </c>
      <c r="F6521">
        <v>5</v>
      </c>
      <c r="G6521" t="s">
        <v>1431</v>
      </c>
      <c r="H6521" t="s">
        <v>14440</v>
      </c>
      <c r="I6521" t="s">
        <v>30540</v>
      </c>
    </row>
    <row r="6522" spans="1:9">
      <c r="A6522" s="1">
        <f ca="1">RAND()</f>
        <v>9.4089835928017562E-2</v>
      </c>
      <c r="B6522" s="1"/>
      <c r="C6522">
        <v>8</v>
      </c>
      <c r="D6522" t="s">
        <v>14433</v>
      </c>
      <c r="E6522" t="s">
        <v>32634</v>
      </c>
      <c r="F6522">
        <v>4</v>
      </c>
      <c r="G6522" t="s">
        <v>9</v>
      </c>
      <c r="H6522" t="s">
        <v>14434</v>
      </c>
      <c r="I6522" t="s">
        <v>30540</v>
      </c>
    </row>
    <row r="6523" spans="1:9">
      <c r="A6523" s="1">
        <f ca="1">RAND()</f>
        <v>0.15982540009587498</v>
      </c>
      <c r="B6523" s="1"/>
      <c r="C6523">
        <v>20</v>
      </c>
      <c r="D6523" t="s">
        <v>14449</v>
      </c>
      <c r="E6523" t="s">
        <v>32634</v>
      </c>
      <c r="F6523">
        <v>4</v>
      </c>
      <c r="G6523" t="s">
        <v>1431</v>
      </c>
      <c r="H6523" t="s">
        <v>14450</v>
      </c>
      <c r="I6523" t="s">
        <v>30540</v>
      </c>
    </row>
    <row r="6524" spans="1:9">
      <c r="A6524" s="1">
        <f ca="1">RAND()</f>
        <v>9.4115423416429866E-3</v>
      </c>
      <c r="B6524" s="1"/>
      <c r="C6524">
        <v>17</v>
      </c>
      <c r="D6524" t="s">
        <v>14443</v>
      </c>
      <c r="E6524" t="s">
        <v>32634</v>
      </c>
      <c r="F6524">
        <v>4</v>
      </c>
      <c r="G6524" t="s">
        <v>0</v>
      </c>
      <c r="H6524" t="s">
        <v>14444</v>
      </c>
      <c r="I6524" t="s">
        <v>30540</v>
      </c>
    </row>
    <row r="6525" spans="1:9">
      <c r="A6525" s="1">
        <f ca="1">RAND()</f>
        <v>0.41319685770234227</v>
      </c>
      <c r="B6525" s="1"/>
      <c r="C6525">
        <v>6</v>
      </c>
      <c r="D6525" t="s">
        <v>14431</v>
      </c>
      <c r="E6525" t="s">
        <v>32634</v>
      </c>
      <c r="F6525">
        <v>4</v>
      </c>
      <c r="G6525" t="s">
        <v>1431</v>
      </c>
      <c r="H6525" t="s">
        <v>14432</v>
      </c>
      <c r="I6525" t="s">
        <v>30540</v>
      </c>
    </row>
    <row r="6526" spans="1:9">
      <c r="A6526" s="1">
        <f ca="1">RAND()</f>
        <v>0.85872866689174698</v>
      </c>
      <c r="B6526" s="1"/>
      <c r="C6526">
        <v>19</v>
      </c>
      <c r="D6526" t="s">
        <v>14447</v>
      </c>
      <c r="E6526" t="s">
        <v>32634</v>
      </c>
      <c r="F6526">
        <v>4</v>
      </c>
      <c r="G6526" t="s">
        <v>1431</v>
      </c>
      <c r="H6526" t="s">
        <v>14448</v>
      </c>
      <c r="I6526" t="s">
        <v>30540</v>
      </c>
    </row>
    <row r="6527" spans="1:9">
      <c r="A6527" s="1">
        <f ca="1">RAND()</f>
        <v>0.54219461044634187</v>
      </c>
      <c r="B6527" s="1"/>
      <c r="C6527">
        <v>18</v>
      </c>
      <c r="D6527" t="s">
        <v>14445</v>
      </c>
      <c r="E6527" t="s">
        <v>32634</v>
      </c>
      <c r="F6527">
        <v>3</v>
      </c>
      <c r="G6527" t="s">
        <v>9</v>
      </c>
      <c r="H6527" t="s">
        <v>14446</v>
      </c>
      <c r="I6527" t="s">
        <v>30540</v>
      </c>
    </row>
    <row r="6528" spans="1:9">
      <c r="A6528" s="1">
        <f ca="1">RAND()</f>
        <v>0.39943601669662343</v>
      </c>
      <c r="B6528" s="1"/>
      <c r="C6528">
        <v>12</v>
      </c>
      <c r="D6528" t="s">
        <v>14437</v>
      </c>
      <c r="E6528" t="s">
        <v>32634</v>
      </c>
      <c r="F6528">
        <v>3</v>
      </c>
      <c r="G6528" t="s">
        <v>1431</v>
      </c>
      <c r="H6528" t="s">
        <v>14438</v>
      </c>
      <c r="I6528" t="s">
        <v>30540</v>
      </c>
    </row>
    <row r="6529" spans="1:9">
      <c r="A6529" s="1">
        <f ca="1">RAND()</f>
        <v>0.4269270992362374</v>
      </c>
      <c r="B6529" s="1"/>
      <c r="C6529">
        <v>3</v>
      </c>
      <c r="D6529" t="s">
        <v>14429</v>
      </c>
      <c r="E6529" t="s">
        <v>32634</v>
      </c>
      <c r="F6529">
        <v>2</v>
      </c>
      <c r="G6529" t="s">
        <v>1431</v>
      </c>
      <c r="H6529" t="s">
        <v>14430</v>
      </c>
      <c r="I6529" t="s">
        <v>30540</v>
      </c>
    </row>
    <row r="6530" spans="1:9">
      <c r="A6530" s="1">
        <f ca="1">RAND()</f>
        <v>0.44355818602343211</v>
      </c>
      <c r="B6530" s="1"/>
      <c r="C6530">
        <v>14</v>
      </c>
      <c r="D6530" t="s">
        <v>14427</v>
      </c>
      <c r="E6530" t="s">
        <v>32635</v>
      </c>
      <c r="F6530">
        <v>5</v>
      </c>
      <c r="G6530" t="s">
        <v>9</v>
      </c>
      <c r="H6530" t="s">
        <v>14428</v>
      </c>
      <c r="I6530" t="s">
        <v>30540</v>
      </c>
    </row>
    <row r="6531" spans="1:9">
      <c r="A6531" s="1">
        <f ca="1">RAND()</f>
        <v>0.34356757659683812</v>
      </c>
      <c r="B6531" s="1"/>
      <c r="C6531">
        <v>4</v>
      </c>
      <c r="D6531" t="s">
        <v>14425</v>
      </c>
      <c r="E6531" t="s">
        <v>32635</v>
      </c>
      <c r="F6531">
        <v>5</v>
      </c>
      <c r="G6531" t="s">
        <v>9</v>
      </c>
      <c r="H6531" t="s">
        <v>14426</v>
      </c>
      <c r="I6531" t="s">
        <v>30540</v>
      </c>
    </row>
    <row r="6532" spans="1:9">
      <c r="A6532" s="1">
        <f ca="1">RAND()</f>
        <v>0.45574573640913707</v>
      </c>
      <c r="B6532" s="1"/>
      <c r="C6532">
        <v>3</v>
      </c>
      <c r="D6532" t="s">
        <v>14421</v>
      </c>
      <c r="E6532" t="s">
        <v>32636</v>
      </c>
      <c r="F6532">
        <v>4</v>
      </c>
      <c r="G6532" t="s">
        <v>10</v>
      </c>
      <c r="H6532" t="s">
        <v>14422</v>
      </c>
      <c r="I6532" t="s">
        <v>30540</v>
      </c>
    </row>
    <row r="6533" spans="1:9">
      <c r="A6533" s="1">
        <f ca="1">RAND()</f>
        <v>0.7954465236869962</v>
      </c>
      <c r="B6533" s="1"/>
      <c r="C6533">
        <v>6</v>
      </c>
      <c r="D6533" t="s">
        <v>14423</v>
      </c>
      <c r="E6533" t="s">
        <v>32636</v>
      </c>
      <c r="F6533">
        <v>4</v>
      </c>
      <c r="G6533" t="s">
        <v>9</v>
      </c>
      <c r="H6533" t="s">
        <v>14424</v>
      </c>
      <c r="I6533" t="s">
        <v>30540</v>
      </c>
    </row>
    <row r="6534" spans="1:9">
      <c r="A6534" s="1">
        <f ca="1">RAND()</f>
        <v>0.36126915644271385</v>
      </c>
      <c r="B6534" s="1"/>
      <c r="C6534">
        <v>2</v>
      </c>
      <c r="D6534" t="s">
        <v>14419</v>
      </c>
      <c r="E6534" t="s">
        <v>32636</v>
      </c>
      <c r="F6534">
        <v>3</v>
      </c>
      <c r="G6534" t="s">
        <v>9</v>
      </c>
      <c r="H6534" t="s">
        <v>14420</v>
      </c>
      <c r="I6534" t="s">
        <v>30540</v>
      </c>
    </row>
    <row r="6535" spans="1:9">
      <c r="A6535" s="1">
        <f ca="1">RAND()</f>
        <v>0.25422496343319012</v>
      </c>
      <c r="B6535" s="1"/>
      <c r="C6535">
        <v>5</v>
      </c>
      <c r="D6535" t="s">
        <v>14417</v>
      </c>
      <c r="E6535" t="s">
        <v>32637</v>
      </c>
      <c r="F6535">
        <v>2</v>
      </c>
      <c r="G6535" t="s">
        <v>9</v>
      </c>
      <c r="H6535" t="s">
        <v>14418</v>
      </c>
      <c r="I6535" t="s">
        <v>30540</v>
      </c>
    </row>
    <row r="6536" spans="1:9">
      <c r="A6536" s="1">
        <f ca="1">RAND()</f>
        <v>0.1956749837434878</v>
      </c>
      <c r="B6536" s="1"/>
      <c r="C6536">
        <v>4</v>
      </c>
      <c r="D6536" t="s">
        <v>14409</v>
      </c>
      <c r="E6536" t="s">
        <v>32638</v>
      </c>
      <c r="F6536">
        <v>4</v>
      </c>
      <c r="G6536" t="s">
        <v>15</v>
      </c>
      <c r="H6536" t="s">
        <v>14410</v>
      </c>
      <c r="I6536" t="s">
        <v>30540</v>
      </c>
    </row>
    <row r="6537" spans="1:9">
      <c r="A6537" s="1">
        <f ca="1">RAND()</f>
        <v>0.53380891048895984</v>
      </c>
      <c r="B6537" s="1"/>
      <c r="C6537">
        <v>15</v>
      </c>
      <c r="D6537" t="s">
        <v>14413</v>
      </c>
      <c r="E6537" t="s">
        <v>32638</v>
      </c>
      <c r="F6537">
        <v>4</v>
      </c>
      <c r="G6537" t="s">
        <v>2</v>
      </c>
      <c r="H6537" t="s">
        <v>14414</v>
      </c>
      <c r="I6537" t="s">
        <v>30540</v>
      </c>
    </row>
    <row r="6538" spans="1:9">
      <c r="A6538" s="1">
        <f ca="1">RAND()</f>
        <v>0.22051820227104113</v>
      </c>
      <c r="B6538" s="1"/>
      <c r="C6538">
        <v>1</v>
      </c>
      <c r="D6538" t="s">
        <v>14407</v>
      </c>
      <c r="E6538" t="s">
        <v>32638</v>
      </c>
      <c r="F6538">
        <v>4</v>
      </c>
      <c r="G6538" t="s">
        <v>2</v>
      </c>
      <c r="H6538" t="s">
        <v>14408</v>
      </c>
      <c r="I6538" t="s">
        <v>30540</v>
      </c>
    </row>
    <row r="6539" spans="1:9">
      <c r="A6539" s="1">
        <f ca="1">RAND()</f>
        <v>6.4463362550366332E-2</v>
      </c>
      <c r="B6539" s="1"/>
      <c r="C6539">
        <v>6</v>
      </c>
      <c r="D6539" t="s">
        <v>14411</v>
      </c>
      <c r="E6539" t="s">
        <v>32638</v>
      </c>
      <c r="F6539">
        <v>2</v>
      </c>
      <c r="G6539" t="s">
        <v>15</v>
      </c>
      <c r="H6539" t="s">
        <v>14412</v>
      </c>
      <c r="I6539" t="s">
        <v>30540</v>
      </c>
    </row>
    <row r="6540" spans="1:9">
      <c r="A6540" s="1">
        <f ca="1">RAND()</f>
        <v>0.79765220553015248</v>
      </c>
      <c r="B6540" s="1"/>
      <c r="C6540">
        <v>17</v>
      </c>
      <c r="D6540" t="s">
        <v>14415</v>
      </c>
      <c r="E6540" t="s">
        <v>32638</v>
      </c>
      <c r="F6540">
        <v>2</v>
      </c>
      <c r="G6540" t="s">
        <v>2</v>
      </c>
      <c r="H6540" t="s">
        <v>14416</v>
      </c>
      <c r="I6540" t="s">
        <v>30540</v>
      </c>
    </row>
    <row r="6541" spans="1:9">
      <c r="A6541" s="1">
        <f ca="1">RAND()</f>
        <v>0.70131025983525874</v>
      </c>
      <c r="B6541" s="1"/>
      <c r="C6541">
        <v>8</v>
      </c>
      <c r="D6541" t="s">
        <v>14397</v>
      </c>
      <c r="E6541" t="s">
        <v>32639</v>
      </c>
      <c r="F6541">
        <v>5</v>
      </c>
      <c r="G6541" t="s">
        <v>9</v>
      </c>
      <c r="H6541" t="s">
        <v>14398</v>
      </c>
      <c r="I6541" t="s">
        <v>30540</v>
      </c>
    </row>
    <row r="6542" spans="1:9">
      <c r="A6542" s="1">
        <f ca="1">RAND()</f>
        <v>0.67829223228696733</v>
      </c>
      <c r="B6542" s="1"/>
      <c r="C6542">
        <v>15</v>
      </c>
      <c r="D6542" t="s">
        <v>14403</v>
      </c>
      <c r="E6542" t="s">
        <v>32639</v>
      </c>
      <c r="F6542">
        <v>4</v>
      </c>
      <c r="G6542" t="s">
        <v>1431</v>
      </c>
      <c r="H6542" t="s">
        <v>14404</v>
      </c>
      <c r="I6542" t="s">
        <v>30540</v>
      </c>
    </row>
    <row r="6543" spans="1:9">
      <c r="A6543" s="1">
        <f ca="1">RAND()</f>
        <v>8.8398221524417231E-2</v>
      </c>
      <c r="B6543" s="1"/>
      <c r="C6543">
        <v>4</v>
      </c>
      <c r="D6543" t="s">
        <v>14395</v>
      </c>
      <c r="E6543" t="s">
        <v>32639</v>
      </c>
      <c r="F6543">
        <v>4</v>
      </c>
      <c r="G6543" t="s">
        <v>1431</v>
      </c>
      <c r="H6543" t="s">
        <v>14396</v>
      </c>
      <c r="I6543" t="s">
        <v>30540</v>
      </c>
    </row>
    <row r="6544" spans="1:9">
      <c r="A6544" s="1">
        <f ca="1">RAND()</f>
        <v>0.36315389263968834</v>
      </c>
      <c r="B6544" s="1"/>
      <c r="C6544">
        <v>14</v>
      </c>
      <c r="D6544" t="s">
        <v>14401</v>
      </c>
      <c r="E6544" t="s">
        <v>32639</v>
      </c>
      <c r="F6544">
        <v>4</v>
      </c>
      <c r="G6544" t="s">
        <v>9</v>
      </c>
      <c r="H6544" t="s">
        <v>14402</v>
      </c>
      <c r="I6544" t="s">
        <v>30540</v>
      </c>
    </row>
    <row r="6545" spans="1:9">
      <c r="A6545" s="1">
        <f ca="1">RAND()</f>
        <v>0.38451138955043918</v>
      </c>
      <c r="B6545" s="1"/>
      <c r="C6545">
        <v>9</v>
      </c>
      <c r="D6545" t="s">
        <v>14399</v>
      </c>
      <c r="E6545" t="s">
        <v>32639</v>
      </c>
      <c r="F6545">
        <v>4</v>
      </c>
      <c r="G6545" t="s">
        <v>775</v>
      </c>
      <c r="H6545" t="s">
        <v>14400</v>
      </c>
      <c r="I6545" t="s">
        <v>30540</v>
      </c>
    </row>
    <row r="6546" spans="1:9">
      <c r="A6546" s="1">
        <f ca="1">RAND()</f>
        <v>0.19443311503973004</v>
      </c>
      <c r="B6546" s="1"/>
      <c r="C6546">
        <v>20</v>
      </c>
      <c r="D6546" t="s">
        <v>14405</v>
      </c>
      <c r="E6546" t="s">
        <v>32639</v>
      </c>
      <c r="F6546">
        <v>3</v>
      </c>
      <c r="G6546" t="s">
        <v>1431</v>
      </c>
      <c r="H6546" t="s">
        <v>14406</v>
      </c>
      <c r="I6546" t="s">
        <v>30540</v>
      </c>
    </row>
    <row r="6547" spans="1:9">
      <c r="A6547" s="1">
        <f ca="1">RAND()</f>
        <v>0.7849320397292282</v>
      </c>
      <c r="B6547" s="1"/>
      <c r="C6547">
        <v>6</v>
      </c>
      <c r="D6547" t="s">
        <v>14393</v>
      </c>
      <c r="E6547" t="s">
        <v>32640</v>
      </c>
      <c r="F6547">
        <v>4</v>
      </c>
      <c r="G6547" t="s">
        <v>9</v>
      </c>
      <c r="H6547" t="s">
        <v>14394</v>
      </c>
      <c r="I6547" t="s">
        <v>30540</v>
      </c>
    </row>
    <row r="6548" spans="1:9">
      <c r="A6548" s="1">
        <f ca="1">RAND()</f>
        <v>0.31490569301643756</v>
      </c>
      <c r="B6548" s="1"/>
      <c r="C6548">
        <v>11</v>
      </c>
      <c r="D6548" t="s">
        <v>14389</v>
      </c>
      <c r="E6548" t="s">
        <v>32641</v>
      </c>
      <c r="F6548">
        <v>5</v>
      </c>
      <c r="G6548" t="s">
        <v>14</v>
      </c>
      <c r="H6548" t="s">
        <v>14390</v>
      </c>
      <c r="I6548" t="s">
        <v>30540</v>
      </c>
    </row>
    <row r="6549" spans="1:9">
      <c r="A6549" s="1">
        <f ca="1">RAND()</f>
        <v>0.94417637228091278</v>
      </c>
      <c r="B6549" s="1"/>
      <c r="C6549">
        <v>12</v>
      </c>
      <c r="D6549" t="s">
        <v>14391</v>
      </c>
      <c r="E6549" t="s">
        <v>32641</v>
      </c>
      <c r="F6549">
        <v>5</v>
      </c>
      <c r="G6549" t="s">
        <v>14</v>
      </c>
      <c r="H6549" t="s">
        <v>14392</v>
      </c>
      <c r="I6549" t="s">
        <v>30540</v>
      </c>
    </row>
    <row r="6550" spans="1:9">
      <c r="A6550" s="1">
        <f ca="1">RAND()</f>
        <v>0.59858197103191668</v>
      </c>
      <c r="B6550" s="1"/>
      <c r="C6550">
        <v>9</v>
      </c>
      <c r="D6550" t="s">
        <v>14387</v>
      </c>
      <c r="E6550" t="s">
        <v>32641</v>
      </c>
      <c r="F6550">
        <v>4</v>
      </c>
      <c r="G6550" t="s">
        <v>15</v>
      </c>
      <c r="H6550" t="s">
        <v>14388</v>
      </c>
      <c r="I6550" t="s">
        <v>30540</v>
      </c>
    </row>
    <row r="6551" spans="1:9">
      <c r="A6551" s="1">
        <f ca="1">RAND()</f>
        <v>3.4461544169413272E-2</v>
      </c>
      <c r="B6551" s="1"/>
      <c r="C6551">
        <v>3</v>
      </c>
      <c r="D6551" t="s">
        <v>14383</v>
      </c>
      <c r="E6551" t="s">
        <v>32641</v>
      </c>
      <c r="F6551">
        <v>2</v>
      </c>
      <c r="G6551" t="s">
        <v>10</v>
      </c>
      <c r="H6551" t="s">
        <v>14384</v>
      </c>
      <c r="I6551" t="s">
        <v>30540</v>
      </c>
    </row>
    <row r="6552" spans="1:9">
      <c r="A6552" s="1">
        <f ca="1">RAND()</f>
        <v>0.86656458765492217</v>
      </c>
      <c r="B6552" s="1"/>
      <c r="C6552">
        <v>2</v>
      </c>
      <c r="D6552" t="s">
        <v>14381</v>
      </c>
      <c r="E6552" t="s">
        <v>32641</v>
      </c>
      <c r="F6552">
        <v>2</v>
      </c>
      <c r="G6552" t="s">
        <v>14</v>
      </c>
      <c r="H6552" t="s">
        <v>14382</v>
      </c>
      <c r="I6552" t="s">
        <v>30540</v>
      </c>
    </row>
    <row r="6553" spans="1:9">
      <c r="A6553" s="1">
        <f ca="1">RAND()</f>
        <v>0.68779050386072405</v>
      </c>
      <c r="B6553" s="1"/>
      <c r="C6553">
        <v>4</v>
      </c>
      <c r="D6553" t="s">
        <v>14385</v>
      </c>
      <c r="E6553" t="s">
        <v>32641</v>
      </c>
      <c r="F6553">
        <v>2</v>
      </c>
      <c r="G6553" t="s">
        <v>10</v>
      </c>
      <c r="H6553" t="s">
        <v>14386</v>
      </c>
      <c r="I6553" t="s">
        <v>30540</v>
      </c>
    </row>
    <row r="6554" spans="1:9">
      <c r="A6554" s="1">
        <f ca="1">RAND()</f>
        <v>3.7248319770966876E-2</v>
      </c>
      <c r="B6554" s="1"/>
      <c r="C6554">
        <v>6</v>
      </c>
      <c r="D6554" t="s">
        <v>14375</v>
      </c>
      <c r="E6554" t="s">
        <v>32642</v>
      </c>
      <c r="F6554">
        <v>4</v>
      </c>
      <c r="G6554" t="s">
        <v>14</v>
      </c>
      <c r="H6554" t="s">
        <v>14376</v>
      </c>
      <c r="I6554" t="s">
        <v>30540</v>
      </c>
    </row>
    <row r="6555" spans="1:9">
      <c r="A6555" s="1">
        <f ca="1">RAND()</f>
        <v>0.78313556559560749</v>
      </c>
      <c r="B6555" s="1"/>
      <c r="C6555">
        <v>9</v>
      </c>
      <c r="D6555" t="s">
        <v>14379</v>
      </c>
      <c r="E6555" t="s">
        <v>32642</v>
      </c>
      <c r="F6555">
        <v>4</v>
      </c>
      <c r="G6555" t="s">
        <v>14</v>
      </c>
      <c r="H6555" t="s">
        <v>14380</v>
      </c>
      <c r="I6555" t="s">
        <v>30540</v>
      </c>
    </row>
    <row r="6556" spans="1:9">
      <c r="A6556" s="1">
        <f ca="1">RAND()</f>
        <v>0.25883244595821087</v>
      </c>
      <c r="B6556" s="1"/>
      <c r="C6556">
        <v>3</v>
      </c>
      <c r="D6556" t="s">
        <v>14373</v>
      </c>
      <c r="E6556" t="s">
        <v>32642</v>
      </c>
      <c r="F6556">
        <v>4</v>
      </c>
      <c r="G6556" t="s">
        <v>13</v>
      </c>
      <c r="H6556" t="s">
        <v>14374</v>
      </c>
      <c r="I6556" t="s">
        <v>30540</v>
      </c>
    </row>
    <row r="6557" spans="1:9">
      <c r="A6557" s="1">
        <f ca="1">RAND()</f>
        <v>0.8573518940447924</v>
      </c>
      <c r="B6557" s="1"/>
      <c r="C6557">
        <v>7</v>
      </c>
      <c r="D6557" t="s">
        <v>14377</v>
      </c>
      <c r="E6557" t="s">
        <v>32642</v>
      </c>
      <c r="F6557">
        <v>3</v>
      </c>
      <c r="G6557" t="s">
        <v>13</v>
      </c>
      <c r="H6557" t="s">
        <v>14378</v>
      </c>
      <c r="I6557" t="s">
        <v>30540</v>
      </c>
    </row>
    <row r="6558" spans="1:9">
      <c r="A6558" s="1">
        <f ca="1">RAND()</f>
        <v>0.57773430831791861</v>
      </c>
      <c r="B6558" s="1"/>
      <c r="C6558">
        <v>6</v>
      </c>
      <c r="D6558" t="s">
        <v>14367</v>
      </c>
      <c r="E6558" t="s">
        <v>32643</v>
      </c>
      <c r="F6558">
        <v>4</v>
      </c>
      <c r="G6558" t="s">
        <v>14</v>
      </c>
      <c r="H6558" t="s">
        <v>14368</v>
      </c>
      <c r="I6558" t="s">
        <v>30540</v>
      </c>
    </row>
    <row r="6559" spans="1:9">
      <c r="A6559" s="1">
        <f ca="1">RAND()</f>
        <v>0.68685494601266328</v>
      </c>
      <c r="B6559" s="1"/>
      <c r="C6559">
        <v>1</v>
      </c>
      <c r="D6559" t="s">
        <v>14361</v>
      </c>
      <c r="E6559" t="s">
        <v>32643</v>
      </c>
      <c r="F6559">
        <v>4</v>
      </c>
      <c r="G6559" t="s">
        <v>10</v>
      </c>
      <c r="H6559" t="s">
        <v>14362</v>
      </c>
      <c r="I6559" t="s">
        <v>30540</v>
      </c>
    </row>
    <row r="6560" spans="1:9">
      <c r="A6560" s="1">
        <f ca="1">RAND()</f>
        <v>0.17677715318734155</v>
      </c>
      <c r="B6560" s="1"/>
      <c r="C6560">
        <v>5</v>
      </c>
      <c r="D6560" t="s">
        <v>14365</v>
      </c>
      <c r="E6560" t="s">
        <v>32643</v>
      </c>
      <c r="F6560">
        <v>4</v>
      </c>
      <c r="G6560" t="s">
        <v>2</v>
      </c>
      <c r="H6560" t="s">
        <v>14366</v>
      </c>
      <c r="I6560" t="s">
        <v>30540</v>
      </c>
    </row>
    <row r="6561" spans="1:9">
      <c r="A6561" s="1">
        <f ca="1">RAND()</f>
        <v>0.42747902269243254</v>
      </c>
      <c r="B6561" s="1"/>
      <c r="C6561">
        <v>11</v>
      </c>
      <c r="D6561" t="s">
        <v>14369</v>
      </c>
      <c r="E6561" t="s">
        <v>32643</v>
      </c>
      <c r="F6561">
        <v>4</v>
      </c>
      <c r="G6561" t="s">
        <v>2</v>
      </c>
      <c r="H6561" t="s">
        <v>14370</v>
      </c>
      <c r="I6561" t="s">
        <v>30540</v>
      </c>
    </row>
    <row r="6562" spans="1:9">
      <c r="A6562" s="1">
        <f ca="1">RAND()</f>
        <v>0.97561957890933471</v>
      </c>
      <c r="B6562" s="1"/>
      <c r="C6562">
        <v>12</v>
      </c>
      <c r="D6562" t="s">
        <v>14371</v>
      </c>
      <c r="E6562" t="s">
        <v>32643</v>
      </c>
      <c r="F6562">
        <v>2</v>
      </c>
      <c r="G6562" t="s">
        <v>2</v>
      </c>
      <c r="H6562" t="s">
        <v>14372</v>
      </c>
      <c r="I6562" t="s">
        <v>30540</v>
      </c>
    </row>
    <row r="6563" spans="1:9">
      <c r="A6563" s="1">
        <f ca="1">RAND()</f>
        <v>0.41846042654592541</v>
      </c>
      <c r="B6563" s="1"/>
      <c r="C6563">
        <v>4</v>
      </c>
      <c r="D6563" t="s">
        <v>14363</v>
      </c>
      <c r="E6563" t="s">
        <v>32643</v>
      </c>
      <c r="F6563">
        <v>2</v>
      </c>
      <c r="G6563" t="s">
        <v>14</v>
      </c>
      <c r="H6563" t="s">
        <v>14364</v>
      </c>
      <c r="I6563" t="s">
        <v>30540</v>
      </c>
    </row>
    <row r="6564" spans="1:9">
      <c r="A6564" s="1">
        <f ca="1">RAND()</f>
        <v>0.71135783482486292</v>
      </c>
      <c r="B6564" s="1"/>
      <c r="C6564">
        <v>14</v>
      </c>
      <c r="D6564" t="s">
        <v>14355</v>
      </c>
      <c r="E6564" t="s">
        <v>32644</v>
      </c>
      <c r="F6564">
        <v>5</v>
      </c>
      <c r="G6564" t="s">
        <v>1431</v>
      </c>
      <c r="H6564" t="s">
        <v>14356</v>
      </c>
      <c r="I6564" t="s">
        <v>30540</v>
      </c>
    </row>
    <row r="6565" spans="1:9">
      <c r="A6565" s="1">
        <f ca="1">RAND()</f>
        <v>0.16826673614311893</v>
      </c>
      <c r="B6565" s="1"/>
      <c r="C6565">
        <v>8</v>
      </c>
      <c r="D6565" t="s">
        <v>14351</v>
      </c>
      <c r="E6565" t="s">
        <v>32644</v>
      </c>
      <c r="F6565">
        <v>4</v>
      </c>
      <c r="G6565" t="s">
        <v>1431</v>
      </c>
      <c r="H6565" t="s">
        <v>14352</v>
      </c>
      <c r="I6565" t="s">
        <v>30540</v>
      </c>
    </row>
    <row r="6566" spans="1:9">
      <c r="A6566" s="1">
        <f ca="1">RAND()</f>
        <v>0.94890600457068175</v>
      </c>
      <c r="B6566" s="1"/>
      <c r="C6566">
        <v>6</v>
      </c>
      <c r="D6566" t="s">
        <v>14349</v>
      </c>
      <c r="E6566" t="s">
        <v>32644</v>
      </c>
      <c r="F6566">
        <v>4</v>
      </c>
      <c r="G6566" t="s">
        <v>770</v>
      </c>
      <c r="H6566" t="s">
        <v>14350</v>
      </c>
      <c r="I6566" t="s">
        <v>30540</v>
      </c>
    </row>
    <row r="6567" spans="1:9">
      <c r="A6567" s="1">
        <f ca="1">RAND()</f>
        <v>0.49999658441692441</v>
      </c>
      <c r="B6567" s="1"/>
      <c r="C6567">
        <v>4</v>
      </c>
      <c r="D6567" t="s">
        <v>14345</v>
      </c>
      <c r="E6567" t="s">
        <v>32644</v>
      </c>
      <c r="F6567">
        <v>3</v>
      </c>
      <c r="G6567" t="s">
        <v>14</v>
      </c>
      <c r="H6567" t="s">
        <v>14346</v>
      </c>
      <c r="I6567" t="s">
        <v>30540</v>
      </c>
    </row>
    <row r="6568" spans="1:9">
      <c r="A6568" s="1">
        <f ca="1">RAND()</f>
        <v>0.73251024684966648</v>
      </c>
      <c r="B6568" s="1"/>
      <c r="C6568">
        <v>16</v>
      </c>
      <c r="D6568" t="s">
        <v>14359</v>
      </c>
      <c r="E6568" t="s">
        <v>32644</v>
      </c>
      <c r="F6568">
        <v>3</v>
      </c>
      <c r="G6568" t="s">
        <v>14</v>
      </c>
      <c r="H6568" t="s">
        <v>14360</v>
      </c>
      <c r="I6568" t="s">
        <v>30540</v>
      </c>
    </row>
    <row r="6569" spans="1:9">
      <c r="A6569" s="1">
        <f ca="1">RAND()</f>
        <v>0.60682140660050099</v>
      </c>
      <c r="B6569" s="1"/>
      <c r="C6569">
        <v>15</v>
      </c>
      <c r="D6569" t="s">
        <v>14357</v>
      </c>
      <c r="E6569" t="s">
        <v>32644</v>
      </c>
      <c r="F6569">
        <v>3</v>
      </c>
      <c r="G6569" t="s">
        <v>10</v>
      </c>
      <c r="H6569" t="s">
        <v>14358</v>
      </c>
      <c r="I6569" t="s">
        <v>30540</v>
      </c>
    </row>
    <row r="6570" spans="1:9">
      <c r="A6570" s="1">
        <f ca="1">RAND()</f>
        <v>0.97380633279988671</v>
      </c>
      <c r="B6570" s="1"/>
      <c r="C6570">
        <v>5</v>
      </c>
      <c r="D6570" t="s">
        <v>14347</v>
      </c>
      <c r="E6570" t="s">
        <v>32644</v>
      </c>
      <c r="F6570">
        <v>2</v>
      </c>
      <c r="G6570" t="s">
        <v>14</v>
      </c>
      <c r="H6570" t="s">
        <v>14348</v>
      </c>
      <c r="I6570" t="s">
        <v>30540</v>
      </c>
    </row>
    <row r="6571" spans="1:9">
      <c r="A6571" s="1">
        <f ca="1">RAND()</f>
        <v>0.76456220384564799</v>
      </c>
      <c r="B6571" s="1"/>
      <c r="C6571">
        <v>9</v>
      </c>
      <c r="D6571" t="s">
        <v>14353</v>
      </c>
      <c r="E6571" t="s">
        <v>32644</v>
      </c>
      <c r="F6571">
        <v>2</v>
      </c>
      <c r="G6571" t="s">
        <v>1295</v>
      </c>
      <c r="H6571" t="s">
        <v>14354</v>
      </c>
      <c r="I6571" t="s">
        <v>30540</v>
      </c>
    </row>
    <row r="6572" spans="1:9">
      <c r="A6572" s="1">
        <f ca="1">RAND()</f>
        <v>0.88761022014681434</v>
      </c>
      <c r="B6572" s="1"/>
      <c r="C6572">
        <v>1</v>
      </c>
      <c r="D6572" t="s">
        <v>14341</v>
      </c>
      <c r="E6572" t="s">
        <v>32645</v>
      </c>
      <c r="F6572">
        <v>4</v>
      </c>
      <c r="G6572" t="s">
        <v>2</v>
      </c>
      <c r="H6572" t="s">
        <v>14342</v>
      </c>
      <c r="I6572" t="s">
        <v>30540</v>
      </c>
    </row>
    <row r="6573" spans="1:9">
      <c r="A6573" s="1">
        <f ca="1">RAND()</f>
        <v>0.72445497875761133</v>
      </c>
      <c r="B6573" s="1"/>
      <c r="C6573">
        <v>8</v>
      </c>
      <c r="D6573" t="s">
        <v>14343</v>
      </c>
      <c r="E6573" t="s">
        <v>32645</v>
      </c>
      <c r="F6573">
        <v>4</v>
      </c>
      <c r="G6573" t="s">
        <v>0</v>
      </c>
      <c r="H6573" t="s">
        <v>14344</v>
      </c>
      <c r="I6573" t="s">
        <v>30540</v>
      </c>
    </row>
    <row r="6574" spans="1:9">
      <c r="A6574" s="1">
        <f ca="1">RAND()</f>
        <v>0.64883950086019748</v>
      </c>
      <c r="B6574" s="1"/>
      <c r="C6574">
        <v>6</v>
      </c>
      <c r="D6574" t="s">
        <v>14327</v>
      </c>
      <c r="E6574" t="s">
        <v>32646</v>
      </c>
      <c r="F6574">
        <v>4</v>
      </c>
      <c r="G6574" t="s">
        <v>9</v>
      </c>
      <c r="H6574" t="s">
        <v>14328</v>
      </c>
      <c r="I6574" t="s">
        <v>30540</v>
      </c>
    </row>
    <row r="6575" spans="1:9">
      <c r="A6575" s="1">
        <f ca="1">RAND()</f>
        <v>0.52489589411776383</v>
      </c>
      <c r="B6575" s="1"/>
      <c r="C6575">
        <v>12</v>
      </c>
      <c r="D6575" t="s">
        <v>14333</v>
      </c>
      <c r="E6575" t="s">
        <v>32646</v>
      </c>
      <c r="F6575">
        <v>4</v>
      </c>
      <c r="G6575" t="s">
        <v>10</v>
      </c>
      <c r="H6575" t="s">
        <v>14334</v>
      </c>
      <c r="I6575" t="s">
        <v>30540</v>
      </c>
    </row>
    <row r="6576" spans="1:9">
      <c r="A6576" s="1">
        <f ca="1">RAND()</f>
        <v>0.8371941303662539</v>
      </c>
      <c r="B6576" s="1"/>
      <c r="C6576">
        <v>3</v>
      </c>
      <c r="D6576" t="s">
        <v>14323</v>
      </c>
      <c r="E6576" t="s">
        <v>32646</v>
      </c>
      <c r="F6576">
        <v>4</v>
      </c>
      <c r="G6576" t="s">
        <v>14</v>
      </c>
      <c r="H6576" t="s">
        <v>14324</v>
      </c>
      <c r="I6576" t="s">
        <v>30540</v>
      </c>
    </row>
    <row r="6577" spans="1:9">
      <c r="A6577" s="1">
        <f ca="1">RAND()</f>
        <v>0.65605228789231085</v>
      </c>
      <c r="B6577" s="1"/>
      <c r="C6577">
        <v>1</v>
      </c>
      <c r="D6577" t="s">
        <v>14321</v>
      </c>
      <c r="E6577" t="s">
        <v>32646</v>
      </c>
      <c r="F6577">
        <v>4</v>
      </c>
      <c r="G6577" t="s">
        <v>14</v>
      </c>
      <c r="H6577" t="s">
        <v>14322</v>
      </c>
      <c r="I6577" t="s">
        <v>30540</v>
      </c>
    </row>
    <row r="6578" spans="1:9">
      <c r="A6578" s="1">
        <f ca="1">RAND()</f>
        <v>0.31848844831139533</v>
      </c>
      <c r="B6578" s="1"/>
      <c r="C6578">
        <v>9</v>
      </c>
      <c r="D6578" t="s">
        <v>14331</v>
      </c>
      <c r="E6578" t="s">
        <v>32646</v>
      </c>
      <c r="F6578">
        <v>4</v>
      </c>
      <c r="G6578" t="s">
        <v>1</v>
      </c>
      <c r="H6578" t="s">
        <v>14332</v>
      </c>
      <c r="I6578" t="s">
        <v>30540</v>
      </c>
    </row>
    <row r="6579" spans="1:9">
      <c r="A6579" s="1">
        <f ca="1">RAND()</f>
        <v>2.4275224567330556E-3</v>
      </c>
      <c r="B6579" s="1"/>
      <c r="C6579">
        <v>13</v>
      </c>
      <c r="D6579" t="s">
        <v>14335</v>
      </c>
      <c r="E6579" t="s">
        <v>32646</v>
      </c>
      <c r="F6579">
        <v>4</v>
      </c>
      <c r="G6579" t="s">
        <v>14</v>
      </c>
      <c r="H6579" t="s">
        <v>14336</v>
      </c>
      <c r="I6579" t="s">
        <v>30540</v>
      </c>
    </row>
    <row r="6580" spans="1:9">
      <c r="A6580" s="1">
        <f ca="1">RAND()</f>
        <v>2.0208558438814972E-2</v>
      </c>
      <c r="B6580" s="1"/>
      <c r="C6580">
        <v>4</v>
      </c>
      <c r="D6580" t="s">
        <v>14325</v>
      </c>
      <c r="E6580" t="s">
        <v>32646</v>
      </c>
      <c r="F6580">
        <v>4</v>
      </c>
      <c r="G6580" t="s">
        <v>15</v>
      </c>
      <c r="H6580" t="s">
        <v>14326</v>
      </c>
      <c r="I6580" t="s">
        <v>30540</v>
      </c>
    </row>
    <row r="6581" spans="1:9">
      <c r="A6581" s="1">
        <f ca="1">RAND()</f>
        <v>0.13043952728724917</v>
      </c>
      <c r="B6581" s="1"/>
      <c r="C6581">
        <v>15</v>
      </c>
      <c r="D6581" t="s">
        <v>14339</v>
      </c>
      <c r="E6581" t="s">
        <v>32646</v>
      </c>
      <c r="F6581">
        <v>4</v>
      </c>
      <c r="G6581" t="s">
        <v>14</v>
      </c>
      <c r="H6581" t="s">
        <v>14340</v>
      </c>
      <c r="I6581" t="s">
        <v>30540</v>
      </c>
    </row>
    <row r="6582" spans="1:9">
      <c r="A6582" s="1">
        <f ca="1">RAND()</f>
        <v>8.0997589505692358E-2</v>
      </c>
      <c r="B6582" s="1"/>
      <c r="C6582">
        <v>7</v>
      </c>
      <c r="D6582" t="s">
        <v>14329</v>
      </c>
      <c r="E6582" t="s">
        <v>32646</v>
      </c>
      <c r="F6582">
        <v>4</v>
      </c>
      <c r="G6582" t="s">
        <v>10</v>
      </c>
      <c r="H6582" t="s">
        <v>14330</v>
      </c>
      <c r="I6582" t="s">
        <v>30540</v>
      </c>
    </row>
    <row r="6583" spans="1:9">
      <c r="A6583" s="1">
        <f ca="1">RAND()</f>
        <v>0.21882572011003198</v>
      </c>
      <c r="B6583" s="1"/>
      <c r="C6583">
        <v>14</v>
      </c>
      <c r="D6583" t="s">
        <v>14337</v>
      </c>
      <c r="E6583" t="s">
        <v>32646</v>
      </c>
      <c r="F6583">
        <v>4</v>
      </c>
      <c r="G6583" t="s">
        <v>10</v>
      </c>
      <c r="H6583" t="s">
        <v>14338</v>
      </c>
      <c r="I6583" t="s">
        <v>30540</v>
      </c>
    </row>
    <row r="6584" spans="1:9">
      <c r="A6584" s="1">
        <f ca="1">RAND()</f>
        <v>0.28269362745970417</v>
      </c>
      <c r="B6584" s="1"/>
      <c r="C6584">
        <v>4</v>
      </c>
      <c r="D6584" t="s">
        <v>14319</v>
      </c>
      <c r="E6584" t="s">
        <v>32647</v>
      </c>
      <c r="F6584">
        <v>4</v>
      </c>
      <c r="G6584" t="s">
        <v>9</v>
      </c>
      <c r="H6584" t="s">
        <v>14320</v>
      </c>
      <c r="I6584" t="s">
        <v>30540</v>
      </c>
    </row>
    <row r="6585" spans="1:9">
      <c r="A6585" s="1">
        <f ca="1">RAND()</f>
        <v>0.13481121026446952</v>
      </c>
      <c r="B6585" s="1"/>
      <c r="C6585">
        <v>1</v>
      </c>
      <c r="D6585" t="s">
        <v>14315</v>
      </c>
      <c r="E6585" t="s">
        <v>32647</v>
      </c>
      <c r="F6585">
        <v>4</v>
      </c>
      <c r="G6585" t="s">
        <v>15</v>
      </c>
      <c r="H6585" t="s">
        <v>14316</v>
      </c>
      <c r="I6585" t="s">
        <v>30540</v>
      </c>
    </row>
    <row r="6586" spans="1:9">
      <c r="A6586" s="1">
        <f ca="1">RAND()</f>
        <v>0.23713679494506656</v>
      </c>
      <c r="B6586" s="1"/>
      <c r="C6586">
        <v>3</v>
      </c>
      <c r="D6586" t="s">
        <v>14317</v>
      </c>
      <c r="E6586" t="s">
        <v>32647</v>
      </c>
      <c r="F6586">
        <v>4</v>
      </c>
      <c r="G6586" t="s">
        <v>14</v>
      </c>
      <c r="H6586" t="s">
        <v>14318</v>
      </c>
      <c r="I6586" t="s">
        <v>30540</v>
      </c>
    </row>
    <row r="6587" spans="1:9">
      <c r="A6587" s="1">
        <f ca="1">RAND()</f>
        <v>0.69229207539561033</v>
      </c>
      <c r="B6587" s="1"/>
      <c r="C6587">
        <v>9</v>
      </c>
      <c r="D6587" t="s">
        <v>14311</v>
      </c>
      <c r="E6587" t="s">
        <v>32648</v>
      </c>
      <c r="F6587">
        <v>5</v>
      </c>
      <c r="G6587" t="s">
        <v>15</v>
      </c>
      <c r="H6587" t="s">
        <v>14312</v>
      </c>
      <c r="I6587" t="s">
        <v>30540</v>
      </c>
    </row>
    <row r="6588" spans="1:9">
      <c r="A6588" s="1">
        <f ca="1">RAND()</f>
        <v>3.4714462552625558E-2</v>
      </c>
      <c r="B6588" s="1"/>
      <c r="C6588">
        <v>8</v>
      </c>
      <c r="D6588" t="s">
        <v>14309</v>
      </c>
      <c r="E6588" t="s">
        <v>32648</v>
      </c>
      <c r="F6588">
        <v>4</v>
      </c>
      <c r="G6588" t="s">
        <v>14</v>
      </c>
      <c r="H6588" t="s">
        <v>14310</v>
      </c>
      <c r="I6588" t="s">
        <v>30540</v>
      </c>
    </row>
    <row r="6589" spans="1:9">
      <c r="A6589" s="1">
        <f ca="1">RAND()</f>
        <v>0.20326767931820122</v>
      </c>
      <c r="B6589" s="1"/>
      <c r="C6589">
        <v>10</v>
      </c>
      <c r="D6589" t="s">
        <v>14313</v>
      </c>
      <c r="E6589" t="s">
        <v>32648</v>
      </c>
      <c r="F6589">
        <v>2</v>
      </c>
      <c r="G6589" t="s">
        <v>13</v>
      </c>
      <c r="H6589" t="s">
        <v>14314</v>
      </c>
      <c r="I6589" t="s">
        <v>30540</v>
      </c>
    </row>
    <row r="6590" spans="1:9">
      <c r="A6590" s="1">
        <f ca="1">RAND()</f>
        <v>0.49085720095806695</v>
      </c>
      <c r="B6590" s="1"/>
      <c r="C6590">
        <v>4</v>
      </c>
      <c r="D6590" t="s">
        <v>14305</v>
      </c>
      <c r="E6590" t="s">
        <v>32648</v>
      </c>
      <c r="F6590">
        <v>2</v>
      </c>
      <c r="G6590" t="s">
        <v>10</v>
      </c>
      <c r="H6590" t="s">
        <v>14306</v>
      </c>
      <c r="I6590" t="s">
        <v>30540</v>
      </c>
    </row>
    <row r="6591" spans="1:9">
      <c r="A6591" s="1">
        <f ca="1">RAND()</f>
        <v>0.59418443442694746</v>
      </c>
      <c r="B6591" s="1"/>
      <c r="C6591">
        <v>6</v>
      </c>
      <c r="D6591" t="s">
        <v>14307</v>
      </c>
      <c r="E6591" t="s">
        <v>32648</v>
      </c>
      <c r="F6591">
        <v>1</v>
      </c>
      <c r="G6591" t="s">
        <v>14</v>
      </c>
      <c r="H6591" t="s">
        <v>14308</v>
      </c>
      <c r="I6591" t="s">
        <v>30540</v>
      </c>
    </row>
    <row r="6592" spans="1:9">
      <c r="A6592" s="1">
        <f ca="1">RAND()</f>
        <v>0.86319031094613263</v>
      </c>
      <c r="B6592" s="1"/>
      <c r="C6592">
        <v>4</v>
      </c>
      <c r="D6592" t="s">
        <v>14287</v>
      </c>
      <c r="E6592" t="s">
        <v>32649</v>
      </c>
      <c r="F6592">
        <v>5</v>
      </c>
      <c r="G6592" t="s">
        <v>3732</v>
      </c>
      <c r="H6592" t="s">
        <v>14288</v>
      </c>
      <c r="I6592" t="s">
        <v>30540</v>
      </c>
    </row>
    <row r="6593" spans="1:9">
      <c r="A6593" s="1">
        <f ca="1">RAND()</f>
        <v>0.31877348245951065</v>
      </c>
      <c r="B6593" s="1"/>
      <c r="C6593">
        <v>6</v>
      </c>
      <c r="D6593" t="s">
        <v>14289</v>
      </c>
      <c r="E6593" t="s">
        <v>32649</v>
      </c>
      <c r="F6593">
        <v>4</v>
      </c>
      <c r="G6593" t="s">
        <v>775</v>
      </c>
      <c r="H6593" t="s">
        <v>14290</v>
      </c>
      <c r="I6593" t="s">
        <v>30540</v>
      </c>
    </row>
    <row r="6594" spans="1:9">
      <c r="A6594" s="1">
        <f ca="1">RAND()</f>
        <v>0.22360490520871024</v>
      </c>
      <c r="B6594" s="1"/>
      <c r="C6594">
        <v>18</v>
      </c>
      <c r="D6594" t="s">
        <v>14301</v>
      </c>
      <c r="E6594" t="s">
        <v>32649</v>
      </c>
      <c r="F6594">
        <v>4</v>
      </c>
      <c r="G6594" t="s">
        <v>14</v>
      </c>
      <c r="H6594" t="s">
        <v>14302</v>
      </c>
      <c r="I6594" t="s">
        <v>30540</v>
      </c>
    </row>
    <row r="6595" spans="1:9">
      <c r="A6595" s="1">
        <f ca="1">RAND()</f>
        <v>0.95507759269754122</v>
      </c>
      <c r="B6595" s="1"/>
      <c r="C6595">
        <v>11</v>
      </c>
      <c r="D6595" t="s">
        <v>14293</v>
      </c>
      <c r="E6595" t="s">
        <v>32649</v>
      </c>
      <c r="F6595">
        <v>4</v>
      </c>
      <c r="G6595" t="s">
        <v>1431</v>
      </c>
      <c r="H6595" t="s">
        <v>14294</v>
      </c>
      <c r="I6595" t="s">
        <v>30540</v>
      </c>
    </row>
    <row r="6596" spans="1:9">
      <c r="A6596" s="1">
        <f ca="1">RAND()</f>
        <v>0.60963526689551273</v>
      </c>
      <c r="B6596" s="1"/>
      <c r="C6596">
        <v>17</v>
      </c>
      <c r="D6596" t="s">
        <v>14299</v>
      </c>
      <c r="E6596" t="s">
        <v>32649</v>
      </c>
      <c r="F6596">
        <v>4</v>
      </c>
      <c r="G6596" t="s">
        <v>14</v>
      </c>
      <c r="H6596" t="s">
        <v>14300</v>
      </c>
      <c r="I6596" t="s">
        <v>30540</v>
      </c>
    </row>
    <row r="6597" spans="1:9">
      <c r="A6597" s="1">
        <f ca="1">RAND()</f>
        <v>0.83172187336340919</v>
      </c>
      <c r="B6597" s="1"/>
      <c r="C6597">
        <v>2</v>
      </c>
      <c r="D6597" t="s">
        <v>14285</v>
      </c>
      <c r="E6597" t="s">
        <v>32649</v>
      </c>
      <c r="F6597">
        <v>4</v>
      </c>
      <c r="G6597" t="s">
        <v>10</v>
      </c>
      <c r="H6597" t="s">
        <v>14286</v>
      </c>
      <c r="I6597" t="s">
        <v>30540</v>
      </c>
    </row>
    <row r="6598" spans="1:9">
      <c r="A6598" s="1">
        <f ca="1">RAND()</f>
        <v>0.7196587748017963</v>
      </c>
      <c r="B6598" s="1"/>
      <c r="C6598">
        <v>14</v>
      </c>
      <c r="D6598" t="s">
        <v>14295</v>
      </c>
      <c r="E6598" t="s">
        <v>32649</v>
      </c>
      <c r="F6598">
        <v>4</v>
      </c>
      <c r="G6598" t="s">
        <v>1426</v>
      </c>
      <c r="H6598" t="s">
        <v>14296</v>
      </c>
      <c r="I6598" t="s">
        <v>30540</v>
      </c>
    </row>
    <row r="6599" spans="1:9">
      <c r="A6599" s="1">
        <f ca="1">RAND()</f>
        <v>5.7767909763577152E-2</v>
      </c>
      <c r="B6599" s="1"/>
      <c r="C6599">
        <v>16</v>
      </c>
      <c r="D6599" t="s">
        <v>14297</v>
      </c>
      <c r="E6599" t="s">
        <v>32649</v>
      </c>
      <c r="F6599">
        <v>3</v>
      </c>
      <c r="G6599" t="s">
        <v>13</v>
      </c>
      <c r="H6599" t="s">
        <v>14298</v>
      </c>
      <c r="I6599" t="s">
        <v>30540</v>
      </c>
    </row>
    <row r="6600" spans="1:9">
      <c r="A6600" s="1">
        <f ca="1">RAND()</f>
        <v>0.26165934229642263</v>
      </c>
      <c r="B6600" s="1"/>
      <c r="C6600">
        <v>19</v>
      </c>
      <c r="D6600" t="s">
        <v>14303</v>
      </c>
      <c r="E6600" t="s">
        <v>32649</v>
      </c>
      <c r="F6600">
        <v>2</v>
      </c>
      <c r="G6600" t="s">
        <v>14</v>
      </c>
      <c r="H6600" t="s">
        <v>14304</v>
      </c>
      <c r="I6600" t="s">
        <v>30540</v>
      </c>
    </row>
    <row r="6601" spans="1:9">
      <c r="A6601" s="1">
        <f ca="1">RAND()</f>
        <v>0.60975973721338483</v>
      </c>
      <c r="B6601" s="1"/>
      <c r="C6601">
        <v>8</v>
      </c>
      <c r="D6601" t="s">
        <v>14291</v>
      </c>
      <c r="E6601" t="s">
        <v>32649</v>
      </c>
      <c r="F6601">
        <v>2</v>
      </c>
      <c r="G6601" t="s">
        <v>14</v>
      </c>
      <c r="H6601" t="s">
        <v>14292</v>
      </c>
      <c r="I6601" t="s">
        <v>30540</v>
      </c>
    </row>
    <row r="6602" spans="1:9">
      <c r="A6602" s="1">
        <f ca="1">RAND()</f>
        <v>0.11134648807441805</v>
      </c>
      <c r="B6602" s="1"/>
      <c r="C6602">
        <v>13</v>
      </c>
      <c r="D6602" t="s">
        <v>14283</v>
      </c>
      <c r="E6602" t="s">
        <v>32650</v>
      </c>
      <c r="F6602">
        <v>5</v>
      </c>
      <c r="G6602" t="s">
        <v>14</v>
      </c>
      <c r="H6602" t="s">
        <v>14284</v>
      </c>
      <c r="I6602" t="s">
        <v>30540</v>
      </c>
    </row>
    <row r="6603" spans="1:9">
      <c r="A6603" s="1">
        <f ca="1">RAND()</f>
        <v>0.23894819864873851</v>
      </c>
      <c r="B6603" s="1"/>
      <c r="C6603">
        <v>8</v>
      </c>
      <c r="D6603" t="s">
        <v>14279</v>
      </c>
      <c r="E6603" t="s">
        <v>32650</v>
      </c>
      <c r="F6603">
        <v>5</v>
      </c>
      <c r="G6603" t="s">
        <v>14</v>
      </c>
      <c r="H6603" t="s">
        <v>14280</v>
      </c>
      <c r="I6603" t="s">
        <v>30540</v>
      </c>
    </row>
    <row r="6604" spans="1:9">
      <c r="A6604" s="1">
        <f ca="1">RAND()</f>
        <v>0.30272706981276776</v>
      </c>
      <c r="B6604" s="1"/>
      <c r="C6604">
        <v>4</v>
      </c>
      <c r="D6604" t="s">
        <v>14275</v>
      </c>
      <c r="E6604" t="s">
        <v>32650</v>
      </c>
      <c r="F6604">
        <v>4</v>
      </c>
      <c r="G6604" t="s">
        <v>14</v>
      </c>
      <c r="H6604" t="s">
        <v>14276</v>
      </c>
      <c r="I6604" t="s">
        <v>30540</v>
      </c>
    </row>
    <row r="6605" spans="1:9">
      <c r="A6605" s="1">
        <f ca="1">RAND()</f>
        <v>0.5942428488106305</v>
      </c>
      <c r="B6605" s="1"/>
      <c r="C6605">
        <v>10</v>
      </c>
      <c r="D6605" t="s">
        <v>14281</v>
      </c>
      <c r="E6605" t="s">
        <v>32650</v>
      </c>
      <c r="F6605">
        <v>4</v>
      </c>
      <c r="G6605" t="s">
        <v>0</v>
      </c>
      <c r="H6605" t="s">
        <v>14282</v>
      </c>
      <c r="I6605" t="s">
        <v>30540</v>
      </c>
    </row>
    <row r="6606" spans="1:9">
      <c r="A6606" s="1">
        <f ca="1">RAND()</f>
        <v>6.1262520563583944E-2</v>
      </c>
      <c r="B6606" s="1"/>
      <c r="C6606">
        <v>6</v>
      </c>
      <c r="D6606" t="s">
        <v>14277</v>
      </c>
      <c r="E6606" t="s">
        <v>32650</v>
      </c>
      <c r="F6606">
        <v>4</v>
      </c>
      <c r="G6606" t="s">
        <v>10</v>
      </c>
      <c r="H6606" t="s">
        <v>14278</v>
      </c>
      <c r="I6606" t="s">
        <v>30540</v>
      </c>
    </row>
    <row r="6607" spans="1:9">
      <c r="A6607" s="1">
        <f ca="1">RAND()</f>
        <v>0.85294871742237088</v>
      </c>
      <c r="B6607" s="1"/>
      <c r="C6607">
        <v>13</v>
      </c>
      <c r="D6607" t="s">
        <v>14273</v>
      </c>
      <c r="E6607" t="s">
        <v>32651</v>
      </c>
      <c r="F6607">
        <v>5</v>
      </c>
      <c r="G6607" t="s">
        <v>13</v>
      </c>
      <c r="H6607" t="s">
        <v>14274</v>
      </c>
      <c r="I6607" t="s">
        <v>30540</v>
      </c>
    </row>
    <row r="6608" spans="1:9">
      <c r="A6608" s="1">
        <f ca="1">RAND()</f>
        <v>0.98832650751289652</v>
      </c>
      <c r="B6608" s="1"/>
      <c r="C6608">
        <v>9</v>
      </c>
      <c r="D6608" t="s">
        <v>14269</v>
      </c>
      <c r="E6608" t="s">
        <v>32651</v>
      </c>
      <c r="F6608">
        <v>4</v>
      </c>
      <c r="G6608" t="s">
        <v>14</v>
      </c>
      <c r="H6608" t="s">
        <v>14270</v>
      </c>
      <c r="I6608" t="s">
        <v>30540</v>
      </c>
    </row>
    <row r="6609" spans="1:9">
      <c r="A6609" s="1">
        <f ca="1">RAND()</f>
        <v>0.41157649567688781</v>
      </c>
      <c r="B6609" s="1"/>
      <c r="C6609">
        <v>7</v>
      </c>
      <c r="D6609" t="s">
        <v>14265</v>
      </c>
      <c r="E6609" t="s">
        <v>32651</v>
      </c>
      <c r="F6609">
        <v>4</v>
      </c>
      <c r="G6609" t="s">
        <v>14</v>
      </c>
      <c r="H6609" t="s">
        <v>14266</v>
      </c>
      <c r="I6609" t="s">
        <v>30540</v>
      </c>
    </row>
    <row r="6610" spans="1:9">
      <c r="A6610" s="1">
        <f ca="1">RAND()</f>
        <v>0.78094398469109805</v>
      </c>
      <c r="B6610" s="1"/>
      <c r="C6610">
        <v>10</v>
      </c>
      <c r="D6610" t="s">
        <v>14271</v>
      </c>
      <c r="E6610" t="s">
        <v>32651</v>
      </c>
      <c r="F6610">
        <v>4</v>
      </c>
      <c r="G6610" t="s">
        <v>10</v>
      </c>
      <c r="H6610" t="s">
        <v>14272</v>
      </c>
      <c r="I6610" t="s">
        <v>30540</v>
      </c>
    </row>
    <row r="6611" spans="1:9">
      <c r="A6611" s="1">
        <f ca="1">RAND()</f>
        <v>0.23301551341977533</v>
      </c>
      <c r="B6611" s="1"/>
      <c r="C6611">
        <v>8</v>
      </c>
      <c r="D6611" t="s">
        <v>14267</v>
      </c>
      <c r="E6611" t="s">
        <v>32651</v>
      </c>
      <c r="F6611">
        <v>4</v>
      </c>
      <c r="G6611" t="s">
        <v>10</v>
      </c>
      <c r="H6611" t="s">
        <v>14268</v>
      </c>
      <c r="I6611" t="s">
        <v>30540</v>
      </c>
    </row>
    <row r="6612" spans="1:9">
      <c r="A6612" s="1">
        <f ca="1">RAND()</f>
        <v>6.6143137762786686E-2</v>
      </c>
      <c r="B6612" s="1"/>
      <c r="C6612">
        <v>1</v>
      </c>
      <c r="D6612" t="s">
        <v>14263</v>
      </c>
      <c r="E6612" t="s">
        <v>32651</v>
      </c>
      <c r="F6612">
        <v>3</v>
      </c>
      <c r="G6612" t="s">
        <v>10</v>
      </c>
      <c r="H6612" t="s">
        <v>14264</v>
      </c>
      <c r="I6612" t="s">
        <v>30540</v>
      </c>
    </row>
    <row r="6613" spans="1:9">
      <c r="A6613" s="1">
        <f ca="1">RAND()</f>
        <v>0.4537756532835493</v>
      </c>
      <c r="B6613" s="1"/>
      <c r="C6613">
        <v>12</v>
      </c>
      <c r="D6613" t="s">
        <v>14261</v>
      </c>
      <c r="E6613" t="s">
        <v>32652</v>
      </c>
      <c r="F6613">
        <v>5</v>
      </c>
      <c r="G6613" t="s">
        <v>14</v>
      </c>
      <c r="H6613" t="s">
        <v>14262</v>
      </c>
      <c r="I6613" t="s">
        <v>30540</v>
      </c>
    </row>
    <row r="6614" spans="1:9">
      <c r="A6614" s="1">
        <f ca="1">RAND()</f>
        <v>0.73999528638830447</v>
      </c>
      <c r="B6614" s="1"/>
      <c r="C6614">
        <v>11</v>
      </c>
      <c r="D6614" t="s">
        <v>14259</v>
      </c>
      <c r="E6614" t="s">
        <v>32652</v>
      </c>
      <c r="F6614">
        <v>5</v>
      </c>
      <c r="G6614" t="s">
        <v>15</v>
      </c>
      <c r="H6614" t="s">
        <v>14260</v>
      </c>
      <c r="I6614" t="s">
        <v>30540</v>
      </c>
    </row>
    <row r="6615" spans="1:9">
      <c r="A6615" s="1">
        <f ca="1">RAND()</f>
        <v>8.4707806097544136E-2</v>
      </c>
      <c r="B6615" s="1"/>
      <c r="C6615">
        <v>3</v>
      </c>
      <c r="D6615" t="s">
        <v>14253</v>
      </c>
      <c r="E6615" t="s">
        <v>32652</v>
      </c>
      <c r="F6615">
        <v>4</v>
      </c>
      <c r="G6615" t="s">
        <v>14</v>
      </c>
      <c r="H6615" t="s">
        <v>14254</v>
      </c>
      <c r="I6615" t="s">
        <v>30540</v>
      </c>
    </row>
    <row r="6616" spans="1:9">
      <c r="A6616" s="1">
        <f ca="1">RAND()</f>
        <v>0.5362589748456611</v>
      </c>
      <c r="B6616" s="1"/>
      <c r="C6616">
        <v>8</v>
      </c>
      <c r="D6616" t="s">
        <v>14255</v>
      </c>
      <c r="E6616" t="s">
        <v>32652</v>
      </c>
      <c r="F6616">
        <v>4</v>
      </c>
      <c r="G6616" t="s">
        <v>9</v>
      </c>
      <c r="H6616" t="s">
        <v>14256</v>
      </c>
      <c r="I6616" t="s">
        <v>30540</v>
      </c>
    </row>
    <row r="6617" spans="1:9">
      <c r="A6617" s="1">
        <f ca="1">RAND()</f>
        <v>4.63753782939752E-2</v>
      </c>
      <c r="B6617" s="1"/>
      <c r="C6617">
        <v>9</v>
      </c>
      <c r="D6617" t="s">
        <v>14257</v>
      </c>
      <c r="E6617" t="s">
        <v>32652</v>
      </c>
      <c r="F6617">
        <v>3</v>
      </c>
      <c r="G6617" t="s">
        <v>2</v>
      </c>
      <c r="H6617" t="s">
        <v>14258</v>
      </c>
      <c r="I6617" t="s">
        <v>30540</v>
      </c>
    </row>
    <row r="6618" spans="1:9">
      <c r="A6618" s="1">
        <f ca="1">RAND()</f>
        <v>0.78329876398139908</v>
      </c>
      <c r="B6618" s="1"/>
      <c r="C6618">
        <v>1</v>
      </c>
      <c r="D6618" t="s">
        <v>14251</v>
      </c>
      <c r="E6618" t="s">
        <v>32652</v>
      </c>
      <c r="F6618">
        <v>3</v>
      </c>
      <c r="G6618" t="s">
        <v>9</v>
      </c>
      <c r="H6618" t="s">
        <v>14252</v>
      </c>
      <c r="I6618" t="s">
        <v>30540</v>
      </c>
    </row>
    <row r="6619" spans="1:9">
      <c r="A6619" s="1">
        <f ca="1">RAND()</f>
        <v>0.44814965202433588</v>
      </c>
      <c r="B6619" s="1"/>
      <c r="C6619">
        <v>11</v>
      </c>
      <c r="D6619" t="s">
        <v>14249</v>
      </c>
      <c r="E6619" t="s">
        <v>32653</v>
      </c>
      <c r="F6619">
        <v>5</v>
      </c>
      <c r="G6619" t="s">
        <v>2</v>
      </c>
      <c r="H6619" t="s">
        <v>14250</v>
      </c>
      <c r="I6619" t="s">
        <v>30540</v>
      </c>
    </row>
    <row r="6620" spans="1:9">
      <c r="A6620" s="1">
        <f ca="1">RAND()</f>
        <v>0.19146818550571498</v>
      </c>
      <c r="B6620" s="1"/>
      <c r="C6620">
        <v>1</v>
      </c>
      <c r="D6620" t="s">
        <v>14245</v>
      </c>
      <c r="E6620" t="s">
        <v>32653</v>
      </c>
      <c r="F6620">
        <v>3</v>
      </c>
      <c r="G6620" t="s">
        <v>14</v>
      </c>
      <c r="H6620" t="s">
        <v>14246</v>
      </c>
      <c r="I6620" t="s">
        <v>30540</v>
      </c>
    </row>
    <row r="6621" spans="1:9">
      <c r="A6621" s="1">
        <f ca="1">RAND()</f>
        <v>0.20579976086253027</v>
      </c>
      <c r="B6621" s="1"/>
      <c r="C6621">
        <v>8</v>
      </c>
      <c r="D6621" t="s">
        <v>14247</v>
      </c>
      <c r="E6621" t="s">
        <v>32653</v>
      </c>
      <c r="F6621">
        <v>2</v>
      </c>
      <c r="G6621" t="s">
        <v>14</v>
      </c>
      <c r="H6621" t="s">
        <v>14248</v>
      </c>
      <c r="I6621" t="s">
        <v>30540</v>
      </c>
    </row>
    <row r="6622" spans="1:9">
      <c r="A6622" s="1">
        <f ca="1">RAND()</f>
        <v>6.691095552757409E-2</v>
      </c>
      <c r="B6622" s="1"/>
      <c r="C6622">
        <v>9</v>
      </c>
      <c r="D6622" t="s">
        <v>14237</v>
      </c>
      <c r="E6622" t="s">
        <v>32654</v>
      </c>
      <c r="F6622">
        <v>6</v>
      </c>
      <c r="G6622" t="s">
        <v>14</v>
      </c>
      <c r="H6622" t="s">
        <v>14238</v>
      </c>
      <c r="I6622" t="s">
        <v>30540</v>
      </c>
    </row>
    <row r="6623" spans="1:9">
      <c r="A6623" s="1">
        <f ca="1">RAND()</f>
        <v>0.6142548172000698</v>
      </c>
      <c r="B6623" s="1"/>
      <c r="C6623">
        <v>18</v>
      </c>
      <c r="D6623" t="s">
        <v>14243</v>
      </c>
      <c r="E6623" t="s">
        <v>32654</v>
      </c>
      <c r="F6623">
        <v>4</v>
      </c>
      <c r="G6623" t="s">
        <v>13</v>
      </c>
      <c r="H6623" t="s">
        <v>14244</v>
      </c>
      <c r="I6623" t="s">
        <v>30540</v>
      </c>
    </row>
    <row r="6624" spans="1:9">
      <c r="A6624" s="1">
        <f ca="1">RAND()</f>
        <v>0.71760193824581953</v>
      </c>
      <c r="B6624" s="1"/>
      <c r="C6624">
        <v>1</v>
      </c>
      <c r="D6624" t="s">
        <v>14231</v>
      </c>
      <c r="E6624" t="s">
        <v>32654</v>
      </c>
      <c r="F6624">
        <v>4</v>
      </c>
      <c r="G6624" t="s">
        <v>2</v>
      </c>
      <c r="H6624" t="s">
        <v>14232</v>
      </c>
      <c r="I6624" t="s">
        <v>30540</v>
      </c>
    </row>
    <row r="6625" spans="1:9">
      <c r="A6625" s="1">
        <f ca="1">RAND()</f>
        <v>0.72443468761955765</v>
      </c>
      <c r="B6625" s="1"/>
      <c r="C6625">
        <v>5</v>
      </c>
      <c r="D6625" t="s">
        <v>14235</v>
      </c>
      <c r="E6625" t="s">
        <v>32654</v>
      </c>
      <c r="F6625">
        <v>4</v>
      </c>
      <c r="G6625" t="s">
        <v>1431</v>
      </c>
      <c r="H6625" t="s">
        <v>14236</v>
      </c>
      <c r="I6625" t="s">
        <v>30540</v>
      </c>
    </row>
    <row r="6626" spans="1:9">
      <c r="A6626" s="1">
        <f ca="1">RAND()</f>
        <v>0.95221801318069421</v>
      </c>
      <c r="B6626" s="1"/>
      <c r="C6626">
        <v>4</v>
      </c>
      <c r="D6626" t="s">
        <v>14233</v>
      </c>
      <c r="E6626" t="s">
        <v>32654</v>
      </c>
      <c r="F6626">
        <v>4</v>
      </c>
      <c r="G6626" t="s">
        <v>762</v>
      </c>
      <c r="H6626" t="s">
        <v>14234</v>
      </c>
      <c r="I6626" t="s">
        <v>30540</v>
      </c>
    </row>
    <row r="6627" spans="1:9">
      <c r="A6627" s="1">
        <f ca="1">RAND()</f>
        <v>0.13382246858880298</v>
      </c>
      <c r="B6627" s="1"/>
      <c r="C6627">
        <v>12</v>
      </c>
      <c r="D6627" t="s">
        <v>14239</v>
      </c>
      <c r="E6627" t="s">
        <v>32654</v>
      </c>
      <c r="F6627">
        <v>2</v>
      </c>
      <c r="G6627" t="s">
        <v>15</v>
      </c>
      <c r="H6627" t="s">
        <v>14240</v>
      </c>
      <c r="I6627" t="s">
        <v>30540</v>
      </c>
    </row>
    <row r="6628" spans="1:9">
      <c r="A6628" s="1">
        <f ca="1">RAND()</f>
        <v>0.72200957286290002</v>
      </c>
      <c r="B6628" s="1"/>
      <c r="C6628">
        <v>13</v>
      </c>
      <c r="D6628" t="s">
        <v>14241</v>
      </c>
      <c r="E6628" t="s">
        <v>32654</v>
      </c>
      <c r="F6628">
        <v>2</v>
      </c>
      <c r="G6628" t="s">
        <v>14</v>
      </c>
      <c r="H6628" t="s">
        <v>14242</v>
      </c>
      <c r="I6628" t="s">
        <v>30540</v>
      </c>
    </row>
    <row r="6629" spans="1:9">
      <c r="A6629" s="1">
        <f ca="1">RAND()</f>
        <v>0.8711616274404721</v>
      </c>
      <c r="B6629" s="1"/>
      <c r="C6629">
        <v>5</v>
      </c>
      <c r="D6629" t="s">
        <v>14225</v>
      </c>
      <c r="E6629" t="s">
        <v>32655</v>
      </c>
      <c r="F6629">
        <v>5</v>
      </c>
      <c r="G6629" t="s">
        <v>14</v>
      </c>
      <c r="H6629" t="s">
        <v>14226</v>
      </c>
      <c r="I6629" t="s">
        <v>30540</v>
      </c>
    </row>
    <row r="6630" spans="1:9">
      <c r="A6630" s="1">
        <f ca="1">RAND()</f>
        <v>0.41806373841585631</v>
      </c>
      <c r="B6630" s="1"/>
      <c r="C6630">
        <v>3</v>
      </c>
      <c r="D6630" t="s">
        <v>14223</v>
      </c>
      <c r="E6630" t="s">
        <v>32655</v>
      </c>
      <c r="F6630">
        <v>5</v>
      </c>
      <c r="G6630" t="s">
        <v>14</v>
      </c>
      <c r="H6630" t="s">
        <v>14224</v>
      </c>
      <c r="I6630" t="s">
        <v>30540</v>
      </c>
    </row>
    <row r="6631" spans="1:9">
      <c r="A6631" s="1">
        <f ca="1">RAND()</f>
        <v>7.8951137537644267E-2</v>
      </c>
      <c r="B6631" s="1"/>
      <c r="C6631">
        <v>1</v>
      </c>
      <c r="D6631" t="s">
        <v>14221</v>
      </c>
      <c r="E6631" t="s">
        <v>32655</v>
      </c>
      <c r="F6631">
        <v>5</v>
      </c>
      <c r="G6631" t="s">
        <v>10</v>
      </c>
      <c r="H6631" t="s">
        <v>14222</v>
      </c>
      <c r="I6631" t="s">
        <v>30540</v>
      </c>
    </row>
    <row r="6632" spans="1:9">
      <c r="A6632" s="1">
        <f ca="1">RAND()</f>
        <v>0.48084264241699459</v>
      </c>
      <c r="B6632" s="1"/>
      <c r="C6632">
        <v>12</v>
      </c>
      <c r="D6632" t="s">
        <v>14229</v>
      </c>
      <c r="E6632" t="s">
        <v>32655</v>
      </c>
      <c r="F6632">
        <v>4</v>
      </c>
      <c r="G6632" t="s">
        <v>15</v>
      </c>
      <c r="H6632" t="s">
        <v>14230</v>
      </c>
      <c r="I6632" t="s">
        <v>30540</v>
      </c>
    </row>
    <row r="6633" spans="1:9">
      <c r="A6633" s="1">
        <f ca="1">RAND()</f>
        <v>0.30639845348466122</v>
      </c>
      <c r="B6633" s="1"/>
      <c r="C6633">
        <v>11</v>
      </c>
      <c r="D6633" t="s">
        <v>14227</v>
      </c>
      <c r="E6633" t="s">
        <v>32655</v>
      </c>
      <c r="F6633">
        <v>2</v>
      </c>
      <c r="G6633" t="s">
        <v>2</v>
      </c>
      <c r="H6633" t="s">
        <v>14228</v>
      </c>
      <c r="I6633" t="s">
        <v>30540</v>
      </c>
    </row>
    <row r="6634" spans="1:9">
      <c r="A6634" s="1">
        <f ca="1">RAND()</f>
        <v>0.92764530138975088</v>
      </c>
      <c r="B6634" s="1"/>
      <c r="C6634">
        <v>10</v>
      </c>
      <c r="D6634" t="s">
        <v>14219</v>
      </c>
      <c r="E6634" t="s">
        <v>32656</v>
      </c>
      <c r="F6634">
        <v>4</v>
      </c>
      <c r="G6634" t="s">
        <v>14</v>
      </c>
      <c r="H6634" t="s">
        <v>14220</v>
      </c>
      <c r="I6634" t="s">
        <v>30540</v>
      </c>
    </row>
    <row r="6635" spans="1:9">
      <c r="A6635" s="1">
        <f ca="1">RAND()</f>
        <v>0.27747178351098567</v>
      </c>
      <c r="B6635" s="1"/>
      <c r="C6635">
        <v>6</v>
      </c>
      <c r="D6635" t="s">
        <v>14217</v>
      </c>
      <c r="E6635" t="s">
        <v>32656</v>
      </c>
      <c r="F6635">
        <v>3</v>
      </c>
      <c r="G6635" t="s">
        <v>0</v>
      </c>
      <c r="H6635" t="s">
        <v>14218</v>
      </c>
      <c r="I6635" t="s">
        <v>30540</v>
      </c>
    </row>
    <row r="6636" spans="1:9">
      <c r="A6636" s="1">
        <f ca="1">RAND()</f>
        <v>0.24309853863639486</v>
      </c>
      <c r="B6636" s="1"/>
      <c r="C6636">
        <v>11</v>
      </c>
      <c r="D6636" t="s">
        <v>14211</v>
      </c>
      <c r="E6636" t="s">
        <v>32657</v>
      </c>
      <c r="F6636">
        <v>5</v>
      </c>
      <c r="G6636" t="s">
        <v>13</v>
      </c>
      <c r="H6636" t="s">
        <v>14212</v>
      </c>
      <c r="I6636" t="s">
        <v>30540</v>
      </c>
    </row>
    <row r="6637" spans="1:9">
      <c r="A6637" s="1">
        <f ca="1">RAND()</f>
        <v>0.35555866513257872</v>
      </c>
      <c r="B6637" s="1"/>
      <c r="C6637">
        <v>5</v>
      </c>
      <c r="D6637" t="s">
        <v>14205</v>
      </c>
      <c r="E6637" t="s">
        <v>32657</v>
      </c>
      <c r="F6637">
        <v>5</v>
      </c>
      <c r="G6637" t="s">
        <v>14</v>
      </c>
      <c r="H6637" t="s">
        <v>14206</v>
      </c>
      <c r="I6637" t="s">
        <v>30540</v>
      </c>
    </row>
    <row r="6638" spans="1:9">
      <c r="A6638" s="1">
        <f ca="1">RAND()</f>
        <v>0.49885166236301148</v>
      </c>
      <c r="B6638" s="1"/>
      <c r="C6638">
        <v>6</v>
      </c>
      <c r="D6638" t="s">
        <v>14207</v>
      </c>
      <c r="E6638" t="s">
        <v>32657</v>
      </c>
      <c r="F6638">
        <v>4</v>
      </c>
      <c r="G6638" t="s">
        <v>14</v>
      </c>
      <c r="H6638" t="s">
        <v>14208</v>
      </c>
      <c r="I6638" t="s">
        <v>30540</v>
      </c>
    </row>
    <row r="6639" spans="1:9">
      <c r="A6639" s="1">
        <f ca="1">RAND()</f>
        <v>0.4947436796357656</v>
      </c>
      <c r="B6639" s="1"/>
      <c r="C6639">
        <v>13</v>
      </c>
      <c r="D6639" t="s">
        <v>14213</v>
      </c>
      <c r="E6639" t="s">
        <v>32657</v>
      </c>
      <c r="F6639">
        <v>4</v>
      </c>
      <c r="G6639" t="s">
        <v>10</v>
      </c>
      <c r="H6639" t="s">
        <v>14214</v>
      </c>
      <c r="I6639" t="s">
        <v>30540</v>
      </c>
    </row>
    <row r="6640" spans="1:9">
      <c r="A6640" s="1">
        <f ca="1">RAND()</f>
        <v>0.2040954622841491</v>
      </c>
      <c r="B6640" s="1"/>
      <c r="C6640">
        <v>15</v>
      </c>
      <c r="D6640" t="s">
        <v>14215</v>
      </c>
      <c r="E6640" t="s">
        <v>32657</v>
      </c>
      <c r="F6640">
        <v>4</v>
      </c>
      <c r="G6640" t="s">
        <v>10</v>
      </c>
      <c r="H6640" t="s">
        <v>14216</v>
      </c>
      <c r="I6640" t="s">
        <v>30540</v>
      </c>
    </row>
    <row r="6641" spans="1:9">
      <c r="A6641" s="1">
        <f ca="1">RAND()</f>
        <v>0.18377824415632338</v>
      </c>
      <c r="B6641" s="1"/>
      <c r="C6641">
        <v>4</v>
      </c>
      <c r="D6641" t="s">
        <v>14203</v>
      </c>
      <c r="E6641" t="s">
        <v>32657</v>
      </c>
      <c r="F6641">
        <v>4</v>
      </c>
      <c r="G6641" t="s">
        <v>14</v>
      </c>
      <c r="H6641" t="s">
        <v>14204</v>
      </c>
      <c r="I6641" t="s">
        <v>30540</v>
      </c>
    </row>
    <row r="6642" spans="1:9">
      <c r="A6642" s="1">
        <f ca="1">RAND()</f>
        <v>0.87719609532814213</v>
      </c>
      <c r="B6642" s="1"/>
      <c r="C6642">
        <v>10</v>
      </c>
      <c r="D6642" t="s">
        <v>14209</v>
      </c>
      <c r="E6642" t="s">
        <v>32657</v>
      </c>
      <c r="F6642">
        <v>3</v>
      </c>
      <c r="G6642" t="s">
        <v>2</v>
      </c>
      <c r="H6642" t="s">
        <v>14210</v>
      </c>
      <c r="I6642" t="s">
        <v>30540</v>
      </c>
    </row>
    <row r="6643" spans="1:9">
      <c r="A6643" s="1">
        <f ca="1">RAND()</f>
        <v>0.49003341372532438</v>
      </c>
      <c r="B6643" s="1"/>
      <c r="C6643">
        <v>18</v>
      </c>
      <c r="D6643" t="s">
        <v>14201</v>
      </c>
      <c r="E6643" t="s">
        <v>32658</v>
      </c>
      <c r="F6643">
        <v>4</v>
      </c>
      <c r="G6643" t="s">
        <v>14</v>
      </c>
      <c r="H6643" t="s">
        <v>14202</v>
      </c>
      <c r="I6643" t="s">
        <v>30540</v>
      </c>
    </row>
    <row r="6644" spans="1:9">
      <c r="A6644" s="1">
        <f ca="1">RAND()</f>
        <v>0.98883230895657503</v>
      </c>
      <c r="B6644" s="1"/>
      <c r="C6644">
        <v>2</v>
      </c>
      <c r="D6644" t="s">
        <v>14195</v>
      </c>
      <c r="E6644" t="s">
        <v>32658</v>
      </c>
      <c r="F6644">
        <v>4</v>
      </c>
      <c r="G6644" t="s">
        <v>1431</v>
      </c>
      <c r="H6644" t="s">
        <v>14196</v>
      </c>
      <c r="I6644" t="s">
        <v>30540</v>
      </c>
    </row>
    <row r="6645" spans="1:9">
      <c r="A6645" s="1">
        <f ca="1">RAND()</f>
        <v>0.87109807226053271</v>
      </c>
      <c r="B6645" s="1"/>
      <c r="C6645">
        <v>13</v>
      </c>
      <c r="D6645" t="s">
        <v>14199</v>
      </c>
      <c r="E6645" t="s">
        <v>32658</v>
      </c>
      <c r="F6645">
        <v>4</v>
      </c>
      <c r="G6645" t="s">
        <v>0</v>
      </c>
      <c r="H6645" t="s">
        <v>14200</v>
      </c>
      <c r="I6645" t="s">
        <v>30540</v>
      </c>
    </row>
    <row r="6646" spans="1:9">
      <c r="A6646" s="1">
        <f ca="1">RAND()</f>
        <v>0.17513808250776208</v>
      </c>
      <c r="B6646" s="1"/>
      <c r="C6646">
        <v>12</v>
      </c>
      <c r="D6646" t="s">
        <v>14197</v>
      </c>
      <c r="E6646" t="s">
        <v>32658</v>
      </c>
      <c r="F6646">
        <v>4</v>
      </c>
      <c r="G6646" t="s">
        <v>14</v>
      </c>
      <c r="H6646" t="s">
        <v>14198</v>
      </c>
      <c r="I6646" t="s">
        <v>30540</v>
      </c>
    </row>
    <row r="6647" spans="1:9">
      <c r="A6647" s="1">
        <f ca="1">RAND()</f>
        <v>0.73058029361929988</v>
      </c>
      <c r="B6647" s="1"/>
      <c r="C6647">
        <v>4</v>
      </c>
      <c r="D6647" t="s">
        <v>14189</v>
      </c>
      <c r="E6647" t="s">
        <v>32659</v>
      </c>
      <c r="F6647">
        <v>4</v>
      </c>
      <c r="G6647" t="s">
        <v>15</v>
      </c>
      <c r="H6647" t="s">
        <v>14190</v>
      </c>
      <c r="I6647" t="s">
        <v>30540</v>
      </c>
    </row>
    <row r="6648" spans="1:9">
      <c r="A6648" s="1">
        <f ca="1">RAND()</f>
        <v>0.39761755230947216</v>
      </c>
      <c r="B6648" s="1"/>
      <c r="C6648">
        <v>10</v>
      </c>
      <c r="D6648" t="s">
        <v>14193</v>
      </c>
      <c r="E6648" t="s">
        <v>32659</v>
      </c>
      <c r="F6648">
        <v>4</v>
      </c>
      <c r="G6648" t="s">
        <v>14</v>
      </c>
      <c r="H6648" t="s">
        <v>14194</v>
      </c>
      <c r="I6648" t="s">
        <v>30540</v>
      </c>
    </row>
    <row r="6649" spans="1:9">
      <c r="A6649" s="1">
        <f ca="1">RAND()</f>
        <v>0.34842045564121005</v>
      </c>
      <c r="B6649" s="1"/>
      <c r="C6649">
        <v>1</v>
      </c>
      <c r="D6649" t="s">
        <v>14187</v>
      </c>
      <c r="E6649" t="s">
        <v>32659</v>
      </c>
      <c r="F6649">
        <v>4</v>
      </c>
      <c r="G6649" t="s">
        <v>2</v>
      </c>
      <c r="H6649" t="s">
        <v>14188</v>
      </c>
      <c r="I6649" t="s">
        <v>30540</v>
      </c>
    </row>
    <row r="6650" spans="1:9">
      <c r="A6650" s="1">
        <f ca="1">RAND()</f>
        <v>0.6914650601608201</v>
      </c>
      <c r="B6650" s="1"/>
      <c r="C6650">
        <v>8</v>
      </c>
      <c r="D6650" t="s">
        <v>14191</v>
      </c>
      <c r="E6650" t="s">
        <v>32659</v>
      </c>
      <c r="F6650">
        <v>4</v>
      </c>
      <c r="G6650" t="s">
        <v>13</v>
      </c>
      <c r="H6650" t="s">
        <v>14192</v>
      </c>
      <c r="I6650" t="s">
        <v>30540</v>
      </c>
    </row>
    <row r="6651" spans="1:9">
      <c r="A6651" s="1">
        <f ca="1">RAND()</f>
        <v>0.93749470949574976</v>
      </c>
      <c r="B6651" s="1"/>
      <c r="C6651">
        <v>1</v>
      </c>
      <c r="D6651" t="s">
        <v>14181</v>
      </c>
      <c r="E6651" t="s">
        <v>32660</v>
      </c>
      <c r="F6651">
        <v>4</v>
      </c>
      <c r="G6651" t="s">
        <v>2</v>
      </c>
      <c r="H6651" t="s">
        <v>14182</v>
      </c>
      <c r="I6651" t="s">
        <v>30540</v>
      </c>
    </row>
    <row r="6652" spans="1:9">
      <c r="A6652" s="1">
        <f ca="1">RAND()</f>
        <v>2.9142423397181982E-2</v>
      </c>
      <c r="B6652" s="1"/>
      <c r="C6652">
        <v>10</v>
      </c>
      <c r="D6652" t="s">
        <v>14185</v>
      </c>
      <c r="E6652" t="s">
        <v>32660</v>
      </c>
      <c r="F6652">
        <v>4</v>
      </c>
      <c r="G6652" t="s">
        <v>0</v>
      </c>
      <c r="H6652" t="s">
        <v>14186</v>
      </c>
      <c r="I6652" t="s">
        <v>30540</v>
      </c>
    </row>
    <row r="6653" spans="1:9">
      <c r="A6653" s="1">
        <f ca="1">RAND()</f>
        <v>0.87136111309017406</v>
      </c>
      <c r="B6653" s="1"/>
      <c r="C6653">
        <v>4</v>
      </c>
      <c r="D6653" t="s">
        <v>14183</v>
      </c>
      <c r="E6653" t="s">
        <v>32660</v>
      </c>
      <c r="F6653">
        <v>3</v>
      </c>
      <c r="G6653" t="s">
        <v>14</v>
      </c>
      <c r="H6653" t="s">
        <v>14184</v>
      </c>
      <c r="I6653" t="s">
        <v>30540</v>
      </c>
    </row>
    <row r="6654" spans="1:9">
      <c r="A6654" s="1">
        <f ca="1">RAND()</f>
        <v>7.9392903935596504E-2</v>
      </c>
      <c r="B6654" s="1"/>
      <c r="C6654">
        <v>9</v>
      </c>
      <c r="D6654" t="s">
        <v>14175</v>
      </c>
      <c r="E6654" t="s">
        <v>32661</v>
      </c>
      <c r="F6654">
        <v>5</v>
      </c>
      <c r="G6654" t="s">
        <v>14</v>
      </c>
      <c r="H6654" t="s">
        <v>14176</v>
      </c>
      <c r="I6654" t="s">
        <v>30540</v>
      </c>
    </row>
    <row r="6655" spans="1:9">
      <c r="A6655" s="1">
        <f ca="1">RAND()</f>
        <v>0.56316132956600384</v>
      </c>
      <c r="B6655" s="1"/>
      <c r="C6655">
        <v>6</v>
      </c>
      <c r="D6655" t="s">
        <v>14173</v>
      </c>
      <c r="E6655" t="s">
        <v>32661</v>
      </c>
      <c r="F6655">
        <v>4</v>
      </c>
      <c r="G6655" t="s">
        <v>15</v>
      </c>
      <c r="H6655" t="s">
        <v>14174</v>
      </c>
      <c r="I6655" t="s">
        <v>30540</v>
      </c>
    </row>
    <row r="6656" spans="1:9">
      <c r="A6656" s="1">
        <f ca="1">RAND()</f>
        <v>0.45630685012191374</v>
      </c>
      <c r="B6656" s="1"/>
      <c r="C6656">
        <v>12</v>
      </c>
      <c r="D6656" t="s">
        <v>14179</v>
      </c>
      <c r="E6656" t="s">
        <v>32661</v>
      </c>
      <c r="F6656">
        <v>4</v>
      </c>
      <c r="G6656" t="s">
        <v>14</v>
      </c>
      <c r="H6656" t="s">
        <v>14180</v>
      </c>
      <c r="I6656" t="s">
        <v>30540</v>
      </c>
    </row>
    <row r="6657" spans="1:9">
      <c r="A6657" s="1">
        <f ca="1">RAND()</f>
        <v>2.3760813596566677E-2</v>
      </c>
      <c r="B6657" s="1"/>
      <c r="C6657">
        <v>5</v>
      </c>
      <c r="D6657" t="s">
        <v>14171</v>
      </c>
      <c r="E6657" t="s">
        <v>32661</v>
      </c>
      <c r="F6657">
        <v>4</v>
      </c>
      <c r="G6657" t="s">
        <v>14</v>
      </c>
      <c r="H6657" t="s">
        <v>14172</v>
      </c>
      <c r="I6657" t="s">
        <v>30540</v>
      </c>
    </row>
    <row r="6658" spans="1:9">
      <c r="A6658" s="1">
        <f ca="1">RAND()</f>
        <v>0.57375147935825599</v>
      </c>
      <c r="B6658" s="1"/>
      <c r="C6658">
        <v>10</v>
      </c>
      <c r="D6658" t="s">
        <v>14177</v>
      </c>
      <c r="E6658" t="s">
        <v>32661</v>
      </c>
      <c r="F6658">
        <v>3</v>
      </c>
      <c r="G6658" t="s">
        <v>14</v>
      </c>
      <c r="H6658" t="s">
        <v>14178</v>
      </c>
      <c r="I6658" t="s">
        <v>30540</v>
      </c>
    </row>
    <row r="6659" spans="1:9">
      <c r="A6659" s="1">
        <f ca="1">RAND()</f>
        <v>0.86368620425273313</v>
      </c>
      <c r="B6659" s="1"/>
      <c r="C6659">
        <v>15</v>
      </c>
      <c r="D6659" t="s">
        <v>14167</v>
      </c>
      <c r="E6659" t="s">
        <v>32662</v>
      </c>
      <c r="F6659">
        <v>5</v>
      </c>
      <c r="G6659" t="s">
        <v>10</v>
      </c>
      <c r="H6659" t="s">
        <v>14168</v>
      </c>
      <c r="I6659" t="s">
        <v>30540</v>
      </c>
    </row>
    <row r="6660" spans="1:9">
      <c r="A6660" s="1">
        <f ca="1">RAND()</f>
        <v>0.36177268437817101</v>
      </c>
      <c r="B6660" s="1"/>
      <c r="C6660">
        <v>4</v>
      </c>
      <c r="D6660" t="s">
        <v>14163</v>
      </c>
      <c r="E6660" t="s">
        <v>32662</v>
      </c>
      <c r="F6660">
        <v>4</v>
      </c>
      <c r="G6660" t="s">
        <v>14</v>
      </c>
      <c r="H6660" t="s">
        <v>14164</v>
      </c>
      <c r="I6660" t="s">
        <v>30540</v>
      </c>
    </row>
    <row r="6661" spans="1:9">
      <c r="A6661" s="1">
        <f ca="1">RAND()</f>
        <v>0.95820276300168605</v>
      </c>
      <c r="B6661" s="1"/>
      <c r="C6661">
        <v>14</v>
      </c>
      <c r="D6661" t="s">
        <v>14165</v>
      </c>
      <c r="E6661" t="s">
        <v>32662</v>
      </c>
      <c r="F6661">
        <v>4</v>
      </c>
      <c r="G6661" t="s">
        <v>10</v>
      </c>
      <c r="H6661" t="s">
        <v>14166</v>
      </c>
      <c r="I6661" t="s">
        <v>30540</v>
      </c>
    </row>
    <row r="6662" spans="1:9">
      <c r="A6662" s="1">
        <f ca="1">RAND()</f>
        <v>0.50182120797282437</v>
      </c>
      <c r="B6662" s="1"/>
      <c r="C6662">
        <v>1</v>
      </c>
      <c r="D6662" t="s">
        <v>14161</v>
      </c>
      <c r="E6662" t="s">
        <v>32662</v>
      </c>
      <c r="F6662">
        <v>2</v>
      </c>
      <c r="G6662" t="s">
        <v>10</v>
      </c>
      <c r="H6662" t="s">
        <v>14162</v>
      </c>
      <c r="I6662" t="s">
        <v>30540</v>
      </c>
    </row>
    <row r="6663" spans="1:9">
      <c r="A6663" s="1">
        <f ca="1">RAND()</f>
        <v>0.19412979569714273</v>
      </c>
      <c r="B6663" s="1"/>
      <c r="C6663">
        <v>16</v>
      </c>
      <c r="D6663" t="s">
        <v>14169</v>
      </c>
      <c r="E6663" t="s">
        <v>32662</v>
      </c>
      <c r="F6663">
        <v>1</v>
      </c>
      <c r="G6663" t="s">
        <v>13</v>
      </c>
      <c r="H6663" t="s">
        <v>14170</v>
      </c>
      <c r="I6663" t="s">
        <v>30540</v>
      </c>
    </row>
    <row r="6664" spans="1:9">
      <c r="A6664" s="1">
        <f ca="1">RAND()</f>
        <v>0.26686125270788297</v>
      </c>
      <c r="B6664" s="1"/>
      <c r="C6664">
        <v>20</v>
      </c>
      <c r="D6664" t="s">
        <v>14159</v>
      </c>
      <c r="E6664" t="s">
        <v>32663</v>
      </c>
      <c r="F6664">
        <v>4</v>
      </c>
      <c r="G6664" t="s">
        <v>0</v>
      </c>
      <c r="H6664" t="s">
        <v>14160</v>
      </c>
      <c r="I6664" t="s">
        <v>30540</v>
      </c>
    </row>
    <row r="6665" spans="1:9">
      <c r="A6665" s="1">
        <f ca="1">RAND()</f>
        <v>0.26280266067023184</v>
      </c>
      <c r="B6665" s="1"/>
      <c r="C6665">
        <v>2</v>
      </c>
      <c r="D6665" t="s">
        <v>14157</v>
      </c>
      <c r="E6665" t="s">
        <v>32663</v>
      </c>
      <c r="F6665">
        <v>4</v>
      </c>
      <c r="G6665" t="s">
        <v>14</v>
      </c>
      <c r="H6665" t="s">
        <v>14158</v>
      </c>
      <c r="I6665" t="s">
        <v>30540</v>
      </c>
    </row>
    <row r="6666" spans="1:9">
      <c r="A6666" s="1">
        <f ca="1">RAND()</f>
        <v>0.42252619986724238</v>
      </c>
      <c r="B6666" s="1"/>
      <c r="C6666">
        <v>4</v>
      </c>
      <c r="D6666" t="s">
        <v>14149</v>
      </c>
      <c r="E6666" t="s">
        <v>32664</v>
      </c>
      <c r="F6666">
        <v>4</v>
      </c>
      <c r="G6666" t="s">
        <v>2</v>
      </c>
      <c r="H6666" t="s">
        <v>14150</v>
      </c>
      <c r="I6666" t="s">
        <v>30540</v>
      </c>
    </row>
    <row r="6667" spans="1:9">
      <c r="A6667" s="1">
        <f ca="1">RAND()</f>
        <v>0.74866510231922578</v>
      </c>
      <c r="B6667" s="1"/>
      <c r="C6667">
        <v>11</v>
      </c>
      <c r="D6667" t="s">
        <v>14155</v>
      </c>
      <c r="E6667" t="s">
        <v>32664</v>
      </c>
      <c r="F6667">
        <v>4</v>
      </c>
      <c r="G6667" t="s">
        <v>0</v>
      </c>
      <c r="H6667" t="s">
        <v>14156</v>
      </c>
      <c r="I6667" t="s">
        <v>30540</v>
      </c>
    </row>
    <row r="6668" spans="1:9">
      <c r="A6668" s="1">
        <f ca="1">RAND()</f>
        <v>0.59427220690817451</v>
      </c>
      <c r="B6668" s="1"/>
      <c r="C6668">
        <v>7</v>
      </c>
      <c r="D6668" t="s">
        <v>14153</v>
      </c>
      <c r="E6668" t="s">
        <v>32664</v>
      </c>
      <c r="F6668">
        <v>4</v>
      </c>
      <c r="G6668" t="s">
        <v>14</v>
      </c>
      <c r="H6668" t="s">
        <v>14154</v>
      </c>
      <c r="I6668" t="s">
        <v>30540</v>
      </c>
    </row>
    <row r="6669" spans="1:9">
      <c r="A6669" s="1">
        <f ca="1">RAND()</f>
        <v>0.34862499069402419</v>
      </c>
      <c r="B6669" s="1"/>
      <c r="C6669">
        <v>6</v>
      </c>
      <c r="D6669" t="s">
        <v>14151</v>
      </c>
      <c r="E6669" t="s">
        <v>32664</v>
      </c>
      <c r="F6669">
        <v>3</v>
      </c>
      <c r="G6669" t="s">
        <v>14</v>
      </c>
      <c r="H6669" t="s">
        <v>14152</v>
      </c>
      <c r="I6669" t="s">
        <v>30540</v>
      </c>
    </row>
    <row r="6670" spans="1:9">
      <c r="A6670" s="1">
        <f ca="1">RAND()</f>
        <v>0.56111327158002222</v>
      </c>
      <c r="B6670" s="1"/>
      <c r="C6670">
        <v>8</v>
      </c>
      <c r="D6670" t="s">
        <v>14139</v>
      </c>
      <c r="E6670" t="s">
        <v>32665</v>
      </c>
      <c r="F6670">
        <v>5</v>
      </c>
      <c r="G6670" t="s">
        <v>14</v>
      </c>
      <c r="H6670" t="s">
        <v>14140</v>
      </c>
      <c r="I6670" t="s">
        <v>30540</v>
      </c>
    </row>
    <row r="6671" spans="1:9">
      <c r="A6671" s="1">
        <f ca="1">RAND()</f>
        <v>0.61978196746178804</v>
      </c>
      <c r="B6671" s="1"/>
      <c r="C6671">
        <v>14</v>
      </c>
      <c r="D6671" t="s">
        <v>14147</v>
      </c>
      <c r="E6671" t="s">
        <v>32665</v>
      </c>
      <c r="F6671">
        <v>4</v>
      </c>
      <c r="G6671" t="s">
        <v>14</v>
      </c>
      <c r="H6671" t="s">
        <v>14148</v>
      </c>
      <c r="I6671" t="s">
        <v>30540</v>
      </c>
    </row>
    <row r="6672" spans="1:9">
      <c r="A6672" s="1">
        <f ca="1">RAND()</f>
        <v>0.29045117539753484</v>
      </c>
      <c r="B6672" s="1"/>
      <c r="C6672">
        <v>2</v>
      </c>
      <c r="D6672" t="s">
        <v>14131</v>
      </c>
      <c r="E6672" t="s">
        <v>32665</v>
      </c>
      <c r="F6672">
        <v>4</v>
      </c>
      <c r="G6672" t="s">
        <v>2</v>
      </c>
      <c r="H6672" t="s">
        <v>14132</v>
      </c>
      <c r="I6672" t="s">
        <v>30540</v>
      </c>
    </row>
    <row r="6673" spans="1:9">
      <c r="A6673" s="1">
        <f ca="1">RAND()</f>
        <v>0.8048561077766957</v>
      </c>
      <c r="B6673" s="1"/>
      <c r="C6673">
        <v>9</v>
      </c>
      <c r="D6673" t="s">
        <v>14141</v>
      </c>
      <c r="E6673" t="s">
        <v>32665</v>
      </c>
      <c r="F6673">
        <v>4</v>
      </c>
      <c r="G6673" t="s">
        <v>2</v>
      </c>
      <c r="H6673" t="s">
        <v>14142</v>
      </c>
      <c r="I6673" t="s">
        <v>30540</v>
      </c>
    </row>
    <row r="6674" spans="1:9">
      <c r="A6674" s="1">
        <f ca="1">RAND()</f>
        <v>0.22073326485807432</v>
      </c>
      <c r="B6674" s="1"/>
      <c r="C6674">
        <v>3</v>
      </c>
      <c r="D6674" t="s">
        <v>14133</v>
      </c>
      <c r="E6674" t="s">
        <v>32665</v>
      </c>
      <c r="F6674">
        <v>4</v>
      </c>
      <c r="G6674" t="s">
        <v>9</v>
      </c>
      <c r="H6674" t="s">
        <v>14134</v>
      </c>
      <c r="I6674" t="s">
        <v>30540</v>
      </c>
    </row>
    <row r="6675" spans="1:9">
      <c r="A6675" s="1">
        <f ca="1">RAND()</f>
        <v>0.15897955531437968</v>
      </c>
      <c r="B6675" s="1"/>
      <c r="C6675">
        <v>12</v>
      </c>
      <c r="D6675" t="s">
        <v>14143</v>
      </c>
      <c r="E6675" t="s">
        <v>32665</v>
      </c>
      <c r="F6675">
        <v>4</v>
      </c>
      <c r="G6675" t="s">
        <v>14</v>
      </c>
      <c r="H6675" t="s">
        <v>14144</v>
      </c>
      <c r="I6675" t="s">
        <v>30540</v>
      </c>
    </row>
    <row r="6676" spans="1:9">
      <c r="A6676" s="1">
        <f ca="1">RAND()</f>
        <v>0.77865682268158698</v>
      </c>
      <c r="B6676" s="1"/>
      <c r="C6676">
        <v>13</v>
      </c>
      <c r="D6676" t="s">
        <v>14145</v>
      </c>
      <c r="E6676" t="s">
        <v>32665</v>
      </c>
      <c r="F6676">
        <v>4</v>
      </c>
      <c r="G6676" t="s">
        <v>14</v>
      </c>
      <c r="H6676" t="s">
        <v>14146</v>
      </c>
      <c r="I6676" t="s">
        <v>30540</v>
      </c>
    </row>
    <row r="6677" spans="1:9">
      <c r="A6677" s="1">
        <f ca="1">RAND()</f>
        <v>3.0643024889772552E-2</v>
      </c>
      <c r="B6677" s="1"/>
      <c r="C6677">
        <v>4</v>
      </c>
      <c r="D6677" t="s">
        <v>14135</v>
      </c>
      <c r="E6677" t="s">
        <v>32665</v>
      </c>
      <c r="F6677">
        <v>4</v>
      </c>
      <c r="G6677" t="s">
        <v>2</v>
      </c>
      <c r="H6677" t="s">
        <v>14136</v>
      </c>
      <c r="I6677" t="s">
        <v>30540</v>
      </c>
    </row>
    <row r="6678" spans="1:9">
      <c r="A6678" s="1">
        <f ca="1">RAND()</f>
        <v>3.8495586306600216E-2</v>
      </c>
      <c r="B6678" s="1"/>
      <c r="C6678">
        <v>6</v>
      </c>
      <c r="D6678" t="s">
        <v>14137</v>
      </c>
      <c r="E6678" t="s">
        <v>32665</v>
      </c>
      <c r="F6678">
        <v>3</v>
      </c>
      <c r="G6678" t="s">
        <v>14</v>
      </c>
      <c r="H6678" t="s">
        <v>14138</v>
      </c>
      <c r="I6678" t="s">
        <v>30540</v>
      </c>
    </row>
    <row r="6679" spans="1:9">
      <c r="A6679" s="1">
        <f ca="1">RAND()</f>
        <v>0.46563571313233876</v>
      </c>
      <c r="B6679" s="1"/>
      <c r="C6679">
        <v>10</v>
      </c>
      <c r="D6679" t="s">
        <v>14125</v>
      </c>
      <c r="E6679" t="s">
        <v>32666</v>
      </c>
      <c r="F6679">
        <v>5</v>
      </c>
      <c r="G6679" t="s">
        <v>14</v>
      </c>
      <c r="H6679" t="s">
        <v>14126</v>
      </c>
      <c r="I6679" t="s">
        <v>30540</v>
      </c>
    </row>
    <row r="6680" spans="1:9">
      <c r="A6680" s="1">
        <f ca="1">RAND()</f>
        <v>0.81866345307836086</v>
      </c>
      <c r="B6680" s="1"/>
      <c r="C6680">
        <v>1</v>
      </c>
      <c r="D6680" t="s">
        <v>14121</v>
      </c>
      <c r="E6680" t="s">
        <v>32666</v>
      </c>
      <c r="F6680">
        <v>5</v>
      </c>
      <c r="G6680" t="s">
        <v>10</v>
      </c>
      <c r="H6680" t="s">
        <v>14122</v>
      </c>
      <c r="I6680" t="s">
        <v>30540</v>
      </c>
    </row>
    <row r="6681" spans="1:9">
      <c r="A6681" s="1">
        <f ca="1">RAND()</f>
        <v>0.37333535201446177</v>
      </c>
      <c r="B6681" s="1"/>
      <c r="C6681">
        <v>7</v>
      </c>
      <c r="D6681" t="s">
        <v>14123</v>
      </c>
      <c r="E6681" t="s">
        <v>32666</v>
      </c>
      <c r="F6681">
        <v>4</v>
      </c>
      <c r="G6681" t="s">
        <v>14</v>
      </c>
      <c r="H6681" t="s">
        <v>14124</v>
      </c>
      <c r="I6681" t="s">
        <v>30540</v>
      </c>
    </row>
    <row r="6682" spans="1:9">
      <c r="A6682" s="1">
        <f ca="1">RAND()</f>
        <v>0.98469621202687663</v>
      </c>
      <c r="B6682" s="1"/>
      <c r="C6682">
        <v>13</v>
      </c>
      <c r="D6682" t="s">
        <v>14129</v>
      </c>
      <c r="E6682" t="s">
        <v>32666</v>
      </c>
      <c r="F6682">
        <v>4</v>
      </c>
      <c r="G6682" t="s">
        <v>14</v>
      </c>
      <c r="H6682" t="s">
        <v>14130</v>
      </c>
      <c r="I6682" t="s">
        <v>30540</v>
      </c>
    </row>
    <row r="6683" spans="1:9">
      <c r="A6683" s="1">
        <f ca="1">RAND()</f>
        <v>0.82458178286280803</v>
      </c>
      <c r="B6683" s="1"/>
      <c r="C6683">
        <v>11</v>
      </c>
      <c r="D6683" t="s">
        <v>14127</v>
      </c>
      <c r="E6683" t="s">
        <v>32666</v>
      </c>
      <c r="F6683">
        <v>3</v>
      </c>
      <c r="G6683" t="s">
        <v>14</v>
      </c>
      <c r="H6683" t="s">
        <v>14128</v>
      </c>
      <c r="I6683" t="s">
        <v>30540</v>
      </c>
    </row>
    <row r="6684" spans="1:9">
      <c r="A6684" s="1">
        <f ca="1">RAND()</f>
        <v>0.82117414851964121</v>
      </c>
      <c r="B6684" s="1"/>
      <c r="C6684">
        <v>16</v>
      </c>
      <c r="D6684" t="s">
        <v>14119</v>
      </c>
      <c r="E6684" t="s">
        <v>32667</v>
      </c>
      <c r="F6684">
        <v>4</v>
      </c>
      <c r="G6684" t="s">
        <v>14</v>
      </c>
      <c r="H6684" t="s">
        <v>14120</v>
      </c>
      <c r="I6684" t="s">
        <v>30540</v>
      </c>
    </row>
    <row r="6685" spans="1:9">
      <c r="A6685" s="1">
        <f ca="1">RAND()</f>
        <v>0.3043646576601875</v>
      </c>
      <c r="B6685" s="1"/>
      <c r="C6685">
        <v>14</v>
      </c>
      <c r="D6685" t="s">
        <v>14117</v>
      </c>
      <c r="E6685" t="s">
        <v>32667</v>
      </c>
      <c r="F6685">
        <v>4</v>
      </c>
      <c r="G6685" t="s">
        <v>14</v>
      </c>
      <c r="H6685" t="s">
        <v>14118</v>
      </c>
      <c r="I6685" t="s">
        <v>30540</v>
      </c>
    </row>
    <row r="6686" spans="1:9">
      <c r="A6686" s="1">
        <f ca="1">RAND()</f>
        <v>0.75513240719738894</v>
      </c>
      <c r="B6686" s="1"/>
      <c r="C6686">
        <v>12</v>
      </c>
      <c r="D6686" t="s">
        <v>14115</v>
      </c>
      <c r="E6686" t="s">
        <v>32667</v>
      </c>
      <c r="F6686">
        <v>4</v>
      </c>
      <c r="G6686" t="s">
        <v>14</v>
      </c>
      <c r="H6686" t="s">
        <v>14116</v>
      </c>
      <c r="I6686" t="s">
        <v>30540</v>
      </c>
    </row>
    <row r="6687" spans="1:9">
      <c r="A6687" s="1">
        <f ca="1">RAND()</f>
        <v>0.54528242378694403</v>
      </c>
      <c r="B6687" s="1"/>
      <c r="C6687">
        <v>5</v>
      </c>
      <c r="D6687" t="s">
        <v>14111</v>
      </c>
      <c r="E6687" t="s">
        <v>32667</v>
      </c>
      <c r="F6687">
        <v>4</v>
      </c>
      <c r="G6687" t="s">
        <v>14</v>
      </c>
      <c r="H6687" t="s">
        <v>14112</v>
      </c>
      <c r="I6687" t="s">
        <v>30540</v>
      </c>
    </row>
    <row r="6688" spans="1:9">
      <c r="A6688" s="1">
        <f ca="1">RAND()</f>
        <v>0.21084717956200005</v>
      </c>
      <c r="B6688" s="1"/>
      <c r="C6688">
        <v>11</v>
      </c>
      <c r="D6688" t="s">
        <v>14113</v>
      </c>
      <c r="E6688" t="s">
        <v>32667</v>
      </c>
      <c r="F6688">
        <v>2</v>
      </c>
      <c r="G6688" t="s">
        <v>13</v>
      </c>
      <c r="H6688" t="s">
        <v>14114</v>
      </c>
      <c r="I6688" t="s">
        <v>30540</v>
      </c>
    </row>
    <row r="6689" spans="1:9">
      <c r="A6689" s="1">
        <f ca="1">RAND()</f>
        <v>9.3149675229739604E-2</v>
      </c>
      <c r="B6689" s="1"/>
      <c r="C6689">
        <v>17</v>
      </c>
      <c r="D6689" t="s">
        <v>14103</v>
      </c>
      <c r="E6689" t="s">
        <v>32668</v>
      </c>
      <c r="F6689">
        <v>5</v>
      </c>
      <c r="G6689" t="s">
        <v>14</v>
      </c>
      <c r="H6689" t="s">
        <v>14104</v>
      </c>
      <c r="I6689" t="s">
        <v>30540</v>
      </c>
    </row>
    <row r="6690" spans="1:9">
      <c r="A6690" s="1">
        <f ca="1">RAND()</f>
        <v>0.25019616501697162</v>
      </c>
      <c r="B6690" s="1"/>
      <c r="C6690">
        <v>19</v>
      </c>
      <c r="D6690" t="s">
        <v>14107</v>
      </c>
      <c r="E6690" t="s">
        <v>32668</v>
      </c>
      <c r="F6690">
        <v>4</v>
      </c>
      <c r="G6690" t="s">
        <v>14</v>
      </c>
      <c r="H6690" t="s">
        <v>14108</v>
      </c>
      <c r="I6690" t="s">
        <v>30540</v>
      </c>
    </row>
    <row r="6691" spans="1:9">
      <c r="A6691" s="1">
        <f ca="1">RAND()</f>
        <v>0.40013211792127845</v>
      </c>
      <c r="B6691" s="1"/>
      <c r="C6691">
        <v>18</v>
      </c>
      <c r="D6691" t="s">
        <v>14105</v>
      </c>
      <c r="E6691" t="s">
        <v>32668</v>
      </c>
      <c r="F6691">
        <v>4</v>
      </c>
      <c r="G6691" t="s">
        <v>769</v>
      </c>
      <c r="H6691" t="s">
        <v>14106</v>
      </c>
      <c r="I6691" t="s">
        <v>30540</v>
      </c>
    </row>
    <row r="6692" spans="1:9">
      <c r="A6692" s="1">
        <f ca="1">RAND()</f>
        <v>0.4247087226148758</v>
      </c>
      <c r="B6692" s="1"/>
      <c r="C6692">
        <v>9</v>
      </c>
      <c r="D6692" t="s">
        <v>14101</v>
      </c>
      <c r="E6692" t="s">
        <v>32668</v>
      </c>
      <c r="F6692">
        <v>2</v>
      </c>
      <c r="G6692" t="s">
        <v>14</v>
      </c>
      <c r="H6692" t="s">
        <v>14102</v>
      </c>
      <c r="I6692" t="s">
        <v>30540</v>
      </c>
    </row>
    <row r="6693" spans="1:9">
      <c r="A6693" s="1">
        <f ca="1">RAND()</f>
        <v>0.37407983181786808</v>
      </c>
      <c r="B6693" s="1"/>
      <c r="C6693">
        <v>20</v>
      </c>
      <c r="D6693" t="s">
        <v>14109</v>
      </c>
      <c r="E6693" t="s">
        <v>32668</v>
      </c>
      <c r="F6693">
        <v>2</v>
      </c>
      <c r="G6693" t="s">
        <v>14</v>
      </c>
      <c r="H6693" t="s">
        <v>14110</v>
      </c>
      <c r="I6693" t="s">
        <v>30540</v>
      </c>
    </row>
    <row r="6694" spans="1:9">
      <c r="A6694" s="1">
        <f ca="1">RAND()</f>
        <v>0.19113017482357464</v>
      </c>
      <c r="B6694" s="1"/>
      <c r="C6694">
        <v>5</v>
      </c>
      <c r="D6694" t="s">
        <v>14097</v>
      </c>
      <c r="E6694" t="s">
        <v>32669</v>
      </c>
      <c r="F6694">
        <v>4</v>
      </c>
      <c r="G6694" t="s">
        <v>14</v>
      </c>
      <c r="H6694" t="s">
        <v>14098</v>
      </c>
      <c r="I6694" t="s">
        <v>30540</v>
      </c>
    </row>
    <row r="6695" spans="1:9">
      <c r="A6695" s="1">
        <f ca="1">RAND()</f>
        <v>0.14220397576615296</v>
      </c>
      <c r="B6695" s="1"/>
      <c r="C6695">
        <v>8</v>
      </c>
      <c r="D6695" t="s">
        <v>14099</v>
      </c>
      <c r="E6695" t="s">
        <v>32669</v>
      </c>
      <c r="F6695">
        <v>4</v>
      </c>
      <c r="G6695" t="s">
        <v>0</v>
      </c>
      <c r="H6695" t="s">
        <v>14100</v>
      </c>
      <c r="I6695" t="s">
        <v>30540</v>
      </c>
    </row>
    <row r="6696" spans="1:9">
      <c r="A6696" s="1">
        <f ca="1">RAND()</f>
        <v>0.12990491653214431</v>
      </c>
      <c r="B6696" s="1"/>
      <c r="C6696">
        <v>7</v>
      </c>
      <c r="D6696" t="s">
        <v>14089</v>
      </c>
      <c r="E6696" t="s">
        <v>32670</v>
      </c>
      <c r="F6696">
        <v>5</v>
      </c>
      <c r="G6696" t="s">
        <v>9</v>
      </c>
      <c r="H6696" t="s">
        <v>14090</v>
      </c>
      <c r="I6696" t="s">
        <v>30540</v>
      </c>
    </row>
    <row r="6697" spans="1:9">
      <c r="A6697" s="1">
        <f ca="1">RAND()</f>
        <v>0.85908821036017924</v>
      </c>
      <c r="B6697" s="1"/>
      <c r="C6697">
        <v>11</v>
      </c>
      <c r="D6697" t="s">
        <v>14093</v>
      </c>
      <c r="E6697" t="s">
        <v>32670</v>
      </c>
      <c r="F6697">
        <v>5</v>
      </c>
      <c r="G6697" t="s">
        <v>14</v>
      </c>
      <c r="H6697" t="s">
        <v>14094</v>
      </c>
      <c r="I6697" t="s">
        <v>30540</v>
      </c>
    </row>
    <row r="6698" spans="1:9">
      <c r="A6698" s="1">
        <f ca="1">RAND()</f>
        <v>0.30500316115169734</v>
      </c>
      <c r="B6698" s="1"/>
      <c r="C6698">
        <v>12</v>
      </c>
      <c r="D6698" t="s">
        <v>14095</v>
      </c>
      <c r="E6698" t="s">
        <v>32670</v>
      </c>
      <c r="F6698">
        <v>4</v>
      </c>
      <c r="G6698" t="s">
        <v>14</v>
      </c>
      <c r="H6698" t="s">
        <v>14096</v>
      </c>
      <c r="I6698" t="s">
        <v>30540</v>
      </c>
    </row>
    <row r="6699" spans="1:9">
      <c r="A6699" s="1">
        <f ca="1">RAND()</f>
        <v>0.21799907820910736</v>
      </c>
      <c r="B6699" s="1"/>
      <c r="C6699">
        <v>4</v>
      </c>
      <c r="D6699" t="s">
        <v>14087</v>
      </c>
      <c r="E6699" t="s">
        <v>32670</v>
      </c>
      <c r="F6699">
        <v>4</v>
      </c>
      <c r="G6699" t="s">
        <v>10</v>
      </c>
      <c r="H6699" t="s">
        <v>14088</v>
      </c>
      <c r="I6699" t="s">
        <v>30540</v>
      </c>
    </row>
    <row r="6700" spans="1:9">
      <c r="A6700" s="1">
        <f ca="1">RAND()</f>
        <v>0.794213400443608</v>
      </c>
      <c r="B6700" s="1"/>
      <c r="C6700">
        <v>3</v>
      </c>
      <c r="D6700" t="s">
        <v>14085</v>
      </c>
      <c r="E6700" t="s">
        <v>32670</v>
      </c>
      <c r="F6700">
        <v>4</v>
      </c>
      <c r="G6700" t="s">
        <v>13</v>
      </c>
      <c r="H6700" t="s">
        <v>14086</v>
      </c>
      <c r="I6700" t="s">
        <v>30540</v>
      </c>
    </row>
    <row r="6701" spans="1:9">
      <c r="A6701" s="1">
        <f ca="1">RAND()</f>
        <v>6.5148478290561029E-2</v>
      </c>
      <c r="B6701" s="1"/>
      <c r="C6701">
        <v>8</v>
      </c>
      <c r="D6701" t="s">
        <v>14091</v>
      </c>
      <c r="E6701" t="s">
        <v>32670</v>
      </c>
      <c r="F6701">
        <v>1</v>
      </c>
      <c r="G6701" t="s">
        <v>0</v>
      </c>
      <c r="H6701" t="s">
        <v>14092</v>
      </c>
      <c r="I6701" t="s">
        <v>30540</v>
      </c>
    </row>
    <row r="6702" spans="1:9">
      <c r="A6702" s="1">
        <f ca="1">RAND()</f>
        <v>0.91355389409859378</v>
      </c>
      <c r="B6702" s="1"/>
      <c r="C6702">
        <v>9</v>
      </c>
      <c r="D6702" t="s">
        <v>14083</v>
      </c>
      <c r="E6702" t="s">
        <v>32671</v>
      </c>
      <c r="F6702">
        <v>4</v>
      </c>
      <c r="G6702" t="s">
        <v>14</v>
      </c>
      <c r="H6702" t="s">
        <v>14084</v>
      </c>
      <c r="I6702" t="s">
        <v>30540</v>
      </c>
    </row>
    <row r="6703" spans="1:9">
      <c r="A6703" s="1">
        <f ca="1">RAND()</f>
        <v>0.39008694911552289</v>
      </c>
      <c r="B6703" s="1"/>
      <c r="C6703">
        <v>8</v>
      </c>
      <c r="D6703" t="s">
        <v>14081</v>
      </c>
      <c r="E6703" t="s">
        <v>32671</v>
      </c>
      <c r="F6703">
        <v>4</v>
      </c>
      <c r="G6703" t="s">
        <v>13</v>
      </c>
      <c r="H6703" t="s">
        <v>14082</v>
      </c>
      <c r="I6703" t="s">
        <v>30540</v>
      </c>
    </row>
    <row r="6704" spans="1:9">
      <c r="A6704" s="1">
        <f ca="1">RAND()</f>
        <v>0.36306503335603746</v>
      </c>
      <c r="B6704" s="1"/>
      <c r="C6704">
        <v>4</v>
      </c>
      <c r="D6704" t="s">
        <v>14079</v>
      </c>
      <c r="E6704" t="s">
        <v>32671</v>
      </c>
      <c r="F6704">
        <v>2</v>
      </c>
      <c r="G6704" t="s">
        <v>15</v>
      </c>
      <c r="H6704" t="s">
        <v>14080</v>
      </c>
      <c r="I6704" t="s">
        <v>30540</v>
      </c>
    </row>
    <row r="6705" spans="1:9">
      <c r="A6705" s="1">
        <f ca="1">RAND()</f>
        <v>0.28444113050982189</v>
      </c>
      <c r="B6705" s="1"/>
      <c r="C6705">
        <v>1</v>
      </c>
      <c r="D6705" t="s">
        <v>14069</v>
      </c>
      <c r="E6705" t="s">
        <v>32672</v>
      </c>
      <c r="F6705">
        <v>4</v>
      </c>
      <c r="G6705" t="s">
        <v>14</v>
      </c>
      <c r="H6705" t="s">
        <v>14070</v>
      </c>
      <c r="I6705" t="s">
        <v>30540</v>
      </c>
    </row>
    <row r="6706" spans="1:9">
      <c r="A6706" s="1">
        <f ca="1">RAND()</f>
        <v>0.90198297598265431</v>
      </c>
      <c r="B6706" s="1"/>
      <c r="C6706">
        <v>2</v>
      </c>
      <c r="D6706" t="s">
        <v>14071</v>
      </c>
      <c r="E6706" t="s">
        <v>32672</v>
      </c>
      <c r="F6706">
        <v>4</v>
      </c>
      <c r="G6706" t="s">
        <v>10</v>
      </c>
      <c r="H6706" t="s">
        <v>14072</v>
      </c>
      <c r="I6706" t="s">
        <v>30540</v>
      </c>
    </row>
    <row r="6707" spans="1:9">
      <c r="A6707" s="1">
        <f ca="1">RAND()</f>
        <v>0.4294649121436821</v>
      </c>
      <c r="B6707" s="1"/>
      <c r="C6707">
        <v>13</v>
      </c>
      <c r="D6707" t="s">
        <v>14075</v>
      </c>
      <c r="E6707" t="s">
        <v>32672</v>
      </c>
      <c r="F6707">
        <v>4</v>
      </c>
      <c r="G6707" t="s">
        <v>14</v>
      </c>
      <c r="H6707" t="s">
        <v>14076</v>
      </c>
      <c r="I6707" t="s">
        <v>30540</v>
      </c>
    </row>
    <row r="6708" spans="1:9">
      <c r="A6708" s="1">
        <f ca="1">RAND()</f>
        <v>0.56250586388342361</v>
      </c>
      <c r="B6708" s="1"/>
      <c r="C6708">
        <v>16</v>
      </c>
      <c r="D6708" t="s">
        <v>14077</v>
      </c>
      <c r="E6708" t="s">
        <v>32672</v>
      </c>
      <c r="F6708">
        <v>4</v>
      </c>
      <c r="G6708" t="s">
        <v>15</v>
      </c>
      <c r="H6708" t="s">
        <v>14078</v>
      </c>
      <c r="I6708" t="s">
        <v>30540</v>
      </c>
    </row>
    <row r="6709" spans="1:9">
      <c r="A6709" s="1">
        <f ca="1">RAND()</f>
        <v>0.52447447138177006</v>
      </c>
      <c r="B6709" s="1"/>
      <c r="C6709">
        <v>10</v>
      </c>
      <c r="D6709" t="s">
        <v>14073</v>
      </c>
      <c r="E6709" t="s">
        <v>32672</v>
      </c>
      <c r="F6709">
        <v>1</v>
      </c>
      <c r="G6709" t="s">
        <v>1</v>
      </c>
      <c r="H6709" t="s">
        <v>14074</v>
      </c>
      <c r="I6709" t="s">
        <v>30540</v>
      </c>
    </row>
    <row r="6710" spans="1:9">
      <c r="A6710" s="1">
        <f ca="1">RAND()</f>
        <v>0.70607045279747649</v>
      </c>
      <c r="B6710" s="1"/>
      <c r="C6710">
        <v>13</v>
      </c>
      <c r="D6710" t="s">
        <v>14063</v>
      </c>
      <c r="E6710" t="s">
        <v>32673</v>
      </c>
      <c r="F6710">
        <v>4</v>
      </c>
      <c r="G6710" t="s">
        <v>762</v>
      </c>
      <c r="H6710" t="s">
        <v>14064</v>
      </c>
      <c r="I6710" t="s">
        <v>30540</v>
      </c>
    </row>
    <row r="6711" spans="1:9">
      <c r="A6711" s="1">
        <f ca="1">RAND()</f>
        <v>5.5355324178579801E-2</v>
      </c>
      <c r="B6711" s="1"/>
      <c r="C6711">
        <v>1</v>
      </c>
      <c r="D6711" t="s">
        <v>14057</v>
      </c>
      <c r="E6711" t="s">
        <v>32673</v>
      </c>
      <c r="F6711">
        <v>4</v>
      </c>
      <c r="G6711" t="s">
        <v>10</v>
      </c>
      <c r="H6711" t="s">
        <v>14058</v>
      </c>
      <c r="I6711" t="s">
        <v>30540</v>
      </c>
    </row>
    <row r="6712" spans="1:9">
      <c r="A6712" s="1">
        <f ca="1">RAND()</f>
        <v>0.68861890846748786</v>
      </c>
      <c r="B6712" s="1"/>
      <c r="C6712">
        <v>2</v>
      </c>
      <c r="D6712" t="s">
        <v>14059</v>
      </c>
      <c r="E6712" t="s">
        <v>32673</v>
      </c>
      <c r="F6712">
        <v>4</v>
      </c>
      <c r="G6712" t="s">
        <v>14</v>
      </c>
      <c r="H6712" t="s">
        <v>14060</v>
      </c>
      <c r="I6712" t="s">
        <v>30540</v>
      </c>
    </row>
    <row r="6713" spans="1:9">
      <c r="A6713" s="1">
        <f ca="1">RAND()</f>
        <v>0.36359723213131701</v>
      </c>
      <c r="B6713" s="1"/>
      <c r="C6713">
        <v>6</v>
      </c>
      <c r="D6713" t="s">
        <v>14061</v>
      </c>
      <c r="E6713" t="s">
        <v>32673</v>
      </c>
      <c r="F6713">
        <v>3</v>
      </c>
      <c r="G6713" t="s">
        <v>13</v>
      </c>
      <c r="H6713" t="s">
        <v>14062</v>
      </c>
      <c r="I6713" t="s">
        <v>30540</v>
      </c>
    </row>
    <row r="6714" spans="1:9">
      <c r="A6714" s="1">
        <f ca="1">RAND()</f>
        <v>0.20190830308788621</v>
      </c>
      <c r="B6714" s="1"/>
      <c r="C6714">
        <v>15</v>
      </c>
      <c r="D6714" t="s">
        <v>14065</v>
      </c>
      <c r="E6714" t="s">
        <v>32673</v>
      </c>
      <c r="F6714">
        <v>2</v>
      </c>
      <c r="G6714" t="s">
        <v>2</v>
      </c>
      <c r="H6714" t="s">
        <v>14066</v>
      </c>
      <c r="I6714" t="s">
        <v>30540</v>
      </c>
    </row>
    <row r="6715" spans="1:9">
      <c r="A6715" s="1">
        <f ca="1">RAND()</f>
        <v>0.21507437875099356</v>
      </c>
      <c r="B6715" s="1"/>
      <c r="C6715">
        <v>19</v>
      </c>
      <c r="D6715" t="s">
        <v>14067</v>
      </c>
      <c r="E6715" t="s">
        <v>32673</v>
      </c>
      <c r="F6715">
        <v>1</v>
      </c>
      <c r="G6715" t="s">
        <v>9</v>
      </c>
      <c r="H6715" t="s">
        <v>14068</v>
      </c>
      <c r="I6715" t="s">
        <v>30540</v>
      </c>
    </row>
    <row r="6716" spans="1:9">
      <c r="A6716" s="1">
        <f ca="1">RAND()</f>
        <v>0.84744556594273479</v>
      </c>
      <c r="B6716" s="1"/>
      <c r="C6716">
        <v>3</v>
      </c>
      <c r="D6716" t="s">
        <v>14051</v>
      </c>
      <c r="E6716" t="s">
        <v>32674</v>
      </c>
      <c r="F6716">
        <v>4</v>
      </c>
      <c r="G6716" t="s">
        <v>10</v>
      </c>
      <c r="H6716" t="s">
        <v>14052</v>
      </c>
      <c r="I6716" t="s">
        <v>30540</v>
      </c>
    </row>
    <row r="6717" spans="1:9">
      <c r="A6717" s="1">
        <f ca="1">RAND()</f>
        <v>0.15571931021377894</v>
      </c>
      <c r="B6717" s="1"/>
      <c r="C6717">
        <v>10</v>
      </c>
      <c r="D6717" t="s">
        <v>14055</v>
      </c>
      <c r="E6717" t="s">
        <v>32674</v>
      </c>
      <c r="F6717">
        <v>3</v>
      </c>
      <c r="G6717" t="s">
        <v>14</v>
      </c>
      <c r="H6717" t="s">
        <v>14056</v>
      </c>
      <c r="I6717" t="s">
        <v>30540</v>
      </c>
    </row>
    <row r="6718" spans="1:9">
      <c r="A6718" s="1">
        <f ca="1">RAND()</f>
        <v>0.57833557211203213</v>
      </c>
      <c r="B6718" s="1"/>
      <c r="C6718">
        <v>7</v>
      </c>
      <c r="D6718" t="s">
        <v>14053</v>
      </c>
      <c r="E6718" t="s">
        <v>32674</v>
      </c>
      <c r="F6718">
        <v>2</v>
      </c>
      <c r="G6718" t="s">
        <v>14</v>
      </c>
      <c r="H6718" t="s">
        <v>14054</v>
      </c>
      <c r="I6718" t="s">
        <v>30540</v>
      </c>
    </row>
    <row r="6719" spans="1:9">
      <c r="A6719" s="1">
        <f ca="1">RAND()</f>
        <v>0.4518093780458049</v>
      </c>
      <c r="B6719" s="1"/>
      <c r="C6719">
        <v>2</v>
      </c>
      <c r="D6719" t="s">
        <v>14049</v>
      </c>
      <c r="E6719" t="s">
        <v>32674</v>
      </c>
      <c r="F6719">
        <v>1</v>
      </c>
      <c r="G6719" t="s">
        <v>2</v>
      </c>
      <c r="H6719" t="s">
        <v>14050</v>
      </c>
      <c r="I6719" t="s">
        <v>30540</v>
      </c>
    </row>
    <row r="6720" spans="1:9">
      <c r="A6720" s="1">
        <f ca="1">RAND()</f>
        <v>7.4492462772431489E-2</v>
      </c>
      <c r="B6720" s="1"/>
      <c r="C6720">
        <v>7</v>
      </c>
      <c r="D6720" t="s">
        <v>14041</v>
      </c>
      <c r="E6720" t="s">
        <v>32675</v>
      </c>
      <c r="F6720">
        <v>5</v>
      </c>
      <c r="G6720" t="s">
        <v>14</v>
      </c>
      <c r="H6720" t="s">
        <v>14042</v>
      </c>
      <c r="I6720" t="s">
        <v>30540</v>
      </c>
    </row>
    <row r="6721" spans="1:9">
      <c r="A6721" s="1">
        <f ca="1">RAND()</f>
        <v>0.36748103087183626</v>
      </c>
      <c r="B6721" s="1"/>
      <c r="C6721">
        <v>14</v>
      </c>
      <c r="D6721" t="s">
        <v>14047</v>
      </c>
      <c r="E6721" t="s">
        <v>32675</v>
      </c>
      <c r="F6721">
        <v>4</v>
      </c>
      <c r="G6721" t="s">
        <v>14</v>
      </c>
      <c r="H6721" t="s">
        <v>14048</v>
      </c>
      <c r="I6721" t="s">
        <v>30540</v>
      </c>
    </row>
    <row r="6722" spans="1:9">
      <c r="A6722" s="1">
        <f ca="1">RAND()</f>
        <v>0.74667124755868319</v>
      </c>
      <c r="B6722" s="1"/>
      <c r="C6722">
        <v>12</v>
      </c>
      <c r="D6722" t="s">
        <v>14045</v>
      </c>
      <c r="E6722" t="s">
        <v>32675</v>
      </c>
      <c r="F6722">
        <v>4</v>
      </c>
      <c r="G6722" t="s">
        <v>0</v>
      </c>
      <c r="H6722" t="s">
        <v>14046</v>
      </c>
      <c r="I6722" t="s">
        <v>30540</v>
      </c>
    </row>
    <row r="6723" spans="1:9">
      <c r="A6723" s="1">
        <f ca="1">RAND()</f>
        <v>0.70923828257051302</v>
      </c>
      <c r="B6723" s="1"/>
      <c r="C6723">
        <v>11</v>
      </c>
      <c r="D6723" t="s">
        <v>14043</v>
      </c>
      <c r="E6723" t="s">
        <v>32675</v>
      </c>
      <c r="F6723">
        <v>4</v>
      </c>
      <c r="G6723" t="s">
        <v>14</v>
      </c>
      <c r="H6723" t="s">
        <v>14044</v>
      </c>
      <c r="I6723" t="s">
        <v>30540</v>
      </c>
    </row>
    <row r="6724" spans="1:9">
      <c r="A6724" s="1">
        <f ca="1">RAND()</f>
        <v>0.54500644187573222</v>
      </c>
      <c r="B6724" s="1"/>
      <c r="C6724">
        <v>3</v>
      </c>
      <c r="D6724" t="s">
        <v>14031</v>
      </c>
      <c r="E6724" t="s">
        <v>32676</v>
      </c>
      <c r="F6724">
        <v>4</v>
      </c>
      <c r="G6724" t="s">
        <v>0</v>
      </c>
      <c r="H6724" t="s">
        <v>14032</v>
      </c>
      <c r="I6724" t="s">
        <v>30540</v>
      </c>
    </row>
    <row r="6725" spans="1:9">
      <c r="A6725" s="1">
        <f ca="1">RAND()</f>
        <v>0.94063871018572831</v>
      </c>
      <c r="B6725" s="1"/>
      <c r="C6725">
        <v>18</v>
      </c>
      <c r="D6725" t="s">
        <v>14039</v>
      </c>
      <c r="E6725" t="s">
        <v>32676</v>
      </c>
      <c r="F6725">
        <v>4</v>
      </c>
      <c r="G6725" t="s">
        <v>0</v>
      </c>
      <c r="H6725" t="s">
        <v>14040</v>
      </c>
      <c r="I6725" t="s">
        <v>30540</v>
      </c>
    </row>
    <row r="6726" spans="1:9">
      <c r="A6726" s="1">
        <f ca="1">RAND()</f>
        <v>0.65947904222762754</v>
      </c>
      <c r="B6726" s="1"/>
      <c r="C6726">
        <v>12</v>
      </c>
      <c r="D6726" t="s">
        <v>14035</v>
      </c>
      <c r="E6726" t="s">
        <v>32676</v>
      </c>
      <c r="F6726">
        <v>4</v>
      </c>
      <c r="G6726" t="s">
        <v>10</v>
      </c>
      <c r="H6726" t="s">
        <v>14036</v>
      </c>
      <c r="I6726" t="s">
        <v>30540</v>
      </c>
    </row>
    <row r="6727" spans="1:9">
      <c r="A6727" s="1">
        <f ca="1">RAND()</f>
        <v>0.95637717484677531</v>
      </c>
      <c r="B6727" s="1"/>
      <c r="C6727">
        <v>1</v>
      </c>
      <c r="D6727" t="s">
        <v>14029</v>
      </c>
      <c r="E6727" t="s">
        <v>32676</v>
      </c>
      <c r="F6727">
        <v>4</v>
      </c>
      <c r="G6727" t="s">
        <v>14</v>
      </c>
      <c r="H6727" t="s">
        <v>14030</v>
      </c>
      <c r="I6727" t="s">
        <v>30540</v>
      </c>
    </row>
    <row r="6728" spans="1:9">
      <c r="A6728" s="1">
        <f ca="1">RAND()</f>
        <v>0.31572568189848926</v>
      </c>
      <c r="B6728" s="1"/>
      <c r="C6728">
        <v>14</v>
      </c>
      <c r="D6728" t="s">
        <v>14037</v>
      </c>
      <c r="E6728" t="s">
        <v>32676</v>
      </c>
      <c r="F6728">
        <v>4</v>
      </c>
      <c r="G6728" t="s">
        <v>14</v>
      </c>
      <c r="H6728" t="s">
        <v>14038</v>
      </c>
      <c r="I6728" t="s">
        <v>30540</v>
      </c>
    </row>
    <row r="6729" spans="1:9">
      <c r="A6729" s="1">
        <f ca="1">RAND()</f>
        <v>0.45674977496237956</v>
      </c>
      <c r="B6729" s="1"/>
      <c r="C6729">
        <v>11</v>
      </c>
      <c r="D6729" t="s">
        <v>14033</v>
      </c>
      <c r="E6729" t="s">
        <v>32676</v>
      </c>
      <c r="F6729">
        <v>3</v>
      </c>
      <c r="G6729" t="s">
        <v>14</v>
      </c>
      <c r="H6729" t="s">
        <v>14034</v>
      </c>
      <c r="I6729" t="s">
        <v>30540</v>
      </c>
    </row>
    <row r="6730" spans="1:9">
      <c r="A6730" s="1">
        <f ca="1">RAND()</f>
        <v>0.9705362897517178</v>
      </c>
      <c r="B6730" s="1"/>
      <c r="C6730">
        <v>1</v>
      </c>
      <c r="D6730" t="s">
        <v>14015</v>
      </c>
      <c r="E6730" t="s">
        <v>32677</v>
      </c>
      <c r="F6730">
        <v>5</v>
      </c>
      <c r="G6730" t="s">
        <v>2</v>
      </c>
      <c r="H6730" t="s">
        <v>14016</v>
      </c>
      <c r="I6730" t="s">
        <v>30540</v>
      </c>
    </row>
    <row r="6731" spans="1:9">
      <c r="A6731" s="1">
        <f ca="1">RAND()</f>
        <v>0.78904277818451207</v>
      </c>
      <c r="B6731" s="1"/>
      <c r="C6731">
        <v>2</v>
      </c>
      <c r="D6731" t="s">
        <v>14017</v>
      </c>
      <c r="E6731" t="s">
        <v>32677</v>
      </c>
      <c r="F6731">
        <v>4</v>
      </c>
      <c r="G6731" t="s">
        <v>775</v>
      </c>
      <c r="H6731" t="s">
        <v>14018</v>
      </c>
      <c r="I6731" t="s">
        <v>30540</v>
      </c>
    </row>
    <row r="6732" spans="1:9">
      <c r="A6732" s="1">
        <f ca="1">RAND()</f>
        <v>0.59591255384404085</v>
      </c>
      <c r="B6732" s="1"/>
      <c r="C6732">
        <v>15</v>
      </c>
      <c r="D6732" t="s">
        <v>14025</v>
      </c>
      <c r="E6732" t="s">
        <v>32677</v>
      </c>
      <c r="F6732">
        <v>4</v>
      </c>
      <c r="G6732" t="s">
        <v>10</v>
      </c>
      <c r="H6732" t="s">
        <v>14026</v>
      </c>
      <c r="I6732" t="s">
        <v>30540</v>
      </c>
    </row>
    <row r="6733" spans="1:9">
      <c r="A6733" s="1">
        <f ca="1">RAND()</f>
        <v>0.91328951815789405</v>
      </c>
      <c r="B6733" s="1"/>
      <c r="C6733">
        <v>14</v>
      </c>
      <c r="D6733" t="s">
        <v>14023</v>
      </c>
      <c r="E6733" t="s">
        <v>32677</v>
      </c>
      <c r="F6733">
        <v>4</v>
      </c>
      <c r="G6733" t="s">
        <v>3732</v>
      </c>
      <c r="H6733" t="s">
        <v>14024</v>
      </c>
      <c r="I6733" t="s">
        <v>30540</v>
      </c>
    </row>
    <row r="6734" spans="1:9">
      <c r="A6734" s="1">
        <f ca="1">RAND()</f>
        <v>0.83172606404377647</v>
      </c>
      <c r="B6734" s="1"/>
      <c r="C6734">
        <v>7</v>
      </c>
      <c r="D6734" t="s">
        <v>14019</v>
      </c>
      <c r="E6734" t="s">
        <v>32677</v>
      </c>
      <c r="F6734">
        <v>4</v>
      </c>
      <c r="G6734" t="s">
        <v>14</v>
      </c>
      <c r="H6734" t="s">
        <v>14020</v>
      </c>
      <c r="I6734" t="s">
        <v>30540</v>
      </c>
    </row>
    <row r="6735" spans="1:9">
      <c r="A6735" s="1">
        <f ca="1">RAND()</f>
        <v>0.15337887731312994</v>
      </c>
      <c r="B6735" s="1"/>
      <c r="C6735">
        <v>12</v>
      </c>
      <c r="D6735" t="s">
        <v>14021</v>
      </c>
      <c r="E6735" t="s">
        <v>32677</v>
      </c>
      <c r="F6735">
        <v>4</v>
      </c>
      <c r="G6735" t="s">
        <v>9</v>
      </c>
      <c r="H6735" t="s">
        <v>14022</v>
      </c>
      <c r="I6735" t="s">
        <v>30540</v>
      </c>
    </row>
    <row r="6736" spans="1:9">
      <c r="A6736" s="1">
        <f ca="1">RAND()</f>
        <v>0.92632327712029183</v>
      </c>
      <c r="B6736" s="1"/>
      <c r="C6736">
        <v>18</v>
      </c>
      <c r="D6736" t="s">
        <v>14027</v>
      </c>
      <c r="E6736" t="s">
        <v>32677</v>
      </c>
      <c r="F6736">
        <v>2</v>
      </c>
      <c r="G6736" t="s">
        <v>14</v>
      </c>
      <c r="H6736" t="s">
        <v>14028</v>
      </c>
      <c r="I6736" t="s">
        <v>30540</v>
      </c>
    </row>
    <row r="6737" spans="1:9">
      <c r="A6737" s="1">
        <f ca="1">RAND()</f>
        <v>0.21874365502544235</v>
      </c>
      <c r="B6737" s="1"/>
      <c r="C6737">
        <v>6</v>
      </c>
      <c r="D6737" t="s">
        <v>14009</v>
      </c>
      <c r="E6737" t="s">
        <v>32678</v>
      </c>
      <c r="F6737">
        <v>5</v>
      </c>
      <c r="G6737" t="s">
        <v>14</v>
      </c>
      <c r="H6737" t="s">
        <v>14010</v>
      </c>
      <c r="I6737" t="s">
        <v>30540</v>
      </c>
    </row>
    <row r="6738" spans="1:9">
      <c r="A6738" s="1">
        <f ca="1">RAND()</f>
        <v>0.52916829857882997</v>
      </c>
      <c r="B6738" s="1"/>
      <c r="C6738">
        <v>5</v>
      </c>
      <c r="D6738" t="s">
        <v>14007</v>
      </c>
      <c r="E6738" t="s">
        <v>32678</v>
      </c>
      <c r="F6738">
        <v>4</v>
      </c>
      <c r="G6738" t="s">
        <v>13</v>
      </c>
      <c r="H6738" t="s">
        <v>14008</v>
      </c>
      <c r="I6738" t="s">
        <v>30540</v>
      </c>
    </row>
    <row r="6739" spans="1:9">
      <c r="A6739" s="1">
        <f ca="1">RAND()</f>
        <v>0.39227337587149647</v>
      </c>
      <c r="B6739" s="1"/>
      <c r="C6739">
        <v>8</v>
      </c>
      <c r="D6739" t="s">
        <v>14011</v>
      </c>
      <c r="E6739" t="s">
        <v>32678</v>
      </c>
      <c r="F6739">
        <v>4</v>
      </c>
      <c r="G6739" t="s">
        <v>0</v>
      </c>
      <c r="H6739" t="s">
        <v>14012</v>
      </c>
      <c r="I6739" t="s">
        <v>30540</v>
      </c>
    </row>
    <row r="6740" spans="1:9">
      <c r="A6740" s="1">
        <f ca="1">RAND()</f>
        <v>0.78566171155169129</v>
      </c>
      <c r="B6740" s="1"/>
      <c r="C6740">
        <v>15</v>
      </c>
      <c r="D6740" t="s">
        <v>14013</v>
      </c>
      <c r="E6740" t="s">
        <v>32678</v>
      </c>
      <c r="F6740">
        <v>3</v>
      </c>
      <c r="G6740" t="s">
        <v>1</v>
      </c>
      <c r="H6740" t="s">
        <v>14014</v>
      </c>
      <c r="I6740" t="s">
        <v>30540</v>
      </c>
    </row>
    <row r="6741" spans="1:9">
      <c r="A6741" s="1">
        <f ca="1">RAND()</f>
        <v>0.54086200188542655</v>
      </c>
      <c r="B6741" s="1"/>
      <c r="C6741">
        <v>1</v>
      </c>
      <c r="D6741" t="s">
        <v>14001</v>
      </c>
      <c r="E6741" t="s">
        <v>32679</v>
      </c>
      <c r="F6741">
        <v>4</v>
      </c>
      <c r="G6741" t="s">
        <v>14</v>
      </c>
      <c r="H6741" t="s">
        <v>14002</v>
      </c>
      <c r="I6741" t="s">
        <v>30540</v>
      </c>
    </row>
    <row r="6742" spans="1:9">
      <c r="A6742" s="1">
        <f ca="1">RAND()</f>
        <v>0.81389627545434762</v>
      </c>
      <c r="B6742" s="1"/>
      <c r="C6742">
        <v>13</v>
      </c>
      <c r="D6742" t="s">
        <v>14005</v>
      </c>
      <c r="E6742" t="s">
        <v>32679</v>
      </c>
      <c r="F6742">
        <v>4</v>
      </c>
      <c r="G6742" t="s">
        <v>14</v>
      </c>
      <c r="H6742" t="s">
        <v>14006</v>
      </c>
      <c r="I6742" t="s">
        <v>30540</v>
      </c>
    </row>
    <row r="6743" spans="1:9">
      <c r="A6743" s="1">
        <f ca="1">RAND()</f>
        <v>0.56748840516662324</v>
      </c>
      <c r="B6743" s="1"/>
      <c r="C6743">
        <v>8</v>
      </c>
      <c r="D6743" t="s">
        <v>14003</v>
      </c>
      <c r="E6743" t="s">
        <v>32679</v>
      </c>
      <c r="F6743">
        <v>4</v>
      </c>
      <c r="G6743" t="s">
        <v>14</v>
      </c>
      <c r="H6743" t="s">
        <v>14004</v>
      </c>
      <c r="I6743" t="s">
        <v>30540</v>
      </c>
    </row>
    <row r="6744" spans="1:9">
      <c r="A6744" s="1">
        <f ca="1">RAND()</f>
        <v>0.45372994621566642</v>
      </c>
      <c r="B6744" s="1"/>
      <c r="C6744">
        <v>1</v>
      </c>
      <c r="D6744" t="s">
        <v>13995</v>
      </c>
      <c r="E6744" t="s">
        <v>32680</v>
      </c>
      <c r="F6744">
        <v>4</v>
      </c>
      <c r="G6744" t="s">
        <v>14</v>
      </c>
      <c r="H6744" t="s">
        <v>13996</v>
      </c>
      <c r="I6744" t="s">
        <v>30540</v>
      </c>
    </row>
    <row r="6745" spans="1:9">
      <c r="A6745" s="1">
        <f ca="1">RAND()</f>
        <v>0.54605734540780615</v>
      </c>
      <c r="B6745" s="1"/>
      <c r="C6745">
        <v>3</v>
      </c>
      <c r="D6745" t="s">
        <v>13999</v>
      </c>
      <c r="E6745" t="s">
        <v>32680</v>
      </c>
      <c r="F6745">
        <v>4</v>
      </c>
      <c r="G6745" t="s">
        <v>14</v>
      </c>
      <c r="H6745" t="s">
        <v>14000</v>
      </c>
      <c r="I6745" t="s">
        <v>30540</v>
      </c>
    </row>
    <row r="6746" spans="1:9">
      <c r="A6746" s="1">
        <f ca="1">RAND()</f>
        <v>8.3491819294225111E-2</v>
      </c>
      <c r="B6746" s="1"/>
      <c r="C6746">
        <v>2</v>
      </c>
      <c r="D6746" t="s">
        <v>13997</v>
      </c>
      <c r="E6746" t="s">
        <v>32680</v>
      </c>
      <c r="F6746">
        <v>2</v>
      </c>
      <c r="G6746" t="s">
        <v>0</v>
      </c>
      <c r="H6746" t="s">
        <v>13998</v>
      </c>
      <c r="I6746" t="s">
        <v>30540</v>
      </c>
    </row>
    <row r="6747" spans="1:9">
      <c r="A6747" s="1">
        <f ca="1">RAND()</f>
        <v>0.41653111797089504</v>
      </c>
      <c r="B6747" s="1"/>
      <c r="C6747">
        <v>11</v>
      </c>
      <c r="D6747" t="s">
        <v>13991</v>
      </c>
      <c r="E6747" t="s">
        <v>32681</v>
      </c>
      <c r="F6747">
        <v>5</v>
      </c>
      <c r="G6747" t="s">
        <v>14</v>
      </c>
      <c r="H6747" t="s">
        <v>13992</v>
      </c>
      <c r="I6747" t="s">
        <v>30540</v>
      </c>
    </row>
    <row r="6748" spans="1:9">
      <c r="A6748" s="1">
        <f ca="1">RAND()</f>
        <v>0.81595426542564531</v>
      </c>
      <c r="B6748" s="1"/>
      <c r="C6748">
        <v>7</v>
      </c>
      <c r="D6748" t="s">
        <v>13987</v>
      </c>
      <c r="E6748" t="s">
        <v>32681</v>
      </c>
      <c r="F6748">
        <v>4</v>
      </c>
      <c r="G6748" t="s">
        <v>14</v>
      </c>
      <c r="H6748" t="s">
        <v>13988</v>
      </c>
      <c r="I6748" t="s">
        <v>30540</v>
      </c>
    </row>
    <row r="6749" spans="1:9">
      <c r="A6749" s="1">
        <f ca="1">RAND()</f>
        <v>0.63278828497516493</v>
      </c>
      <c r="B6749" s="1"/>
      <c r="C6749">
        <v>12</v>
      </c>
      <c r="D6749" t="s">
        <v>13993</v>
      </c>
      <c r="E6749" t="s">
        <v>32681</v>
      </c>
      <c r="F6749">
        <v>4</v>
      </c>
      <c r="G6749" t="s">
        <v>0</v>
      </c>
      <c r="H6749" t="s">
        <v>13994</v>
      </c>
      <c r="I6749" t="s">
        <v>30540</v>
      </c>
    </row>
    <row r="6750" spans="1:9">
      <c r="A6750" s="1">
        <f ca="1">RAND()</f>
        <v>0.22830805556715728</v>
      </c>
      <c r="B6750" s="1"/>
      <c r="C6750">
        <v>5</v>
      </c>
      <c r="D6750" t="s">
        <v>13985</v>
      </c>
      <c r="E6750" t="s">
        <v>32681</v>
      </c>
      <c r="F6750">
        <v>4</v>
      </c>
      <c r="G6750" t="s">
        <v>9</v>
      </c>
      <c r="H6750" t="s">
        <v>13986</v>
      </c>
      <c r="I6750" t="s">
        <v>30540</v>
      </c>
    </row>
    <row r="6751" spans="1:9">
      <c r="A6751" s="1">
        <f ca="1">RAND()</f>
        <v>0.41411001280278825</v>
      </c>
      <c r="B6751" s="1"/>
      <c r="C6751">
        <v>3</v>
      </c>
      <c r="D6751" t="s">
        <v>13983</v>
      </c>
      <c r="E6751" t="s">
        <v>32681</v>
      </c>
      <c r="F6751">
        <v>4</v>
      </c>
      <c r="G6751" t="s">
        <v>10</v>
      </c>
      <c r="H6751" t="s">
        <v>13984</v>
      </c>
      <c r="I6751" t="s">
        <v>30540</v>
      </c>
    </row>
    <row r="6752" spans="1:9">
      <c r="A6752" s="1">
        <f ca="1">RAND()</f>
        <v>0.36703342105633885</v>
      </c>
      <c r="B6752" s="1"/>
      <c r="C6752">
        <v>2</v>
      </c>
      <c r="D6752" t="s">
        <v>13981</v>
      </c>
      <c r="E6752" t="s">
        <v>32681</v>
      </c>
      <c r="F6752">
        <v>3</v>
      </c>
      <c r="G6752" t="s">
        <v>10</v>
      </c>
      <c r="H6752" t="s">
        <v>13982</v>
      </c>
      <c r="I6752" t="s">
        <v>30540</v>
      </c>
    </row>
    <row r="6753" spans="1:9">
      <c r="A6753" s="1">
        <f ca="1">RAND()</f>
        <v>0.58887228451269624</v>
      </c>
      <c r="B6753" s="1"/>
      <c r="C6753">
        <v>9</v>
      </c>
      <c r="D6753" t="s">
        <v>13989</v>
      </c>
      <c r="E6753" t="s">
        <v>32681</v>
      </c>
      <c r="F6753">
        <v>3</v>
      </c>
      <c r="G6753" t="s">
        <v>1</v>
      </c>
      <c r="H6753" t="s">
        <v>13990</v>
      </c>
      <c r="I6753" t="s">
        <v>30540</v>
      </c>
    </row>
    <row r="6754" spans="1:9">
      <c r="A6754" s="1">
        <f ca="1">RAND()</f>
        <v>0.659716106559741</v>
      </c>
      <c r="B6754" s="1"/>
      <c r="C6754">
        <v>3</v>
      </c>
      <c r="D6754" t="s">
        <v>13967</v>
      </c>
      <c r="E6754" t="s">
        <v>32682</v>
      </c>
      <c r="F6754">
        <v>5</v>
      </c>
      <c r="G6754" t="s">
        <v>13</v>
      </c>
      <c r="H6754" t="s">
        <v>13968</v>
      </c>
      <c r="I6754" t="s">
        <v>30540</v>
      </c>
    </row>
    <row r="6755" spans="1:9">
      <c r="A6755" s="1">
        <f ca="1">RAND()</f>
        <v>0.51797864033447072</v>
      </c>
      <c r="B6755" s="1"/>
      <c r="C6755">
        <v>20</v>
      </c>
      <c r="D6755" t="s">
        <v>13979</v>
      </c>
      <c r="E6755" t="s">
        <v>32682</v>
      </c>
      <c r="F6755">
        <v>4</v>
      </c>
      <c r="G6755" t="s">
        <v>765</v>
      </c>
      <c r="H6755" t="s">
        <v>13980</v>
      </c>
      <c r="I6755" t="s">
        <v>30540</v>
      </c>
    </row>
    <row r="6756" spans="1:9">
      <c r="A6756" s="1">
        <f ca="1">RAND()</f>
        <v>0.98198203972358966</v>
      </c>
      <c r="B6756" s="1"/>
      <c r="C6756">
        <v>10</v>
      </c>
      <c r="D6756" t="s">
        <v>13975</v>
      </c>
      <c r="E6756" t="s">
        <v>32682</v>
      </c>
      <c r="F6756">
        <v>4</v>
      </c>
      <c r="G6756" t="s">
        <v>3732</v>
      </c>
      <c r="H6756" t="s">
        <v>13976</v>
      </c>
      <c r="I6756" t="s">
        <v>30540</v>
      </c>
    </row>
    <row r="6757" spans="1:9">
      <c r="A6757" s="1">
        <f ca="1">RAND()</f>
        <v>0.67154493923676906</v>
      </c>
      <c r="B6757" s="1"/>
      <c r="C6757">
        <v>4</v>
      </c>
      <c r="D6757" t="s">
        <v>13969</v>
      </c>
      <c r="E6757" t="s">
        <v>32682</v>
      </c>
      <c r="F6757">
        <v>4</v>
      </c>
      <c r="G6757" t="s">
        <v>1431</v>
      </c>
      <c r="H6757" t="s">
        <v>13970</v>
      </c>
      <c r="I6757" t="s">
        <v>30540</v>
      </c>
    </row>
    <row r="6758" spans="1:9">
      <c r="A6758" s="1">
        <f ca="1">RAND()</f>
        <v>0.90246041053485793</v>
      </c>
      <c r="B6758" s="1"/>
      <c r="C6758">
        <v>5</v>
      </c>
      <c r="D6758" t="s">
        <v>13971</v>
      </c>
      <c r="E6758" t="s">
        <v>32682</v>
      </c>
      <c r="F6758">
        <v>4</v>
      </c>
      <c r="G6758" t="s">
        <v>3732</v>
      </c>
      <c r="H6758" t="s">
        <v>13972</v>
      </c>
      <c r="I6758" t="s">
        <v>30540</v>
      </c>
    </row>
    <row r="6759" spans="1:9">
      <c r="A6759" s="1">
        <f ca="1">RAND()</f>
        <v>0.79033725443953751</v>
      </c>
      <c r="B6759" s="1"/>
      <c r="C6759">
        <v>14</v>
      </c>
      <c r="D6759" t="s">
        <v>13977</v>
      </c>
      <c r="E6759" t="s">
        <v>32682</v>
      </c>
      <c r="F6759">
        <v>4</v>
      </c>
      <c r="G6759" t="s">
        <v>1</v>
      </c>
      <c r="H6759" t="s">
        <v>13978</v>
      </c>
      <c r="I6759" t="s">
        <v>30540</v>
      </c>
    </row>
    <row r="6760" spans="1:9">
      <c r="A6760" s="1">
        <f ca="1">RAND()</f>
        <v>0.54367260070737311</v>
      </c>
      <c r="B6760" s="1"/>
      <c r="C6760">
        <v>6</v>
      </c>
      <c r="D6760" t="s">
        <v>13973</v>
      </c>
      <c r="E6760" t="s">
        <v>32682</v>
      </c>
      <c r="F6760">
        <v>4</v>
      </c>
      <c r="G6760" t="s">
        <v>14</v>
      </c>
      <c r="H6760" t="s">
        <v>13974</v>
      </c>
      <c r="I6760" t="s">
        <v>30540</v>
      </c>
    </row>
    <row r="6761" spans="1:9">
      <c r="A6761" s="1">
        <f ca="1">RAND()</f>
        <v>9.2312465490146822E-2</v>
      </c>
      <c r="B6761" s="1"/>
      <c r="C6761">
        <v>1</v>
      </c>
      <c r="D6761" t="s">
        <v>13965</v>
      </c>
      <c r="E6761" t="s">
        <v>32682</v>
      </c>
      <c r="F6761">
        <v>2</v>
      </c>
      <c r="G6761" t="s">
        <v>2</v>
      </c>
      <c r="H6761" t="s">
        <v>13966</v>
      </c>
      <c r="I6761" t="s">
        <v>30540</v>
      </c>
    </row>
    <row r="6762" spans="1:9">
      <c r="A6762" s="1">
        <f ca="1">RAND()</f>
        <v>0.26881183733188041</v>
      </c>
      <c r="B6762" s="1"/>
      <c r="C6762">
        <v>3</v>
      </c>
      <c r="D6762" t="s">
        <v>13955</v>
      </c>
      <c r="E6762" t="s">
        <v>32683</v>
      </c>
      <c r="F6762">
        <v>4</v>
      </c>
      <c r="G6762" t="s">
        <v>9</v>
      </c>
      <c r="H6762" t="s">
        <v>13956</v>
      </c>
      <c r="I6762" t="s">
        <v>30540</v>
      </c>
    </row>
    <row r="6763" spans="1:9">
      <c r="A6763" s="1">
        <f ca="1">RAND()</f>
        <v>0.83225729754947064</v>
      </c>
      <c r="B6763" s="1"/>
      <c r="C6763">
        <v>10</v>
      </c>
      <c r="D6763" t="s">
        <v>13961</v>
      </c>
      <c r="E6763" t="s">
        <v>32683</v>
      </c>
      <c r="F6763">
        <v>4</v>
      </c>
      <c r="G6763" t="s">
        <v>14</v>
      </c>
      <c r="H6763" t="s">
        <v>13962</v>
      </c>
      <c r="I6763" t="s">
        <v>30540</v>
      </c>
    </row>
    <row r="6764" spans="1:9">
      <c r="A6764" s="1">
        <f ca="1">RAND()</f>
        <v>0.255006406180318</v>
      </c>
      <c r="B6764" s="1"/>
      <c r="C6764">
        <v>5</v>
      </c>
      <c r="D6764" t="s">
        <v>13957</v>
      </c>
      <c r="E6764" t="s">
        <v>32683</v>
      </c>
      <c r="F6764">
        <v>4</v>
      </c>
      <c r="G6764" t="s">
        <v>13</v>
      </c>
      <c r="H6764" t="s">
        <v>13958</v>
      </c>
      <c r="I6764" t="s">
        <v>30540</v>
      </c>
    </row>
    <row r="6765" spans="1:9">
      <c r="A6765" s="1">
        <f ca="1">RAND()</f>
        <v>0.667418166519819</v>
      </c>
      <c r="B6765" s="1"/>
      <c r="C6765">
        <v>11</v>
      </c>
      <c r="D6765" t="s">
        <v>13963</v>
      </c>
      <c r="E6765" t="s">
        <v>32683</v>
      </c>
      <c r="F6765">
        <v>4</v>
      </c>
      <c r="G6765" t="s">
        <v>15</v>
      </c>
      <c r="H6765" t="s">
        <v>13964</v>
      </c>
      <c r="I6765" t="s">
        <v>30540</v>
      </c>
    </row>
    <row r="6766" spans="1:9">
      <c r="A6766" s="1">
        <f ca="1">RAND()</f>
        <v>0.43493091545115703</v>
      </c>
      <c r="B6766" s="1"/>
      <c r="C6766">
        <v>8</v>
      </c>
      <c r="D6766" t="s">
        <v>13959</v>
      </c>
      <c r="E6766" t="s">
        <v>32683</v>
      </c>
      <c r="F6766">
        <v>4</v>
      </c>
      <c r="G6766" t="s">
        <v>15</v>
      </c>
      <c r="H6766" t="s">
        <v>13960</v>
      </c>
      <c r="I6766" t="s">
        <v>30540</v>
      </c>
    </row>
    <row r="6767" spans="1:9">
      <c r="A6767" s="1">
        <f ca="1">RAND()</f>
        <v>0.84218308482312221</v>
      </c>
      <c r="B6767" s="1"/>
      <c r="C6767">
        <v>3</v>
      </c>
      <c r="D6767" t="s">
        <v>13947</v>
      </c>
      <c r="E6767" t="s">
        <v>32684</v>
      </c>
      <c r="F6767">
        <v>5</v>
      </c>
      <c r="G6767" t="s">
        <v>10</v>
      </c>
      <c r="H6767" t="s">
        <v>13948</v>
      </c>
      <c r="I6767" t="s">
        <v>30540</v>
      </c>
    </row>
    <row r="6768" spans="1:9">
      <c r="A6768" s="1">
        <f ca="1">RAND()</f>
        <v>0.97331420488397169</v>
      </c>
      <c r="B6768" s="1"/>
      <c r="C6768">
        <v>10</v>
      </c>
      <c r="D6768" t="s">
        <v>13951</v>
      </c>
      <c r="E6768" t="s">
        <v>32684</v>
      </c>
      <c r="F6768">
        <v>5</v>
      </c>
      <c r="G6768" t="s">
        <v>0</v>
      </c>
      <c r="H6768" t="s">
        <v>13952</v>
      </c>
      <c r="I6768" t="s">
        <v>30540</v>
      </c>
    </row>
    <row r="6769" spans="1:9">
      <c r="A6769" s="1">
        <f ca="1">RAND()</f>
        <v>0.81058949346477427</v>
      </c>
      <c r="B6769" s="1"/>
      <c r="C6769">
        <v>1</v>
      </c>
      <c r="D6769" t="s">
        <v>13945</v>
      </c>
      <c r="E6769" t="s">
        <v>32684</v>
      </c>
      <c r="F6769">
        <v>4</v>
      </c>
      <c r="G6769" t="s">
        <v>10</v>
      </c>
      <c r="H6769" t="s">
        <v>13946</v>
      </c>
      <c r="I6769" t="s">
        <v>30540</v>
      </c>
    </row>
    <row r="6770" spans="1:9">
      <c r="A6770" s="1">
        <f ca="1">RAND()</f>
        <v>0.62893326523983628</v>
      </c>
      <c r="B6770" s="1"/>
      <c r="C6770">
        <v>12</v>
      </c>
      <c r="D6770" t="s">
        <v>13953</v>
      </c>
      <c r="E6770" t="s">
        <v>32684</v>
      </c>
      <c r="F6770">
        <v>4</v>
      </c>
      <c r="G6770" t="s">
        <v>14</v>
      </c>
      <c r="H6770" t="s">
        <v>13954</v>
      </c>
      <c r="I6770" t="s">
        <v>30540</v>
      </c>
    </row>
    <row r="6771" spans="1:9">
      <c r="A6771" s="1">
        <f ca="1">RAND()</f>
        <v>0.56614552930492545</v>
      </c>
      <c r="B6771" s="1"/>
      <c r="C6771">
        <v>9</v>
      </c>
      <c r="D6771" t="s">
        <v>13949</v>
      </c>
      <c r="E6771" t="s">
        <v>32684</v>
      </c>
      <c r="F6771">
        <v>3</v>
      </c>
      <c r="G6771" t="s">
        <v>0</v>
      </c>
      <c r="H6771" t="s">
        <v>13950</v>
      </c>
      <c r="I6771" t="s">
        <v>30540</v>
      </c>
    </row>
    <row r="6772" spans="1:9">
      <c r="A6772" s="1">
        <f ca="1">RAND()</f>
        <v>7.5153866976479744E-2</v>
      </c>
      <c r="B6772" s="1"/>
      <c r="C6772">
        <v>12</v>
      </c>
      <c r="D6772" t="s">
        <v>13941</v>
      </c>
      <c r="E6772" t="s">
        <v>32685</v>
      </c>
      <c r="F6772">
        <v>5</v>
      </c>
      <c r="G6772" t="s">
        <v>14</v>
      </c>
      <c r="H6772" t="s">
        <v>13942</v>
      </c>
      <c r="I6772" t="s">
        <v>30540</v>
      </c>
    </row>
    <row r="6773" spans="1:9">
      <c r="A6773" s="1">
        <f ca="1">RAND()</f>
        <v>0.27692131213828086</v>
      </c>
      <c r="B6773" s="1"/>
      <c r="C6773">
        <v>9</v>
      </c>
      <c r="D6773" t="s">
        <v>13937</v>
      </c>
      <c r="E6773" t="s">
        <v>32685</v>
      </c>
      <c r="F6773">
        <v>5</v>
      </c>
      <c r="G6773" t="s">
        <v>14</v>
      </c>
      <c r="H6773" t="s">
        <v>13938</v>
      </c>
      <c r="I6773" t="s">
        <v>30540</v>
      </c>
    </row>
    <row r="6774" spans="1:9">
      <c r="A6774" s="1">
        <f ca="1">RAND()</f>
        <v>0.51580953009695196</v>
      </c>
      <c r="B6774" s="1"/>
      <c r="C6774">
        <v>10</v>
      </c>
      <c r="D6774" t="s">
        <v>13939</v>
      </c>
      <c r="E6774" t="s">
        <v>32685</v>
      </c>
      <c r="F6774">
        <v>5</v>
      </c>
      <c r="G6774" t="s">
        <v>14</v>
      </c>
      <c r="H6774" t="s">
        <v>13940</v>
      </c>
      <c r="I6774" t="s">
        <v>30540</v>
      </c>
    </row>
    <row r="6775" spans="1:9">
      <c r="A6775" s="1">
        <f ca="1">RAND()</f>
        <v>0.556659051674946</v>
      </c>
      <c r="B6775" s="1"/>
      <c r="C6775">
        <v>5</v>
      </c>
      <c r="D6775" t="s">
        <v>13933</v>
      </c>
      <c r="E6775" t="s">
        <v>32685</v>
      </c>
      <c r="F6775">
        <v>4</v>
      </c>
      <c r="G6775" t="s">
        <v>14</v>
      </c>
      <c r="H6775" t="s">
        <v>13934</v>
      </c>
      <c r="I6775" t="s">
        <v>30540</v>
      </c>
    </row>
    <row r="6776" spans="1:9">
      <c r="A6776" s="1">
        <f ca="1">RAND()</f>
        <v>0.13233140896474294</v>
      </c>
      <c r="B6776" s="1"/>
      <c r="C6776">
        <v>8</v>
      </c>
      <c r="D6776" t="s">
        <v>13935</v>
      </c>
      <c r="E6776" t="s">
        <v>32685</v>
      </c>
      <c r="F6776">
        <v>4</v>
      </c>
      <c r="G6776" t="s">
        <v>14</v>
      </c>
      <c r="H6776" t="s">
        <v>13936</v>
      </c>
      <c r="I6776" t="s">
        <v>30540</v>
      </c>
    </row>
    <row r="6777" spans="1:9">
      <c r="A6777" s="1">
        <f ca="1">RAND()</f>
        <v>0.23251083246505089</v>
      </c>
      <c r="B6777" s="1"/>
      <c r="C6777">
        <v>15</v>
      </c>
      <c r="D6777" t="s">
        <v>13943</v>
      </c>
      <c r="E6777" t="s">
        <v>32685</v>
      </c>
      <c r="F6777">
        <v>2</v>
      </c>
      <c r="G6777" t="s">
        <v>14</v>
      </c>
      <c r="H6777" t="s">
        <v>13944</v>
      </c>
      <c r="I6777" t="s">
        <v>30540</v>
      </c>
    </row>
    <row r="6778" spans="1:9">
      <c r="A6778" s="1">
        <f ca="1">RAND()</f>
        <v>0.24869350190723283</v>
      </c>
      <c r="B6778" s="1"/>
      <c r="C6778">
        <v>9</v>
      </c>
      <c r="D6778" t="s">
        <v>13921</v>
      </c>
      <c r="E6778" t="s">
        <v>32686</v>
      </c>
      <c r="F6778">
        <v>5</v>
      </c>
      <c r="G6778" t="s">
        <v>2</v>
      </c>
      <c r="H6778" t="s">
        <v>13922</v>
      </c>
      <c r="I6778" t="s">
        <v>30540</v>
      </c>
    </row>
    <row r="6779" spans="1:9">
      <c r="A6779" s="1">
        <f ca="1">RAND()</f>
        <v>0.57637851270649243</v>
      </c>
      <c r="B6779" s="1"/>
      <c r="C6779">
        <v>17</v>
      </c>
      <c r="D6779" t="s">
        <v>13927</v>
      </c>
      <c r="E6779" t="s">
        <v>32686</v>
      </c>
      <c r="F6779">
        <v>4</v>
      </c>
      <c r="G6779" t="s">
        <v>1</v>
      </c>
      <c r="H6779" t="s">
        <v>13928</v>
      </c>
      <c r="I6779" t="s">
        <v>30540</v>
      </c>
    </row>
    <row r="6780" spans="1:9">
      <c r="A6780" s="1">
        <f ca="1">RAND()</f>
        <v>4.0787013849076792E-2</v>
      </c>
      <c r="B6780" s="1"/>
      <c r="C6780">
        <v>14</v>
      </c>
      <c r="D6780" t="s">
        <v>13925</v>
      </c>
      <c r="E6780" t="s">
        <v>32686</v>
      </c>
      <c r="F6780">
        <v>4</v>
      </c>
      <c r="G6780" t="s">
        <v>14</v>
      </c>
      <c r="H6780" t="s">
        <v>13926</v>
      </c>
      <c r="I6780" t="s">
        <v>30540</v>
      </c>
    </row>
    <row r="6781" spans="1:9">
      <c r="A6781" s="1">
        <f ca="1">RAND()</f>
        <v>0.12439568605920681</v>
      </c>
      <c r="B6781" s="1"/>
      <c r="C6781">
        <v>12</v>
      </c>
      <c r="D6781" t="s">
        <v>13923</v>
      </c>
      <c r="E6781" t="s">
        <v>32686</v>
      </c>
      <c r="F6781">
        <v>4</v>
      </c>
      <c r="G6781" t="s">
        <v>14</v>
      </c>
      <c r="H6781" t="s">
        <v>13924</v>
      </c>
      <c r="I6781" t="s">
        <v>30540</v>
      </c>
    </row>
    <row r="6782" spans="1:9">
      <c r="A6782" s="1">
        <f ca="1">RAND()</f>
        <v>0.5638759463475147</v>
      </c>
      <c r="B6782" s="1"/>
      <c r="C6782">
        <v>19</v>
      </c>
      <c r="D6782" t="s">
        <v>13929</v>
      </c>
      <c r="E6782" t="s">
        <v>32686</v>
      </c>
      <c r="F6782">
        <v>4</v>
      </c>
      <c r="G6782" t="s">
        <v>14</v>
      </c>
      <c r="H6782" t="s">
        <v>13930</v>
      </c>
      <c r="I6782" t="s">
        <v>30540</v>
      </c>
    </row>
    <row r="6783" spans="1:9">
      <c r="A6783" s="1">
        <f ca="1">RAND()</f>
        <v>9.6325355219830877E-2</v>
      </c>
      <c r="B6783" s="1"/>
      <c r="C6783">
        <v>20</v>
      </c>
      <c r="D6783" t="s">
        <v>13931</v>
      </c>
      <c r="E6783" t="s">
        <v>32686</v>
      </c>
      <c r="F6783">
        <v>4</v>
      </c>
      <c r="G6783" t="s">
        <v>10</v>
      </c>
      <c r="H6783" t="s">
        <v>13932</v>
      </c>
      <c r="I6783" t="s">
        <v>30540</v>
      </c>
    </row>
    <row r="6784" spans="1:9">
      <c r="A6784" s="1">
        <f ca="1">RAND()</f>
        <v>0.29862781293637841</v>
      </c>
      <c r="B6784" s="1"/>
      <c r="C6784">
        <v>1</v>
      </c>
      <c r="D6784" t="s">
        <v>13919</v>
      </c>
      <c r="E6784" t="s">
        <v>32686</v>
      </c>
      <c r="F6784">
        <v>3</v>
      </c>
      <c r="G6784" t="s">
        <v>14</v>
      </c>
      <c r="H6784" t="s">
        <v>13920</v>
      </c>
      <c r="I6784" t="s">
        <v>30540</v>
      </c>
    </row>
    <row r="6785" spans="1:9">
      <c r="A6785" s="1">
        <f ca="1">RAND()</f>
        <v>8.8243100883567127E-3</v>
      </c>
      <c r="B6785" s="1"/>
      <c r="C6785">
        <v>14</v>
      </c>
      <c r="D6785" t="s">
        <v>13915</v>
      </c>
      <c r="E6785" t="s">
        <v>32687</v>
      </c>
      <c r="F6785">
        <v>5</v>
      </c>
      <c r="G6785" t="s">
        <v>13</v>
      </c>
      <c r="H6785" t="s">
        <v>13916</v>
      </c>
      <c r="I6785" t="s">
        <v>30540</v>
      </c>
    </row>
    <row r="6786" spans="1:9">
      <c r="A6786" s="1">
        <f ca="1">RAND()</f>
        <v>0.40990513859042688</v>
      </c>
      <c r="B6786" s="1"/>
      <c r="C6786">
        <v>11</v>
      </c>
      <c r="D6786" t="s">
        <v>13911</v>
      </c>
      <c r="E6786" t="s">
        <v>32687</v>
      </c>
      <c r="F6786">
        <v>4</v>
      </c>
      <c r="G6786" t="s">
        <v>3732</v>
      </c>
      <c r="H6786" t="s">
        <v>13912</v>
      </c>
      <c r="I6786" t="s">
        <v>30540</v>
      </c>
    </row>
    <row r="6787" spans="1:9">
      <c r="A6787" s="1">
        <f ca="1">RAND()</f>
        <v>0.43770746948895323</v>
      </c>
      <c r="B6787" s="1"/>
      <c r="C6787">
        <v>8</v>
      </c>
      <c r="D6787" t="s">
        <v>13909</v>
      </c>
      <c r="E6787" t="s">
        <v>32687</v>
      </c>
      <c r="F6787">
        <v>4</v>
      </c>
      <c r="G6787" t="s">
        <v>775</v>
      </c>
      <c r="H6787" t="s">
        <v>13910</v>
      </c>
      <c r="I6787" t="s">
        <v>30540</v>
      </c>
    </row>
    <row r="6788" spans="1:9">
      <c r="A6788" s="1">
        <f ca="1">RAND()</f>
        <v>0.54014264325461148</v>
      </c>
      <c r="B6788" s="1"/>
      <c r="C6788">
        <v>3</v>
      </c>
      <c r="D6788" t="s">
        <v>13907</v>
      </c>
      <c r="E6788" t="s">
        <v>32687</v>
      </c>
      <c r="F6788">
        <v>4</v>
      </c>
      <c r="G6788" t="s">
        <v>1431</v>
      </c>
      <c r="H6788" t="s">
        <v>13908</v>
      </c>
      <c r="I6788" t="s">
        <v>30540</v>
      </c>
    </row>
    <row r="6789" spans="1:9">
      <c r="A6789" s="1">
        <f ca="1">RAND()</f>
        <v>0.17196588731021845</v>
      </c>
      <c r="B6789" s="1"/>
      <c r="C6789">
        <v>13</v>
      </c>
      <c r="D6789" t="s">
        <v>13913</v>
      </c>
      <c r="E6789" t="s">
        <v>32687</v>
      </c>
      <c r="F6789">
        <v>3</v>
      </c>
      <c r="G6789" t="s">
        <v>14</v>
      </c>
      <c r="H6789" t="s">
        <v>13914</v>
      </c>
      <c r="I6789" t="s">
        <v>30540</v>
      </c>
    </row>
    <row r="6790" spans="1:9">
      <c r="A6790" s="1">
        <f ca="1">RAND()</f>
        <v>5.7293848853486651E-2</v>
      </c>
      <c r="B6790" s="1"/>
      <c r="C6790">
        <v>19</v>
      </c>
      <c r="D6790" t="s">
        <v>13917</v>
      </c>
      <c r="E6790" t="s">
        <v>32687</v>
      </c>
      <c r="F6790">
        <v>3</v>
      </c>
      <c r="G6790" t="s">
        <v>14</v>
      </c>
      <c r="H6790" t="s">
        <v>13918</v>
      </c>
      <c r="I6790" t="s">
        <v>30540</v>
      </c>
    </row>
    <row r="6791" spans="1:9">
      <c r="A6791" s="1">
        <f ca="1">RAND()</f>
        <v>0.89639850790807452</v>
      </c>
      <c r="B6791" s="1"/>
      <c r="C6791">
        <v>3</v>
      </c>
      <c r="D6791" t="s">
        <v>13899</v>
      </c>
      <c r="E6791" t="s">
        <v>32688</v>
      </c>
      <c r="F6791">
        <v>4</v>
      </c>
      <c r="G6791" t="s">
        <v>10</v>
      </c>
      <c r="H6791" t="s">
        <v>13900</v>
      </c>
      <c r="I6791" t="s">
        <v>30540</v>
      </c>
    </row>
    <row r="6792" spans="1:9">
      <c r="A6792" s="1">
        <f ca="1">RAND()</f>
        <v>0.69822181984750253</v>
      </c>
      <c r="B6792" s="1"/>
      <c r="C6792">
        <v>7</v>
      </c>
      <c r="D6792" t="s">
        <v>13903</v>
      </c>
      <c r="E6792" t="s">
        <v>32688</v>
      </c>
      <c r="F6792">
        <v>4</v>
      </c>
      <c r="G6792" t="s">
        <v>14</v>
      </c>
      <c r="H6792" t="s">
        <v>13904</v>
      </c>
      <c r="I6792" t="s">
        <v>30540</v>
      </c>
    </row>
    <row r="6793" spans="1:9">
      <c r="A6793" s="1">
        <f ca="1">RAND()</f>
        <v>0.96781590892401659</v>
      </c>
      <c r="B6793" s="1"/>
      <c r="C6793">
        <v>9</v>
      </c>
      <c r="D6793" t="s">
        <v>13905</v>
      </c>
      <c r="E6793" t="s">
        <v>32688</v>
      </c>
      <c r="F6793">
        <v>4</v>
      </c>
      <c r="G6793" t="s">
        <v>9</v>
      </c>
      <c r="H6793" t="s">
        <v>13906</v>
      </c>
      <c r="I6793" t="s">
        <v>30540</v>
      </c>
    </row>
    <row r="6794" spans="1:9">
      <c r="A6794" s="1">
        <f ca="1">RAND()</f>
        <v>0.28896565185127343</v>
      </c>
      <c r="B6794" s="1"/>
      <c r="C6794">
        <v>5</v>
      </c>
      <c r="D6794" t="s">
        <v>13901</v>
      </c>
      <c r="E6794" t="s">
        <v>32688</v>
      </c>
      <c r="F6794">
        <v>3</v>
      </c>
      <c r="G6794" t="s">
        <v>1</v>
      </c>
      <c r="H6794" t="s">
        <v>13902</v>
      </c>
      <c r="I6794" t="s">
        <v>30540</v>
      </c>
    </row>
    <row r="6795" spans="1:9">
      <c r="A6795" s="1">
        <f ca="1">RAND()</f>
        <v>0.76153521996795059</v>
      </c>
      <c r="B6795" s="1"/>
      <c r="C6795">
        <v>5</v>
      </c>
      <c r="D6795" t="s">
        <v>13891</v>
      </c>
      <c r="E6795" t="s">
        <v>32689</v>
      </c>
      <c r="F6795">
        <v>4</v>
      </c>
      <c r="G6795" t="s">
        <v>10</v>
      </c>
      <c r="H6795" t="s">
        <v>13892</v>
      </c>
      <c r="I6795" t="s">
        <v>30540</v>
      </c>
    </row>
    <row r="6796" spans="1:9">
      <c r="A6796" s="1">
        <f ca="1">RAND()</f>
        <v>2.1919319738004761E-2</v>
      </c>
      <c r="B6796" s="1"/>
      <c r="C6796">
        <v>8</v>
      </c>
      <c r="D6796" t="s">
        <v>13895</v>
      </c>
      <c r="E6796" t="s">
        <v>32689</v>
      </c>
      <c r="F6796">
        <v>4</v>
      </c>
      <c r="G6796" t="s">
        <v>14</v>
      </c>
      <c r="H6796" t="s">
        <v>13896</v>
      </c>
      <c r="I6796" t="s">
        <v>30540</v>
      </c>
    </row>
    <row r="6797" spans="1:9">
      <c r="A6797" s="1">
        <f ca="1">RAND()</f>
        <v>0.85904806305906534</v>
      </c>
      <c r="B6797" s="1"/>
      <c r="C6797">
        <v>6</v>
      </c>
      <c r="D6797" t="s">
        <v>13893</v>
      </c>
      <c r="E6797" t="s">
        <v>32689</v>
      </c>
      <c r="F6797">
        <v>2</v>
      </c>
      <c r="G6797" t="s">
        <v>10</v>
      </c>
      <c r="H6797" t="s">
        <v>13894</v>
      </c>
      <c r="I6797" t="s">
        <v>30540</v>
      </c>
    </row>
    <row r="6798" spans="1:9">
      <c r="A6798" s="1">
        <f ca="1">RAND()</f>
        <v>0.74754898414211368</v>
      </c>
      <c r="B6798" s="1"/>
      <c r="C6798">
        <v>14</v>
      </c>
      <c r="D6798" t="s">
        <v>13897</v>
      </c>
      <c r="E6798" t="s">
        <v>32689</v>
      </c>
      <c r="F6798">
        <v>2</v>
      </c>
      <c r="G6798" t="s">
        <v>10</v>
      </c>
      <c r="H6798" t="s">
        <v>13898</v>
      </c>
      <c r="I6798" t="s">
        <v>30540</v>
      </c>
    </row>
    <row r="6799" spans="1:9">
      <c r="A6799" s="1">
        <f ca="1">RAND()</f>
        <v>0.64916435868375644</v>
      </c>
      <c r="B6799" s="1"/>
      <c r="C6799">
        <v>6</v>
      </c>
      <c r="D6799" t="s">
        <v>13887</v>
      </c>
      <c r="E6799" t="s">
        <v>32690</v>
      </c>
      <c r="F6799">
        <v>4</v>
      </c>
      <c r="G6799" t="s">
        <v>0</v>
      </c>
      <c r="H6799" t="s">
        <v>13888</v>
      </c>
      <c r="I6799" t="s">
        <v>30540</v>
      </c>
    </row>
    <row r="6800" spans="1:9">
      <c r="A6800" s="1">
        <f ca="1">RAND()</f>
        <v>0.23887652058280195</v>
      </c>
      <c r="B6800" s="1"/>
      <c r="C6800">
        <v>2</v>
      </c>
      <c r="D6800" t="s">
        <v>13885</v>
      </c>
      <c r="E6800" t="s">
        <v>32690</v>
      </c>
      <c r="F6800">
        <v>4</v>
      </c>
      <c r="G6800" t="s">
        <v>14</v>
      </c>
      <c r="H6800" t="s">
        <v>13886</v>
      </c>
      <c r="I6800" t="s">
        <v>30540</v>
      </c>
    </row>
    <row r="6801" spans="1:9">
      <c r="A6801" s="1">
        <f ca="1">RAND()</f>
        <v>0.34353107596279164</v>
      </c>
      <c r="B6801" s="1"/>
      <c r="C6801">
        <v>7</v>
      </c>
      <c r="D6801" t="s">
        <v>13889</v>
      </c>
      <c r="E6801" t="s">
        <v>32690</v>
      </c>
      <c r="F6801">
        <v>2</v>
      </c>
      <c r="G6801" t="s">
        <v>1</v>
      </c>
      <c r="H6801" t="s">
        <v>13890</v>
      </c>
      <c r="I6801" t="s">
        <v>30540</v>
      </c>
    </row>
    <row r="6802" spans="1:9">
      <c r="A6802" s="1">
        <f ca="1">RAND()</f>
        <v>0.64568132425641733</v>
      </c>
      <c r="B6802" s="1"/>
      <c r="C6802">
        <v>10</v>
      </c>
      <c r="D6802" t="s">
        <v>13883</v>
      </c>
      <c r="E6802" t="s">
        <v>32691</v>
      </c>
      <c r="F6802">
        <v>5</v>
      </c>
      <c r="G6802" t="s">
        <v>14</v>
      </c>
      <c r="H6802" t="s">
        <v>13884</v>
      </c>
      <c r="I6802" t="s">
        <v>30540</v>
      </c>
    </row>
    <row r="6803" spans="1:9">
      <c r="A6803" s="1">
        <f ca="1">RAND()</f>
        <v>0.41406762974640199</v>
      </c>
      <c r="B6803" s="1"/>
      <c r="C6803">
        <v>5</v>
      </c>
      <c r="D6803" t="s">
        <v>13881</v>
      </c>
      <c r="E6803" t="s">
        <v>32691</v>
      </c>
      <c r="F6803">
        <v>4</v>
      </c>
      <c r="G6803" t="s">
        <v>10</v>
      </c>
      <c r="H6803" t="s">
        <v>13882</v>
      </c>
      <c r="I6803" t="s">
        <v>30540</v>
      </c>
    </row>
    <row r="6804" spans="1:9">
      <c r="A6804" s="1">
        <f ca="1">RAND()</f>
        <v>0.74437818187885196</v>
      </c>
      <c r="B6804" s="1"/>
      <c r="C6804">
        <v>1</v>
      </c>
      <c r="D6804" t="s">
        <v>13877</v>
      </c>
      <c r="E6804" t="s">
        <v>32691</v>
      </c>
      <c r="F6804">
        <v>4</v>
      </c>
      <c r="G6804" t="s">
        <v>13</v>
      </c>
      <c r="H6804" t="s">
        <v>13878</v>
      </c>
      <c r="I6804" t="s">
        <v>30540</v>
      </c>
    </row>
    <row r="6805" spans="1:9">
      <c r="A6805" s="1">
        <f ca="1">RAND()</f>
        <v>0.52498647596298986</v>
      </c>
      <c r="B6805" s="1"/>
      <c r="C6805">
        <v>2</v>
      </c>
      <c r="D6805" t="s">
        <v>13879</v>
      </c>
      <c r="E6805" t="s">
        <v>32691</v>
      </c>
      <c r="F6805">
        <v>2</v>
      </c>
      <c r="G6805" t="s">
        <v>10</v>
      </c>
      <c r="H6805" t="s">
        <v>13880</v>
      </c>
      <c r="I6805" t="s">
        <v>30540</v>
      </c>
    </row>
    <row r="6806" spans="1:9">
      <c r="A6806" s="1">
        <f ca="1">RAND()</f>
        <v>0.94730196672866296</v>
      </c>
      <c r="B6806" s="1"/>
      <c r="C6806">
        <v>1</v>
      </c>
      <c r="D6806" t="s">
        <v>13865</v>
      </c>
      <c r="E6806" t="s">
        <v>32692</v>
      </c>
      <c r="F6806">
        <v>5</v>
      </c>
      <c r="G6806" t="s">
        <v>1431</v>
      </c>
      <c r="H6806" t="s">
        <v>13866</v>
      </c>
      <c r="I6806" t="s">
        <v>30540</v>
      </c>
    </row>
    <row r="6807" spans="1:9">
      <c r="A6807" s="1">
        <f ca="1">RAND()</f>
        <v>0.42162215157715044</v>
      </c>
      <c r="B6807" s="1"/>
      <c r="C6807">
        <v>5</v>
      </c>
      <c r="D6807" t="s">
        <v>13867</v>
      </c>
      <c r="E6807" t="s">
        <v>32692</v>
      </c>
      <c r="F6807">
        <v>5</v>
      </c>
      <c r="G6807" t="s">
        <v>766</v>
      </c>
      <c r="H6807" t="s">
        <v>13868</v>
      </c>
      <c r="I6807" t="s">
        <v>30540</v>
      </c>
    </row>
    <row r="6808" spans="1:9">
      <c r="A6808" s="1">
        <f ca="1">RAND()</f>
        <v>0.88772232745811086</v>
      </c>
      <c r="B6808" s="1"/>
      <c r="C6808">
        <v>18</v>
      </c>
      <c r="D6808" t="s">
        <v>13873</v>
      </c>
      <c r="E6808" t="s">
        <v>32692</v>
      </c>
      <c r="F6808">
        <v>4</v>
      </c>
      <c r="G6808" t="s">
        <v>14</v>
      </c>
      <c r="H6808" t="s">
        <v>13874</v>
      </c>
      <c r="I6808" t="s">
        <v>30540</v>
      </c>
    </row>
    <row r="6809" spans="1:9">
      <c r="A6809" s="1">
        <f ca="1">RAND()</f>
        <v>0.33150318344173735</v>
      </c>
      <c r="B6809" s="1"/>
      <c r="C6809">
        <v>9</v>
      </c>
      <c r="D6809" t="s">
        <v>13871</v>
      </c>
      <c r="E6809" t="s">
        <v>32692</v>
      </c>
      <c r="F6809">
        <v>4</v>
      </c>
      <c r="G6809" t="s">
        <v>10</v>
      </c>
      <c r="H6809" t="s">
        <v>13872</v>
      </c>
      <c r="I6809" t="s">
        <v>30540</v>
      </c>
    </row>
    <row r="6810" spans="1:9">
      <c r="A6810" s="1">
        <f ca="1">RAND()</f>
        <v>0.86006469437978461</v>
      </c>
      <c r="B6810" s="1"/>
      <c r="C6810">
        <v>19</v>
      </c>
      <c r="D6810" t="s">
        <v>13875</v>
      </c>
      <c r="E6810" t="s">
        <v>32692</v>
      </c>
      <c r="F6810">
        <v>4</v>
      </c>
      <c r="G6810" t="s">
        <v>14</v>
      </c>
      <c r="H6810" t="s">
        <v>13876</v>
      </c>
      <c r="I6810" t="s">
        <v>30540</v>
      </c>
    </row>
    <row r="6811" spans="1:9">
      <c r="A6811" s="1">
        <f ca="1">RAND()</f>
        <v>0.48399943381504618</v>
      </c>
      <c r="B6811" s="1"/>
      <c r="C6811">
        <v>8</v>
      </c>
      <c r="D6811" t="s">
        <v>13869</v>
      </c>
      <c r="E6811" t="s">
        <v>32692</v>
      </c>
      <c r="F6811">
        <v>2</v>
      </c>
      <c r="G6811" t="s">
        <v>14</v>
      </c>
      <c r="H6811" t="s">
        <v>13870</v>
      </c>
      <c r="I6811" t="s">
        <v>30540</v>
      </c>
    </row>
    <row r="6812" spans="1:9">
      <c r="A6812" s="1">
        <f ca="1">RAND()</f>
        <v>0.88439423634161751</v>
      </c>
      <c r="B6812" s="1"/>
      <c r="C6812">
        <v>5</v>
      </c>
      <c r="D6812" t="s">
        <v>13861</v>
      </c>
      <c r="E6812" t="s">
        <v>32693</v>
      </c>
      <c r="F6812">
        <v>5</v>
      </c>
      <c r="G6812" t="s">
        <v>9</v>
      </c>
      <c r="H6812" t="s">
        <v>13862</v>
      </c>
      <c r="I6812" t="s">
        <v>30540</v>
      </c>
    </row>
    <row r="6813" spans="1:9">
      <c r="A6813" s="1">
        <f ca="1">RAND()</f>
        <v>0.3682355798340452</v>
      </c>
      <c r="B6813" s="1"/>
      <c r="C6813">
        <v>2</v>
      </c>
      <c r="D6813" t="s">
        <v>13859</v>
      </c>
      <c r="E6813" t="s">
        <v>32693</v>
      </c>
      <c r="F6813">
        <v>4</v>
      </c>
      <c r="G6813" t="s">
        <v>1</v>
      </c>
      <c r="H6813" t="s">
        <v>13860</v>
      </c>
      <c r="I6813" t="s">
        <v>30540</v>
      </c>
    </row>
    <row r="6814" spans="1:9">
      <c r="A6814" s="1">
        <f ca="1">RAND()</f>
        <v>0.98213972228474178</v>
      </c>
      <c r="B6814" s="1"/>
      <c r="C6814">
        <v>9</v>
      </c>
      <c r="D6814" t="s">
        <v>13863</v>
      </c>
      <c r="E6814" t="s">
        <v>32693</v>
      </c>
      <c r="F6814">
        <v>2</v>
      </c>
      <c r="G6814" t="s">
        <v>14</v>
      </c>
      <c r="H6814" t="s">
        <v>13864</v>
      </c>
      <c r="I6814" t="s">
        <v>30540</v>
      </c>
    </row>
    <row r="6815" spans="1:9">
      <c r="A6815" s="1">
        <f ca="1">RAND()</f>
        <v>4.213185477826098E-2</v>
      </c>
      <c r="B6815" s="1"/>
      <c r="C6815">
        <v>10</v>
      </c>
      <c r="D6815" t="s">
        <v>13857</v>
      </c>
      <c r="E6815" t="s">
        <v>32694</v>
      </c>
      <c r="F6815">
        <v>5</v>
      </c>
      <c r="G6815" t="s">
        <v>14</v>
      </c>
      <c r="H6815" t="s">
        <v>13858</v>
      </c>
      <c r="I6815" t="s">
        <v>30540</v>
      </c>
    </row>
    <row r="6816" spans="1:9">
      <c r="A6816" s="1">
        <f ca="1">RAND()</f>
        <v>0.98076699263601119</v>
      </c>
      <c r="B6816" s="1"/>
      <c r="C6816">
        <v>4</v>
      </c>
      <c r="D6816" t="s">
        <v>13855</v>
      </c>
      <c r="E6816" t="s">
        <v>32694</v>
      </c>
      <c r="F6816">
        <v>4</v>
      </c>
      <c r="G6816" t="s">
        <v>14</v>
      </c>
      <c r="H6816" t="s">
        <v>13856</v>
      </c>
      <c r="I6816" t="s">
        <v>30540</v>
      </c>
    </row>
    <row r="6817" spans="1:9">
      <c r="A6817" s="1">
        <f ca="1">RAND()</f>
        <v>0.89685052282385003</v>
      </c>
      <c r="B6817" s="1"/>
      <c r="C6817">
        <v>3</v>
      </c>
      <c r="D6817" t="s">
        <v>13849</v>
      </c>
      <c r="E6817" t="s">
        <v>32695</v>
      </c>
      <c r="F6817">
        <v>4</v>
      </c>
      <c r="G6817" t="s">
        <v>10</v>
      </c>
      <c r="H6817" t="s">
        <v>13850</v>
      </c>
      <c r="I6817" t="s">
        <v>30540</v>
      </c>
    </row>
    <row r="6818" spans="1:9">
      <c r="A6818" s="1">
        <f ca="1">RAND()</f>
        <v>0.81716440346862251</v>
      </c>
      <c r="B6818" s="1"/>
      <c r="C6818">
        <v>9</v>
      </c>
      <c r="D6818" t="s">
        <v>13853</v>
      </c>
      <c r="E6818" t="s">
        <v>32695</v>
      </c>
      <c r="F6818">
        <v>4</v>
      </c>
      <c r="G6818" t="s">
        <v>14</v>
      </c>
      <c r="H6818" t="s">
        <v>13854</v>
      </c>
      <c r="I6818" t="s">
        <v>30540</v>
      </c>
    </row>
    <row r="6819" spans="1:9">
      <c r="A6819" s="1">
        <f ca="1">RAND()</f>
        <v>7.6593299485255395E-2</v>
      </c>
      <c r="B6819" s="1"/>
      <c r="C6819">
        <v>6</v>
      </c>
      <c r="D6819" t="s">
        <v>13851</v>
      </c>
      <c r="E6819" t="s">
        <v>32695</v>
      </c>
      <c r="F6819">
        <v>2</v>
      </c>
      <c r="G6819" t="s">
        <v>13</v>
      </c>
      <c r="H6819" t="s">
        <v>13852</v>
      </c>
      <c r="I6819" t="s">
        <v>30540</v>
      </c>
    </row>
    <row r="6820" spans="1:9">
      <c r="A6820" s="1">
        <f ca="1">RAND()</f>
        <v>0.11365422479904297</v>
      </c>
      <c r="B6820" s="1"/>
      <c r="C6820">
        <v>13</v>
      </c>
      <c r="D6820" t="s">
        <v>13845</v>
      </c>
      <c r="E6820" t="s">
        <v>32696</v>
      </c>
      <c r="F6820">
        <v>5</v>
      </c>
      <c r="G6820" t="s">
        <v>2</v>
      </c>
      <c r="H6820" t="s">
        <v>13846</v>
      </c>
      <c r="I6820" t="s">
        <v>30540</v>
      </c>
    </row>
    <row r="6821" spans="1:9">
      <c r="A6821" s="1">
        <f ca="1">RAND()</f>
        <v>0.69199475123822785</v>
      </c>
      <c r="B6821" s="1"/>
      <c r="C6821">
        <v>9</v>
      </c>
      <c r="D6821" t="s">
        <v>13843</v>
      </c>
      <c r="E6821" t="s">
        <v>32696</v>
      </c>
      <c r="F6821">
        <v>5</v>
      </c>
      <c r="G6821" t="s">
        <v>1</v>
      </c>
      <c r="H6821" t="s">
        <v>13844</v>
      </c>
      <c r="I6821" t="s">
        <v>30540</v>
      </c>
    </row>
    <row r="6822" spans="1:9">
      <c r="A6822" s="1">
        <f ca="1">RAND()</f>
        <v>0.64749965363409923</v>
      </c>
      <c r="B6822" s="1"/>
      <c r="C6822">
        <v>16</v>
      </c>
      <c r="D6822" t="s">
        <v>13847</v>
      </c>
      <c r="E6822" t="s">
        <v>32696</v>
      </c>
      <c r="F6822">
        <v>5</v>
      </c>
      <c r="G6822" t="s">
        <v>14</v>
      </c>
      <c r="H6822" t="s">
        <v>13848</v>
      </c>
      <c r="I6822" t="s">
        <v>30540</v>
      </c>
    </row>
    <row r="6823" spans="1:9">
      <c r="A6823" s="1">
        <f ca="1">RAND()</f>
        <v>0.28952732128876113</v>
      </c>
      <c r="B6823" s="1"/>
      <c r="C6823">
        <v>6</v>
      </c>
      <c r="D6823" t="s">
        <v>13841</v>
      </c>
      <c r="E6823" t="s">
        <v>32696</v>
      </c>
      <c r="F6823">
        <v>4</v>
      </c>
      <c r="G6823" t="s">
        <v>9</v>
      </c>
      <c r="H6823" t="s">
        <v>13842</v>
      </c>
      <c r="I6823" t="s">
        <v>30540</v>
      </c>
    </row>
    <row r="6824" spans="1:9">
      <c r="A6824" s="1">
        <f ca="1">RAND()</f>
        <v>0.17714724657981662</v>
      </c>
      <c r="B6824" s="1"/>
      <c r="C6824">
        <v>3</v>
      </c>
      <c r="D6824" t="s">
        <v>13839</v>
      </c>
      <c r="E6824" t="s">
        <v>32696</v>
      </c>
      <c r="F6824">
        <v>4</v>
      </c>
      <c r="G6824" t="s">
        <v>14</v>
      </c>
      <c r="H6824" t="s">
        <v>13840</v>
      </c>
      <c r="I6824" t="s">
        <v>30540</v>
      </c>
    </row>
    <row r="6825" spans="1:9">
      <c r="A6825" s="1">
        <f ca="1">RAND()</f>
        <v>0.25375543852777216</v>
      </c>
      <c r="B6825" s="1"/>
      <c r="C6825">
        <v>15</v>
      </c>
      <c r="D6825" t="s">
        <v>13835</v>
      </c>
      <c r="E6825" t="s">
        <v>32697</v>
      </c>
      <c r="F6825">
        <v>5</v>
      </c>
      <c r="G6825" t="s">
        <v>1431</v>
      </c>
      <c r="H6825" t="s">
        <v>13836</v>
      </c>
      <c r="I6825" t="s">
        <v>30540</v>
      </c>
    </row>
    <row r="6826" spans="1:9">
      <c r="A6826" s="1">
        <f ca="1">RAND()</f>
        <v>0.60179386048068917</v>
      </c>
      <c r="B6826" s="1"/>
      <c r="C6826">
        <v>14</v>
      </c>
      <c r="D6826" t="s">
        <v>13833</v>
      </c>
      <c r="E6826" t="s">
        <v>32697</v>
      </c>
      <c r="F6826">
        <v>4</v>
      </c>
      <c r="G6826" t="s">
        <v>13</v>
      </c>
      <c r="H6826" t="s">
        <v>13834</v>
      </c>
      <c r="I6826" t="s">
        <v>30540</v>
      </c>
    </row>
    <row r="6827" spans="1:9">
      <c r="A6827" s="1">
        <f ca="1">RAND()</f>
        <v>0.71038013225770946</v>
      </c>
      <c r="B6827" s="1"/>
      <c r="C6827">
        <v>16</v>
      </c>
      <c r="D6827" t="s">
        <v>13837</v>
      </c>
      <c r="E6827" t="s">
        <v>32697</v>
      </c>
      <c r="F6827">
        <v>4</v>
      </c>
      <c r="G6827" t="s">
        <v>762</v>
      </c>
      <c r="H6827" t="s">
        <v>13838</v>
      </c>
      <c r="I6827" t="s">
        <v>30540</v>
      </c>
    </row>
    <row r="6828" spans="1:9">
      <c r="A6828" s="1">
        <f ca="1">RAND()</f>
        <v>0.94904337358316249</v>
      </c>
      <c r="B6828" s="1"/>
      <c r="C6828">
        <v>5</v>
      </c>
      <c r="D6828" t="s">
        <v>13827</v>
      </c>
      <c r="E6828" t="s">
        <v>32697</v>
      </c>
      <c r="F6828">
        <v>4</v>
      </c>
      <c r="G6828" t="s">
        <v>762</v>
      </c>
      <c r="H6828" t="s">
        <v>13828</v>
      </c>
      <c r="I6828" t="s">
        <v>30540</v>
      </c>
    </row>
    <row r="6829" spans="1:9">
      <c r="A6829" s="1">
        <f ca="1">RAND()</f>
        <v>0.17466385715601407</v>
      </c>
      <c r="B6829" s="1"/>
      <c r="C6829">
        <v>8</v>
      </c>
      <c r="D6829" t="s">
        <v>13831</v>
      </c>
      <c r="E6829" t="s">
        <v>32697</v>
      </c>
      <c r="F6829">
        <v>3</v>
      </c>
      <c r="G6829" t="s">
        <v>10</v>
      </c>
      <c r="H6829" t="s">
        <v>13832</v>
      </c>
      <c r="I6829" t="s">
        <v>30540</v>
      </c>
    </row>
    <row r="6830" spans="1:9">
      <c r="A6830" s="1">
        <f ca="1">RAND()</f>
        <v>0.3179880893734861</v>
      </c>
      <c r="B6830" s="1"/>
      <c r="C6830">
        <v>6</v>
      </c>
      <c r="D6830" t="s">
        <v>13829</v>
      </c>
      <c r="E6830" t="s">
        <v>32697</v>
      </c>
      <c r="F6830">
        <v>2</v>
      </c>
      <c r="G6830" t="s">
        <v>14</v>
      </c>
      <c r="H6830" t="s">
        <v>13830</v>
      </c>
      <c r="I6830" t="s">
        <v>30540</v>
      </c>
    </row>
    <row r="6831" spans="1:9">
      <c r="A6831" s="1">
        <f ca="1">RAND()</f>
        <v>0.2595400051393153</v>
      </c>
      <c r="B6831" s="1"/>
      <c r="C6831">
        <v>6</v>
      </c>
      <c r="D6831" t="s">
        <v>13817</v>
      </c>
      <c r="E6831" t="s">
        <v>32698</v>
      </c>
      <c r="F6831">
        <v>4</v>
      </c>
      <c r="G6831" t="s">
        <v>13</v>
      </c>
      <c r="H6831" t="s">
        <v>13818</v>
      </c>
      <c r="I6831" t="s">
        <v>30540</v>
      </c>
    </row>
    <row r="6832" spans="1:9">
      <c r="A6832" s="1">
        <f ca="1">RAND()</f>
        <v>0.74360254737693499</v>
      </c>
      <c r="B6832" s="1"/>
      <c r="C6832">
        <v>7</v>
      </c>
      <c r="D6832" t="s">
        <v>13819</v>
      </c>
      <c r="E6832" t="s">
        <v>32698</v>
      </c>
      <c r="F6832">
        <v>4</v>
      </c>
      <c r="G6832" t="s">
        <v>14</v>
      </c>
      <c r="H6832" t="s">
        <v>13820</v>
      </c>
      <c r="I6832" t="s">
        <v>30540</v>
      </c>
    </row>
    <row r="6833" spans="1:9">
      <c r="A6833" s="1">
        <f ca="1">RAND()</f>
        <v>0.38798833320668191</v>
      </c>
      <c r="B6833" s="1"/>
      <c r="C6833">
        <v>5</v>
      </c>
      <c r="D6833" t="s">
        <v>13815</v>
      </c>
      <c r="E6833" t="s">
        <v>32698</v>
      </c>
      <c r="F6833">
        <v>4</v>
      </c>
      <c r="G6833" t="s">
        <v>9</v>
      </c>
      <c r="H6833" t="s">
        <v>13816</v>
      </c>
      <c r="I6833" t="s">
        <v>30540</v>
      </c>
    </row>
    <row r="6834" spans="1:9">
      <c r="A6834" s="1">
        <f ca="1">RAND()</f>
        <v>0.52230097556777877</v>
      </c>
      <c r="B6834" s="1"/>
      <c r="C6834">
        <v>2</v>
      </c>
      <c r="D6834" t="s">
        <v>13813</v>
      </c>
      <c r="E6834" t="s">
        <v>32698</v>
      </c>
      <c r="F6834">
        <v>4</v>
      </c>
      <c r="G6834" t="s">
        <v>2</v>
      </c>
      <c r="H6834" t="s">
        <v>13814</v>
      </c>
      <c r="I6834" t="s">
        <v>30540</v>
      </c>
    </row>
    <row r="6835" spans="1:9">
      <c r="A6835" s="1">
        <f ca="1">RAND()</f>
        <v>0.21901600694873213</v>
      </c>
      <c r="B6835" s="1"/>
      <c r="C6835">
        <v>9</v>
      </c>
      <c r="D6835" t="s">
        <v>13823</v>
      </c>
      <c r="E6835" t="s">
        <v>32698</v>
      </c>
      <c r="F6835">
        <v>4</v>
      </c>
      <c r="G6835" t="s">
        <v>13</v>
      </c>
      <c r="H6835" t="s">
        <v>13824</v>
      </c>
      <c r="I6835" t="s">
        <v>30540</v>
      </c>
    </row>
    <row r="6836" spans="1:9">
      <c r="A6836" s="1">
        <f ca="1">RAND()</f>
        <v>0.42811714228547504</v>
      </c>
      <c r="B6836" s="1"/>
      <c r="C6836">
        <v>8</v>
      </c>
      <c r="D6836" t="s">
        <v>13821</v>
      </c>
      <c r="E6836" t="s">
        <v>32698</v>
      </c>
      <c r="F6836">
        <v>2</v>
      </c>
      <c r="G6836" t="s">
        <v>14</v>
      </c>
      <c r="H6836" t="s">
        <v>13822</v>
      </c>
      <c r="I6836" t="s">
        <v>30540</v>
      </c>
    </row>
    <row r="6837" spans="1:9">
      <c r="A6837" s="1">
        <f ca="1">RAND()</f>
        <v>0.72697236118337416</v>
      </c>
      <c r="B6837" s="1"/>
      <c r="C6837">
        <v>10</v>
      </c>
      <c r="D6837" t="s">
        <v>13825</v>
      </c>
      <c r="E6837" t="s">
        <v>32698</v>
      </c>
      <c r="F6837">
        <v>2</v>
      </c>
      <c r="G6837" t="s">
        <v>14</v>
      </c>
      <c r="H6837" t="s">
        <v>13826</v>
      </c>
      <c r="I6837" t="s">
        <v>30540</v>
      </c>
    </row>
    <row r="6838" spans="1:9">
      <c r="A6838" s="1">
        <f ca="1">RAND()</f>
        <v>0.78581387134677627</v>
      </c>
      <c r="B6838" s="1"/>
      <c r="C6838">
        <v>11</v>
      </c>
      <c r="D6838" t="s">
        <v>13807</v>
      </c>
      <c r="E6838" t="s">
        <v>32699</v>
      </c>
      <c r="F6838">
        <v>5</v>
      </c>
      <c r="G6838" t="s">
        <v>13</v>
      </c>
      <c r="H6838" t="s">
        <v>13808</v>
      </c>
      <c r="I6838" t="s">
        <v>30540</v>
      </c>
    </row>
    <row r="6839" spans="1:9">
      <c r="A6839" s="1">
        <f ca="1">RAND()</f>
        <v>0.94554616343351883</v>
      </c>
      <c r="B6839" s="1"/>
      <c r="C6839">
        <v>18</v>
      </c>
      <c r="D6839" t="s">
        <v>13811</v>
      </c>
      <c r="E6839" t="s">
        <v>32699</v>
      </c>
      <c r="F6839">
        <v>4</v>
      </c>
      <c r="G6839" t="s">
        <v>15</v>
      </c>
      <c r="H6839" t="s">
        <v>13812</v>
      </c>
      <c r="I6839" t="s">
        <v>30540</v>
      </c>
    </row>
    <row r="6840" spans="1:9">
      <c r="A6840" s="1">
        <f ca="1">RAND()</f>
        <v>0.30324360866250955</v>
      </c>
      <c r="B6840" s="1"/>
      <c r="C6840">
        <v>16</v>
      </c>
      <c r="D6840" t="s">
        <v>13809</v>
      </c>
      <c r="E6840" t="s">
        <v>32699</v>
      </c>
      <c r="F6840">
        <v>4</v>
      </c>
      <c r="G6840" t="s">
        <v>14</v>
      </c>
      <c r="H6840" t="s">
        <v>13810</v>
      </c>
      <c r="I6840" t="s">
        <v>30540</v>
      </c>
    </row>
    <row r="6841" spans="1:9">
      <c r="A6841" s="1">
        <f ca="1">RAND()</f>
        <v>0.43161338490300172</v>
      </c>
      <c r="B6841" s="1"/>
      <c r="C6841">
        <v>8</v>
      </c>
      <c r="D6841" t="s">
        <v>13803</v>
      </c>
      <c r="E6841" t="s">
        <v>32699</v>
      </c>
      <c r="F6841">
        <v>4</v>
      </c>
      <c r="G6841" t="s">
        <v>10</v>
      </c>
      <c r="H6841" t="s">
        <v>13804</v>
      </c>
      <c r="I6841" t="s">
        <v>30540</v>
      </c>
    </row>
    <row r="6842" spans="1:9">
      <c r="A6842" s="1">
        <f ca="1">RAND()</f>
        <v>0.96838288804053729</v>
      </c>
      <c r="B6842" s="1"/>
      <c r="C6842">
        <v>9</v>
      </c>
      <c r="D6842" t="s">
        <v>13805</v>
      </c>
      <c r="E6842" t="s">
        <v>32699</v>
      </c>
      <c r="F6842">
        <v>4</v>
      </c>
      <c r="G6842" t="s">
        <v>14</v>
      </c>
      <c r="H6842" t="s">
        <v>13806</v>
      </c>
      <c r="I6842" t="s">
        <v>30540</v>
      </c>
    </row>
    <row r="6843" spans="1:9">
      <c r="A6843" s="1">
        <f ca="1">RAND()</f>
        <v>0.58671240386738599</v>
      </c>
      <c r="B6843" s="1"/>
      <c r="C6843">
        <v>1</v>
      </c>
      <c r="D6843" t="s">
        <v>13801</v>
      </c>
      <c r="E6843" t="s">
        <v>32699</v>
      </c>
      <c r="F6843">
        <v>2</v>
      </c>
      <c r="G6843" t="s">
        <v>14</v>
      </c>
      <c r="H6843" t="s">
        <v>13802</v>
      </c>
      <c r="I6843" t="s">
        <v>30540</v>
      </c>
    </row>
    <row r="6844" spans="1:9">
      <c r="A6844" s="1">
        <f ca="1">RAND()</f>
        <v>0.90441137360988244</v>
      </c>
      <c r="B6844" s="1"/>
      <c r="C6844">
        <v>2</v>
      </c>
      <c r="D6844" t="s">
        <v>13789</v>
      </c>
      <c r="E6844" t="s">
        <v>32700</v>
      </c>
      <c r="F6844">
        <v>5</v>
      </c>
      <c r="G6844" t="s">
        <v>14</v>
      </c>
      <c r="H6844" t="s">
        <v>13790</v>
      </c>
      <c r="I6844" t="s">
        <v>30540</v>
      </c>
    </row>
    <row r="6845" spans="1:9">
      <c r="A6845" s="1">
        <f ca="1">RAND()</f>
        <v>0.89141056635068383</v>
      </c>
      <c r="B6845" s="1"/>
      <c r="C6845">
        <v>18</v>
      </c>
      <c r="D6845" t="s">
        <v>13799</v>
      </c>
      <c r="E6845" t="s">
        <v>32700</v>
      </c>
      <c r="F6845">
        <v>5</v>
      </c>
      <c r="G6845" t="s">
        <v>14</v>
      </c>
      <c r="H6845" t="s">
        <v>13800</v>
      </c>
      <c r="I6845" t="s">
        <v>30540</v>
      </c>
    </row>
    <row r="6846" spans="1:9">
      <c r="A6846" s="1">
        <f ca="1">RAND()</f>
        <v>0.55237398823283568</v>
      </c>
      <c r="B6846" s="1"/>
      <c r="C6846">
        <v>17</v>
      </c>
      <c r="D6846" t="s">
        <v>13797</v>
      </c>
      <c r="E6846" t="s">
        <v>32700</v>
      </c>
      <c r="F6846">
        <v>5</v>
      </c>
      <c r="G6846" t="s">
        <v>1</v>
      </c>
      <c r="H6846" t="s">
        <v>13798</v>
      </c>
      <c r="I6846" t="s">
        <v>30540</v>
      </c>
    </row>
    <row r="6847" spans="1:9">
      <c r="A6847" s="1">
        <f ca="1">RAND()</f>
        <v>0.15774937147793544</v>
      </c>
      <c r="B6847" s="1"/>
      <c r="C6847">
        <v>15</v>
      </c>
      <c r="D6847" t="s">
        <v>13795</v>
      </c>
      <c r="E6847" t="s">
        <v>32700</v>
      </c>
      <c r="F6847">
        <v>4</v>
      </c>
      <c r="G6847" t="s">
        <v>14</v>
      </c>
      <c r="H6847" t="s">
        <v>13796</v>
      </c>
      <c r="I6847" t="s">
        <v>30540</v>
      </c>
    </row>
    <row r="6848" spans="1:9">
      <c r="A6848" s="1">
        <f ca="1">RAND()</f>
        <v>0.49557762708224828</v>
      </c>
      <c r="B6848" s="1"/>
      <c r="C6848">
        <v>10</v>
      </c>
      <c r="D6848" t="s">
        <v>13791</v>
      </c>
      <c r="E6848" t="s">
        <v>32700</v>
      </c>
      <c r="F6848">
        <v>4</v>
      </c>
      <c r="G6848" t="s">
        <v>2</v>
      </c>
      <c r="H6848" t="s">
        <v>13792</v>
      </c>
      <c r="I6848" t="s">
        <v>30540</v>
      </c>
    </row>
    <row r="6849" spans="1:9">
      <c r="A6849" s="1">
        <f ca="1">RAND()</f>
        <v>0.22807756898392528</v>
      </c>
      <c r="B6849" s="1"/>
      <c r="C6849">
        <v>11</v>
      </c>
      <c r="D6849" t="s">
        <v>13793</v>
      </c>
      <c r="E6849" t="s">
        <v>32700</v>
      </c>
      <c r="F6849">
        <v>4</v>
      </c>
      <c r="G6849" t="s">
        <v>13</v>
      </c>
      <c r="H6849" t="s">
        <v>13794</v>
      </c>
      <c r="I6849" t="s">
        <v>30540</v>
      </c>
    </row>
    <row r="6850" spans="1:9">
      <c r="A6850" s="1">
        <f ca="1">RAND()</f>
        <v>0.57686171451306845</v>
      </c>
      <c r="B6850" s="1"/>
      <c r="C6850">
        <v>8</v>
      </c>
      <c r="D6850" t="s">
        <v>13783</v>
      </c>
      <c r="E6850" t="s">
        <v>32701</v>
      </c>
      <c r="F6850">
        <v>5</v>
      </c>
      <c r="G6850" t="s">
        <v>14</v>
      </c>
      <c r="H6850" t="s">
        <v>13784</v>
      </c>
      <c r="I6850" t="s">
        <v>30540</v>
      </c>
    </row>
    <row r="6851" spans="1:9">
      <c r="A6851" s="1">
        <f ca="1">RAND()</f>
        <v>7.9579829852124861E-2</v>
      </c>
      <c r="B6851" s="1"/>
      <c r="C6851">
        <v>7</v>
      </c>
      <c r="D6851" t="s">
        <v>13781</v>
      </c>
      <c r="E6851" t="s">
        <v>32701</v>
      </c>
      <c r="F6851">
        <v>4</v>
      </c>
      <c r="G6851" t="s">
        <v>10</v>
      </c>
      <c r="H6851" t="s">
        <v>13782</v>
      </c>
      <c r="I6851" t="s">
        <v>30540</v>
      </c>
    </row>
    <row r="6852" spans="1:9">
      <c r="A6852" s="1">
        <f ca="1">RAND()</f>
        <v>0.74810621567468605</v>
      </c>
      <c r="B6852" s="1"/>
      <c r="C6852">
        <v>15</v>
      </c>
      <c r="D6852" t="s">
        <v>13787</v>
      </c>
      <c r="E6852" t="s">
        <v>32701</v>
      </c>
      <c r="F6852">
        <v>4</v>
      </c>
      <c r="G6852" t="s">
        <v>10</v>
      </c>
      <c r="H6852" t="s">
        <v>13788</v>
      </c>
      <c r="I6852" t="s">
        <v>30540</v>
      </c>
    </row>
    <row r="6853" spans="1:9">
      <c r="A6853" s="1">
        <f ca="1">RAND()</f>
        <v>0.34711637970574183</v>
      </c>
      <c r="B6853" s="1"/>
      <c r="C6853">
        <v>14</v>
      </c>
      <c r="D6853" t="s">
        <v>13785</v>
      </c>
      <c r="E6853" t="s">
        <v>32701</v>
      </c>
      <c r="F6853">
        <v>4</v>
      </c>
      <c r="G6853" t="s">
        <v>14</v>
      </c>
      <c r="H6853" t="s">
        <v>13786</v>
      </c>
      <c r="I6853" t="s">
        <v>30540</v>
      </c>
    </row>
    <row r="6854" spans="1:9">
      <c r="A6854" s="1">
        <f ca="1">RAND()</f>
        <v>7.7911736878342963E-2</v>
      </c>
      <c r="B6854" s="1"/>
      <c r="C6854">
        <v>6</v>
      </c>
      <c r="D6854" t="s">
        <v>13779</v>
      </c>
      <c r="E6854" t="s">
        <v>32701</v>
      </c>
      <c r="F6854">
        <v>4</v>
      </c>
      <c r="G6854" t="s">
        <v>14</v>
      </c>
      <c r="H6854" t="s">
        <v>13780</v>
      </c>
      <c r="I6854" t="s">
        <v>30540</v>
      </c>
    </row>
    <row r="6855" spans="1:9">
      <c r="A6855" s="1">
        <f ca="1">RAND()</f>
        <v>0.69273200974524063</v>
      </c>
      <c r="B6855" s="1"/>
      <c r="C6855">
        <v>6</v>
      </c>
      <c r="D6855" t="s">
        <v>13773</v>
      </c>
      <c r="E6855" t="s">
        <v>32702</v>
      </c>
      <c r="F6855">
        <v>4</v>
      </c>
      <c r="G6855" t="s">
        <v>775</v>
      </c>
      <c r="H6855" t="s">
        <v>13774</v>
      </c>
      <c r="I6855" t="s">
        <v>30540</v>
      </c>
    </row>
    <row r="6856" spans="1:9">
      <c r="A6856" s="1">
        <f ca="1">RAND()</f>
        <v>0.51455691380171087</v>
      </c>
      <c r="B6856" s="1"/>
      <c r="C6856">
        <v>2</v>
      </c>
      <c r="D6856" t="s">
        <v>13771</v>
      </c>
      <c r="E6856" t="s">
        <v>32702</v>
      </c>
      <c r="F6856">
        <v>4</v>
      </c>
      <c r="G6856" t="s">
        <v>762</v>
      </c>
      <c r="H6856" t="s">
        <v>13772</v>
      </c>
      <c r="I6856" t="s">
        <v>30540</v>
      </c>
    </row>
    <row r="6857" spans="1:9">
      <c r="A6857" s="1">
        <f ca="1">RAND()</f>
        <v>0.98987976424993196</v>
      </c>
      <c r="B6857" s="1"/>
      <c r="C6857">
        <v>9</v>
      </c>
      <c r="D6857" t="s">
        <v>13775</v>
      </c>
      <c r="E6857" t="s">
        <v>32702</v>
      </c>
      <c r="F6857">
        <v>4</v>
      </c>
      <c r="G6857" t="s">
        <v>1426</v>
      </c>
      <c r="H6857" t="s">
        <v>13776</v>
      </c>
      <c r="I6857" t="s">
        <v>30540</v>
      </c>
    </row>
    <row r="6858" spans="1:9">
      <c r="A6858" s="1">
        <f ca="1">RAND()</f>
        <v>2.0095172609208567E-2</v>
      </c>
      <c r="B6858" s="1"/>
      <c r="C6858">
        <v>15</v>
      </c>
      <c r="D6858" t="s">
        <v>13777</v>
      </c>
      <c r="E6858" t="s">
        <v>32702</v>
      </c>
      <c r="F6858">
        <v>4</v>
      </c>
      <c r="G6858" t="s">
        <v>14</v>
      </c>
      <c r="H6858" t="s">
        <v>13778</v>
      </c>
      <c r="I6858" t="s">
        <v>30540</v>
      </c>
    </row>
    <row r="6859" spans="1:9">
      <c r="A6859" s="1">
        <f ca="1">RAND()</f>
        <v>0.42279435190956738</v>
      </c>
      <c r="B6859" s="1"/>
      <c r="C6859">
        <v>1</v>
      </c>
      <c r="D6859" t="s">
        <v>13763</v>
      </c>
      <c r="E6859" t="s">
        <v>32703</v>
      </c>
      <c r="F6859">
        <v>4</v>
      </c>
      <c r="G6859" t="s">
        <v>10</v>
      </c>
      <c r="H6859" t="s">
        <v>13764</v>
      </c>
      <c r="I6859" t="s">
        <v>30540</v>
      </c>
    </row>
    <row r="6860" spans="1:9">
      <c r="A6860" s="1">
        <f ca="1">RAND()</f>
        <v>0.3512806656903259</v>
      </c>
      <c r="B6860" s="1"/>
      <c r="C6860">
        <v>8</v>
      </c>
      <c r="D6860" t="s">
        <v>13769</v>
      </c>
      <c r="E6860" t="s">
        <v>32703</v>
      </c>
      <c r="F6860">
        <v>4</v>
      </c>
      <c r="G6860" t="s">
        <v>14</v>
      </c>
      <c r="H6860" t="s">
        <v>13770</v>
      </c>
      <c r="I6860" t="s">
        <v>30540</v>
      </c>
    </row>
    <row r="6861" spans="1:9">
      <c r="A6861" s="1">
        <f ca="1">RAND()</f>
        <v>0.93180507526859679</v>
      </c>
      <c r="B6861" s="1"/>
      <c r="C6861">
        <v>5</v>
      </c>
      <c r="D6861" t="s">
        <v>13767</v>
      </c>
      <c r="E6861" t="s">
        <v>32703</v>
      </c>
      <c r="F6861">
        <v>4</v>
      </c>
      <c r="G6861" t="s">
        <v>14</v>
      </c>
      <c r="H6861" t="s">
        <v>13768</v>
      </c>
      <c r="I6861" t="s">
        <v>30540</v>
      </c>
    </row>
    <row r="6862" spans="1:9">
      <c r="A6862" s="1">
        <f ca="1">RAND()</f>
        <v>0.29997720088442137</v>
      </c>
      <c r="B6862" s="1"/>
      <c r="C6862">
        <v>4</v>
      </c>
      <c r="D6862" t="s">
        <v>13765</v>
      </c>
      <c r="E6862" t="s">
        <v>32703</v>
      </c>
      <c r="F6862">
        <v>4</v>
      </c>
      <c r="G6862" t="s">
        <v>14</v>
      </c>
      <c r="H6862" t="s">
        <v>13766</v>
      </c>
      <c r="I6862" t="s">
        <v>30540</v>
      </c>
    </row>
    <row r="6863" spans="1:9">
      <c r="A6863" s="1">
        <f ca="1">RAND()</f>
        <v>0.70520095387589277</v>
      </c>
      <c r="B6863" s="1"/>
      <c r="C6863">
        <v>11</v>
      </c>
      <c r="D6863" t="s">
        <v>13761</v>
      </c>
      <c r="E6863" t="s">
        <v>32704</v>
      </c>
      <c r="F6863">
        <v>5</v>
      </c>
      <c r="G6863" t="s">
        <v>2226</v>
      </c>
      <c r="H6863" t="s">
        <v>13762</v>
      </c>
      <c r="I6863" t="s">
        <v>30540</v>
      </c>
    </row>
    <row r="6864" spans="1:9">
      <c r="A6864" s="1">
        <f ca="1">RAND()</f>
        <v>0.55006374998533447</v>
      </c>
      <c r="B6864" s="1"/>
      <c r="C6864">
        <v>8</v>
      </c>
      <c r="D6864" t="s">
        <v>13757</v>
      </c>
      <c r="E6864" t="s">
        <v>32704</v>
      </c>
      <c r="F6864">
        <v>4</v>
      </c>
      <c r="G6864" t="s">
        <v>1431</v>
      </c>
      <c r="H6864" t="s">
        <v>13758</v>
      </c>
      <c r="I6864" t="s">
        <v>30540</v>
      </c>
    </row>
    <row r="6865" spans="1:9">
      <c r="A6865" s="1">
        <f ca="1">RAND()</f>
        <v>0.43429587475731835</v>
      </c>
      <c r="B6865" s="1"/>
      <c r="C6865">
        <v>2</v>
      </c>
      <c r="D6865" t="s">
        <v>13755</v>
      </c>
      <c r="E6865" t="s">
        <v>32704</v>
      </c>
      <c r="F6865">
        <v>4</v>
      </c>
      <c r="G6865" t="s">
        <v>3732</v>
      </c>
      <c r="H6865" t="s">
        <v>13756</v>
      </c>
      <c r="I6865" t="s">
        <v>30540</v>
      </c>
    </row>
    <row r="6866" spans="1:9">
      <c r="A6866" s="1">
        <f ca="1">RAND()</f>
        <v>0.14019370972181155</v>
      </c>
      <c r="B6866" s="1"/>
      <c r="C6866">
        <v>10</v>
      </c>
      <c r="D6866" t="s">
        <v>13759</v>
      </c>
      <c r="E6866" t="s">
        <v>32704</v>
      </c>
      <c r="F6866">
        <v>4</v>
      </c>
      <c r="G6866" t="s">
        <v>775</v>
      </c>
      <c r="H6866" t="s">
        <v>13760</v>
      </c>
      <c r="I6866" t="s">
        <v>30540</v>
      </c>
    </row>
    <row r="6867" spans="1:9">
      <c r="A6867" s="1">
        <f ca="1">RAND()</f>
        <v>0.15678183000150525</v>
      </c>
      <c r="B6867" s="1"/>
      <c r="C6867">
        <v>5</v>
      </c>
      <c r="D6867" t="s">
        <v>13749</v>
      </c>
      <c r="E6867" t="s">
        <v>32705</v>
      </c>
      <c r="F6867">
        <v>4</v>
      </c>
      <c r="G6867" t="s">
        <v>14</v>
      </c>
      <c r="H6867" t="s">
        <v>13750</v>
      </c>
      <c r="I6867" t="s">
        <v>30540</v>
      </c>
    </row>
    <row r="6868" spans="1:9">
      <c r="A6868" s="1">
        <f ca="1">RAND()</f>
        <v>0.33909954025909894</v>
      </c>
      <c r="B6868" s="1"/>
      <c r="C6868">
        <v>6</v>
      </c>
      <c r="D6868" t="s">
        <v>13751</v>
      </c>
      <c r="E6868" t="s">
        <v>32705</v>
      </c>
      <c r="F6868">
        <v>4</v>
      </c>
      <c r="G6868" t="s">
        <v>13</v>
      </c>
      <c r="H6868" t="s">
        <v>13752</v>
      </c>
      <c r="I6868" t="s">
        <v>30540</v>
      </c>
    </row>
    <row r="6869" spans="1:9">
      <c r="A6869" s="1">
        <f ca="1">RAND()</f>
        <v>0.2513331353990792</v>
      </c>
      <c r="B6869" s="1"/>
      <c r="C6869">
        <v>4</v>
      </c>
      <c r="D6869" t="s">
        <v>13747</v>
      </c>
      <c r="E6869" t="s">
        <v>32705</v>
      </c>
      <c r="F6869">
        <v>4</v>
      </c>
      <c r="G6869" t="s">
        <v>9</v>
      </c>
      <c r="H6869" t="s">
        <v>13748</v>
      </c>
      <c r="I6869" t="s">
        <v>30540</v>
      </c>
    </row>
    <row r="6870" spans="1:9">
      <c r="A6870" s="1">
        <f ca="1">RAND()</f>
        <v>0.37729669095505969</v>
      </c>
      <c r="B6870" s="1"/>
      <c r="C6870">
        <v>12</v>
      </c>
      <c r="D6870" t="s">
        <v>13753</v>
      </c>
      <c r="E6870" t="s">
        <v>32705</v>
      </c>
      <c r="F6870">
        <v>4</v>
      </c>
      <c r="G6870" t="s">
        <v>13</v>
      </c>
      <c r="H6870" t="s">
        <v>13754</v>
      </c>
      <c r="I6870" t="s">
        <v>30540</v>
      </c>
    </row>
    <row r="6871" spans="1:9">
      <c r="A6871" s="1">
        <f ca="1">RAND()</f>
        <v>0.74593717926679559</v>
      </c>
      <c r="B6871" s="1"/>
      <c r="C6871">
        <v>2</v>
      </c>
      <c r="D6871" t="s">
        <v>13745</v>
      </c>
      <c r="E6871" t="s">
        <v>32705</v>
      </c>
      <c r="F6871">
        <v>2</v>
      </c>
      <c r="G6871" t="s">
        <v>10</v>
      </c>
      <c r="H6871" t="s">
        <v>13746</v>
      </c>
      <c r="I6871" t="s">
        <v>30540</v>
      </c>
    </row>
    <row r="6872" spans="1:9">
      <c r="A6872" s="1">
        <f ca="1">RAND()</f>
        <v>2.8466538985393641E-2</v>
      </c>
      <c r="B6872" s="1"/>
      <c r="C6872">
        <v>16</v>
      </c>
      <c r="D6872" t="s">
        <v>13743</v>
      </c>
      <c r="E6872" t="s">
        <v>32706</v>
      </c>
      <c r="F6872">
        <v>5</v>
      </c>
      <c r="G6872" t="s">
        <v>14</v>
      </c>
      <c r="H6872" t="s">
        <v>13744</v>
      </c>
      <c r="I6872" t="s">
        <v>30540</v>
      </c>
    </row>
    <row r="6873" spans="1:9">
      <c r="A6873" s="1">
        <f ca="1">RAND()</f>
        <v>0.3384208997562167</v>
      </c>
      <c r="B6873" s="1"/>
      <c r="C6873">
        <v>8</v>
      </c>
      <c r="D6873" t="s">
        <v>13739</v>
      </c>
      <c r="E6873" t="s">
        <v>32706</v>
      </c>
      <c r="F6873">
        <v>4</v>
      </c>
      <c r="G6873" t="s">
        <v>14</v>
      </c>
      <c r="H6873" t="s">
        <v>13740</v>
      </c>
      <c r="I6873" t="s">
        <v>30540</v>
      </c>
    </row>
    <row r="6874" spans="1:9">
      <c r="A6874" s="1">
        <f ca="1">RAND()</f>
        <v>0.47608117318822574</v>
      </c>
      <c r="B6874" s="1"/>
      <c r="C6874">
        <v>15</v>
      </c>
      <c r="D6874" t="s">
        <v>13741</v>
      </c>
      <c r="E6874" t="s">
        <v>32706</v>
      </c>
      <c r="F6874">
        <v>4</v>
      </c>
      <c r="G6874" t="s">
        <v>14</v>
      </c>
      <c r="H6874" t="s">
        <v>13742</v>
      </c>
      <c r="I6874" t="s">
        <v>30540</v>
      </c>
    </row>
    <row r="6875" spans="1:9">
      <c r="A6875" s="1">
        <f ca="1">RAND()</f>
        <v>0.82709005500671362</v>
      </c>
      <c r="B6875" s="1"/>
      <c r="C6875">
        <v>1</v>
      </c>
      <c r="D6875" t="s">
        <v>13737</v>
      </c>
      <c r="E6875" t="s">
        <v>32706</v>
      </c>
      <c r="F6875">
        <v>4</v>
      </c>
      <c r="G6875" t="s">
        <v>10</v>
      </c>
      <c r="H6875" t="s">
        <v>13738</v>
      </c>
      <c r="I6875" t="s">
        <v>30540</v>
      </c>
    </row>
    <row r="6876" spans="1:9">
      <c r="A6876" s="1">
        <f ca="1">RAND()</f>
        <v>0.43375087510418264</v>
      </c>
      <c r="B6876" s="1"/>
      <c r="C6876">
        <v>4</v>
      </c>
      <c r="D6876" t="s">
        <v>13731</v>
      </c>
      <c r="E6876" t="s">
        <v>32707</v>
      </c>
      <c r="F6876">
        <v>4</v>
      </c>
      <c r="G6876" t="s">
        <v>14</v>
      </c>
      <c r="H6876" t="s">
        <v>13732</v>
      </c>
      <c r="I6876" t="s">
        <v>30540</v>
      </c>
    </row>
    <row r="6877" spans="1:9">
      <c r="A6877" s="1">
        <f ca="1">RAND()</f>
        <v>0.62765559522588288</v>
      </c>
      <c r="B6877" s="1"/>
      <c r="C6877">
        <v>7</v>
      </c>
      <c r="D6877" t="s">
        <v>13733</v>
      </c>
      <c r="E6877" t="s">
        <v>32707</v>
      </c>
      <c r="F6877">
        <v>4</v>
      </c>
      <c r="G6877" t="s">
        <v>0</v>
      </c>
      <c r="H6877" t="s">
        <v>13734</v>
      </c>
      <c r="I6877" t="s">
        <v>30540</v>
      </c>
    </row>
    <row r="6878" spans="1:9">
      <c r="A6878" s="1">
        <f ca="1">RAND()</f>
        <v>0.75709881311248228</v>
      </c>
      <c r="B6878" s="1"/>
      <c r="C6878">
        <v>8</v>
      </c>
      <c r="D6878" t="s">
        <v>13735</v>
      </c>
      <c r="E6878" t="s">
        <v>32707</v>
      </c>
      <c r="F6878">
        <v>4</v>
      </c>
      <c r="G6878" t="s">
        <v>13</v>
      </c>
      <c r="H6878" t="s">
        <v>13736</v>
      </c>
      <c r="I6878" t="s">
        <v>30540</v>
      </c>
    </row>
    <row r="6879" spans="1:9">
      <c r="A6879" s="1">
        <f ca="1">RAND()</f>
        <v>0.16201528918623165</v>
      </c>
      <c r="B6879" s="1"/>
      <c r="C6879">
        <v>12</v>
      </c>
      <c r="D6879" t="s">
        <v>13729</v>
      </c>
      <c r="E6879" t="s">
        <v>32708</v>
      </c>
      <c r="F6879">
        <v>5</v>
      </c>
      <c r="G6879" t="s">
        <v>14</v>
      </c>
      <c r="H6879" t="s">
        <v>13730</v>
      </c>
      <c r="I6879" t="s">
        <v>30540</v>
      </c>
    </row>
    <row r="6880" spans="1:9">
      <c r="A6880" s="1">
        <f ca="1">RAND()</f>
        <v>0.96132801729938355</v>
      </c>
      <c r="B6880" s="1"/>
      <c r="C6880">
        <v>5</v>
      </c>
      <c r="D6880" t="s">
        <v>13723</v>
      </c>
      <c r="E6880" t="s">
        <v>32708</v>
      </c>
      <c r="F6880">
        <v>4</v>
      </c>
      <c r="G6880" t="s">
        <v>13</v>
      </c>
      <c r="H6880" t="s">
        <v>13724</v>
      </c>
      <c r="I6880" t="s">
        <v>30540</v>
      </c>
    </row>
    <row r="6881" spans="1:9">
      <c r="A6881" s="1">
        <f ca="1">RAND()</f>
        <v>0.16635484724278671</v>
      </c>
      <c r="B6881" s="1"/>
      <c r="C6881">
        <v>7</v>
      </c>
      <c r="D6881" t="s">
        <v>13725</v>
      </c>
      <c r="E6881" t="s">
        <v>32708</v>
      </c>
      <c r="F6881">
        <v>4</v>
      </c>
      <c r="G6881" t="s">
        <v>0</v>
      </c>
      <c r="H6881" t="s">
        <v>13726</v>
      </c>
      <c r="I6881" t="s">
        <v>30540</v>
      </c>
    </row>
    <row r="6882" spans="1:9">
      <c r="A6882" s="1">
        <f ca="1">RAND()</f>
        <v>5.053356126711428E-3</v>
      </c>
      <c r="B6882" s="1"/>
      <c r="C6882">
        <v>8</v>
      </c>
      <c r="D6882" t="s">
        <v>13727</v>
      </c>
      <c r="E6882" t="s">
        <v>32708</v>
      </c>
      <c r="F6882">
        <v>4</v>
      </c>
      <c r="G6882" t="s">
        <v>14</v>
      </c>
      <c r="H6882" t="s">
        <v>13728</v>
      </c>
      <c r="I6882" t="s">
        <v>30540</v>
      </c>
    </row>
    <row r="6883" spans="1:9">
      <c r="A6883" s="1">
        <f ca="1">RAND()</f>
        <v>0.36168191547255391</v>
      </c>
      <c r="B6883" s="1"/>
      <c r="C6883">
        <v>4</v>
      </c>
      <c r="D6883" t="s">
        <v>13711</v>
      </c>
      <c r="E6883" t="s">
        <v>32709</v>
      </c>
      <c r="F6883">
        <v>5</v>
      </c>
      <c r="G6883" t="s">
        <v>10</v>
      </c>
      <c r="H6883" t="s">
        <v>13712</v>
      </c>
      <c r="I6883" t="s">
        <v>30540</v>
      </c>
    </row>
    <row r="6884" spans="1:9">
      <c r="A6884" s="1">
        <f ca="1">RAND()</f>
        <v>0.2890612234200759</v>
      </c>
      <c r="B6884" s="1"/>
      <c r="C6884">
        <v>15</v>
      </c>
      <c r="D6884" t="s">
        <v>13719</v>
      </c>
      <c r="E6884" t="s">
        <v>32709</v>
      </c>
      <c r="F6884">
        <v>5</v>
      </c>
      <c r="G6884" t="s">
        <v>1</v>
      </c>
      <c r="H6884" t="s">
        <v>13720</v>
      </c>
      <c r="I6884" t="s">
        <v>30540</v>
      </c>
    </row>
    <row r="6885" spans="1:9">
      <c r="A6885" s="1">
        <f ca="1">RAND()</f>
        <v>0.16308234795368726</v>
      </c>
      <c r="B6885" s="1"/>
      <c r="C6885">
        <v>8</v>
      </c>
      <c r="D6885" t="s">
        <v>13717</v>
      </c>
      <c r="E6885" t="s">
        <v>32709</v>
      </c>
      <c r="F6885">
        <v>4</v>
      </c>
      <c r="G6885" t="s">
        <v>10</v>
      </c>
      <c r="H6885" t="s">
        <v>13718</v>
      </c>
      <c r="I6885" t="s">
        <v>30540</v>
      </c>
    </row>
    <row r="6886" spans="1:9">
      <c r="A6886" s="1">
        <f ca="1">RAND()</f>
        <v>0.78749344017688672</v>
      </c>
      <c r="B6886" s="1"/>
      <c r="C6886">
        <v>19</v>
      </c>
      <c r="D6886" t="s">
        <v>13721</v>
      </c>
      <c r="E6886" t="s">
        <v>32709</v>
      </c>
      <c r="F6886">
        <v>4</v>
      </c>
      <c r="G6886" t="s">
        <v>14</v>
      </c>
      <c r="H6886" t="s">
        <v>13722</v>
      </c>
      <c r="I6886" t="s">
        <v>30540</v>
      </c>
    </row>
    <row r="6887" spans="1:9">
      <c r="A6887" s="1">
        <f ca="1">RAND()</f>
        <v>0.54510730014133124</v>
      </c>
      <c r="B6887" s="1"/>
      <c r="C6887">
        <v>7</v>
      </c>
      <c r="D6887" t="s">
        <v>13715</v>
      </c>
      <c r="E6887" t="s">
        <v>32709</v>
      </c>
      <c r="F6887">
        <v>4</v>
      </c>
      <c r="G6887" t="s">
        <v>762</v>
      </c>
      <c r="H6887" t="s">
        <v>13716</v>
      </c>
      <c r="I6887" t="s">
        <v>30540</v>
      </c>
    </row>
    <row r="6888" spans="1:9">
      <c r="A6888" s="1">
        <f ca="1">RAND()</f>
        <v>0.31956149480706719</v>
      </c>
      <c r="B6888" s="1"/>
      <c r="C6888">
        <v>5</v>
      </c>
      <c r="D6888" t="s">
        <v>13713</v>
      </c>
      <c r="E6888" t="s">
        <v>32709</v>
      </c>
      <c r="F6888">
        <v>4</v>
      </c>
      <c r="G6888" t="s">
        <v>10</v>
      </c>
      <c r="H6888" t="s">
        <v>13714</v>
      </c>
      <c r="I6888" t="s">
        <v>30540</v>
      </c>
    </row>
    <row r="6889" spans="1:9">
      <c r="A6889" s="1">
        <f ca="1">RAND()</f>
        <v>0.44206758540185764</v>
      </c>
      <c r="B6889" s="1"/>
      <c r="C6889">
        <v>2</v>
      </c>
      <c r="D6889" t="s">
        <v>13709</v>
      </c>
      <c r="E6889" t="s">
        <v>32709</v>
      </c>
      <c r="F6889">
        <v>4</v>
      </c>
      <c r="G6889" t="s">
        <v>9</v>
      </c>
      <c r="H6889" t="s">
        <v>13710</v>
      </c>
      <c r="I6889" t="s">
        <v>30540</v>
      </c>
    </row>
    <row r="6890" spans="1:9">
      <c r="A6890" s="1">
        <f ca="1">RAND()</f>
        <v>0.94703968268427252</v>
      </c>
      <c r="B6890" s="1"/>
      <c r="C6890">
        <v>11</v>
      </c>
      <c r="D6890" t="s">
        <v>13707</v>
      </c>
      <c r="E6890" t="s">
        <v>32710</v>
      </c>
      <c r="F6890">
        <v>5</v>
      </c>
      <c r="G6890" t="s">
        <v>13</v>
      </c>
      <c r="H6890" t="s">
        <v>13708</v>
      </c>
      <c r="I6890" t="s">
        <v>30540</v>
      </c>
    </row>
    <row r="6891" spans="1:9">
      <c r="A6891" s="1">
        <f ca="1">RAND()</f>
        <v>0.6753884304963762</v>
      </c>
      <c r="B6891" s="1"/>
      <c r="C6891">
        <v>9</v>
      </c>
      <c r="D6891" t="s">
        <v>13705</v>
      </c>
      <c r="E6891" t="s">
        <v>32710</v>
      </c>
      <c r="F6891">
        <v>4</v>
      </c>
      <c r="G6891" t="s">
        <v>14</v>
      </c>
      <c r="H6891" t="s">
        <v>13706</v>
      </c>
      <c r="I6891" t="s">
        <v>30540</v>
      </c>
    </row>
    <row r="6892" spans="1:9">
      <c r="A6892" s="1">
        <f ca="1">RAND()</f>
        <v>0.40081018523231071</v>
      </c>
      <c r="B6892" s="1"/>
      <c r="C6892">
        <v>14</v>
      </c>
      <c r="D6892" t="s">
        <v>13699</v>
      </c>
      <c r="E6892" t="s">
        <v>32711</v>
      </c>
      <c r="F6892">
        <v>5</v>
      </c>
      <c r="G6892" t="s">
        <v>10</v>
      </c>
      <c r="H6892" t="s">
        <v>13700</v>
      </c>
      <c r="I6892" t="s">
        <v>30540</v>
      </c>
    </row>
    <row r="6893" spans="1:9">
      <c r="A6893" s="1">
        <f ca="1">RAND()</f>
        <v>2.7257488350065917E-2</v>
      </c>
      <c r="B6893" s="1"/>
      <c r="C6893">
        <v>2</v>
      </c>
      <c r="D6893" t="s">
        <v>13685</v>
      </c>
      <c r="E6893" t="s">
        <v>32711</v>
      </c>
      <c r="F6893">
        <v>4</v>
      </c>
      <c r="G6893" t="s">
        <v>15</v>
      </c>
      <c r="H6893" t="s">
        <v>13686</v>
      </c>
      <c r="I6893" t="s">
        <v>30540</v>
      </c>
    </row>
    <row r="6894" spans="1:9">
      <c r="A6894" s="1">
        <f ca="1">RAND()</f>
        <v>0.79400233778636709</v>
      </c>
      <c r="B6894" s="1"/>
      <c r="C6894">
        <v>1</v>
      </c>
      <c r="D6894" t="s">
        <v>13683</v>
      </c>
      <c r="E6894" t="s">
        <v>32711</v>
      </c>
      <c r="F6894">
        <v>4</v>
      </c>
      <c r="G6894" t="s">
        <v>13</v>
      </c>
      <c r="H6894" t="s">
        <v>13684</v>
      </c>
      <c r="I6894" t="s">
        <v>30540</v>
      </c>
    </row>
    <row r="6895" spans="1:9">
      <c r="A6895" s="1">
        <f ca="1">RAND()</f>
        <v>0.87772571268401567</v>
      </c>
      <c r="B6895" s="1"/>
      <c r="C6895">
        <v>12</v>
      </c>
      <c r="D6895" t="s">
        <v>13697</v>
      </c>
      <c r="E6895" t="s">
        <v>32711</v>
      </c>
      <c r="F6895">
        <v>4</v>
      </c>
      <c r="G6895" t="s">
        <v>9</v>
      </c>
      <c r="H6895" t="s">
        <v>13698</v>
      </c>
      <c r="I6895" t="s">
        <v>30540</v>
      </c>
    </row>
    <row r="6896" spans="1:9">
      <c r="A6896" s="1">
        <f ca="1">RAND()</f>
        <v>0.24930066668578665</v>
      </c>
      <c r="B6896" s="1"/>
      <c r="C6896">
        <v>11</v>
      </c>
      <c r="D6896" t="s">
        <v>13695</v>
      </c>
      <c r="E6896" t="s">
        <v>32711</v>
      </c>
      <c r="F6896">
        <v>4</v>
      </c>
      <c r="G6896" t="s">
        <v>14</v>
      </c>
      <c r="H6896" t="s">
        <v>13696</v>
      </c>
      <c r="I6896" t="s">
        <v>30540</v>
      </c>
    </row>
    <row r="6897" spans="1:9">
      <c r="A6897" s="1">
        <f ca="1">RAND()</f>
        <v>0.22674211264845245</v>
      </c>
      <c r="B6897" s="1"/>
      <c r="C6897">
        <v>5</v>
      </c>
      <c r="D6897" t="s">
        <v>13689</v>
      </c>
      <c r="E6897" t="s">
        <v>32711</v>
      </c>
      <c r="F6897">
        <v>4</v>
      </c>
      <c r="G6897" t="s">
        <v>10</v>
      </c>
      <c r="H6897" t="s">
        <v>13690</v>
      </c>
      <c r="I6897" t="s">
        <v>30540</v>
      </c>
    </row>
    <row r="6898" spans="1:9">
      <c r="A6898" s="1">
        <f ca="1">RAND()</f>
        <v>0.32105307688370743</v>
      </c>
      <c r="B6898" s="1"/>
      <c r="C6898">
        <v>6</v>
      </c>
      <c r="D6898" t="s">
        <v>13691</v>
      </c>
      <c r="E6898" t="s">
        <v>32711</v>
      </c>
      <c r="F6898">
        <v>4</v>
      </c>
      <c r="G6898" t="s">
        <v>2</v>
      </c>
      <c r="H6898" t="s">
        <v>13692</v>
      </c>
      <c r="I6898" t="s">
        <v>30540</v>
      </c>
    </row>
    <row r="6899" spans="1:9">
      <c r="A6899" s="1">
        <f ca="1">RAND()</f>
        <v>0.61719362888128981</v>
      </c>
      <c r="B6899" s="1"/>
      <c r="C6899">
        <v>10</v>
      </c>
      <c r="D6899" t="s">
        <v>13693</v>
      </c>
      <c r="E6899" t="s">
        <v>32711</v>
      </c>
      <c r="F6899">
        <v>4</v>
      </c>
      <c r="G6899" t="s">
        <v>0</v>
      </c>
      <c r="H6899" t="s">
        <v>13694</v>
      </c>
      <c r="I6899" t="s">
        <v>30540</v>
      </c>
    </row>
    <row r="6900" spans="1:9">
      <c r="A6900" s="1">
        <f ca="1">RAND()</f>
        <v>0.91216642527554515</v>
      </c>
      <c r="B6900" s="1"/>
      <c r="C6900">
        <v>3</v>
      </c>
      <c r="D6900" t="s">
        <v>13687</v>
      </c>
      <c r="E6900" t="s">
        <v>32711</v>
      </c>
      <c r="F6900">
        <v>3</v>
      </c>
      <c r="G6900" t="s">
        <v>10</v>
      </c>
      <c r="H6900" t="s">
        <v>13688</v>
      </c>
      <c r="I6900" t="s">
        <v>30540</v>
      </c>
    </row>
    <row r="6901" spans="1:9">
      <c r="A6901" s="1">
        <f ca="1">RAND()</f>
        <v>0.30777387219267027</v>
      </c>
      <c r="B6901" s="1"/>
      <c r="C6901">
        <v>15</v>
      </c>
      <c r="D6901" t="s">
        <v>13701</v>
      </c>
      <c r="E6901" t="s">
        <v>32711</v>
      </c>
      <c r="F6901">
        <v>3</v>
      </c>
      <c r="G6901" t="s">
        <v>14</v>
      </c>
      <c r="H6901" t="s">
        <v>13702</v>
      </c>
      <c r="I6901" t="s">
        <v>30540</v>
      </c>
    </row>
    <row r="6902" spans="1:9">
      <c r="A6902" s="1">
        <f ca="1">RAND()</f>
        <v>0.20438949821786911</v>
      </c>
      <c r="B6902" s="1"/>
      <c r="C6902">
        <v>16</v>
      </c>
      <c r="D6902" t="s">
        <v>13703</v>
      </c>
      <c r="E6902" t="s">
        <v>32711</v>
      </c>
      <c r="F6902">
        <v>2</v>
      </c>
      <c r="G6902" t="s">
        <v>14</v>
      </c>
      <c r="H6902" t="s">
        <v>13704</v>
      </c>
      <c r="I6902" t="s">
        <v>30540</v>
      </c>
    </row>
    <row r="6903" spans="1:9">
      <c r="A6903" s="1">
        <f ca="1">RAND()</f>
        <v>0.65454324619782123</v>
      </c>
      <c r="B6903" s="1"/>
      <c r="C6903">
        <v>12</v>
      </c>
      <c r="D6903" t="s">
        <v>13681</v>
      </c>
      <c r="E6903" t="s">
        <v>32712</v>
      </c>
      <c r="F6903">
        <v>4</v>
      </c>
      <c r="G6903" t="s">
        <v>14</v>
      </c>
      <c r="H6903" t="s">
        <v>13682</v>
      </c>
      <c r="I6903" t="s">
        <v>30540</v>
      </c>
    </row>
    <row r="6904" spans="1:9">
      <c r="A6904" s="1">
        <f ca="1">RAND()</f>
        <v>0.47095084080444827</v>
      </c>
      <c r="B6904" s="1"/>
      <c r="C6904">
        <v>2</v>
      </c>
      <c r="D6904" t="s">
        <v>13679</v>
      </c>
      <c r="E6904" t="s">
        <v>32712</v>
      </c>
      <c r="F6904">
        <v>1</v>
      </c>
      <c r="G6904" t="s">
        <v>10</v>
      </c>
      <c r="H6904" t="s">
        <v>13680</v>
      </c>
      <c r="I6904" t="s">
        <v>30540</v>
      </c>
    </row>
    <row r="6905" spans="1:9">
      <c r="A6905" s="1">
        <f ca="1">RAND()</f>
        <v>0.22151148104386242</v>
      </c>
      <c r="B6905" s="1"/>
      <c r="C6905">
        <v>10</v>
      </c>
      <c r="D6905" t="s">
        <v>13675</v>
      </c>
      <c r="E6905" t="s">
        <v>32713</v>
      </c>
      <c r="F6905">
        <v>5</v>
      </c>
      <c r="G6905" t="s">
        <v>10</v>
      </c>
      <c r="H6905" t="s">
        <v>13676</v>
      </c>
      <c r="I6905" t="s">
        <v>30540</v>
      </c>
    </row>
    <row r="6906" spans="1:9">
      <c r="A6906" s="1">
        <f ca="1">RAND()</f>
        <v>0.83571229697842475</v>
      </c>
      <c r="B6906" s="1"/>
      <c r="C6906">
        <v>6</v>
      </c>
      <c r="D6906" t="s">
        <v>13671</v>
      </c>
      <c r="E6906" t="s">
        <v>32713</v>
      </c>
      <c r="F6906">
        <v>5</v>
      </c>
      <c r="G6906" t="s">
        <v>10</v>
      </c>
      <c r="H6906" t="s">
        <v>13672</v>
      </c>
      <c r="I6906" t="s">
        <v>30540</v>
      </c>
    </row>
    <row r="6907" spans="1:9">
      <c r="A6907" s="1">
        <f ca="1">RAND()</f>
        <v>0.26309749339506849</v>
      </c>
      <c r="B6907" s="1"/>
      <c r="C6907">
        <v>11</v>
      </c>
      <c r="D6907" t="s">
        <v>13677</v>
      </c>
      <c r="E6907" t="s">
        <v>32713</v>
      </c>
      <c r="F6907">
        <v>4</v>
      </c>
      <c r="G6907" t="s">
        <v>10</v>
      </c>
      <c r="H6907" t="s">
        <v>13678</v>
      </c>
      <c r="I6907" t="s">
        <v>30540</v>
      </c>
    </row>
    <row r="6908" spans="1:9">
      <c r="A6908" s="1">
        <f ca="1">RAND()</f>
        <v>0.24043052027146306</v>
      </c>
      <c r="B6908" s="1"/>
      <c r="C6908">
        <v>8</v>
      </c>
      <c r="D6908" t="s">
        <v>13673</v>
      </c>
      <c r="E6908" t="s">
        <v>32713</v>
      </c>
      <c r="F6908">
        <v>4</v>
      </c>
      <c r="G6908" t="s">
        <v>0</v>
      </c>
      <c r="H6908" t="s">
        <v>13674</v>
      </c>
      <c r="I6908" t="s">
        <v>30540</v>
      </c>
    </row>
    <row r="6909" spans="1:9">
      <c r="A6909" s="1">
        <f ca="1">RAND()</f>
        <v>0.1652803375269607</v>
      </c>
      <c r="B6909" s="1"/>
      <c r="C6909">
        <v>5</v>
      </c>
      <c r="D6909" t="s">
        <v>13659</v>
      </c>
      <c r="E6909" t="s">
        <v>32714</v>
      </c>
      <c r="F6909">
        <v>5</v>
      </c>
      <c r="G6909" t="s">
        <v>1431</v>
      </c>
      <c r="H6909" t="s">
        <v>13660</v>
      </c>
      <c r="I6909" t="s">
        <v>30540</v>
      </c>
    </row>
    <row r="6910" spans="1:9">
      <c r="A6910" s="1">
        <f ca="1">RAND()</f>
        <v>0.80659007089505796</v>
      </c>
      <c r="B6910" s="1"/>
      <c r="C6910">
        <v>7</v>
      </c>
      <c r="D6910" t="s">
        <v>13661</v>
      </c>
      <c r="E6910" t="s">
        <v>32714</v>
      </c>
      <c r="F6910">
        <v>4</v>
      </c>
      <c r="G6910" t="s">
        <v>1431</v>
      </c>
      <c r="H6910" t="s">
        <v>13662</v>
      </c>
      <c r="I6910" t="s">
        <v>30540</v>
      </c>
    </row>
    <row r="6911" spans="1:9">
      <c r="A6911" s="1">
        <f ca="1">RAND()</f>
        <v>0.53878848248855804</v>
      </c>
      <c r="B6911" s="1"/>
      <c r="C6911">
        <v>8</v>
      </c>
      <c r="D6911" t="s">
        <v>13663</v>
      </c>
      <c r="E6911" t="s">
        <v>32714</v>
      </c>
      <c r="F6911">
        <v>4</v>
      </c>
      <c r="G6911" t="s">
        <v>14</v>
      </c>
      <c r="H6911" t="s">
        <v>13664</v>
      </c>
      <c r="I6911" t="s">
        <v>30540</v>
      </c>
    </row>
    <row r="6912" spans="1:9">
      <c r="A6912" s="1">
        <f ca="1">RAND()</f>
        <v>0.70094593171002062</v>
      </c>
      <c r="B6912" s="1"/>
      <c r="C6912">
        <v>13</v>
      </c>
      <c r="D6912" t="s">
        <v>13665</v>
      </c>
      <c r="E6912" t="s">
        <v>32714</v>
      </c>
      <c r="F6912">
        <v>4</v>
      </c>
      <c r="G6912" t="s">
        <v>14</v>
      </c>
      <c r="H6912" t="s">
        <v>13666</v>
      </c>
      <c r="I6912" t="s">
        <v>30540</v>
      </c>
    </row>
    <row r="6913" spans="1:9">
      <c r="A6913" s="1">
        <f ca="1">RAND()</f>
        <v>0.42908420729204833</v>
      </c>
      <c r="B6913" s="1"/>
      <c r="C6913">
        <v>1</v>
      </c>
      <c r="D6913" t="s">
        <v>13657</v>
      </c>
      <c r="E6913" t="s">
        <v>32714</v>
      </c>
      <c r="F6913">
        <v>4</v>
      </c>
      <c r="G6913" t="s">
        <v>13</v>
      </c>
      <c r="H6913" t="s">
        <v>13658</v>
      </c>
      <c r="I6913" t="s">
        <v>30540</v>
      </c>
    </row>
    <row r="6914" spans="1:9">
      <c r="A6914" s="1">
        <f ca="1">RAND()</f>
        <v>0.98148404046285043</v>
      </c>
      <c r="B6914" s="1"/>
      <c r="C6914">
        <v>19</v>
      </c>
      <c r="D6914" t="s">
        <v>13669</v>
      </c>
      <c r="E6914" t="s">
        <v>32714</v>
      </c>
      <c r="F6914">
        <v>4</v>
      </c>
      <c r="G6914" t="s">
        <v>14</v>
      </c>
      <c r="H6914" t="s">
        <v>13670</v>
      </c>
      <c r="I6914" t="s">
        <v>30540</v>
      </c>
    </row>
    <row r="6915" spans="1:9">
      <c r="A6915" s="1">
        <f ca="1">RAND()</f>
        <v>0.39439259661880277</v>
      </c>
      <c r="B6915" s="1"/>
      <c r="C6915">
        <v>16</v>
      </c>
      <c r="D6915" t="s">
        <v>13667</v>
      </c>
      <c r="E6915" t="s">
        <v>32714</v>
      </c>
      <c r="F6915">
        <v>3</v>
      </c>
      <c r="G6915" t="s">
        <v>2229</v>
      </c>
      <c r="H6915" t="s">
        <v>13668</v>
      </c>
      <c r="I6915" t="s">
        <v>30540</v>
      </c>
    </row>
    <row r="6916" spans="1:9">
      <c r="A6916" s="1">
        <f ca="1">RAND()</f>
        <v>0.87673133332468389</v>
      </c>
      <c r="B6916" s="1"/>
      <c r="C6916">
        <v>9</v>
      </c>
      <c r="D6916" t="s">
        <v>13655</v>
      </c>
      <c r="E6916" t="s">
        <v>32715</v>
      </c>
      <c r="F6916">
        <v>5</v>
      </c>
      <c r="G6916" t="s">
        <v>14</v>
      </c>
      <c r="H6916" t="s">
        <v>13656</v>
      </c>
      <c r="I6916" t="s">
        <v>30540</v>
      </c>
    </row>
    <row r="6917" spans="1:9">
      <c r="A6917" s="1">
        <f ca="1">RAND()</f>
        <v>8.5113267358377986E-2</v>
      </c>
      <c r="B6917" s="1"/>
      <c r="C6917">
        <v>4</v>
      </c>
      <c r="D6917" t="s">
        <v>13651</v>
      </c>
      <c r="E6917" t="s">
        <v>32715</v>
      </c>
      <c r="F6917">
        <v>5</v>
      </c>
      <c r="G6917" t="s">
        <v>14</v>
      </c>
      <c r="H6917" t="s">
        <v>13652</v>
      </c>
      <c r="I6917" t="s">
        <v>30540</v>
      </c>
    </row>
    <row r="6918" spans="1:9">
      <c r="A6918" s="1">
        <f ca="1">RAND()</f>
        <v>0.9729563298567192</v>
      </c>
      <c r="B6918" s="1"/>
      <c r="C6918">
        <v>6</v>
      </c>
      <c r="D6918" t="s">
        <v>13653</v>
      </c>
      <c r="E6918" t="s">
        <v>32715</v>
      </c>
      <c r="F6918">
        <v>2</v>
      </c>
      <c r="G6918" t="s">
        <v>15</v>
      </c>
      <c r="H6918" t="s">
        <v>13654</v>
      </c>
      <c r="I6918" t="s">
        <v>30540</v>
      </c>
    </row>
    <row r="6919" spans="1:9">
      <c r="A6919" s="1">
        <f ca="1">RAND()</f>
        <v>0.92526785138023471</v>
      </c>
      <c r="B6919" s="1"/>
      <c r="C6919">
        <v>15</v>
      </c>
      <c r="D6919" t="s">
        <v>13645</v>
      </c>
      <c r="E6919" t="s">
        <v>32716</v>
      </c>
      <c r="F6919">
        <v>5</v>
      </c>
      <c r="G6919" t="s">
        <v>1</v>
      </c>
      <c r="H6919" t="s">
        <v>13646</v>
      </c>
      <c r="I6919" t="s">
        <v>30540</v>
      </c>
    </row>
    <row r="6920" spans="1:9">
      <c r="A6920" s="1">
        <f ca="1">RAND()</f>
        <v>0.70181963684507054</v>
      </c>
      <c r="B6920" s="1"/>
      <c r="C6920">
        <v>6</v>
      </c>
      <c r="D6920" t="s">
        <v>13639</v>
      </c>
      <c r="E6920" t="s">
        <v>32716</v>
      </c>
      <c r="F6920">
        <v>5</v>
      </c>
      <c r="G6920" t="s">
        <v>2226</v>
      </c>
      <c r="H6920" t="s">
        <v>13640</v>
      </c>
      <c r="I6920" t="s">
        <v>30540</v>
      </c>
    </row>
    <row r="6921" spans="1:9">
      <c r="A6921" s="1">
        <f ca="1">RAND()</f>
        <v>0.30435426267691568</v>
      </c>
      <c r="B6921" s="1"/>
      <c r="C6921">
        <v>7</v>
      </c>
      <c r="D6921" t="s">
        <v>13641</v>
      </c>
      <c r="E6921" t="s">
        <v>32716</v>
      </c>
      <c r="F6921">
        <v>4</v>
      </c>
      <c r="G6921" t="s">
        <v>770</v>
      </c>
      <c r="H6921" t="s">
        <v>13642</v>
      </c>
      <c r="I6921" t="s">
        <v>30540</v>
      </c>
    </row>
    <row r="6922" spans="1:9">
      <c r="A6922" s="1">
        <f ca="1">RAND()</f>
        <v>0.36487951940650432</v>
      </c>
      <c r="B6922" s="1"/>
      <c r="C6922">
        <v>10</v>
      </c>
      <c r="D6922" t="s">
        <v>13643</v>
      </c>
      <c r="E6922" t="s">
        <v>32716</v>
      </c>
      <c r="F6922">
        <v>4</v>
      </c>
      <c r="G6922" t="s">
        <v>10</v>
      </c>
      <c r="H6922" t="s">
        <v>13644</v>
      </c>
      <c r="I6922" t="s">
        <v>30540</v>
      </c>
    </row>
    <row r="6923" spans="1:9">
      <c r="A6923" s="1">
        <f ca="1">RAND()</f>
        <v>0.18215750057193236</v>
      </c>
      <c r="B6923" s="1"/>
      <c r="C6923">
        <v>3</v>
      </c>
      <c r="D6923" t="s">
        <v>13635</v>
      </c>
      <c r="E6923" t="s">
        <v>32716</v>
      </c>
      <c r="F6923">
        <v>4</v>
      </c>
      <c r="G6923" t="s">
        <v>770</v>
      </c>
      <c r="H6923" t="s">
        <v>13636</v>
      </c>
      <c r="I6923" t="s">
        <v>30540</v>
      </c>
    </row>
    <row r="6924" spans="1:9">
      <c r="A6924" s="1">
        <f ca="1">RAND()</f>
        <v>0.41577958537944826</v>
      </c>
      <c r="B6924" s="1"/>
      <c r="C6924">
        <v>20</v>
      </c>
      <c r="D6924" t="s">
        <v>13649</v>
      </c>
      <c r="E6924" t="s">
        <v>32716</v>
      </c>
      <c r="F6924">
        <v>4</v>
      </c>
      <c r="G6924" t="s">
        <v>14</v>
      </c>
      <c r="H6924" t="s">
        <v>13650</v>
      </c>
      <c r="I6924" t="s">
        <v>30540</v>
      </c>
    </row>
    <row r="6925" spans="1:9">
      <c r="A6925" s="1">
        <f ca="1">RAND()</f>
        <v>0.48754657391174572</v>
      </c>
      <c r="B6925" s="1"/>
      <c r="C6925">
        <v>5</v>
      </c>
      <c r="D6925" t="s">
        <v>13637</v>
      </c>
      <c r="E6925" t="s">
        <v>32716</v>
      </c>
      <c r="F6925">
        <v>4</v>
      </c>
      <c r="G6925" t="s">
        <v>770</v>
      </c>
      <c r="H6925" t="s">
        <v>13638</v>
      </c>
      <c r="I6925" t="s">
        <v>30540</v>
      </c>
    </row>
    <row r="6926" spans="1:9">
      <c r="A6926" s="1">
        <f ca="1">RAND()</f>
        <v>0.53406565594823407</v>
      </c>
      <c r="B6926" s="1"/>
      <c r="C6926">
        <v>19</v>
      </c>
      <c r="D6926" t="s">
        <v>13647</v>
      </c>
      <c r="E6926" t="s">
        <v>32716</v>
      </c>
      <c r="F6926">
        <v>2</v>
      </c>
      <c r="G6926" t="s">
        <v>14</v>
      </c>
      <c r="H6926" t="s">
        <v>13648</v>
      </c>
      <c r="I6926" t="s">
        <v>30540</v>
      </c>
    </row>
    <row r="6927" spans="1:9">
      <c r="A6927" s="1">
        <f ca="1">RAND()</f>
        <v>0.53211194297909437</v>
      </c>
      <c r="B6927" s="1"/>
      <c r="C6927">
        <v>13</v>
      </c>
      <c r="D6927" t="s">
        <v>13633</v>
      </c>
      <c r="E6927" t="s">
        <v>32717</v>
      </c>
      <c r="F6927">
        <v>4</v>
      </c>
      <c r="G6927" t="s">
        <v>14</v>
      </c>
      <c r="H6927" t="s">
        <v>13634</v>
      </c>
      <c r="I6927" t="s">
        <v>30540</v>
      </c>
    </row>
    <row r="6928" spans="1:9">
      <c r="A6928" s="1">
        <f ca="1">RAND()</f>
        <v>7.9820074049266165E-2</v>
      </c>
      <c r="B6928" s="1"/>
      <c r="C6928">
        <v>10</v>
      </c>
      <c r="D6928" t="s">
        <v>13629</v>
      </c>
      <c r="E6928" t="s">
        <v>32717</v>
      </c>
      <c r="F6928">
        <v>4</v>
      </c>
      <c r="G6928" t="s">
        <v>14</v>
      </c>
      <c r="H6928" t="s">
        <v>13630</v>
      </c>
      <c r="I6928" t="s">
        <v>30540</v>
      </c>
    </row>
    <row r="6929" spans="1:9">
      <c r="A6929" s="1">
        <f ca="1">RAND()</f>
        <v>0.58271039912473799</v>
      </c>
      <c r="B6929" s="1"/>
      <c r="C6929">
        <v>11</v>
      </c>
      <c r="D6929" t="s">
        <v>13631</v>
      </c>
      <c r="E6929" t="s">
        <v>32717</v>
      </c>
      <c r="F6929">
        <v>2</v>
      </c>
      <c r="G6929" t="s">
        <v>14</v>
      </c>
      <c r="H6929" t="s">
        <v>13632</v>
      </c>
      <c r="I6929" t="s">
        <v>30540</v>
      </c>
    </row>
    <row r="6930" spans="1:9">
      <c r="A6930" s="1">
        <f ca="1">RAND()</f>
        <v>0.79360015482951374</v>
      </c>
      <c r="B6930" s="1"/>
      <c r="C6930">
        <v>10</v>
      </c>
      <c r="D6930" t="s">
        <v>13627</v>
      </c>
      <c r="E6930" t="s">
        <v>32718</v>
      </c>
      <c r="F6930">
        <v>5</v>
      </c>
      <c r="G6930" t="s">
        <v>14</v>
      </c>
      <c r="H6930" t="s">
        <v>13628</v>
      </c>
      <c r="I6930" t="s">
        <v>30540</v>
      </c>
    </row>
    <row r="6931" spans="1:9">
      <c r="A6931" s="1">
        <f ca="1">RAND()</f>
        <v>9.226808711480472E-2</v>
      </c>
      <c r="B6931" s="1"/>
      <c r="C6931">
        <v>2</v>
      </c>
      <c r="D6931" t="s">
        <v>13623</v>
      </c>
      <c r="E6931" t="s">
        <v>32718</v>
      </c>
      <c r="F6931">
        <v>4</v>
      </c>
      <c r="G6931" t="s">
        <v>14</v>
      </c>
      <c r="H6931" t="s">
        <v>13624</v>
      </c>
      <c r="I6931" t="s">
        <v>30540</v>
      </c>
    </row>
    <row r="6932" spans="1:9">
      <c r="A6932" s="1">
        <f ca="1">RAND()</f>
        <v>0.25020987410830209</v>
      </c>
      <c r="B6932" s="1"/>
      <c r="C6932">
        <v>4</v>
      </c>
      <c r="D6932" t="s">
        <v>13625</v>
      </c>
      <c r="E6932" t="s">
        <v>32718</v>
      </c>
      <c r="F6932">
        <v>4</v>
      </c>
      <c r="G6932" t="s">
        <v>14</v>
      </c>
      <c r="H6932" t="s">
        <v>13626</v>
      </c>
      <c r="I6932" t="s">
        <v>30540</v>
      </c>
    </row>
    <row r="6933" spans="1:9">
      <c r="A6933" s="1">
        <f ca="1">RAND()</f>
        <v>0.61940363370237272</v>
      </c>
      <c r="B6933" s="1"/>
      <c r="C6933">
        <v>1</v>
      </c>
      <c r="D6933" t="s">
        <v>13621</v>
      </c>
      <c r="E6933" t="s">
        <v>32718</v>
      </c>
      <c r="F6933">
        <v>4</v>
      </c>
      <c r="G6933" t="s">
        <v>2</v>
      </c>
      <c r="H6933" t="s">
        <v>13622</v>
      </c>
      <c r="I6933" t="s">
        <v>30540</v>
      </c>
    </row>
    <row r="6934" spans="1:9">
      <c r="A6934" s="1">
        <f ca="1">RAND()</f>
        <v>0.32619490400557283</v>
      </c>
      <c r="B6934" s="1"/>
      <c r="C6934">
        <v>6</v>
      </c>
      <c r="D6934" t="s">
        <v>13613</v>
      </c>
      <c r="E6934" t="s">
        <v>32719</v>
      </c>
      <c r="F6934">
        <v>5</v>
      </c>
      <c r="G6934" t="s">
        <v>14</v>
      </c>
      <c r="H6934" t="s">
        <v>13614</v>
      </c>
      <c r="I6934" t="s">
        <v>30540</v>
      </c>
    </row>
    <row r="6935" spans="1:9">
      <c r="A6935" s="1">
        <f ca="1">RAND()</f>
        <v>0.63888040905308763</v>
      </c>
      <c r="B6935" s="1"/>
      <c r="C6935">
        <v>10</v>
      </c>
      <c r="D6935" t="s">
        <v>13615</v>
      </c>
      <c r="E6935" t="s">
        <v>32719</v>
      </c>
      <c r="F6935">
        <v>4</v>
      </c>
      <c r="G6935" t="s">
        <v>9</v>
      </c>
      <c r="H6935" t="s">
        <v>13616</v>
      </c>
      <c r="I6935" t="s">
        <v>30540</v>
      </c>
    </row>
    <row r="6936" spans="1:9">
      <c r="A6936" s="1">
        <f ca="1">RAND()</f>
        <v>0.66109467923840626</v>
      </c>
      <c r="B6936" s="1"/>
      <c r="C6936">
        <v>16</v>
      </c>
      <c r="D6936" t="s">
        <v>13617</v>
      </c>
      <c r="E6936" t="s">
        <v>32719</v>
      </c>
      <c r="F6936">
        <v>4</v>
      </c>
      <c r="G6936" t="s">
        <v>14</v>
      </c>
      <c r="H6936" t="s">
        <v>13618</v>
      </c>
      <c r="I6936" t="s">
        <v>30540</v>
      </c>
    </row>
    <row r="6937" spans="1:9">
      <c r="A6937" s="1">
        <f ca="1">RAND()</f>
        <v>0.55510285643309165</v>
      </c>
      <c r="B6937" s="1"/>
      <c r="C6937">
        <v>18</v>
      </c>
      <c r="D6937" t="s">
        <v>13619</v>
      </c>
      <c r="E6937" t="s">
        <v>32719</v>
      </c>
      <c r="F6937">
        <v>2</v>
      </c>
      <c r="G6937" t="s">
        <v>14</v>
      </c>
      <c r="H6937" t="s">
        <v>13620</v>
      </c>
      <c r="I6937" t="s">
        <v>30540</v>
      </c>
    </row>
    <row r="6938" spans="1:9">
      <c r="A6938" s="1">
        <f ca="1">RAND()</f>
        <v>0.28830968531422352</v>
      </c>
      <c r="B6938" s="1"/>
      <c r="C6938">
        <v>15</v>
      </c>
      <c r="D6938" t="s">
        <v>13603</v>
      </c>
      <c r="E6938" t="s">
        <v>32720</v>
      </c>
      <c r="F6938">
        <v>4</v>
      </c>
      <c r="G6938" t="s">
        <v>1295</v>
      </c>
      <c r="H6938" t="s">
        <v>13604</v>
      </c>
      <c r="I6938" t="s">
        <v>30540</v>
      </c>
    </row>
    <row r="6939" spans="1:9">
      <c r="A6939" s="1">
        <f ca="1">RAND()</f>
        <v>0.95649468220088563</v>
      </c>
      <c r="B6939" s="1"/>
      <c r="C6939">
        <v>19</v>
      </c>
      <c r="D6939" t="s">
        <v>13609</v>
      </c>
      <c r="E6939" t="s">
        <v>32720</v>
      </c>
      <c r="F6939">
        <v>4</v>
      </c>
      <c r="G6939" t="s">
        <v>2229</v>
      </c>
      <c r="H6939" t="s">
        <v>13610</v>
      </c>
      <c r="I6939" t="s">
        <v>30540</v>
      </c>
    </row>
    <row r="6940" spans="1:9">
      <c r="A6940" s="1">
        <f ca="1">RAND()</f>
        <v>0.8540002049505041</v>
      </c>
      <c r="B6940" s="1"/>
      <c r="C6940">
        <v>10</v>
      </c>
      <c r="D6940" t="s">
        <v>13593</v>
      </c>
      <c r="E6940" t="s">
        <v>32720</v>
      </c>
      <c r="F6940">
        <v>4</v>
      </c>
      <c r="G6940" t="s">
        <v>2738</v>
      </c>
      <c r="H6940" t="s">
        <v>13594</v>
      </c>
      <c r="I6940" t="s">
        <v>30540</v>
      </c>
    </row>
    <row r="6941" spans="1:9">
      <c r="A6941" s="1">
        <f ca="1">RAND()</f>
        <v>0.78646513569584042</v>
      </c>
      <c r="B6941" s="1"/>
      <c r="C6941">
        <v>9</v>
      </c>
      <c r="D6941" t="s">
        <v>13591</v>
      </c>
      <c r="E6941" t="s">
        <v>32720</v>
      </c>
      <c r="F6941">
        <v>4</v>
      </c>
      <c r="G6941" t="s">
        <v>774</v>
      </c>
      <c r="H6941" t="s">
        <v>13592</v>
      </c>
      <c r="I6941" t="s">
        <v>30540</v>
      </c>
    </row>
    <row r="6942" spans="1:9">
      <c r="A6942" s="1">
        <f ca="1">RAND()</f>
        <v>0.65917103575428004</v>
      </c>
      <c r="B6942" s="1"/>
      <c r="C6942">
        <v>11</v>
      </c>
      <c r="D6942" t="s">
        <v>13595</v>
      </c>
      <c r="E6942" t="s">
        <v>32720</v>
      </c>
      <c r="F6942">
        <v>4</v>
      </c>
      <c r="G6942" t="s">
        <v>769</v>
      </c>
      <c r="H6942" t="s">
        <v>13596</v>
      </c>
      <c r="I6942" t="s">
        <v>30540</v>
      </c>
    </row>
    <row r="6943" spans="1:9">
      <c r="A6943" s="1">
        <f ca="1">RAND()</f>
        <v>0.81051197397284791</v>
      </c>
      <c r="B6943" s="1"/>
      <c r="C6943">
        <v>18</v>
      </c>
      <c r="D6943" t="s">
        <v>13607</v>
      </c>
      <c r="E6943" t="s">
        <v>32720</v>
      </c>
      <c r="F6943">
        <v>4</v>
      </c>
      <c r="G6943" t="s">
        <v>2226</v>
      </c>
      <c r="H6943" t="s">
        <v>13608</v>
      </c>
      <c r="I6943" t="s">
        <v>30540</v>
      </c>
    </row>
    <row r="6944" spans="1:9">
      <c r="A6944" s="1">
        <f ca="1">RAND()</f>
        <v>0.63461176487757975</v>
      </c>
      <c r="B6944" s="1"/>
      <c r="C6944">
        <v>3</v>
      </c>
      <c r="D6944" t="s">
        <v>13583</v>
      </c>
      <c r="E6944" t="s">
        <v>32720</v>
      </c>
      <c r="F6944">
        <v>4</v>
      </c>
      <c r="G6944" t="s">
        <v>1295</v>
      </c>
      <c r="H6944" t="s">
        <v>13584</v>
      </c>
      <c r="I6944" t="s">
        <v>30540</v>
      </c>
    </row>
    <row r="6945" spans="1:9">
      <c r="A6945" s="1">
        <f ca="1">RAND()</f>
        <v>0.31230131523504978</v>
      </c>
      <c r="B6945" s="1"/>
      <c r="C6945">
        <v>17</v>
      </c>
      <c r="D6945" t="s">
        <v>13605</v>
      </c>
      <c r="E6945" t="s">
        <v>32720</v>
      </c>
      <c r="F6945">
        <v>4</v>
      </c>
      <c r="G6945" t="s">
        <v>771</v>
      </c>
      <c r="H6945" t="s">
        <v>13606</v>
      </c>
      <c r="I6945" t="s">
        <v>30540</v>
      </c>
    </row>
    <row r="6946" spans="1:9">
      <c r="A6946" s="1">
        <f ca="1">RAND()</f>
        <v>0.63298040811114031</v>
      </c>
      <c r="B6946" s="1"/>
      <c r="C6946">
        <v>20</v>
      </c>
      <c r="D6946" t="s">
        <v>13611</v>
      </c>
      <c r="E6946" t="s">
        <v>32720</v>
      </c>
      <c r="F6946">
        <v>4</v>
      </c>
      <c r="G6946" t="s">
        <v>771</v>
      </c>
      <c r="H6946" t="s">
        <v>13612</v>
      </c>
      <c r="I6946" t="s">
        <v>30540</v>
      </c>
    </row>
    <row r="6947" spans="1:9">
      <c r="A6947" s="1">
        <f ca="1">RAND()</f>
        <v>0.32504936465560641</v>
      </c>
      <c r="B6947" s="1"/>
      <c r="C6947">
        <v>13</v>
      </c>
      <c r="D6947" t="s">
        <v>13599</v>
      </c>
      <c r="E6947" t="s">
        <v>32720</v>
      </c>
      <c r="F6947">
        <v>4</v>
      </c>
      <c r="G6947" t="s">
        <v>14</v>
      </c>
      <c r="H6947" t="s">
        <v>13600</v>
      </c>
      <c r="I6947" t="s">
        <v>30540</v>
      </c>
    </row>
    <row r="6948" spans="1:9">
      <c r="A6948" s="1">
        <f ca="1">RAND()</f>
        <v>0.75755938269285128</v>
      </c>
      <c r="B6948" s="1"/>
      <c r="C6948">
        <v>12</v>
      </c>
      <c r="D6948" t="s">
        <v>13597</v>
      </c>
      <c r="E6948" t="s">
        <v>32720</v>
      </c>
      <c r="F6948">
        <v>4</v>
      </c>
      <c r="G6948" t="s">
        <v>1295</v>
      </c>
      <c r="H6948" t="s">
        <v>13598</v>
      </c>
      <c r="I6948" t="s">
        <v>30540</v>
      </c>
    </row>
    <row r="6949" spans="1:9">
      <c r="A6949" s="1">
        <f ca="1">RAND()</f>
        <v>4.8256549765830936E-2</v>
      </c>
      <c r="B6949" s="1"/>
      <c r="C6949">
        <v>6</v>
      </c>
      <c r="D6949" t="s">
        <v>13585</v>
      </c>
      <c r="E6949" t="s">
        <v>32720</v>
      </c>
      <c r="F6949">
        <v>4</v>
      </c>
      <c r="G6949" t="s">
        <v>769</v>
      </c>
      <c r="H6949" t="s">
        <v>13586</v>
      </c>
      <c r="I6949" t="s">
        <v>30540</v>
      </c>
    </row>
    <row r="6950" spans="1:9">
      <c r="A6950" s="1">
        <f ca="1">RAND()</f>
        <v>2.9757780258574895E-2</v>
      </c>
      <c r="B6950" s="1"/>
      <c r="C6950">
        <v>14</v>
      </c>
      <c r="D6950" t="s">
        <v>13601</v>
      </c>
      <c r="E6950" t="s">
        <v>32720</v>
      </c>
      <c r="F6950">
        <v>4</v>
      </c>
      <c r="G6950" t="s">
        <v>771</v>
      </c>
      <c r="H6950" t="s">
        <v>13602</v>
      </c>
      <c r="I6950" t="s">
        <v>30540</v>
      </c>
    </row>
    <row r="6951" spans="1:9">
      <c r="A6951" s="1">
        <f ca="1">RAND()</f>
        <v>0.25529774798327709</v>
      </c>
      <c r="B6951" s="1"/>
      <c r="C6951">
        <v>8</v>
      </c>
      <c r="D6951" t="s">
        <v>13589</v>
      </c>
      <c r="E6951" t="s">
        <v>32720</v>
      </c>
      <c r="F6951">
        <v>4</v>
      </c>
      <c r="G6951" t="s">
        <v>1295</v>
      </c>
      <c r="H6951" t="s">
        <v>13590</v>
      </c>
      <c r="I6951" t="s">
        <v>30540</v>
      </c>
    </row>
    <row r="6952" spans="1:9">
      <c r="A6952" s="1">
        <f ca="1">RAND()</f>
        <v>0.40759180835968012</v>
      </c>
      <c r="B6952" s="1"/>
      <c r="C6952">
        <v>7</v>
      </c>
      <c r="D6952" t="s">
        <v>13587</v>
      </c>
      <c r="E6952" t="s">
        <v>32720</v>
      </c>
      <c r="F6952">
        <v>2</v>
      </c>
      <c r="G6952" t="s">
        <v>14</v>
      </c>
      <c r="H6952" t="s">
        <v>13588</v>
      </c>
      <c r="I6952" t="s">
        <v>30540</v>
      </c>
    </row>
    <row r="6953" spans="1:9">
      <c r="A6953" s="1">
        <f ca="1">RAND()</f>
        <v>0.54464442472331631</v>
      </c>
      <c r="B6953" s="1"/>
      <c r="C6953">
        <v>9</v>
      </c>
      <c r="D6953" t="s">
        <v>13577</v>
      </c>
      <c r="E6953" t="s">
        <v>32721</v>
      </c>
      <c r="F6953">
        <v>5</v>
      </c>
      <c r="G6953" t="s">
        <v>14</v>
      </c>
      <c r="H6953" t="s">
        <v>13578</v>
      </c>
      <c r="I6953" t="s">
        <v>30540</v>
      </c>
    </row>
    <row r="6954" spans="1:9">
      <c r="A6954" s="1">
        <f ca="1">RAND()</f>
        <v>0.80325027379870284</v>
      </c>
      <c r="B6954" s="1"/>
      <c r="C6954">
        <v>12</v>
      </c>
      <c r="D6954" t="s">
        <v>13579</v>
      </c>
      <c r="E6954" t="s">
        <v>32721</v>
      </c>
      <c r="F6954">
        <v>4</v>
      </c>
      <c r="G6954" t="s">
        <v>15</v>
      </c>
      <c r="H6954" t="s">
        <v>13580</v>
      </c>
      <c r="I6954" t="s">
        <v>30540</v>
      </c>
    </row>
    <row r="6955" spans="1:9">
      <c r="A6955" s="1">
        <f ca="1">RAND()</f>
        <v>0.5938392104765805</v>
      </c>
      <c r="B6955" s="1"/>
      <c r="C6955">
        <v>15</v>
      </c>
      <c r="D6955" t="s">
        <v>13581</v>
      </c>
      <c r="E6955" t="s">
        <v>32721</v>
      </c>
      <c r="F6955">
        <v>4</v>
      </c>
      <c r="G6955" t="s">
        <v>9</v>
      </c>
      <c r="H6955" t="s">
        <v>13582</v>
      </c>
      <c r="I6955" t="s">
        <v>30540</v>
      </c>
    </row>
    <row r="6956" spans="1:9">
      <c r="A6956" s="1">
        <f ca="1">RAND()</f>
        <v>0.7151258287391058</v>
      </c>
      <c r="B6956" s="1"/>
      <c r="C6956">
        <v>6</v>
      </c>
      <c r="D6956" t="s">
        <v>13573</v>
      </c>
      <c r="E6956" t="s">
        <v>32721</v>
      </c>
      <c r="F6956">
        <v>4</v>
      </c>
      <c r="G6956" t="s">
        <v>0</v>
      </c>
      <c r="H6956" t="s">
        <v>13574</v>
      </c>
      <c r="I6956" t="s">
        <v>30540</v>
      </c>
    </row>
    <row r="6957" spans="1:9">
      <c r="A6957" s="1">
        <f ca="1">RAND()</f>
        <v>0.61219968909383737</v>
      </c>
      <c r="B6957" s="1"/>
      <c r="C6957">
        <v>1</v>
      </c>
      <c r="D6957" t="s">
        <v>13571</v>
      </c>
      <c r="E6957" t="s">
        <v>32721</v>
      </c>
      <c r="F6957">
        <v>4</v>
      </c>
      <c r="G6957" t="s">
        <v>10</v>
      </c>
      <c r="H6957" t="s">
        <v>13572</v>
      </c>
      <c r="I6957" t="s">
        <v>30540</v>
      </c>
    </row>
    <row r="6958" spans="1:9">
      <c r="A6958" s="1">
        <f ca="1">RAND()</f>
        <v>0.51024119863913997</v>
      </c>
      <c r="B6958" s="1"/>
      <c r="C6958">
        <v>8</v>
      </c>
      <c r="D6958" t="s">
        <v>13575</v>
      </c>
      <c r="E6958" t="s">
        <v>32721</v>
      </c>
      <c r="F6958">
        <v>1</v>
      </c>
      <c r="G6958" t="s">
        <v>14</v>
      </c>
      <c r="H6958" t="s">
        <v>13576</v>
      </c>
      <c r="I6958" t="s">
        <v>30540</v>
      </c>
    </row>
    <row r="6959" spans="1:9">
      <c r="A6959" s="1">
        <f ca="1">RAND()</f>
        <v>8.2058137688305055E-2</v>
      </c>
      <c r="B6959" s="1"/>
      <c r="C6959">
        <v>11</v>
      </c>
      <c r="D6959" t="s">
        <v>13569</v>
      </c>
      <c r="E6959" t="s">
        <v>32722</v>
      </c>
      <c r="F6959">
        <v>4</v>
      </c>
      <c r="G6959" t="s">
        <v>14</v>
      </c>
      <c r="H6959" t="s">
        <v>13570</v>
      </c>
      <c r="I6959" t="s">
        <v>30540</v>
      </c>
    </row>
    <row r="6960" spans="1:9">
      <c r="A6960" s="1">
        <f ca="1">RAND()</f>
        <v>0.6842819980193886</v>
      </c>
      <c r="B6960" s="1"/>
      <c r="C6960">
        <v>6</v>
      </c>
      <c r="D6960" t="s">
        <v>13565</v>
      </c>
      <c r="E6960" t="s">
        <v>32722</v>
      </c>
      <c r="F6960">
        <v>4</v>
      </c>
      <c r="G6960" t="s">
        <v>14</v>
      </c>
      <c r="H6960" t="s">
        <v>13566</v>
      </c>
      <c r="I6960" t="s">
        <v>30540</v>
      </c>
    </row>
    <row r="6961" spans="1:9">
      <c r="A6961" s="1">
        <f ca="1">RAND()</f>
        <v>0.30049418546149764</v>
      </c>
      <c r="B6961" s="1"/>
      <c r="C6961">
        <v>9</v>
      </c>
      <c r="D6961" t="s">
        <v>13567</v>
      </c>
      <c r="E6961" t="s">
        <v>32722</v>
      </c>
      <c r="F6961">
        <v>4</v>
      </c>
      <c r="G6961" t="s">
        <v>14</v>
      </c>
      <c r="H6961" t="s">
        <v>13568</v>
      </c>
      <c r="I6961" t="s">
        <v>30540</v>
      </c>
    </row>
    <row r="6962" spans="1:9">
      <c r="A6962" s="1">
        <f ca="1">RAND()</f>
        <v>0.40059484234482201</v>
      </c>
      <c r="B6962" s="1"/>
      <c r="C6962">
        <v>11</v>
      </c>
      <c r="D6962" t="s">
        <v>13561</v>
      </c>
      <c r="E6962" t="s">
        <v>32723</v>
      </c>
      <c r="F6962">
        <v>4</v>
      </c>
      <c r="G6962" t="s">
        <v>14</v>
      </c>
      <c r="H6962" t="s">
        <v>13562</v>
      </c>
      <c r="I6962" t="s">
        <v>30540</v>
      </c>
    </row>
    <row r="6963" spans="1:9">
      <c r="A6963" s="1">
        <f ca="1">RAND()</f>
        <v>0.48485143889900784</v>
      </c>
      <c r="B6963" s="1"/>
      <c r="C6963">
        <v>5</v>
      </c>
      <c r="D6963" t="s">
        <v>13557</v>
      </c>
      <c r="E6963" t="s">
        <v>32723</v>
      </c>
      <c r="F6963">
        <v>4</v>
      </c>
      <c r="G6963" t="s">
        <v>14</v>
      </c>
      <c r="H6963" t="s">
        <v>13558</v>
      </c>
      <c r="I6963" t="s">
        <v>30540</v>
      </c>
    </row>
    <row r="6964" spans="1:9">
      <c r="A6964" s="1">
        <f ca="1">RAND()</f>
        <v>0.97780440943960933</v>
      </c>
      <c r="B6964" s="1"/>
      <c r="C6964">
        <v>10</v>
      </c>
      <c r="D6964" t="s">
        <v>13559</v>
      </c>
      <c r="E6964" t="s">
        <v>32723</v>
      </c>
      <c r="F6964">
        <v>4</v>
      </c>
      <c r="G6964" t="s">
        <v>14</v>
      </c>
      <c r="H6964" t="s">
        <v>13560</v>
      </c>
      <c r="I6964" t="s">
        <v>30540</v>
      </c>
    </row>
    <row r="6965" spans="1:9">
      <c r="A6965" s="1">
        <f ca="1">RAND()</f>
        <v>9.4197500964475545E-2</v>
      </c>
      <c r="B6965" s="1"/>
      <c r="C6965">
        <v>13</v>
      </c>
      <c r="D6965" t="s">
        <v>13563</v>
      </c>
      <c r="E6965" t="s">
        <v>32723</v>
      </c>
      <c r="F6965">
        <v>4</v>
      </c>
      <c r="G6965" t="s">
        <v>14</v>
      </c>
      <c r="H6965" t="s">
        <v>13564</v>
      </c>
      <c r="I6965" t="s">
        <v>30540</v>
      </c>
    </row>
    <row r="6966" spans="1:9">
      <c r="A6966" s="1">
        <f ca="1">RAND()</f>
        <v>0.22873770967521623</v>
      </c>
      <c r="B6966" s="1"/>
      <c r="C6966">
        <v>1</v>
      </c>
      <c r="D6966" t="s">
        <v>13555</v>
      </c>
      <c r="E6966" t="s">
        <v>32723</v>
      </c>
      <c r="F6966">
        <v>2</v>
      </c>
      <c r="G6966" t="s">
        <v>0</v>
      </c>
      <c r="H6966" t="s">
        <v>13556</v>
      </c>
      <c r="I6966" t="s">
        <v>30540</v>
      </c>
    </row>
    <row r="6967" spans="1:9">
      <c r="A6967" s="1">
        <f ca="1">RAND()</f>
        <v>0.78707344847307303</v>
      </c>
      <c r="B6967" s="1"/>
      <c r="C6967">
        <v>2</v>
      </c>
      <c r="D6967" t="s">
        <v>13541</v>
      </c>
      <c r="E6967" t="s">
        <v>32724</v>
      </c>
      <c r="F6967">
        <v>4</v>
      </c>
      <c r="G6967" t="s">
        <v>13</v>
      </c>
      <c r="H6967" t="s">
        <v>13542</v>
      </c>
      <c r="I6967" t="s">
        <v>30540</v>
      </c>
    </row>
    <row r="6968" spans="1:9">
      <c r="A6968" s="1">
        <f ca="1">RAND()</f>
        <v>0.88058441175599345</v>
      </c>
      <c r="B6968" s="1"/>
      <c r="C6968">
        <v>8</v>
      </c>
      <c r="D6968" t="s">
        <v>13547</v>
      </c>
      <c r="E6968" t="s">
        <v>32724</v>
      </c>
      <c r="F6968">
        <v>4</v>
      </c>
      <c r="G6968" t="s">
        <v>1431</v>
      </c>
      <c r="H6968" t="s">
        <v>13548</v>
      </c>
      <c r="I6968" t="s">
        <v>30540</v>
      </c>
    </row>
    <row r="6969" spans="1:9">
      <c r="A6969" s="1">
        <f ca="1">RAND()</f>
        <v>0.68170485061992436</v>
      </c>
      <c r="B6969" s="1"/>
      <c r="C6969">
        <v>7</v>
      </c>
      <c r="D6969" t="s">
        <v>13545</v>
      </c>
      <c r="E6969" t="s">
        <v>32724</v>
      </c>
      <c r="F6969">
        <v>4</v>
      </c>
      <c r="G6969" t="s">
        <v>775</v>
      </c>
      <c r="H6969" t="s">
        <v>13546</v>
      </c>
      <c r="I6969" t="s">
        <v>30540</v>
      </c>
    </row>
    <row r="6970" spans="1:9">
      <c r="A6970" s="1">
        <f ca="1">RAND()</f>
        <v>0.55325525352122173</v>
      </c>
      <c r="B6970" s="1"/>
      <c r="C6970">
        <v>19</v>
      </c>
      <c r="D6970" t="s">
        <v>13553</v>
      </c>
      <c r="E6970" t="s">
        <v>32724</v>
      </c>
      <c r="F6970">
        <v>4</v>
      </c>
      <c r="G6970" t="s">
        <v>13</v>
      </c>
      <c r="H6970" t="s">
        <v>13554</v>
      </c>
      <c r="I6970" t="s">
        <v>30540</v>
      </c>
    </row>
    <row r="6971" spans="1:9">
      <c r="A6971" s="1">
        <f ca="1">RAND()</f>
        <v>0.94577548882606211</v>
      </c>
      <c r="B6971" s="1"/>
      <c r="C6971">
        <v>16</v>
      </c>
      <c r="D6971" t="s">
        <v>13551</v>
      </c>
      <c r="E6971" t="s">
        <v>32724</v>
      </c>
      <c r="F6971">
        <v>4</v>
      </c>
      <c r="G6971" t="s">
        <v>775</v>
      </c>
      <c r="H6971" t="s">
        <v>13552</v>
      </c>
      <c r="I6971" t="s">
        <v>30540</v>
      </c>
    </row>
    <row r="6972" spans="1:9">
      <c r="A6972" s="1">
        <f ca="1">RAND()</f>
        <v>0.53343587026682082</v>
      </c>
      <c r="B6972" s="1"/>
      <c r="C6972">
        <v>3</v>
      </c>
      <c r="D6972" t="s">
        <v>13543</v>
      </c>
      <c r="E6972" t="s">
        <v>32724</v>
      </c>
      <c r="F6972">
        <v>4</v>
      </c>
      <c r="G6972" t="s">
        <v>3732</v>
      </c>
      <c r="H6972" t="s">
        <v>13544</v>
      </c>
      <c r="I6972" t="s">
        <v>30540</v>
      </c>
    </row>
    <row r="6973" spans="1:9">
      <c r="A6973" s="1">
        <f ca="1">RAND()</f>
        <v>0.70954060890502468</v>
      </c>
      <c r="B6973" s="1"/>
      <c r="C6973">
        <v>14</v>
      </c>
      <c r="D6973" t="s">
        <v>13549</v>
      </c>
      <c r="E6973" t="s">
        <v>32724</v>
      </c>
      <c r="F6973">
        <v>3</v>
      </c>
      <c r="G6973" t="s">
        <v>1426</v>
      </c>
      <c r="H6973" t="s">
        <v>13550</v>
      </c>
      <c r="I6973" t="s">
        <v>30540</v>
      </c>
    </row>
    <row r="6974" spans="1:9">
      <c r="A6974" s="1">
        <f ca="1">RAND()</f>
        <v>0.65797022756535939</v>
      </c>
      <c r="B6974" s="1"/>
      <c r="C6974">
        <v>7</v>
      </c>
      <c r="D6974" t="s">
        <v>13537</v>
      </c>
      <c r="E6974" t="s">
        <v>32725</v>
      </c>
      <c r="F6974">
        <v>4</v>
      </c>
      <c r="G6974" t="s">
        <v>0</v>
      </c>
      <c r="H6974" t="s">
        <v>13538</v>
      </c>
      <c r="I6974" t="s">
        <v>30540</v>
      </c>
    </row>
    <row r="6975" spans="1:9">
      <c r="A6975" s="1">
        <f ca="1">RAND()</f>
        <v>0.50661782251361143</v>
      </c>
      <c r="B6975" s="1"/>
      <c r="C6975">
        <v>11</v>
      </c>
      <c r="D6975" t="s">
        <v>13539</v>
      </c>
      <c r="E6975" t="s">
        <v>32725</v>
      </c>
      <c r="F6975">
        <v>4</v>
      </c>
      <c r="G6975" t="s">
        <v>14</v>
      </c>
      <c r="H6975" t="s">
        <v>13540</v>
      </c>
      <c r="I6975" t="s">
        <v>30540</v>
      </c>
    </row>
    <row r="6976" spans="1:9">
      <c r="A6976" s="1">
        <f ca="1">RAND()</f>
        <v>0.32851588404152188</v>
      </c>
      <c r="B6976" s="1"/>
      <c r="C6976">
        <v>5</v>
      </c>
      <c r="D6976" t="s">
        <v>13533</v>
      </c>
      <c r="E6976" t="s">
        <v>32726</v>
      </c>
      <c r="F6976">
        <v>2</v>
      </c>
      <c r="G6976" t="s">
        <v>14</v>
      </c>
      <c r="H6976" t="s">
        <v>13534</v>
      </c>
      <c r="I6976" t="s">
        <v>30540</v>
      </c>
    </row>
    <row r="6977" spans="1:9">
      <c r="A6977" s="1">
        <f ca="1">RAND()</f>
        <v>0.98323548942580108</v>
      </c>
      <c r="B6977" s="1"/>
      <c r="C6977">
        <v>6</v>
      </c>
      <c r="D6977" t="s">
        <v>13535</v>
      </c>
      <c r="E6977" t="s">
        <v>32726</v>
      </c>
      <c r="F6977">
        <v>1</v>
      </c>
      <c r="G6977" t="s">
        <v>10</v>
      </c>
      <c r="H6977" t="s">
        <v>13536</v>
      </c>
      <c r="I6977" t="s">
        <v>30540</v>
      </c>
    </row>
    <row r="6978" spans="1:9">
      <c r="A6978" s="1">
        <f ca="1">RAND()</f>
        <v>5.8626744607577219E-3</v>
      </c>
      <c r="B6978" s="1"/>
      <c r="C6978">
        <v>5</v>
      </c>
      <c r="D6978" t="s">
        <v>13527</v>
      </c>
      <c r="E6978" t="s">
        <v>32727</v>
      </c>
      <c r="F6978">
        <v>5</v>
      </c>
      <c r="G6978" t="s">
        <v>2</v>
      </c>
      <c r="H6978" t="s">
        <v>13528</v>
      </c>
      <c r="I6978" t="s">
        <v>30540</v>
      </c>
    </row>
    <row r="6979" spans="1:9">
      <c r="A6979" s="1">
        <f ca="1">RAND()</f>
        <v>0.64918867349460763</v>
      </c>
      <c r="B6979" s="1"/>
      <c r="C6979">
        <v>6</v>
      </c>
      <c r="D6979" t="s">
        <v>13529</v>
      </c>
      <c r="E6979" t="s">
        <v>32727</v>
      </c>
      <c r="F6979">
        <v>5</v>
      </c>
      <c r="G6979" t="s">
        <v>14</v>
      </c>
      <c r="H6979" t="s">
        <v>13530</v>
      </c>
      <c r="I6979" t="s">
        <v>30540</v>
      </c>
    </row>
    <row r="6980" spans="1:9">
      <c r="A6980" s="1">
        <f ca="1">RAND()</f>
        <v>7.5132875041035163E-2</v>
      </c>
      <c r="B6980" s="1"/>
      <c r="C6980">
        <v>12</v>
      </c>
      <c r="D6980" t="s">
        <v>13531</v>
      </c>
      <c r="E6980" t="s">
        <v>32727</v>
      </c>
      <c r="F6980">
        <v>4</v>
      </c>
      <c r="G6980" t="s">
        <v>0</v>
      </c>
      <c r="H6980" t="s">
        <v>13532</v>
      </c>
      <c r="I6980" t="s">
        <v>30540</v>
      </c>
    </row>
    <row r="6981" spans="1:9">
      <c r="A6981" s="1">
        <f ca="1">RAND()</f>
        <v>0.20501226310602294</v>
      </c>
      <c r="B6981" s="1"/>
      <c r="C6981">
        <v>14</v>
      </c>
      <c r="D6981" t="s">
        <v>13525</v>
      </c>
      <c r="E6981" t="s">
        <v>32728</v>
      </c>
      <c r="F6981">
        <v>4</v>
      </c>
      <c r="G6981" t="s">
        <v>2</v>
      </c>
      <c r="H6981" t="s">
        <v>13526</v>
      </c>
      <c r="I6981" t="s">
        <v>30540</v>
      </c>
    </row>
    <row r="6982" spans="1:9">
      <c r="A6982" s="1">
        <f ca="1">RAND()</f>
        <v>0.68720700371467758</v>
      </c>
      <c r="B6982" s="1"/>
      <c r="C6982">
        <v>9</v>
      </c>
      <c r="D6982" t="s">
        <v>13523</v>
      </c>
      <c r="E6982" t="s">
        <v>32728</v>
      </c>
      <c r="F6982">
        <v>4</v>
      </c>
      <c r="G6982" t="s">
        <v>13</v>
      </c>
      <c r="H6982" t="s">
        <v>13524</v>
      </c>
      <c r="I6982" t="s">
        <v>30540</v>
      </c>
    </row>
    <row r="6983" spans="1:9">
      <c r="A6983" s="1">
        <f ca="1">RAND()</f>
        <v>0.8560022240602938</v>
      </c>
      <c r="B6983" s="1"/>
      <c r="C6983">
        <v>3</v>
      </c>
      <c r="D6983" t="s">
        <v>13521</v>
      </c>
      <c r="E6983" t="s">
        <v>32728</v>
      </c>
      <c r="F6983">
        <v>1</v>
      </c>
      <c r="G6983" t="s">
        <v>10</v>
      </c>
      <c r="H6983" t="s">
        <v>13522</v>
      </c>
      <c r="I6983" t="s">
        <v>30540</v>
      </c>
    </row>
    <row r="6984" spans="1:9">
      <c r="A6984" s="1">
        <f ca="1">RAND()</f>
        <v>0.26431429186763977</v>
      </c>
      <c r="B6984" s="1"/>
      <c r="C6984">
        <v>8</v>
      </c>
      <c r="D6984" t="s">
        <v>13509</v>
      </c>
      <c r="E6984" t="s">
        <v>32729</v>
      </c>
      <c r="F6984">
        <v>5</v>
      </c>
      <c r="G6984" t="s">
        <v>13</v>
      </c>
      <c r="H6984" t="s">
        <v>13510</v>
      </c>
      <c r="I6984" t="s">
        <v>30540</v>
      </c>
    </row>
    <row r="6985" spans="1:9">
      <c r="A6985" s="1">
        <f ca="1">RAND()</f>
        <v>0.94503495734480392</v>
      </c>
      <c r="B6985" s="1"/>
      <c r="C6985">
        <v>17</v>
      </c>
      <c r="D6985" t="s">
        <v>13517</v>
      </c>
      <c r="E6985" t="s">
        <v>32729</v>
      </c>
      <c r="F6985">
        <v>4</v>
      </c>
      <c r="G6985" t="s">
        <v>0</v>
      </c>
      <c r="H6985" t="s">
        <v>13518</v>
      </c>
      <c r="I6985" t="s">
        <v>30540</v>
      </c>
    </row>
    <row r="6986" spans="1:9">
      <c r="A6986" s="1">
        <f ca="1">RAND()</f>
        <v>4.6669924296169341E-2</v>
      </c>
      <c r="B6986" s="1"/>
      <c r="C6986">
        <v>18</v>
      </c>
      <c r="D6986" t="s">
        <v>13519</v>
      </c>
      <c r="E6986" t="s">
        <v>32729</v>
      </c>
      <c r="F6986">
        <v>4</v>
      </c>
      <c r="G6986" t="s">
        <v>769</v>
      </c>
      <c r="H6986" t="s">
        <v>13520</v>
      </c>
      <c r="I6986" t="s">
        <v>30540</v>
      </c>
    </row>
    <row r="6987" spans="1:9">
      <c r="A6987" s="1">
        <f ca="1">RAND()</f>
        <v>0.24934022405806622</v>
      </c>
      <c r="B6987" s="1"/>
      <c r="C6987">
        <v>4</v>
      </c>
      <c r="D6987" t="s">
        <v>13505</v>
      </c>
      <c r="E6987" t="s">
        <v>32729</v>
      </c>
      <c r="F6987">
        <v>4</v>
      </c>
      <c r="G6987" t="s">
        <v>762</v>
      </c>
      <c r="H6987" t="s">
        <v>13506</v>
      </c>
      <c r="I6987" t="s">
        <v>30540</v>
      </c>
    </row>
    <row r="6988" spans="1:9">
      <c r="A6988" s="1">
        <f ca="1">RAND()</f>
        <v>0.86575084890434684</v>
      </c>
      <c r="B6988" s="1"/>
      <c r="C6988">
        <v>13</v>
      </c>
      <c r="D6988" t="s">
        <v>13515</v>
      </c>
      <c r="E6988" t="s">
        <v>32729</v>
      </c>
      <c r="F6988">
        <v>4</v>
      </c>
      <c r="G6988" t="s">
        <v>14</v>
      </c>
      <c r="H6988" t="s">
        <v>13516</v>
      </c>
      <c r="I6988" t="s">
        <v>30540</v>
      </c>
    </row>
    <row r="6989" spans="1:9">
      <c r="A6989" s="1">
        <f ca="1">RAND()</f>
        <v>0.69026546888558493</v>
      </c>
      <c r="B6989" s="1"/>
      <c r="C6989">
        <v>9</v>
      </c>
      <c r="D6989" t="s">
        <v>13511</v>
      </c>
      <c r="E6989" t="s">
        <v>32729</v>
      </c>
      <c r="F6989">
        <v>3</v>
      </c>
      <c r="G6989" t="s">
        <v>1431</v>
      </c>
      <c r="H6989" t="s">
        <v>13512</v>
      </c>
      <c r="I6989" t="s">
        <v>30540</v>
      </c>
    </row>
    <row r="6990" spans="1:9">
      <c r="A6990" s="1">
        <f ca="1">RAND()</f>
        <v>0.15973203422606608</v>
      </c>
      <c r="B6990" s="1"/>
      <c r="C6990">
        <v>1</v>
      </c>
      <c r="D6990" t="s">
        <v>13503</v>
      </c>
      <c r="E6990" t="s">
        <v>32729</v>
      </c>
      <c r="F6990">
        <v>2</v>
      </c>
      <c r="G6990" t="s">
        <v>769</v>
      </c>
      <c r="H6990" t="s">
        <v>13504</v>
      </c>
      <c r="I6990" t="s">
        <v>30540</v>
      </c>
    </row>
    <row r="6991" spans="1:9">
      <c r="A6991" s="1">
        <f ca="1">RAND()</f>
        <v>4.1011888374622218E-2</v>
      </c>
      <c r="B6991" s="1"/>
      <c r="C6991">
        <v>12</v>
      </c>
      <c r="D6991" t="s">
        <v>13513</v>
      </c>
      <c r="E6991" t="s">
        <v>32729</v>
      </c>
      <c r="F6991">
        <v>1</v>
      </c>
      <c r="G6991" t="s">
        <v>1426</v>
      </c>
      <c r="H6991" t="s">
        <v>13514</v>
      </c>
      <c r="I6991" t="s">
        <v>30540</v>
      </c>
    </row>
    <row r="6992" spans="1:9">
      <c r="A6992" s="1">
        <f ca="1">RAND()</f>
        <v>0.18972784156373579</v>
      </c>
      <c r="B6992" s="1"/>
      <c r="C6992">
        <v>6</v>
      </c>
      <c r="D6992" t="s">
        <v>13507</v>
      </c>
      <c r="E6992" t="s">
        <v>32729</v>
      </c>
      <c r="F6992">
        <v>1</v>
      </c>
      <c r="G6992" t="s">
        <v>14</v>
      </c>
      <c r="H6992" t="s">
        <v>13508</v>
      </c>
      <c r="I6992" t="s">
        <v>30540</v>
      </c>
    </row>
    <row r="6993" spans="1:9">
      <c r="A6993" s="1">
        <f ca="1">RAND()</f>
        <v>0.23768277793627668</v>
      </c>
      <c r="B6993" s="1"/>
      <c r="C6993">
        <v>15</v>
      </c>
      <c r="D6993" t="s">
        <v>13501</v>
      </c>
      <c r="E6993" t="s">
        <v>32730</v>
      </c>
      <c r="F6993">
        <v>4</v>
      </c>
      <c r="G6993" t="s">
        <v>1</v>
      </c>
      <c r="H6993" t="s">
        <v>13502</v>
      </c>
      <c r="I6993" t="s">
        <v>30540</v>
      </c>
    </row>
    <row r="6994" spans="1:9">
      <c r="A6994" s="1">
        <f ca="1">RAND()</f>
        <v>0.90767900936380652</v>
      </c>
      <c r="B6994" s="1"/>
      <c r="C6994">
        <v>7</v>
      </c>
      <c r="D6994" t="s">
        <v>13495</v>
      </c>
      <c r="E6994" t="s">
        <v>32730</v>
      </c>
      <c r="F6994">
        <v>4</v>
      </c>
      <c r="G6994" t="s">
        <v>14</v>
      </c>
      <c r="H6994" t="s">
        <v>13496</v>
      </c>
      <c r="I6994" t="s">
        <v>30540</v>
      </c>
    </row>
    <row r="6995" spans="1:9">
      <c r="A6995" s="1">
        <f ca="1">RAND()</f>
        <v>0.41636496420913105</v>
      </c>
      <c r="B6995" s="1"/>
      <c r="C6995">
        <v>14</v>
      </c>
      <c r="D6995" t="s">
        <v>13499</v>
      </c>
      <c r="E6995" t="s">
        <v>32730</v>
      </c>
      <c r="F6995">
        <v>4</v>
      </c>
      <c r="G6995" t="s">
        <v>2</v>
      </c>
      <c r="H6995" t="s">
        <v>13500</v>
      </c>
      <c r="I6995" t="s">
        <v>30540</v>
      </c>
    </row>
    <row r="6996" spans="1:9">
      <c r="A6996" s="1">
        <f ca="1">RAND()</f>
        <v>0.51997222739590943</v>
      </c>
      <c r="B6996" s="1"/>
      <c r="C6996">
        <v>4</v>
      </c>
      <c r="D6996" t="s">
        <v>13493</v>
      </c>
      <c r="E6996" t="s">
        <v>32730</v>
      </c>
      <c r="F6996">
        <v>4</v>
      </c>
      <c r="G6996" t="s">
        <v>14</v>
      </c>
      <c r="H6996" t="s">
        <v>13494</v>
      </c>
      <c r="I6996" t="s">
        <v>30540</v>
      </c>
    </row>
    <row r="6997" spans="1:9">
      <c r="A6997" s="1">
        <f ca="1">RAND()</f>
        <v>7.7566098479010637E-2</v>
      </c>
      <c r="B6997" s="1"/>
      <c r="C6997">
        <v>3</v>
      </c>
      <c r="D6997" t="s">
        <v>13491</v>
      </c>
      <c r="E6997" t="s">
        <v>32730</v>
      </c>
      <c r="F6997">
        <v>4</v>
      </c>
      <c r="G6997" t="s">
        <v>2</v>
      </c>
      <c r="H6997" t="s">
        <v>13492</v>
      </c>
      <c r="I6997" t="s">
        <v>30540</v>
      </c>
    </row>
    <row r="6998" spans="1:9">
      <c r="A6998" s="1">
        <f ca="1">RAND()</f>
        <v>0.85260409811551241</v>
      </c>
      <c r="B6998" s="1"/>
      <c r="C6998">
        <v>8</v>
      </c>
      <c r="D6998" t="s">
        <v>13497</v>
      </c>
      <c r="E6998" t="s">
        <v>32730</v>
      </c>
      <c r="F6998">
        <v>4</v>
      </c>
      <c r="G6998" t="s">
        <v>10</v>
      </c>
      <c r="H6998" t="s">
        <v>13498</v>
      </c>
      <c r="I6998" t="s">
        <v>30540</v>
      </c>
    </row>
    <row r="6999" spans="1:9">
      <c r="A6999" s="1">
        <f ca="1">RAND()</f>
        <v>0.74131479575965553</v>
      </c>
      <c r="B6999" s="1"/>
      <c r="C6999">
        <v>3</v>
      </c>
      <c r="D6999" t="s">
        <v>13479</v>
      </c>
      <c r="E6999" t="s">
        <v>32731</v>
      </c>
      <c r="F6999">
        <v>5</v>
      </c>
      <c r="G6999" t="s">
        <v>13</v>
      </c>
      <c r="H6999" t="s">
        <v>13480</v>
      </c>
      <c r="I6999" t="s">
        <v>30540</v>
      </c>
    </row>
    <row r="7000" spans="1:9">
      <c r="A7000" s="1">
        <f ca="1">RAND()</f>
        <v>1.5661072723070601E-2</v>
      </c>
      <c r="B7000" s="1"/>
      <c r="C7000">
        <v>1</v>
      </c>
      <c r="D7000" t="s">
        <v>13477</v>
      </c>
      <c r="E7000" t="s">
        <v>32731</v>
      </c>
      <c r="F7000">
        <v>5</v>
      </c>
      <c r="G7000" t="s">
        <v>10</v>
      </c>
      <c r="H7000" t="s">
        <v>13478</v>
      </c>
      <c r="I7000" t="s">
        <v>30540</v>
      </c>
    </row>
    <row r="7001" spans="1:9">
      <c r="A7001" s="1">
        <f ca="1">RAND()</f>
        <v>0.40407958025294866</v>
      </c>
      <c r="B7001" s="1"/>
      <c r="C7001">
        <v>7</v>
      </c>
      <c r="D7001" t="s">
        <v>13483</v>
      </c>
      <c r="E7001" t="s">
        <v>32731</v>
      </c>
      <c r="F7001">
        <v>4</v>
      </c>
      <c r="G7001" t="s">
        <v>10</v>
      </c>
      <c r="H7001" t="s">
        <v>13484</v>
      </c>
      <c r="I7001" t="s">
        <v>30540</v>
      </c>
    </row>
    <row r="7002" spans="1:9">
      <c r="A7002" s="1">
        <f ca="1">RAND()</f>
        <v>0.95742324640473575</v>
      </c>
      <c r="B7002" s="1"/>
      <c r="C7002">
        <v>12</v>
      </c>
      <c r="D7002" t="s">
        <v>13489</v>
      </c>
      <c r="E7002" t="s">
        <v>32731</v>
      </c>
      <c r="F7002">
        <v>4</v>
      </c>
      <c r="G7002" t="s">
        <v>9</v>
      </c>
      <c r="H7002" t="s">
        <v>13490</v>
      </c>
      <c r="I7002" t="s">
        <v>30540</v>
      </c>
    </row>
    <row r="7003" spans="1:9">
      <c r="A7003" s="1">
        <f ca="1">RAND()</f>
        <v>0.3521661758626351</v>
      </c>
      <c r="B7003" s="1"/>
      <c r="C7003">
        <v>6</v>
      </c>
      <c r="D7003" t="s">
        <v>13481</v>
      </c>
      <c r="E7003" t="s">
        <v>32731</v>
      </c>
      <c r="F7003">
        <v>4</v>
      </c>
      <c r="G7003" t="s">
        <v>10</v>
      </c>
      <c r="H7003" t="s">
        <v>13482</v>
      </c>
      <c r="I7003" t="s">
        <v>30540</v>
      </c>
    </row>
    <row r="7004" spans="1:9">
      <c r="A7004" s="1">
        <f ca="1">RAND()</f>
        <v>8.5170870992865577E-3</v>
      </c>
      <c r="B7004" s="1"/>
      <c r="C7004">
        <v>11</v>
      </c>
      <c r="D7004" t="s">
        <v>13487</v>
      </c>
      <c r="E7004" t="s">
        <v>32731</v>
      </c>
      <c r="F7004">
        <v>4</v>
      </c>
      <c r="G7004" t="s">
        <v>14</v>
      </c>
      <c r="H7004" t="s">
        <v>13488</v>
      </c>
      <c r="I7004" t="s">
        <v>30540</v>
      </c>
    </row>
    <row r="7005" spans="1:9">
      <c r="A7005" s="1">
        <f ca="1">RAND()</f>
        <v>0.31549190064729393</v>
      </c>
      <c r="B7005" s="1"/>
      <c r="C7005">
        <v>9</v>
      </c>
      <c r="D7005" t="s">
        <v>13485</v>
      </c>
      <c r="E7005" t="s">
        <v>32731</v>
      </c>
      <c r="F7005">
        <v>3</v>
      </c>
      <c r="G7005" t="s">
        <v>14</v>
      </c>
      <c r="H7005" t="s">
        <v>13486</v>
      </c>
      <c r="I7005" t="s">
        <v>30540</v>
      </c>
    </row>
    <row r="7006" spans="1:9">
      <c r="A7006" s="1">
        <f ca="1">RAND()</f>
        <v>0.15889682266367089</v>
      </c>
      <c r="B7006" s="1"/>
      <c r="C7006">
        <v>5</v>
      </c>
      <c r="D7006" t="s">
        <v>13469</v>
      </c>
      <c r="E7006" t="s">
        <v>32732</v>
      </c>
      <c r="F7006">
        <v>5</v>
      </c>
      <c r="G7006" t="s">
        <v>14</v>
      </c>
      <c r="H7006" t="s">
        <v>13470</v>
      </c>
      <c r="I7006" t="s">
        <v>30540</v>
      </c>
    </row>
    <row r="7007" spans="1:9">
      <c r="A7007" s="1">
        <f ca="1">RAND()</f>
        <v>0.5989118598974883</v>
      </c>
      <c r="B7007" s="1"/>
      <c r="C7007">
        <v>8</v>
      </c>
      <c r="D7007" t="s">
        <v>13471</v>
      </c>
      <c r="E7007" t="s">
        <v>32732</v>
      </c>
      <c r="F7007">
        <v>4</v>
      </c>
      <c r="G7007" t="s">
        <v>2</v>
      </c>
      <c r="H7007" t="s">
        <v>13472</v>
      </c>
      <c r="I7007" t="s">
        <v>30540</v>
      </c>
    </row>
    <row r="7008" spans="1:9">
      <c r="A7008" s="1">
        <f ca="1">RAND()</f>
        <v>0.35607856787634828</v>
      </c>
      <c r="B7008" s="1"/>
      <c r="C7008">
        <v>12</v>
      </c>
      <c r="D7008" t="s">
        <v>13473</v>
      </c>
      <c r="E7008" t="s">
        <v>32732</v>
      </c>
      <c r="F7008">
        <v>4</v>
      </c>
      <c r="G7008" t="s">
        <v>14</v>
      </c>
      <c r="H7008" t="s">
        <v>13474</v>
      </c>
      <c r="I7008" t="s">
        <v>30540</v>
      </c>
    </row>
    <row r="7009" spans="1:9">
      <c r="A7009" s="1">
        <f ca="1">RAND()</f>
        <v>0.20184314901012679</v>
      </c>
      <c r="B7009" s="1"/>
      <c r="C7009">
        <v>13</v>
      </c>
      <c r="D7009" t="s">
        <v>13475</v>
      </c>
      <c r="E7009" t="s">
        <v>32732</v>
      </c>
      <c r="F7009">
        <v>4</v>
      </c>
      <c r="G7009" t="s">
        <v>14</v>
      </c>
      <c r="H7009" t="s">
        <v>13476</v>
      </c>
      <c r="I7009" t="s">
        <v>30540</v>
      </c>
    </row>
    <row r="7010" spans="1:9">
      <c r="A7010" s="1">
        <f ca="1">RAND()</f>
        <v>0.34504356721291896</v>
      </c>
      <c r="B7010" s="1"/>
      <c r="C7010">
        <v>3</v>
      </c>
      <c r="D7010" t="s">
        <v>13467</v>
      </c>
      <c r="E7010" t="s">
        <v>32732</v>
      </c>
      <c r="F7010">
        <v>4</v>
      </c>
      <c r="G7010" t="s">
        <v>15</v>
      </c>
      <c r="H7010" t="s">
        <v>13468</v>
      </c>
      <c r="I7010" t="s">
        <v>30540</v>
      </c>
    </row>
    <row r="7011" spans="1:9">
      <c r="A7011" s="1">
        <f ca="1">RAND()</f>
        <v>0.56265023801827829</v>
      </c>
      <c r="B7011" s="1"/>
      <c r="C7011">
        <v>11</v>
      </c>
      <c r="D7011" t="s">
        <v>13459</v>
      </c>
      <c r="E7011" t="s">
        <v>32733</v>
      </c>
      <c r="F7011">
        <v>5</v>
      </c>
      <c r="G7011" t="s">
        <v>2</v>
      </c>
      <c r="H7011" t="s">
        <v>13460</v>
      </c>
      <c r="I7011" t="s">
        <v>30540</v>
      </c>
    </row>
    <row r="7012" spans="1:9">
      <c r="A7012" s="1">
        <f ca="1">RAND()</f>
        <v>0.86118866159600871</v>
      </c>
      <c r="B7012" s="1"/>
      <c r="C7012">
        <v>3</v>
      </c>
      <c r="D7012" t="s">
        <v>13455</v>
      </c>
      <c r="E7012" t="s">
        <v>32733</v>
      </c>
      <c r="F7012">
        <v>4</v>
      </c>
      <c r="G7012" t="s">
        <v>14</v>
      </c>
      <c r="H7012" t="s">
        <v>13456</v>
      </c>
      <c r="I7012" t="s">
        <v>30540</v>
      </c>
    </row>
    <row r="7013" spans="1:9">
      <c r="A7013" s="1">
        <f ca="1">RAND()</f>
        <v>0.44285870904936675</v>
      </c>
      <c r="B7013" s="1"/>
      <c r="C7013">
        <v>8</v>
      </c>
      <c r="D7013" t="s">
        <v>13457</v>
      </c>
      <c r="E7013" t="s">
        <v>32733</v>
      </c>
      <c r="F7013">
        <v>4</v>
      </c>
      <c r="G7013" t="s">
        <v>14</v>
      </c>
      <c r="H7013" t="s">
        <v>13458</v>
      </c>
      <c r="I7013" t="s">
        <v>30540</v>
      </c>
    </row>
    <row r="7014" spans="1:9">
      <c r="A7014" s="1">
        <f ca="1">RAND()</f>
        <v>0.98951316686413904</v>
      </c>
      <c r="B7014" s="1"/>
      <c r="C7014">
        <v>17</v>
      </c>
      <c r="D7014" t="s">
        <v>13465</v>
      </c>
      <c r="E7014" t="s">
        <v>32733</v>
      </c>
      <c r="F7014">
        <v>4</v>
      </c>
      <c r="G7014" t="s">
        <v>9</v>
      </c>
      <c r="H7014" t="s">
        <v>13466</v>
      </c>
      <c r="I7014" t="s">
        <v>30540</v>
      </c>
    </row>
    <row r="7015" spans="1:9">
      <c r="A7015" s="1">
        <f ca="1">RAND()</f>
        <v>0.58298633599797689</v>
      </c>
      <c r="B7015" s="1"/>
      <c r="C7015">
        <v>16</v>
      </c>
      <c r="D7015" t="s">
        <v>13463</v>
      </c>
      <c r="E7015" t="s">
        <v>32733</v>
      </c>
      <c r="F7015">
        <v>4</v>
      </c>
      <c r="G7015" t="s">
        <v>14</v>
      </c>
      <c r="H7015" t="s">
        <v>13464</v>
      </c>
      <c r="I7015" t="s">
        <v>30540</v>
      </c>
    </row>
    <row r="7016" spans="1:9">
      <c r="A7016" s="1">
        <f ca="1">RAND()</f>
        <v>0.31766416277616816</v>
      </c>
      <c r="B7016" s="1"/>
      <c r="C7016">
        <v>13</v>
      </c>
      <c r="D7016" t="s">
        <v>13461</v>
      </c>
      <c r="E7016" t="s">
        <v>32733</v>
      </c>
      <c r="F7016">
        <v>4</v>
      </c>
      <c r="G7016" t="s">
        <v>14</v>
      </c>
      <c r="H7016" t="s">
        <v>13462</v>
      </c>
      <c r="I7016" t="s">
        <v>30540</v>
      </c>
    </row>
    <row r="7017" spans="1:9">
      <c r="A7017" s="1">
        <f ca="1">RAND()</f>
        <v>0.56318678858636251</v>
      </c>
      <c r="B7017" s="1"/>
      <c r="C7017">
        <v>10</v>
      </c>
      <c r="D7017" t="s">
        <v>13447</v>
      </c>
      <c r="E7017" t="s">
        <v>32734</v>
      </c>
      <c r="F7017">
        <v>5</v>
      </c>
      <c r="G7017" t="s">
        <v>14</v>
      </c>
      <c r="H7017" t="s">
        <v>13448</v>
      </c>
      <c r="I7017" t="s">
        <v>30540</v>
      </c>
    </row>
    <row r="7018" spans="1:9">
      <c r="A7018" s="1">
        <f ca="1">RAND()</f>
        <v>0.25107348007025165</v>
      </c>
      <c r="B7018" s="1"/>
      <c r="C7018">
        <v>13</v>
      </c>
      <c r="D7018" t="s">
        <v>13449</v>
      </c>
      <c r="E7018" t="s">
        <v>32734</v>
      </c>
      <c r="F7018">
        <v>5</v>
      </c>
      <c r="G7018" t="s">
        <v>775</v>
      </c>
      <c r="H7018" t="s">
        <v>13450</v>
      </c>
      <c r="I7018" t="s">
        <v>30540</v>
      </c>
    </row>
    <row r="7019" spans="1:9">
      <c r="A7019" s="1">
        <f ca="1">RAND()</f>
        <v>3.9024952428519222E-2</v>
      </c>
      <c r="B7019" s="1"/>
      <c r="C7019">
        <v>20</v>
      </c>
      <c r="D7019" t="s">
        <v>13453</v>
      </c>
      <c r="E7019" t="s">
        <v>32734</v>
      </c>
      <c r="F7019">
        <v>4</v>
      </c>
      <c r="G7019" t="s">
        <v>14</v>
      </c>
      <c r="H7019" t="s">
        <v>13454</v>
      </c>
      <c r="I7019" t="s">
        <v>30540</v>
      </c>
    </row>
    <row r="7020" spans="1:9">
      <c r="A7020" s="1">
        <f ca="1">RAND()</f>
        <v>0.96127403327234462</v>
      </c>
      <c r="B7020" s="1"/>
      <c r="C7020">
        <v>5</v>
      </c>
      <c r="D7020" t="s">
        <v>13443</v>
      </c>
      <c r="E7020" t="s">
        <v>32734</v>
      </c>
      <c r="F7020">
        <v>4</v>
      </c>
      <c r="G7020" t="s">
        <v>14</v>
      </c>
      <c r="H7020" t="s">
        <v>13444</v>
      </c>
      <c r="I7020" t="s">
        <v>30540</v>
      </c>
    </row>
    <row r="7021" spans="1:9">
      <c r="A7021" s="1">
        <f ca="1">RAND()</f>
        <v>0.26684684893420951</v>
      </c>
      <c r="B7021" s="1"/>
      <c r="C7021">
        <v>7</v>
      </c>
      <c r="D7021" t="s">
        <v>13445</v>
      </c>
      <c r="E7021" t="s">
        <v>32734</v>
      </c>
      <c r="F7021">
        <v>4</v>
      </c>
      <c r="G7021" t="s">
        <v>13</v>
      </c>
      <c r="H7021" t="s">
        <v>13446</v>
      </c>
      <c r="I7021" t="s">
        <v>30540</v>
      </c>
    </row>
    <row r="7022" spans="1:9">
      <c r="A7022" s="1">
        <f ca="1">RAND()</f>
        <v>0.72250383105621263</v>
      </c>
      <c r="B7022" s="1"/>
      <c r="C7022">
        <v>16</v>
      </c>
      <c r="D7022" t="s">
        <v>13451</v>
      </c>
      <c r="E7022" t="s">
        <v>32734</v>
      </c>
      <c r="F7022">
        <v>3</v>
      </c>
      <c r="G7022" t="s">
        <v>0</v>
      </c>
      <c r="H7022" t="s">
        <v>13452</v>
      </c>
      <c r="I7022" t="s">
        <v>30540</v>
      </c>
    </row>
    <row r="7023" spans="1:9">
      <c r="A7023" s="1">
        <f ca="1">RAND()</f>
        <v>7.1712008505687708E-3</v>
      </c>
      <c r="B7023" s="1"/>
      <c r="C7023">
        <v>8</v>
      </c>
      <c r="D7023" t="s">
        <v>13437</v>
      </c>
      <c r="E7023" t="s">
        <v>32735</v>
      </c>
      <c r="F7023">
        <v>5</v>
      </c>
      <c r="G7023" t="s">
        <v>2</v>
      </c>
      <c r="H7023" t="s">
        <v>13438</v>
      </c>
      <c r="I7023" t="s">
        <v>30540</v>
      </c>
    </row>
    <row r="7024" spans="1:9">
      <c r="A7024" s="1">
        <f ca="1">RAND()</f>
        <v>0.33332366756243914</v>
      </c>
      <c r="B7024" s="1"/>
      <c r="C7024">
        <v>13</v>
      </c>
      <c r="D7024" t="s">
        <v>13441</v>
      </c>
      <c r="E7024" t="s">
        <v>32735</v>
      </c>
      <c r="F7024">
        <v>4</v>
      </c>
      <c r="G7024" t="s">
        <v>13</v>
      </c>
      <c r="H7024" t="s">
        <v>13442</v>
      </c>
      <c r="I7024" t="s">
        <v>30540</v>
      </c>
    </row>
    <row r="7025" spans="1:9">
      <c r="A7025" s="1">
        <f ca="1">RAND()</f>
        <v>0.81261548009634643</v>
      </c>
      <c r="B7025" s="1"/>
      <c r="C7025">
        <v>9</v>
      </c>
      <c r="D7025" t="s">
        <v>13439</v>
      </c>
      <c r="E7025" t="s">
        <v>32735</v>
      </c>
      <c r="F7025">
        <v>3</v>
      </c>
      <c r="G7025" t="s">
        <v>14</v>
      </c>
      <c r="H7025" t="s">
        <v>13440</v>
      </c>
      <c r="I7025" t="s">
        <v>30540</v>
      </c>
    </row>
    <row r="7026" spans="1:9">
      <c r="A7026" s="1">
        <f ca="1">RAND()</f>
        <v>0.90895830498887398</v>
      </c>
      <c r="B7026" s="1"/>
      <c r="C7026">
        <v>7</v>
      </c>
      <c r="D7026" t="s">
        <v>13435</v>
      </c>
      <c r="E7026" t="s">
        <v>32735</v>
      </c>
      <c r="F7026">
        <v>2</v>
      </c>
      <c r="G7026" t="s">
        <v>15</v>
      </c>
      <c r="H7026" t="s">
        <v>13436</v>
      </c>
      <c r="I7026" t="s">
        <v>30540</v>
      </c>
    </row>
    <row r="7027" spans="1:9">
      <c r="A7027" s="1">
        <f ca="1">RAND()</f>
        <v>0.25469163954033192</v>
      </c>
      <c r="B7027" s="1"/>
      <c r="C7027">
        <v>2</v>
      </c>
      <c r="D7027" t="s">
        <v>13433</v>
      </c>
      <c r="E7027" t="s">
        <v>32735</v>
      </c>
      <c r="F7027">
        <v>1</v>
      </c>
      <c r="G7027" t="s">
        <v>15</v>
      </c>
      <c r="H7027" t="s">
        <v>13434</v>
      </c>
      <c r="I7027" t="s">
        <v>30540</v>
      </c>
    </row>
    <row r="7028" spans="1:9">
      <c r="A7028" s="1">
        <f ca="1">RAND()</f>
        <v>0.86185969725784184</v>
      </c>
      <c r="B7028" s="1"/>
      <c r="C7028">
        <v>8</v>
      </c>
      <c r="D7028" t="s">
        <v>13427</v>
      </c>
      <c r="E7028" t="s">
        <v>32736</v>
      </c>
      <c r="F7028">
        <v>5</v>
      </c>
      <c r="G7028" t="s">
        <v>14</v>
      </c>
      <c r="H7028" t="s">
        <v>13428</v>
      </c>
      <c r="I7028" t="s">
        <v>30540</v>
      </c>
    </row>
    <row r="7029" spans="1:9">
      <c r="A7029" s="1">
        <f ca="1">RAND()</f>
        <v>0.34696422994241827</v>
      </c>
      <c r="B7029" s="1"/>
      <c r="C7029">
        <v>4</v>
      </c>
      <c r="D7029" t="s">
        <v>13425</v>
      </c>
      <c r="E7029" t="s">
        <v>32736</v>
      </c>
      <c r="F7029">
        <v>4</v>
      </c>
      <c r="G7029" t="s">
        <v>0</v>
      </c>
      <c r="H7029" t="s">
        <v>13426</v>
      </c>
      <c r="I7029" t="s">
        <v>30540</v>
      </c>
    </row>
    <row r="7030" spans="1:9">
      <c r="A7030" s="1">
        <f ca="1">RAND()</f>
        <v>0.83361098147583368</v>
      </c>
      <c r="B7030" s="1"/>
      <c r="C7030">
        <v>12</v>
      </c>
      <c r="D7030" t="s">
        <v>13429</v>
      </c>
      <c r="E7030" t="s">
        <v>32736</v>
      </c>
      <c r="F7030">
        <v>4</v>
      </c>
      <c r="G7030" t="s">
        <v>14</v>
      </c>
      <c r="H7030" t="s">
        <v>13430</v>
      </c>
      <c r="I7030" t="s">
        <v>30540</v>
      </c>
    </row>
    <row r="7031" spans="1:9">
      <c r="A7031" s="1">
        <f ca="1">RAND()</f>
        <v>0.50677641522425987</v>
      </c>
      <c r="B7031" s="1"/>
      <c r="C7031">
        <v>14</v>
      </c>
      <c r="D7031" t="s">
        <v>13431</v>
      </c>
      <c r="E7031" t="s">
        <v>32736</v>
      </c>
      <c r="F7031">
        <v>4</v>
      </c>
      <c r="G7031" t="s">
        <v>14</v>
      </c>
      <c r="H7031" t="s">
        <v>13432</v>
      </c>
      <c r="I7031" t="s">
        <v>30540</v>
      </c>
    </row>
    <row r="7032" spans="1:9">
      <c r="A7032" s="1">
        <f ca="1">RAND()</f>
        <v>0.42585154175553674</v>
      </c>
      <c r="B7032" s="1"/>
      <c r="C7032">
        <v>3</v>
      </c>
      <c r="D7032" t="s">
        <v>13423</v>
      </c>
      <c r="E7032" t="s">
        <v>32736</v>
      </c>
      <c r="F7032">
        <v>2</v>
      </c>
      <c r="G7032" t="s">
        <v>10</v>
      </c>
      <c r="H7032" t="s">
        <v>13424</v>
      </c>
      <c r="I7032" t="s">
        <v>30540</v>
      </c>
    </row>
    <row r="7033" spans="1:9">
      <c r="A7033" s="1">
        <f ca="1">RAND()</f>
        <v>0.14312096373709393</v>
      </c>
      <c r="B7033" s="1"/>
      <c r="C7033">
        <v>10</v>
      </c>
      <c r="D7033" t="s">
        <v>13421</v>
      </c>
      <c r="E7033" t="s">
        <v>32737</v>
      </c>
      <c r="F7033">
        <v>5</v>
      </c>
      <c r="G7033" t="s">
        <v>14</v>
      </c>
      <c r="H7033" t="s">
        <v>13422</v>
      </c>
      <c r="I7033" t="s">
        <v>30540</v>
      </c>
    </row>
    <row r="7034" spans="1:9">
      <c r="A7034" s="1">
        <f ca="1">RAND()</f>
        <v>0.51549229992283785</v>
      </c>
      <c r="B7034" s="1"/>
      <c r="C7034">
        <v>9</v>
      </c>
      <c r="D7034" t="s">
        <v>13419</v>
      </c>
      <c r="E7034" t="s">
        <v>32737</v>
      </c>
      <c r="F7034">
        <v>4</v>
      </c>
      <c r="G7034" t="s">
        <v>14</v>
      </c>
      <c r="H7034" t="s">
        <v>13420</v>
      </c>
      <c r="I7034" t="s">
        <v>30540</v>
      </c>
    </row>
    <row r="7035" spans="1:9">
      <c r="A7035" s="1">
        <f ca="1">RAND()</f>
        <v>0.16613717584822574</v>
      </c>
      <c r="B7035" s="1"/>
      <c r="C7035">
        <v>1</v>
      </c>
      <c r="D7035" t="s">
        <v>13411</v>
      </c>
      <c r="E7035" t="s">
        <v>32738</v>
      </c>
      <c r="F7035">
        <v>5</v>
      </c>
      <c r="G7035" t="s">
        <v>10</v>
      </c>
      <c r="H7035" t="s">
        <v>13412</v>
      </c>
      <c r="I7035" t="s">
        <v>30540</v>
      </c>
    </row>
    <row r="7036" spans="1:9">
      <c r="A7036" s="1">
        <f ca="1">RAND()</f>
        <v>0.88844869784333935</v>
      </c>
      <c r="B7036" s="1"/>
      <c r="C7036">
        <v>10</v>
      </c>
      <c r="D7036" t="s">
        <v>13417</v>
      </c>
      <c r="E7036" t="s">
        <v>32738</v>
      </c>
      <c r="F7036">
        <v>4</v>
      </c>
      <c r="G7036" t="s">
        <v>0</v>
      </c>
      <c r="H7036" t="s">
        <v>13418</v>
      </c>
      <c r="I7036" t="s">
        <v>30540</v>
      </c>
    </row>
    <row r="7037" spans="1:9">
      <c r="A7037" s="1">
        <f ca="1">RAND()</f>
        <v>0.78405276105954325</v>
      </c>
      <c r="B7037" s="1"/>
      <c r="C7037">
        <v>7</v>
      </c>
      <c r="D7037" t="s">
        <v>13413</v>
      </c>
      <c r="E7037" t="s">
        <v>32738</v>
      </c>
      <c r="F7037">
        <v>3</v>
      </c>
      <c r="G7037" t="s">
        <v>14</v>
      </c>
      <c r="H7037" t="s">
        <v>13414</v>
      </c>
      <c r="I7037" t="s">
        <v>30540</v>
      </c>
    </row>
    <row r="7038" spans="1:9">
      <c r="A7038" s="1">
        <f ca="1">RAND()</f>
        <v>0.26055559291947916</v>
      </c>
      <c r="B7038" s="1"/>
      <c r="C7038">
        <v>8</v>
      </c>
      <c r="D7038" t="s">
        <v>13415</v>
      </c>
      <c r="E7038" t="s">
        <v>32738</v>
      </c>
      <c r="F7038">
        <v>1</v>
      </c>
      <c r="G7038" t="s">
        <v>14</v>
      </c>
      <c r="H7038" t="s">
        <v>13416</v>
      </c>
      <c r="I7038" t="s">
        <v>30540</v>
      </c>
    </row>
    <row r="7039" spans="1:9">
      <c r="A7039" s="1">
        <f ca="1">RAND()</f>
        <v>0.80117494007936418</v>
      </c>
      <c r="B7039" s="1"/>
      <c r="C7039">
        <v>5</v>
      </c>
      <c r="D7039" t="s">
        <v>13403</v>
      </c>
      <c r="E7039" t="s">
        <v>32739</v>
      </c>
      <c r="F7039">
        <v>5</v>
      </c>
      <c r="G7039" t="s">
        <v>14</v>
      </c>
      <c r="H7039" t="s">
        <v>13404</v>
      </c>
      <c r="I7039" t="s">
        <v>30540</v>
      </c>
    </row>
    <row r="7040" spans="1:9">
      <c r="A7040" s="1">
        <f ca="1">RAND()</f>
        <v>0.48207674283858437</v>
      </c>
      <c r="B7040" s="1"/>
      <c r="C7040">
        <v>15</v>
      </c>
      <c r="D7040" t="s">
        <v>13407</v>
      </c>
      <c r="E7040" t="s">
        <v>32739</v>
      </c>
      <c r="F7040">
        <v>5</v>
      </c>
      <c r="G7040" t="s">
        <v>775</v>
      </c>
      <c r="H7040" t="s">
        <v>13408</v>
      </c>
      <c r="I7040" t="s">
        <v>30540</v>
      </c>
    </row>
    <row r="7041" spans="1:9">
      <c r="A7041" s="1">
        <f ca="1">RAND()</f>
        <v>0.67071695677868581</v>
      </c>
      <c r="B7041" s="1"/>
      <c r="C7041">
        <v>2</v>
      </c>
      <c r="D7041" t="s">
        <v>13401</v>
      </c>
      <c r="E7041" t="s">
        <v>32739</v>
      </c>
      <c r="F7041">
        <v>4</v>
      </c>
      <c r="G7041" t="s">
        <v>762</v>
      </c>
      <c r="H7041" t="s">
        <v>13402</v>
      </c>
      <c r="I7041" t="s">
        <v>30540</v>
      </c>
    </row>
    <row r="7042" spans="1:9">
      <c r="A7042" s="1">
        <f ca="1">RAND()</f>
        <v>0.92792446353290869</v>
      </c>
      <c r="B7042" s="1"/>
      <c r="C7042">
        <v>8</v>
      </c>
      <c r="D7042" t="s">
        <v>13405</v>
      </c>
      <c r="E7042" t="s">
        <v>32739</v>
      </c>
      <c r="F7042">
        <v>4</v>
      </c>
      <c r="G7042" t="s">
        <v>14</v>
      </c>
      <c r="H7042" t="s">
        <v>13406</v>
      </c>
      <c r="I7042" t="s">
        <v>30540</v>
      </c>
    </row>
    <row r="7043" spans="1:9">
      <c r="A7043" s="1">
        <f ca="1">RAND()</f>
        <v>0.49421546039578335</v>
      </c>
      <c r="B7043" s="1"/>
      <c r="C7043">
        <v>19</v>
      </c>
      <c r="D7043" t="s">
        <v>13409</v>
      </c>
      <c r="E7043" t="s">
        <v>32739</v>
      </c>
      <c r="F7043">
        <v>3</v>
      </c>
      <c r="G7043" t="s">
        <v>14</v>
      </c>
      <c r="H7043" t="s">
        <v>13410</v>
      </c>
      <c r="I7043" t="s">
        <v>30540</v>
      </c>
    </row>
    <row r="7044" spans="1:9">
      <c r="A7044" s="1">
        <f ca="1">RAND()</f>
        <v>0.38074023173125393</v>
      </c>
      <c r="B7044" s="1"/>
      <c r="C7044">
        <v>13</v>
      </c>
      <c r="D7044" t="s">
        <v>13399</v>
      </c>
      <c r="E7044" t="s">
        <v>32740</v>
      </c>
      <c r="F7044">
        <v>5</v>
      </c>
      <c r="G7044" t="s">
        <v>1</v>
      </c>
      <c r="H7044" t="s">
        <v>13400</v>
      </c>
      <c r="I7044" t="s">
        <v>30540</v>
      </c>
    </row>
    <row r="7045" spans="1:9">
      <c r="A7045" s="1">
        <f ca="1">RAND()</f>
        <v>0.95203525167648406</v>
      </c>
      <c r="B7045" s="1"/>
      <c r="C7045">
        <v>4</v>
      </c>
      <c r="D7045" t="s">
        <v>13395</v>
      </c>
      <c r="E7045" t="s">
        <v>32740</v>
      </c>
      <c r="F7045">
        <v>4</v>
      </c>
      <c r="G7045" t="s">
        <v>14</v>
      </c>
      <c r="H7045" t="s">
        <v>13396</v>
      </c>
      <c r="I7045" t="s">
        <v>30540</v>
      </c>
    </row>
    <row r="7046" spans="1:9">
      <c r="A7046" s="1">
        <f ca="1">RAND()</f>
        <v>0.96797999947579261</v>
      </c>
      <c r="B7046" s="1"/>
      <c r="C7046">
        <v>11</v>
      </c>
      <c r="D7046" t="s">
        <v>13397</v>
      </c>
      <c r="E7046" t="s">
        <v>32740</v>
      </c>
      <c r="F7046">
        <v>4</v>
      </c>
      <c r="G7046" t="s">
        <v>14</v>
      </c>
      <c r="H7046" t="s">
        <v>13398</v>
      </c>
      <c r="I7046" t="s">
        <v>30540</v>
      </c>
    </row>
    <row r="7047" spans="1:9">
      <c r="A7047" s="1">
        <f ca="1">RAND()</f>
        <v>0.16397298714169417</v>
      </c>
      <c r="B7047" s="1"/>
      <c r="C7047">
        <v>2</v>
      </c>
      <c r="D7047" t="s">
        <v>13393</v>
      </c>
      <c r="E7047" t="s">
        <v>32740</v>
      </c>
      <c r="F7047">
        <v>4</v>
      </c>
      <c r="G7047" t="s">
        <v>15</v>
      </c>
      <c r="H7047" t="s">
        <v>13394</v>
      </c>
      <c r="I7047" t="s">
        <v>30540</v>
      </c>
    </row>
    <row r="7048" spans="1:9">
      <c r="A7048" s="1">
        <f ca="1">RAND()</f>
        <v>0.50720072567322705</v>
      </c>
      <c r="B7048" s="1"/>
      <c r="C7048">
        <v>4</v>
      </c>
      <c r="D7048" t="s">
        <v>13381</v>
      </c>
      <c r="E7048" t="s">
        <v>32741</v>
      </c>
      <c r="F7048">
        <v>5</v>
      </c>
      <c r="G7048" t="s">
        <v>10</v>
      </c>
      <c r="H7048" t="s">
        <v>13382</v>
      </c>
      <c r="I7048" t="s">
        <v>30540</v>
      </c>
    </row>
    <row r="7049" spans="1:9">
      <c r="A7049" s="1">
        <f ca="1">RAND()</f>
        <v>0.52239721823358154</v>
      </c>
      <c r="B7049" s="1"/>
      <c r="C7049">
        <v>13</v>
      </c>
      <c r="D7049" t="s">
        <v>13387</v>
      </c>
      <c r="E7049" t="s">
        <v>32741</v>
      </c>
      <c r="F7049">
        <v>4</v>
      </c>
      <c r="G7049" t="s">
        <v>15</v>
      </c>
      <c r="H7049" t="s">
        <v>13388</v>
      </c>
      <c r="I7049" t="s">
        <v>30540</v>
      </c>
    </row>
    <row r="7050" spans="1:9">
      <c r="A7050" s="1">
        <f ca="1">RAND()</f>
        <v>0.2009623404965396</v>
      </c>
      <c r="B7050" s="1"/>
      <c r="C7050">
        <v>11</v>
      </c>
      <c r="D7050" t="s">
        <v>13385</v>
      </c>
      <c r="E7050" t="s">
        <v>32741</v>
      </c>
      <c r="F7050">
        <v>4</v>
      </c>
      <c r="G7050" t="s">
        <v>14</v>
      </c>
      <c r="H7050" t="s">
        <v>13386</v>
      </c>
      <c r="I7050" t="s">
        <v>30540</v>
      </c>
    </row>
    <row r="7051" spans="1:9">
      <c r="A7051" s="1">
        <f ca="1">RAND()</f>
        <v>0.34251138533375136</v>
      </c>
      <c r="B7051" s="1"/>
      <c r="C7051">
        <v>19</v>
      </c>
      <c r="D7051" t="s">
        <v>13391</v>
      </c>
      <c r="E7051" t="s">
        <v>32741</v>
      </c>
      <c r="F7051">
        <v>4</v>
      </c>
      <c r="G7051" t="s">
        <v>9</v>
      </c>
      <c r="H7051" t="s">
        <v>13392</v>
      </c>
      <c r="I7051" t="s">
        <v>30540</v>
      </c>
    </row>
    <row r="7052" spans="1:9">
      <c r="A7052" s="1">
        <f ca="1">RAND()</f>
        <v>0.79631893764279782</v>
      </c>
      <c r="B7052" s="1"/>
      <c r="C7052">
        <v>1</v>
      </c>
      <c r="D7052" t="s">
        <v>13379</v>
      </c>
      <c r="E7052" t="s">
        <v>32741</v>
      </c>
      <c r="F7052">
        <v>4</v>
      </c>
      <c r="G7052" t="s">
        <v>10</v>
      </c>
      <c r="H7052" t="s">
        <v>13380</v>
      </c>
      <c r="I7052" t="s">
        <v>30540</v>
      </c>
    </row>
    <row r="7053" spans="1:9">
      <c r="A7053" s="1">
        <f ca="1">RAND()</f>
        <v>0.76460652467083723</v>
      </c>
      <c r="B7053" s="1"/>
      <c r="C7053">
        <v>8</v>
      </c>
      <c r="D7053" t="s">
        <v>13383</v>
      </c>
      <c r="E7053" t="s">
        <v>32741</v>
      </c>
      <c r="F7053">
        <v>4</v>
      </c>
      <c r="G7053" t="s">
        <v>10</v>
      </c>
      <c r="H7053" t="s">
        <v>13384</v>
      </c>
      <c r="I7053" t="s">
        <v>30540</v>
      </c>
    </row>
    <row r="7054" spans="1:9">
      <c r="A7054" s="1">
        <f ca="1">RAND()</f>
        <v>0.89181840246323962</v>
      </c>
      <c r="B7054" s="1"/>
      <c r="C7054">
        <v>14</v>
      </c>
      <c r="D7054" t="s">
        <v>13389</v>
      </c>
      <c r="E7054" t="s">
        <v>32741</v>
      </c>
      <c r="F7054">
        <v>1</v>
      </c>
      <c r="G7054" t="s">
        <v>2</v>
      </c>
      <c r="H7054" t="s">
        <v>13390</v>
      </c>
      <c r="I7054" t="s">
        <v>30540</v>
      </c>
    </row>
    <row r="7055" spans="1:9">
      <c r="A7055" s="1">
        <f ca="1">RAND()</f>
        <v>0.22389220605064108</v>
      </c>
      <c r="B7055" s="1"/>
      <c r="C7055">
        <v>10</v>
      </c>
      <c r="D7055" t="s">
        <v>13377</v>
      </c>
      <c r="E7055" t="s">
        <v>32742</v>
      </c>
      <c r="F7055">
        <v>4</v>
      </c>
      <c r="G7055" t="s">
        <v>14</v>
      </c>
      <c r="H7055" t="s">
        <v>13378</v>
      </c>
      <c r="I7055" t="s">
        <v>30540</v>
      </c>
    </row>
    <row r="7056" spans="1:9">
      <c r="A7056" s="1">
        <f ca="1">RAND()</f>
        <v>0.41873389289143081</v>
      </c>
      <c r="B7056" s="1"/>
      <c r="C7056">
        <v>4</v>
      </c>
      <c r="D7056" t="s">
        <v>13375</v>
      </c>
      <c r="E7056" t="s">
        <v>32742</v>
      </c>
      <c r="F7056">
        <v>4</v>
      </c>
      <c r="G7056" t="s">
        <v>14</v>
      </c>
      <c r="H7056" t="s">
        <v>13376</v>
      </c>
      <c r="I7056" t="s">
        <v>30540</v>
      </c>
    </row>
    <row r="7057" spans="1:9">
      <c r="A7057" s="1">
        <f ca="1">RAND()</f>
        <v>5.3878963496838961E-2</v>
      </c>
      <c r="B7057" s="1"/>
      <c r="C7057">
        <v>1</v>
      </c>
      <c r="D7057" t="s">
        <v>13373</v>
      </c>
      <c r="E7057" t="s">
        <v>32742</v>
      </c>
      <c r="F7057">
        <v>4</v>
      </c>
      <c r="G7057" t="s">
        <v>10</v>
      </c>
      <c r="H7057" t="s">
        <v>13374</v>
      </c>
      <c r="I7057" t="s">
        <v>30540</v>
      </c>
    </row>
    <row r="7058" spans="1:9">
      <c r="A7058" s="1">
        <f ca="1">RAND()</f>
        <v>0.66237118613832202</v>
      </c>
      <c r="B7058" s="1"/>
      <c r="C7058">
        <v>9</v>
      </c>
      <c r="D7058" t="s">
        <v>13367</v>
      </c>
      <c r="E7058" t="s">
        <v>32743</v>
      </c>
      <c r="F7058">
        <v>5</v>
      </c>
      <c r="G7058" t="s">
        <v>10</v>
      </c>
      <c r="H7058" t="s">
        <v>13368</v>
      </c>
      <c r="I7058" t="s">
        <v>30540</v>
      </c>
    </row>
    <row r="7059" spans="1:9">
      <c r="A7059" s="1">
        <f ca="1">RAND()</f>
        <v>0.60942541472443879</v>
      </c>
      <c r="B7059" s="1"/>
      <c r="C7059">
        <v>3</v>
      </c>
      <c r="D7059" t="s">
        <v>13365</v>
      </c>
      <c r="E7059" t="s">
        <v>32743</v>
      </c>
      <c r="F7059">
        <v>4</v>
      </c>
      <c r="G7059" t="s">
        <v>14</v>
      </c>
      <c r="H7059" t="s">
        <v>13366</v>
      </c>
      <c r="I7059" t="s">
        <v>30540</v>
      </c>
    </row>
    <row r="7060" spans="1:9">
      <c r="A7060" s="1">
        <f ca="1">RAND()</f>
        <v>0.45965502446222184</v>
      </c>
      <c r="B7060" s="1"/>
      <c r="C7060">
        <v>13</v>
      </c>
      <c r="D7060" t="s">
        <v>13371</v>
      </c>
      <c r="E7060" t="s">
        <v>32743</v>
      </c>
      <c r="F7060">
        <v>4</v>
      </c>
      <c r="G7060" t="s">
        <v>14</v>
      </c>
      <c r="H7060" t="s">
        <v>13372</v>
      </c>
      <c r="I7060" t="s">
        <v>30540</v>
      </c>
    </row>
    <row r="7061" spans="1:9">
      <c r="A7061" s="1">
        <f ca="1">RAND()</f>
        <v>0.44321733139438924</v>
      </c>
      <c r="B7061" s="1"/>
      <c r="C7061">
        <v>11</v>
      </c>
      <c r="D7061" t="s">
        <v>13369</v>
      </c>
      <c r="E7061" t="s">
        <v>32743</v>
      </c>
      <c r="F7061">
        <v>4</v>
      </c>
      <c r="G7061" t="s">
        <v>14</v>
      </c>
      <c r="H7061" t="s">
        <v>13370</v>
      </c>
      <c r="I7061" t="s">
        <v>30540</v>
      </c>
    </row>
    <row r="7062" spans="1:9">
      <c r="A7062" s="1">
        <f ca="1">RAND()</f>
        <v>0.62518116717536809</v>
      </c>
      <c r="B7062" s="1"/>
      <c r="C7062">
        <v>10</v>
      </c>
      <c r="D7062" t="s">
        <v>13359</v>
      </c>
      <c r="E7062" t="s">
        <v>32744</v>
      </c>
      <c r="F7062">
        <v>4</v>
      </c>
      <c r="G7062" t="s">
        <v>14</v>
      </c>
      <c r="H7062" t="s">
        <v>13360</v>
      </c>
      <c r="I7062" t="s">
        <v>30540</v>
      </c>
    </row>
    <row r="7063" spans="1:9">
      <c r="A7063" s="1">
        <f ca="1">RAND()</f>
        <v>0.5995760018213</v>
      </c>
      <c r="B7063" s="1"/>
      <c r="C7063">
        <v>8</v>
      </c>
      <c r="D7063" t="s">
        <v>13355</v>
      </c>
      <c r="E7063" t="s">
        <v>32744</v>
      </c>
      <c r="F7063">
        <v>4</v>
      </c>
      <c r="G7063" t="s">
        <v>766</v>
      </c>
      <c r="H7063" t="s">
        <v>13356</v>
      </c>
      <c r="I7063" t="s">
        <v>30540</v>
      </c>
    </row>
    <row r="7064" spans="1:9">
      <c r="A7064" s="1">
        <f ca="1">RAND()</f>
        <v>0.59873258645832561</v>
      </c>
      <c r="B7064" s="1"/>
      <c r="C7064">
        <v>9</v>
      </c>
      <c r="D7064" t="s">
        <v>13357</v>
      </c>
      <c r="E7064" t="s">
        <v>32744</v>
      </c>
      <c r="F7064">
        <v>3</v>
      </c>
      <c r="G7064" t="s">
        <v>14</v>
      </c>
      <c r="H7064" t="s">
        <v>13358</v>
      </c>
      <c r="I7064" t="s">
        <v>30540</v>
      </c>
    </row>
    <row r="7065" spans="1:9">
      <c r="A7065" s="1">
        <f ca="1">RAND()</f>
        <v>0.69569965943246981</v>
      </c>
      <c r="B7065" s="1"/>
      <c r="C7065">
        <v>18</v>
      </c>
      <c r="D7065" t="s">
        <v>13363</v>
      </c>
      <c r="E7065" t="s">
        <v>32744</v>
      </c>
      <c r="F7065">
        <v>3</v>
      </c>
      <c r="G7065" t="s">
        <v>3107</v>
      </c>
      <c r="H7065" t="s">
        <v>13364</v>
      </c>
      <c r="I7065" t="s">
        <v>30540</v>
      </c>
    </row>
    <row r="7066" spans="1:9">
      <c r="A7066" s="1">
        <f ca="1">RAND()</f>
        <v>0.65376293128978391</v>
      </c>
      <c r="B7066" s="1"/>
      <c r="C7066">
        <v>15</v>
      </c>
      <c r="D7066" t="s">
        <v>13361</v>
      </c>
      <c r="E7066" t="s">
        <v>32744</v>
      </c>
      <c r="F7066">
        <v>3</v>
      </c>
      <c r="G7066" t="s">
        <v>766</v>
      </c>
      <c r="H7066" t="s">
        <v>13362</v>
      </c>
      <c r="I7066" t="s">
        <v>30540</v>
      </c>
    </row>
    <row r="7067" spans="1:9">
      <c r="A7067" s="1">
        <f ca="1">RAND()</f>
        <v>0.81440034756031288</v>
      </c>
      <c r="B7067" s="1"/>
      <c r="C7067">
        <v>4</v>
      </c>
      <c r="D7067" t="s">
        <v>13353</v>
      </c>
      <c r="E7067" t="s">
        <v>32744</v>
      </c>
      <c r="F7067">
        <v>2</v>
      </c>
      <c r="G7067" t="s">
        <v>13</v>
      </c>
      <c r="H7067" t="s">
        <v>13354</v>
      </c>
      <c r="I7067" t="s">
        <v>30540</v>
      </c>
    </row>
    <row r="7068" spans="1:9">
      <c r="A7068" s="1">
        <f ca="1">RAND()</f>
        <v>0.58997909829292394</v>
      </c>
      <c r="B7068" s="1"/>
      <c r="C7068">
        <v>6</v>
      </c>
      <c r="D7068" t="s">
        <v>13347</v>
      </c>
      <c r="E7068" t="s">
        <v>32745</v>
      </c>
      <c r="F7068">
        <v>4</v>
      </c>
      <c r="G7068" t="s">
        <v>0</v>
      </c>
      <c r="H7068" t="s">
        <v>13348</v>
      </c>
      <c r="I7068" t="s">
        <v>30540</v>
      </c>
    </row>
    <row r="7069" spans="1:9">
      <c r="A7069" s="1">
        <f ca="1">RAND()</f>
        <v>3.1520031066667564E-2</v>
      </c>
      <c r="B7069" s="1"/>
      <c r="C7069">
        <v>10</v>
      </c>
      <c r="D7069" t="s">
        <v>13349</v>
      </c>
      <c r="E7069" t="s">
        <v>32745</v>
      </c>
      <c r="F7069">
        <v>4</v>
      </c>
      <c r="G7069" t="s">
        <v>14</v>
      </c>
      <c r="H7069" t="s">
        <v>13350</v>
      </c>
      <c r="I7069" t="s">
        <v>30540</v>
      </c>
    </row>
    <row r="7070" spans="1:9">
      <c r="A7070" s="1">
        <f ca="1">RAND()</f>
        <v>0.16345399968994878</v>
      </c>
      <c r="B7070" s="1"/>
      <c r="C7070">
        <v>11</v>
      </c>
      <c r="D7070" t="s">
        <v>13351</v>
      </c>
      <c r="E7070" t="s">
        <v>32745</v>
      </c>
      <c r="F7070">
        <v>4</v>
      </c>
      <c r="G7070" t="s">
        <v>14</v>
      </c>
      <c r="H7070" t="s">
        <v>13352</v>
      </c>
      <c r="I7070" t="s">
        <v>30540</v>
      </c>
    </row>
    <row r="7071" spans="1:9">
      <c r="A7071" s="1">
        <f ca="1">RAND()</f>
        <v>0.41287112849943552</v>
      </c>
      <c r="B7071" s="1"/>
      <c r="C7071">
        <v>1</v>
      </c>
      <c r="D7071" t="s">
        <v>13343</v>
      </c>
      <c r="E7071" t="s">
        <v>32745</v>
      </c>
      <c r="F7071">
        <v>3</v>
      </c>
      <c r="G7071" t="s">
        <v>14</v>
      </c>
      <c r="H7071" t="s">
        <v>13344</v>
      </c>
      <c r="I7071" t="s">
        <v>30540</v>
      </c>
    </row>
    <row r="7072" spans="1:9">
      <c r="A7072" s="1">
        <f ca="1">RAND()</f>
        <v>0.4202993025806111</v>
      </c>
      <c r="B7072" s="1"/>
      <c r="C7072">
        <v>4</v>
      </c>
      <c r="D7072" t="s">
        <v>13345</v>
      </c>
      <c r="E7072" t="s">
        <v>32745</v>
      </c>
      <c r="F7072">
        <v>2</v>
      </c>
      <c r="G7072" t="s">
        <v>14</v>
      </c>
      <c r="H7072" t="s">
        <v>13346</v>
      </c>
      <c r="I7072" t="s">
        <v>30540</v>
      </c>
    </row>
    <row r="7073" spans="1:9">
      <c r="A7073" s="1">
        <f ca="1">RAND()</f>
        <v>0.47085869734025376</v>
      </c>
      <c r="B7073" s="1"/>
      <c r="C7073">
        <v>13</v>
      </c>
      <c r="D7073" t="s">
        <v>13339</v>
      </c>
      <c r="E7073" t="s">
        <v>32746</v>
      </c>
      <c r="F7073">
        <v>4</v>
      </c>
      <c r="G7073" t="s">
        <v>0</v>
      </c>
      <c r="H7073" t="s">
        <v>13340</v>
      </c>
      <c r="I7073" t="s">
        <v>30540</v>
      </c>
    </row>
    <row r="7074" spans="1:9">
      <c r="A7074" s="1">
        <f ca="1">RAND()</f>
        <v>0.24160086847782114</v>
      </c>
      <c r="B7074" s="1"/>
      <c r="C7074">
        <v>19</v>
      </c>
      <c r="D7074" t="s">
        <v>13341</v>
      </c>
      <c r="E7074" t="s">
        <v>32746</v>
      </c>
      <c r="F7074">
        <v>4</v>
      </c>
      <c r="G7074" t="s">
        <v>10</v>
      </c>
      <c r="H7074" t="s">
        <v>13342</v>
      </c>
      <c r="I7074" t="s">
        <v>30540</v>
      </c>
    </row>
    <row r="7075" spans="1:9">
      <c r="A7075" s="1">
        <f ca="1">RAND()</f>
        <v>0.35260284528157737</v>
      </c>
      <c r="B7075" s="1"/>
      <c r="C7075">
        <v>7</v>
      </c>
      <c r="D7075" t="s">
        <v>13335</v>
      </c>
      <c r="E7075" t="s">
        <v>32746</v>
      </c>
      <c r="F7075">
        <v>3</v>
      </c>
      <c r="G7075" t="s">
        <v>14</v>
      </c>
      <c r="H7075" t="s">
        <v>13336</v>
      </c>
      <c r="I7075" t="s">
        <v>30540</v>
      </c>
    </row>
    <row r="7076" spans="1:9">
      <c r="A7076" s="1">
        <f ca="1">RAND()</f>
        <v>5.1378334568163875E-2</v>
      </c>
      <c r="B7076" s="1"/>
      <c r="C7076">
        <v>8</v>
      </c>
      <c r="D7076" t="s">
        <v>13337</v>
      </c>
      <c r="E7076" t="s">
        <v>32746</v>
      </c>
      <c r="F7076">
        <v>3</v>
      </c>
      <c r="G7076" t="s">
        <v>10</v>
      </c>
      <c r="H7076" t="s">
        <v>13338</v>
      </c>
      <c r="I7076" t="s">
        <v>30540</v>
      </c>
    </row>
    <row r="7077" spans="1:9">
      <c r="A7077" s="1">
        <f ca="1">RAND()</f>
        <v>0.47817607662565453</v>
      </c>
      <c r="B7077" s="1"/>
      <c r="C7077">
        <v>4</v>
      </c>
      <c r="D7077" t="s">
        <v>13333</v>
      </c>
      <c r="E7077" t="s">
        <v>32746</v>
      </c>
      <c r="F7077">
        <v>3</v>
      </c>
      <c r="G7077" t="s">
        <v>14</v>
      </c>
      <c r="H7077" t="s">
        <v>13334</v>
      </c>
      <c r="I7077" t="s">
        <v>30540</v>
      </c>
    </row>
    <row r="7078" spans="1:9">
      <c r="A7078" s="1">
        <f ca="1">RAND()</f>
        <v>0.39495784781176502</v>
      </c>
      <c r="B7078" s="1"/>
      <c r="C7078">
        <v>7</v>
      </c>
      <c r="D7078" t="s">
        <v>13329</v>
      </c>
      <c r="E7078" t="s">
        <v>32747</v>
      </c>
      <c r="F7078">
        <v>4</v>
      </c>
      <c r="G7078" t="s">
        <v>0</v>
      </c>
      <c r="H7078" t="s">
        <v>13330</v>
      </c>
      <c r="I7078" t="s">
        <v>30540</v>
      </c>
    </row>
    <row r="7079" spans="1:9">
      <c r="A7079" s="1">
        <f ca="1">RAND()</f>
        <v>0.74442531874705831</v>
      </c>
      <c r="B7079" s="1"/>
      <c r="C7079">
        <v>9</v>
      </c>
      <c r="D7079" t="s">
        <v>13331</v>
      </c>
      <c r="E7079" t="s">
        <v>32747</v>
      </c>
      <c r="F7079">
        <v>4</v>
      </c>
      <c r="G7079" t="s">
        <v>14</v>
      </c>
      <c r="H7079" t="s">
        <v>13332</v>
      </c>
      <c r="I7079" t="s">
        <v>30540</v>
      </c>
    </row>
    <row r="7080" spans="1:9">
      <c r="A7080" s="1">
        <f ca="1">RAND()</f>
        <v>0.76064775812056062</v>
      </c>
      <c r="B7080" s="1"/>
      <c r="C7080">
        <v>5</v>
      </c>
      <c r="D7080" t="s">
        <v>13323</v>
      </c>
      <c r="E7080" t="s">
        <v>32748</v>
      </c>
      <c r="F7080">
        <v>4</v>
      </c>
      <c r="G7080" t="s">
        <v>9</v>
      </c>
      <c r="H7080" t="s">
        <v>13324</v>
      </c>
      <c r="I7080" t="s">
        <v>30540</v>
      </c>
    </row>
    <row r="7081" spans="1:9">
      <c r="A7081" s="1">
        <f ca="1">RAND()</f>
        <v>0.19169058606045086</v>
      </c>
      <c r="B7081" s="1"/>
      <c r="C7081">
        <v>8</v>
      </c>
      <c r="D7081" t="s">
        <v>13325</v>
      </c>
      <c r="E7081" t="s">
        <v>32748</v>
      </c>
      <c r="F7081">
        <v>3</v>
      </c>
      <c r="G7081" t="s">
        <v>13</v>
      </c>
      <c r="H7081" t="s">
        <v>13326</v>
      </c>
      <c r="I7081" t="s">
        <v>30540</v>
      </c>
    </row>
    <row r="7082" spans="1:9">
      <c r="A7082" s="1">
        <f ca="1">RAND()</f>
        <v>0.52095741140916563</v>
      </c>
      <c r="B7082" s="1"/>
      <c r="C7082">
        <v>4</v>
      </c>
      <c r="D7082" t="s">
        <v>13321</v>
      </c>
      <c r="E7082" t="s">
        <v>32748</v>
      </c>
      <c r="F7082">
        <v>2</v>
      </c>
      <c r="G7082" t="s">
        <v>14</v>
      </c>
      <c r="H7082" t="s">
        <v>13322</v>
      </c>
      <c r="I7082" t="s">
        <v>30540</v>
      </c>
    </row>
    <row r="7083" spans="1:9">
      <c r="A7083" s="1">
        <f ca="1">RAND()</f>
        <v>0.9533064464088381</v>
      </c>
      <c r="B7083" s="1"/>
      <c r="C7083">
        <v>3</v>
      </c>
      <c r="D7083" t="s">
        <v>13319</v>
      </c>
      <c r="E7083" t="s">
        <v>32748</v>
      </c>
      <c r="F7083">
        <v>2</v>
      </c>
      <c r="G7083" t="s">
        <v>10</v>
      </c>
      <c r="H7083" t="s">
        <v>13320</v>
      </c>
      <c r="I7083" t="s">
        <v>30540</v>
      </c>
    </row>
    <row r="7084" spans="1:9">
      <c r="A7084" s="1">
        <f ca="1">RAND()</f>
        <v>0.17423935642821764</v>
      </c>
      <c r="B7084" s="1"/>
      <c r="C7084">
        <v>16</v>
      </c>
      <c r="D7084" t="s">
        <v>13327</v>
      </c>
      <c r="E7084" t="s">
        <v>32748</v>
      </c>
      <c r="F7084">
        <v>2</v>
      </c>
      <c r="G7084" t="s">
        <v>10</v>
      </c>
      <c r="H7084" t="s">
        <v>13328</v>
      </c>
      <c r="I7084" t="s">
        <v>30540</v>
      </c>
    </row>
    <row r="7085" spans="1:9">
      <c r="A7085" s="1">
        <f ca="1">RAND()</f>
        <v>0.46064766456117257</v>
      </c>
      <c r="B7085" s="1"/>
      <c r="C7085">
        <v>15</v>
      </c>
      <c r="D7085" t="s">
        <v>13315</v>
      </c>
      <c r="E7085" t="s">
        <v>32749</v>
      </c>
      <c r="F7085">
        <v>4</v>
      </c>
      <c r="G7085" t="s">
        <v>775</v>
      </c>
      <c r="H7085" t="s">
        <v>13316</v>
      </c>
      <c r="I7085" t="s">
        <v>30540</v>
      </c>
    </row>
    <row r="7086" spans="1:9">
      <c r="A7086" s="1">
        <f ca="1">RAND()</f>
        <v>0.48895593845458496</v>
      </c>
      <c r="B7086" s="1"/>
      <c r="C7086">
        <v>14</v>
      </c>
      <c r="D7086" t="s">
        <v>13313</v>
      </c>
      <c r="E7086" t="s">
        <v>32749</v>
      </c>
      <c r="F7086">
        <v>4</v>
      </c>
      <c r="G7086" t="s">
        <v>1426</v>
      </c>
      <c r="H7086" t="s">
        <v>13314</v>
      </c>
      <c r="I7086" t="s">
        <v>30540</v>
      </c>
    </row>
    <row r="7087" spans="1:9">
      <c r="A7087" s="1">
        <f ca="1">RAND()</f>
        <v>1.1072674945448724E-2</v>
      </c>
      <c r="B7087" s="1"/>
      <c r="C7087">
        <v>11</v>
      </c>
      <c r="D7087" t="s">
        <v>13309</v>
      </c>
      <c r="E7087" t="s">
        <v>32749</v>
      </c>
      <c r="F7087">
        <v>4</v>
      </c>
      <c r="G7087" t="s">
        <v>3732</v>
      </c>
      <c r="H7087" t="s">
        <v>13310</v>
      </c>
      <c r="I7087" t="s">
        <v>30540</v>
      </c>
    </row>
    <row r="7088" spans="1:9">
      <c r="A7088" s="1">
        <f ca="1">RAND()</f>
        <v>0.69409100490134401</v>
      </c>
      <c r="B7088" s="1"/>
      <c r="C7088">
        <v>19</v>
      </c>
      <c r="D7088" t="s">
        <v>13317</v>
      </c>
      <c r="E7088" t="s">
        <v>32749</v>
      </c>
      <c r="F7088">
        <v>3</v>
      </c>
      <c r="G7088" t="s">
        <v>1431</v>
      </c>
      <c r="H7088" t="s">
        <v>13318</v>
      </c>
      <c r="I7088" t="s">
        <v>30540</v>
      </c>
    </row>
    <row r="7089" spans="1:9">
      <c r="A7089" s="1">
        <f ca="1">RAND()</f>
        <v>0.87427272169550618</v>
      </c>
      <c r="B7089" s="1"/>
      <c r="C7089">
        <v>5</v>
      </c>
      <c r="D7089" t="s">
        <v>13307</v>
      </c>
      <c r="E7089" t="s">
        <v>32749</v>
      </c>
      <c r="F7089">
        <v>2</v>
      </c>
      <c r="G7089" t="s">
        <v>1431</v>
      </c>
      <c r="H7089" t="s">
        <v>13308</v>
      </c>
      <c r="I7089" t="s">
        <v>30540</v>
      </c>
    </row>
    <row r="7090" spans="1:9">
      <c r="A7090" s="1">
        <f ca="1">RAND()</f>
        <v>0.73174341704181212</v>
      </c>
      <c r="B7090" s="1"/>
      <c r="C7090">
        <v>12</v>
      </c>
      <c r="D7090" t="s">
        <v>13311</v>
      </c>
      <c r="E7090" t="s">
        <v>32749</v>
      </c>
      <c r="F7090">
        <v>2</v>
      </c>
      <c r="G7090" t="s">
        <v>14</v>
      </c>
      <c r="H7090" t="s">
        <v>13312</v>
      </c>
      <c r="I7090" t="s">
        <v>30540</v>
      </c>
    </row>
    <row r="7091" spans="1:9">
      <c r="A7091" s="1">
        <f ca="1">RAND()</f>
        <v>0.27347836313640972</v>
      </c>
      <c r="B7091" s="1"/>
      <c r="C7091">
        <v>1</v>
      </c>
      <c r="D7091" t="s">
        <v>13305</v>
      </c>
      <c r="E7091" t="s">
        <v>32749</v>
      </c>
      <c r="F7091">
        <v>2</v>
      </c>
      <c r="G7091" t="s">
        <v>762</v>
      </c>
      <c r="H7091" t="s">
        <v>13306</v>
      </c>
      <c r="I7091" t="s">
        <v>30540</v>
      </c>
    </row>
    <row r="7092" spans="1:9">
      <c r="A7092" s="1">
        <f ca="1">RAND()</f>
        <v>0.82977992728304573</v>
      </c>
      <c r="B7092" s="1"/>
      <c r="C7092">
        <v>6</v>
      </c>
      <c r="D7092" t="s">
        <v>13297</v>
      </c>
      <c r="E7092" t="s">
        <v>32750</v>
      </c>
      <c r="F7092">
        <v>5</v>
      </c>
      <c r="G7092" t="s">
        <v>2</v>
      </c>
      <c r="H7092" t="s">
        <v>13298</v>
      </c>
      <c r="I7092" t="s">
        <v>30540</v>
      </c>
    </row>
    <row r="7093" spans="1:9">
      <c r="A7093" s="1">
        <f ca="1">RAND()</f>
        <v>0.59144832846678597</v>
      </c>
      <c r="B7093" s="1"/>
      <c r="C7093">
        <v>10</v>
      </c>
      <c r="D7093" t="s">
        <v>13301</v>
      </c>
      <c r="E7093" t="s">
        <v>32750</v>
      </c>
      <c r="F7093">
        <v>4</v>
      </c>
      <c r="G7093" t="s">
        <v>0</v>
      </c>
      <c r="H7093" t="s">
        <v>13302</v>
      </c>
      <c r="I7093" t="s">
        <v>30540</v>
      </c>
    </row>
    <row r="7094" spans="1:9">
      <c r="A7094" s="1">
        <f ca="1">RAND()</f>
        <v>0.12669222216080422</v>
      </c>
      <c r="B7094" s="1"/>
      <c r="C7094">
        <v>13</v>
      </c>
      <c r="D7094" t="s">
        <v>13303</v>
      </c>
      <c r="E7094" t="s">
        <v>32750</v>
      </c>
      <c r="F7094">
        <v>4</v>
      </c>
      <c r="G7094" t="s">
        <v>14</v>
      </c>
      <c r="H7094" t="s">
        <v>13304</v>
      </c>
      <c r="I7094" t="s">
        <v>30540</v>
      </c>
    </row>
    <row r="7095" spans="1:9">
      <c r="A7095" s="1">
        <f ca="1">RAND()</f>
        <v>0.89559150140518473</v>
      </c>
      <c r="B7095" s="1"/>
      <c r="C7095">
        <v>8</v>
      </c>
      <c r="D7095" t="s">
        <v>13299</v>
      </c>
      <c r="E7095" t="s">
        <v>32750</v>
      </c>
      <c r="F7095">
        <v>4</v>
      </c>
      <c r="G7095" t="s">
        <v>14</v>
      </c>
      <c r="H7095" t="s">
        <v>13300</v>
      </c>
      <c r="I7095" t="s">
        <v>30540</v>
      </c>
    </row>
    <row r="7096" spans="1:9">
      <c r="A7096" s="1">
        <f ca="1">RAND()</f>
        <v>0.59488753283213147</v>
      </c>
      <c r="B7096" s="1"/>
      <c r="C7096">
        <v>3</v>
      </c>
      <c r="D7096" t="s">
        <v>13295</v>
      </c>
      <c r="E7096" t="s">
        <v>32750</v>
      </c>
      <c r="F7096">
        <v>4</v>
      </c>
      <c r="G7096" t="s">
        <v>14</v>
      </c>
      <c r="H7096" t="s">
        <v>13296</v>
      </c>
      <c r="I7096" t="s">
        <v>30540</v>
      </c>
    </row>
    <row r="7097" spans="1:9">
      <c r="A7097" s="1">
        <f ca="1">RAND()</f>
        <v>0.86163656795512766</v>
      </c>
      <c r="B7097" s="1"/>
      <c r="C7097">
        <v>11</v>
      </c>
      <c r="D7097" t="s">
        <v>13291</v>
      </c>
      <c r="E7097" t="s">
        <v>32751</v>
      </c>
      <c r="F7097">
        <v>5</v>
      </c>
      <c r="G7097" t="s">
        <v>14</v>
      </c>
      <c r="H7097" t="s">
        <v>13292</v>
      </c>
      <c r="I7097" t="s">
        <v>30540</v>
      </c>
    </row>
    <row r="7098" spans="1:9">
      <c r="A7098" s="1">
        <f ca="1">RAND()</f>
        <v>0.86653207211130767</v>
      </c>
      <c r="B7098" s="1"/>
      <c r="C7098">
        <v>9</v>
      </c>
      <c r="D7098" t="s">
        <v>13289</v>
      </c>
      <c r="E7098" t="s">
        <v>32751</v>
      </c>
      <c r="F7098">
        <v>5</v>
      </c>
      <c r="G7098" t="s">
        <v>10</v>
      </c>
      <c r="H7098" t="s">
        <v>13290</v>
      </c>
      <c r="I7098" t="s">
        <v>30540</v>
      </c>
    </row>
    <row r="7099" spans="1:9">
      <c r="A7099" s="1">
        <f ca="1">RAND()</f>
        <v>0.99991670990466419</v>
      </c>
      <c r="B7099" s="1"/>
      <c r="C7099">
        <v>14</v>
      </c>
      <c r="D7099" t="s">
        <v>13293</v>
      </c>
      <c r="E7099" t="s">
        <v>32751</v>
      </c>
      <c r="F7099">
        <v>5</v>
      </c>
      <c r="G7099" t="s">
        <v>14</v>
      </c>
      <c r="H7099" t="s">
        <v>13294</v>
      </c>
      <c r="I7099" t="s">
        <v>30540</v>
      </c>
    </row>
    <row r="7100" spans="1:9">
      <c r="A7100" s="1">
        <f ca="1">RAND()</f>
        <v>6.2467685545557483E-2</v>
      </c>
      <c r="B7100" s="1"/>
      <c r="C7100">
        <v>1</v>
      </c>
      <c r="D7100" t="s">
        <v>13287</v>
      </c>
      <c r="E7100" t="s">
        <v>32751</v>
      </c>
      <c r="F7100">
        <v>0</v>
      </c>
      <c r="G7100" t="s">
        <v>10</v>
      </c>
      <c r="H7100" t="s">
        <v>13288</v>
      </c>
      <c r="I7100" t="s">
        <v>30540</v>
      </c>
    </row>
    <row r="7101" spans="1:9">
      <c r="A7101" s="1">
        <f ca="1">RAND()</f>
        <v>0.45427564036829438</v>
      </c>
      <c r="B7101" s="1"/>
      <c r="C7101">
        <v>12</v>
      </c>
      <c r="D7101" t="s">
        <v>13285</v>
      </c>
      <c r="E7101" t="s">
        <v>32752</v>
      </c>
      <c r="F7101">
        <v>4</v>
      </c>
      <c r="G7101" t="s">
        <v>14</v>
      </c>
      <c r="H7101" t="s">
        <v>13286</v>
      </c>
      <c r="I7101" t="s">
        <v>30540</v>
      </c>
    </row>
    <row r="7102" spans="1:9">
      <c r="A7102" s="1">
        <f ca="1">RAND()</f>
        <v>0.36594489457630675</v>
      </c>
      <c r="B7102" s="1"/>
      <c r="C7102">
        <v>11</v>
      </c>
      <c r="D7102" t="s">
        <v>13283</v>
      </c>
      <c r="E7102" t="s">
        <v>32752</v>
      </c>
      <c r="F7102">
        <v>2</v>
      </c>
      <c r="G7102" t="s">
        <v>1</v>
      </c>
      <c r="H7102" t="s">
        <v>13284</v>
      </c>
      <c r="I7102" t="s">
        <v>30540</v>
      </c>
    </row>
    <row r="7103" spans="1:9">
      <c r="A7103" s="1">
        <f ca="1">RAND()</f>
        <v>0.23541740005160716</v>
      </c>
      <c r="B7103" s="1"/>
      <c r="C7103">
        <v>2</v>
      </c>
      <c r="D7103" t="s">
        <v>13277</v>
      </c>
      <c r="E7103" t="s">
        <v>32753</v>
      </c>
      <c r="F7103">
        <v>5</v>
      </c>
      <c r="G7103" t="s">
        <v>14</v>
      </c>
      <c r="H7103" t="s">
        <v>13278</v>
      </c>
      <c r="I7103" t="s">
        <v>30540</v>
      </c>
    </row>
    <row r="7104" spans="1:9">
      <c r="A7104" s="1">
        <f ca="1">RAND()</f>
        <v>0.55953484107907669</v>
      </c>
      <c r="B7104" s="1"/>
      <c r="C7104">
        <v>8</v>
      </c>
      <c r="D7104" t="s">
        <v>13279</v>
      </c>
      <c r="E7104" t="s">
        <v>32753</v>
      </c>
      <c r="F7104">
        <v>4</v>
      </c>
      <c r="G7104" t="s">
        <v>0</v>
      </c>
      <c r="H7104" t="s">
        <v>13280</v>
      </c>
      <c r="I7104" t="s">
        <v>30540</v>
      </c>
    </row>
    <row r="7105" spans="1:9">
      <c r="A7105" s="1">
        <f ca="1">RAND()</f>
        <v>0.419124505821311</v>
      </c>
      <c r="B7105" s="1"/>
      <c r="C7105">
        <v>1</v>
      </c>
      <c r="D7105" t="s">
        <v>13275</v>
      </c>
      <c r="E7105" t="s">
        <v>32753</v>
      </c>
      <c r="F7105">
        <v>4</v>
      </c>
      <c r="G7105" t="s">
        <v>10</v>
      </c>
      <c r="H7105" t="s">
        <v>13276</v>
      </c>
      <c r="I7105" t="s">
        <v>30540</v>
      </c>
    </row>
    <row r="7106" spans="1:9">
      <c r="A7106" s="1">
        <f ca="1">RAND()</f>
        <v>8.0309037069679401E-2</v>
      </c>
      <c r="B7106" s="1"/>
      <c r="C7106">
        <v>10</v>
      </c>
      <c r="D7106" t="s">
        <v>13281</v>
      </c>
      <c r="E7106" t="s">
        <v>32753</v>
      </c>
      <c r="F7106">
        <v>1</v>
      </c>
      <c r="G7106" t="s">
        <v>14</v>
      </c>
      <c r="H7106" t="s">
        <v>13282</v>
      </c>
      <c r="I7106" t="s">
        <v>30540</v>
      </c>
    </row>
    <row r="7107" spans="1:9">
      <c r="A7107" s="1">
        <f ca="1">RAND()</f>
        <v>9.2402526990040146E-2</v>
      </c>
      <c r="B7107" s="1"/>
      <c r="C7107">
        <v>17</v>
      </c>
      <c r="D7107" t="s">
        <v>13271</v>
      </c>
      <c r="E7107" t="s">
        <v>32754</v>
      </c>
      <c r="F7107">
        <v>5</v>
      </c>
      <c r="G7107" t="s">
        <v>14</v>
      </c>
      <c r="H7107" t="s">
        <v>13272</v>
      </c>
      <c r="I7107" t="s">
        <v>30540</v>
      </c>
    </row>
    <row r="7108" spans="1:9">
      <c r="A7108" s="1">
        <f ca="1">RAND()</f>
        <v>0.7932007513710394</v>
      </c>
      <c r="B7108" s="1"/>
      <c r="C7108">
        <v>10</v>
      </c>
      <c r="D7108" t="s">
        <v>13265</v>
      </c>
      <c r="E7108" t="s">
        <v>32754</v>
      </c>
      <c r="F7108">
        <v>4</v>
      </c>
      <c r="G7108" t="s">
        <v>14</v>
      </c>
      <c r="H7108" t="s">
        <v>13266</v>
      </c>
      <c r="I7108" t="s">
        <v>30540</v>
      </c>
    </row>
    <row r="7109" spans="1:9">
      <c r="A7109" s="1">
        <f ca="1">RAND()</f>
        <v>0.24626038224293589</v>
      </c>
      <c r="B7109" s="1"/>
      <c r="C7109">
        <v>11</v>
      </c>
      <c r="D7109" t="s">
        <v>13267</v>
      </c>
      <c r="E7109" t="s">
        <v>32754</v>
      </c>
      <c r="F7109">
        <v>4</v>
      </c>
      <c r="G7109" t="s">
        <v>762</v>
      </c>
      <c r="H7109" t="s">
        <v>13268</v>
      </c>
      <c r="I7109" t="s">
        <v>30540</v>
      </c>
    </row>
    <row r="7110" spans="1:9">
      <c r="A7110" s="1">
        <f ca="1">RAND()</f>
        <v>0.89399339584127124</v>
      </c>
      <c r="B7110" s="1"/>
      <c r="C7110">
        <v>15</v>
      </c>
      <c r="D7110" t="s">
        <v>13269</v>
      </c>
      <c r="E7110" t="s">
        <v>32754</v>
      </c>
      <c r="F7110">
        <v>4</v>
      </c>
      <c r="G7110" t="s">
        <v>1426</v>
      </c>
      <c r="H7110" t="s">
        <v>13270</v>
      </c>
      <c r="I7110" t="s">
        <v>30540</v>
      </c>
    </row>
    <row r="7111" spans="1:9">
      <c r="A7111" s="1">
        <f ca="1">RAND()</f>
        <v>0.48305895854759828</v>
      </c>
      <c r="B7111" s="1"/>
      <c r="C7111">
        <v>7</v>
      </c>
      <c r="D7111" t="s">
        <v>13263</v>
      </c>
      <c r="E7111" t="s">
        <v>32754</v>
      </c>
      <c r="F7111">
        <v>4</v>
      </c>
      <c r="G7111" t="s">
        <v>1431</v>
      </c>
      <c r="H7111" t="s">
        <v>13264</v>
      </c>
      <c r="I7111" t="s">
        <v>30540</v>
      </c>
    </row>
    <row r="7112" spans="1:9">
      <c r="A7112" s="1">
        <f ca="1">RAND()</f>
        <v>0.10871160034107097</v>
      </c>
      <c r="B7112" s="1"/>
      <c r="C7112">
        <v>6</v>
      </c>
      <c r="D7112" t="s">
        <v>13261</v>
      </c>
      <c r="E7112" t="s">
        <v>32754</v>
      </c>
      <c r="F7112">
        <v>3</v>
      </c>
      <c r="G7112" t="s">
        <v>3732</v>
      </c>
      <c r="H7112" t="s">
        <v>13262</v>
      </c>
      <c r="I7112" t="s">
        <v>30540</v>
      </c>
    </row>
    <row r="7113" spans="1:9">
      <c r="A7113" s="1">
        <f ca="1">RAND()</f>
        <v>0.86674450333882802</v>
      </c>
      <c r="B7113" s="1"/>
      <c r="C7113">
        <v>19</v>
      </c>
      <c r="D7113" t="s">
        <v>13273</v>
      </c>
      <c r="E7113" t="s">
        <v>32754</v>
      </c>
      <c r="F7113">
        <v>3</v>
      </c>
      <c r="G7113" t="s">
        <v>775</v>
      </c>
      <c r="H7113" t="s">
        <v>13274</v>
      </c>
      <c r="I7113" t="s">
        <v>30540</v>
      </c>
    </row>
    <row r="7114" spans="1:9">
      <c r="A7114" s="1">
        <f ca="1">RAND()</f>
        <v>0.79607480963160704</v>
      </c>
      <c r="B7114" s="1"/>
      <c r="C7114">
        <v>11</v>
      </c>
      <c r="D7114" t="s">
        <v>13259</v>
      </c>
      <c r="E7114" t="s">
        <v>32755</v>
      </c>
      <c r="F7114">
        <v>5</v>
      </c>
      <c r="G7114" t="s">
        <v>9</v>
      </c>
      <c r="H7114" t="s">
        <v>13260</v>
      </c>
      <c r="I7114" t="s">
        <v>30540</v>
      </c>
    </row>
    <row r="7115" spans="1:9">
      <c r="A7115" s="1">
        <f ca="1">RAND()</f>
        <v>0.91167105169509099</v>
      </c>
      <c r="B7115" s="1"/>
      <c r="C7115">
        <v>9</v>
      </c>
      <c r="D7115" t="s">
        <v>13257</v>
      </c>
      <c r="E7115" t="s">
        <v>32755</v>
      </c>
      <c r="F7115">
        <v>4</v>
      </c>
      <c r="G7115" t="s">
        <v>2</v>
      </c>
      <c r="H7115" t="s">
        <v>13258</v>
      </c>
      <c r="I7115" t="s">
        <v>30540</v>
      </c>
    </row>
    <row r="7116" spans="1:9">
      <c r="A7116" s="1">
        <f ca="1">RAND()</f>
        <v>7.9024581684435047E-2</v>
      </c>
      <c r="B7116" s="1"/>
      <c r="C7116">
        <v>4</v>
      </c>
      <c r="D7116" t="s">
        <v>13253</v>
      </c>
      <c r="E7116" t="s">
        <v>32755</v>
      </c>
      <c r="F7116">
        <v>4</v>
      </c>
      <c r="G7116" t="s">
        <v>14</v>
      </c>
      <c r="H7116" t="s">
        <v>13254</v>
      </c>
      <c r="I7116" t="s">
        <v>30540</v>
      </c>
    </row>
    <row r="7117" spans="1:9">
      <c r="A7117" s="1">
        <f ca="1">RAND()</f>
        <v>0.8236641638165989</v>
      </c>
      <c r="B7117" s="1"/>
      <c r="C7117">
        <v>6</v>
      </c>
      <c r="D7117" t="s">
        <v>13255</v>
      </c>
      <c r="E7117" t="s">
        <v>32755</v>
      </c>
      <c r="F7117">
        <v>4</v>
      </c>
      <c r="G7117" t="s">
        <v>14</v>
      </c>
      <c r="H7117" t="s">
        <v>13256</v>
      </c>
      <c r="I7117" t="s">
        <v>30540</v>
      </c>
    </row>
    <row r="7118" spans="1:9">
      <c r="A7118" s="1">
        <f ca="1">RAND()</f>
        <v>0.95012760299713717</v>
      </c>
      <c r="B7118" s="1"/>
      <c r="C7118">
        <v>3</v>
      </c>
      <c r="D7118" t="s">
        <v>13239</v>
      </c>
      <c r="E7118" t="s">
        <v>32756</v>
      </c>
      <c r="F7118">
        <v>5</v>
      </c>
      <c r="G7118" t="s">
        <v>10</v>
      </c>
      <c r="H7118" t="s">
        <v>13240</v>
      </c>
      <c r="I7118" t="s">
        <v>30540</v>
      </c>
    </row>
    <row r="7119" spans="1:9">
      <c r="A7119" s="1">
        <f ca="1">RAND()</f>
        <v>0.5367300188498616</v>
      </c>
      <c r="B7119" s="1"/>
      <c r="C7119">
        <v>16</v>
      </c>
      <c r="D7119" t="s">
        <v>13251</v>
      </c>
      <c r="E7119" t="s">
        <v>32756</v>
      </c>
      <c r="F7119">
        <v>4</v>
      </c>
      <c r="G7119" t="s">
        <v>0</v>
      </c>
      <c r="H7119" t="s">
        <v>13252</v>
      </c>
      <c r="I7119" t="s">
        <v>30540</v>
      </c>
    </row>
    <row r="7120" spans="1:9">
      <c r="A7120" s="1">
        <f ca="1">RAND()</f>
        <v>0.63797848986880978</v>
      </c>
      <c r="B7120" s="1"/>
      <c r="C7120">
        <v>8</v>
      </c>
      <c r="D7120" t="s">
        <v>13243</v>
      </c>
      <c r="E7120" t="s">
        <v>32756</v>
      </c>
      <c r="F7120">
        <v>4</v>
      </c>
      <c r="G7120" t="s">
        <v>14</v>
      </c>
      <c r="H7120" t="s">
        <v>13244</v>
      </c>
      <c r="I7120" t="s">
        <v>30540</v>
      </c>
    </row>
    <row r="7121" spans="1:9">
      <c r="A7121" s="1">
        <f ca="1">RAND()</f>
        <v>0.42997221932742102</v>
      </c>
      <c r="B7121" s="1"/>
      <c r="C7121">
        <v>9</v>
      </c>
      <c r="D7121" t="s">
        <v>13245</v>
      </c>
      <c r="E7121" t="s">
        <v>32756</v>
      </c>
      <c r="F7121">
        <v>2</v>
      </c>
      <c r="G7121" t="s">
        <v>14</v>
      </c>
      <c r="H7121" t="s">
        <v>13246</v>
      </c>
      <c r="I7121" t="s">
        <v>30540</v>
      </c>
    </row>
    <row r="7122" spans="1:9">
      <c r="A7122" s="1">
        <f ca="1">RAND()</f>
        <v>1.7089670896529019E-2</v>
      </c>
      <c r="B7122" s="1"/>
      <c r="C7122">
        <v>5</v>
      </c>
      <c r="D7122" t="s">
        <v>13241</v>
      </c>
      <c r="E7122" t="s">
        <v>32756</v>
      </c>
      <c r="F7122">
        <v>2</v>
      </c>
      <c r="G7122" t="s">
        <v>10</v>
      </c>
      <c r="H7122" t="s">
        <v>13242</v>
      </c>
      <c r="I7122" t="s">
        <v>30540</v>
      </c>
    </row>
    <row r="7123" spans="1:9">
      <c r="A7123" s="1">
        <f ca="1">RAND()</f>
        <v>0.73793113336921745</v>
      </c>
      <c r="B7123" s="1"/>
      <c r="C7123">
        <v>14</v>
      </c>
      <c r="D7123" t="s">
        <v>13249</v>
      </c>
      <c r="E7123" t="s">
        <v>32756</v>
      </c>
      <c r="F7123">
        <v>2</v>
      </c>
      <c r="G7123" t="s">
        <v>9</v>
      </c>
      <c r="H7123" t="s">
        <v>13250</v>
      </c>
      <c r="I7123" t="s">
        <v>30540</v>
      </c>
    </row>
    <row r="7124" spans="1:9">
      <c r="A7124" s="1">
        <f ca="1">RAND()</f>
        <v>0.22329742302687561</v>
      </c>
      <c r="B7124" s="1"/>
      <c r="C7124">
        <v>11</v>
      </c>
      <c r="D7124" t="s">
        <v>13247</v>
      </c>
      <c r="E7124" t="s">
        <v>32756</v>
      </c>
      <c r="F7124">
        <v>2</v>
      </c>
      <c r="G7124" t="s">
        <v>14</v>
      </c>
      <c r="H7124" t="s">
        <v>13248</v>
      </c>
      <c r="I7124" t="s">
        <v>30540</v>
      </c>
    </row>
    <row r="7125" spans="1:9">
      <c r="A7125" s="1">
        <f ca="1">RAND()</f>
        <v>0.88274085814587666</v>
      </c>
      <c r="B7125" s="1"/>
      <c r="C7125">
        <v>1</v>
      </c>
      <c r="D7125" t="s">
        <v>13235</v>
      </c>
      <c r="E7125" t="s">
        <v>32757</v>
      </c>
      <c r="F7125">
        <v>4</v>
      </c>
      <c r="G7125" t="s">
        <v>15</v>
      </c>
      <c r="H7125" t="s">
        <v>13236</v>
      </c>
      <c r="I7125" t="s">
        <v>30540</v>
      </c>
    </row>
    <row r="7126" spans="1:9">
      <c r="A7126" s="1">
        <f ca="1">RAND()</f>
        <v>0.96932678712018416</v>
      </c>
      <c r="B7126" s="1"/>
      <c r="C7126">
        <v>12</v>
      </c>
      <c r="D7126" t="s">
        <v>13237</v>
      </c>
      <c r="E7126" t="s">
        <v>32757</v>
      </c>
      <c r="F7126">
        <v>1</v>
      </c>
      <c r="G7126" t="s">
        <v>14</v>
      </c>
      <c r="H7126" t="s">
        <v>13238</v>
      </c>
      <c r="I7126" t="s">
        <v>30540</v>
      </c>
    </row>
    <row r="7127" spans="1:9">
      <c r="A7127" s="1">
        <f ca="1">RAND()</f>
        <v>0.34072106352275711</v>
      </c>
      <c r="B7127" s="1"/>
      <c r="C7127">
        <v>1</v>
      </c>
      <c r="D7127" t="s">
        <v>13223</v>
      </c>
      <c r="E7127" t="s">
        <v>32758</v>
      </c>
      <c r="F7127">
        <v>4</v>
      </c>
      <c r="G7127" t="s">
        <v>10</v>
      </c>
      <c r="H7127" t="s">
        <v>13224</v>
      </c>
      <c r="I7127" t="s">
        <v>30540</v>
      </c>
    </row>
    <row r="7128" spans="1:9">
      <c r="A7128" s="1">
        <f ca="1">RAND()</f>
        <v>0.98751996494516758</v>
      </c>
      <c r="B7128" s="1"/>
      <c r="C7128">
        <v>15</v>
      </c>
      <c r="D7128" t="s">
        <v>13231</v>
      </c>
      <c r="E7128" t="s">
        <v>32758</v>
      </c>
      <c r="F7128">
        <v>4</v>
      </c>
      <c r="G7128" t="s">
        <v>14</v>
      </c>
      <c r="H7128" t="s">
        <v>13232</v>
      </c>
      <c r="I7128" t="s">
        <v>30540</v>
      </c>
    </row>
    <row r="7129" spans="1:9">
      <c r="A7129" s="1">
        <f ca="1">RAND()</f>
        <v>0.43699578056454891</v>
      </c>
      <c r="B7129" s="1"/>
      <c r="C7129">
        <v>5</v>
      </c>
      <c r="D7129" t="s">
        <v>13227</v>
      </c>
      <c r="E7129" t="s">
        <v>32758</v>
      </c>
      <c r="F7129">
        <v>4</v>
      </c>
      <c r="G7129" t="s">
        <v>14</v>
      </c>
      <c r="H7129" t="s">
        <v>13228</v>
      </c>
      <c r="I7129" t="s">
        <v>30540</v>
      </c>
    </row>
    <row r="7130" spans="1:9">
      <c r="A7130" s="1">
        <f ca="1">RAND()</f>
        <v>0.49516912407357261</v>
      </c>
      <c r="B7130" s="1"/>
      <c r="C7130">
        <v>10</v>
      </c>
      <c r="D7130" t="s">
        <v>13229</v>
      </c>
      <c r="E7130" t="s">
        <v>32758</v>
      </c>
      <c r="F7130">
        <v>3</v>
      </c>
      <c r="G7130" t="s">
        <v>0</v>
      </c>
      <c r="H7130" t="s">
        <v>13230</v>
      </c>
      <c r="I7130" t="s">
        <v>30540</v>
      </c>
    </row>
    <row r="7131" spans="1:9">
      <c r="A7131" s="1">
        <f ca="1">RAND()</f>
        <v>0.1742695042636816</v>
      </c>
      <c r="B7131" s="1"/>
      <c r="C7131">
        <v>3</v>
      </c>
      <c r="D7131" t="s">
        <v>13225</v>
      </c>
      <c r="E7131" t="s">
        <v>32758</v>
      </c>
      <c r="F7131">
        <v>3</v>
      </c>
      <c r="G7131" t="s">
        <v>14</v>
      </c>
      <c r="H7131" t="s">
        <v>13226</v>
      </c>
      <c r="I7131" t="s">
        <v>30540</v>
      </c>
    </row>
    <row r="7132" spans="1:9">
      <c r="A7132" s="1">
        <f ca="1">RAND()</f>
        <v>0.8113500454223479</v>
      </c>
      <c r="B7132" s="1"/>
      <c r="C7132">
        <v>17</v>
      </c>
      <c r="D7132" t="s">
        <v>13233</v>
      </c>
      <c r="E7132" t="s">
        <v>32758</v>
      </c>
      <c r="F7132">
        <v>2</v>
      </c>
      <c r="G7132" t="s">
        <v>14</v>
      </c>
      <c r="H7132" t="s">
        <v>13234</v>
      </c>
      <c r="I7132" t="s">
        <v>30540</v>
      </c>
    </row>
    <row r="7133" spans="1:9">
      <c r="A7133" s="1">
        <f ca="1">RAND()</f>
        <v>0.9684216635182471</v>
      </c>
      <c r="B7133" s="1"/>
      <c r="C7133">
        <v>16</v>
      </c>
      <c r="D7133" t="s">
        <v>13217</v>
      </c>
      <c r="E7133" t="s">
        <v>32759</v>
      </c>
      <c r="F7133">
        <v>5</v>
      </c>
      <c r="G7133" t="s">
        <v>775</v>
      </c>
      <c r="H7133" t="s">
        <v>13218</v>
      </c>
      <c r="I7133" t="s">
        <v>30540</v>
      </c>
    </row>
    <row r="7134" spans="1:9">
      <c r="A7134" s="1">
        <f ca="1">RAND()</f>
        <v>0.94706637233416335</v>
      </c>
      <c r="B7134" s="1"/>
      <c r="C7134">
        <v>5</v>
      </c>
      <c r="D7134" t="s">
        <v>13215</v>
      </c>
      <c r="E7134" t="s">
        <v>32759</v>
      </c>
      <c r="F7134">
        <v>4</v>
      </c>
      <c r="G7134" t="s">
        <v>1</v>
      </c>
      <c r="H7134" t="s">
        <v>13216</v>
      </c>
      <c r="I7134" t="s">
        <v>30540</v>
      </c>
    </row>
    <row r="7135" spans="1:9">
      <c r="A7135" s="1">
        <f ca="1">RAND()</f>
        <v>0.37114729554556036</v>
      </c>
      <c r="B7135" s="1"/>
      <c r="C7135">
        <v>17</v>
      </c>
      <c r="D7135" t="s">
        <v>13219</v>
      </c>
      <c r="E7135" t="s">
        <v>32759</v>
      </c>
      <c r="F7135">
        <v>4</v>
      </c>
      <c r="G7135" t="s">
        <v>14</v>
      </c>
      <c r="H7135" t="s">
        <v>13220</v>
      </c>
      <c r="I7135" t="s">
        <v>30540</v>
      </c>
    </row>
    <row r="7136" spans="1:9">
      <c r="A7136" s="1">
        <f ca="1">RAND()</f>
        <v>0.37666551199767428</v>
      </c>
      <c r="B7136" s="1"/>
      <c r="C7136">
        <v>19</v>
      </c>
      <c r="D7136" t="s">
        <v>13221</v>
      </c>
      <c r="E7136" t="s">
        <v>32759</v>
      </c>
      <c r="F7136">
        <v>4</v>
      </c>
      <c r="G7136" t="s">
        <v>1426</v>
      </c>
      <c r="H7136" t="s">
        <v>13222</v>
      </c>
      <c r="I7136" t="s">
        <v>30540</v>
      </c>
    </row>
    <row r="7137" spans="1:9">
      <c r="A7137" s="1">
        <f ca="1">RAND()</f>
        <v>0.90083934033864121</v>
      </c>
      <c r="B7137" s="1"/>
      <c r="C7137">
        <v>6</v>
      </c>
      <c r="D7137" t="s">
        <v>13207</v>
      </c>
      <c r="E7137" t="s">
        <v>32760</v>
      </c>
      <c r="F7137">
        <v>4</v>
      </c>
      <c r="G7137" t="s">
        <v>2</v>
      </c>
      <c r="H7137" t="s">
        <v>13208</v>
      </c>
      <c r="I7137" t="s">
        <v>30540</v>
      </c>
    </row>
    <row r="7138" spans="1:9">
      <c r="A7138" s="1">
        <f ca="1">RAND()</f>
        <v>0.43725420164264039</v>
      </c>
      <c r="B7138" s="1"/>
      <c r="C7138">
        <v>11</v>
      </c>
      <c r="D7138" t="s">
        <v>13211</v>
      </c>
      <c r="E7138" t="s">
        <v>32760</v>
      </c>
      <c r="F7138">
        <v>4</v>
      </c>
      <c r="G7138" t="s">
        <v>14</v>
      </c>
      <c r="H7138" t="s">
        <v>13212</v>
      </c>
      <c r="I7138" t="s">
        <v>30540</v>
      </c>
    </row>
    <row r="7139" spans="1:9">
      <c r="A7139" s="1">
        <f ca="1">RAND()</f>
        <v>0.19292953543810654</v>
      </c>
      <c r="B7139" s="1"/>
      <c r="C7139">
        <v>10</v>
      </c>
      <c r="D7139" t="s">
        <v>13209</v>
      </c>
      <c r="E7139" t="s">
        <v>32760</v>
      </c>
      <c r="F7139">
        <v>4</v>
      </c>
      <c r="G7139" t="s">
        <v>13</v>
      </c>
      <c r="H7139" t="s">
        <v>13210</v>
      </c>
      <c r="I7139" t="s">
        <v>30540</v>
      </c>
    </row>
    <row r="7140" spans="1:9">
      <c r="A7140" s="1">
        <f ca="1">RAND()</f>
        <v>0.13220975950500025</v>
      </c>
      <c r="B7140" s="1"/>
      <c r="C7140">
        <v>12</v>
      </c>
      <c r="D7140" t="s">
        <v>13213</v>
      </c>
      <c r="E7140" t="s">
        <v>32760</v>
      </c>
      <c r="F7140">
        <v>4</v>
      </c>
      <c r="G7140" t="s">
        <v>14</v>
      </c>
      <c r="H7140" t="s">
        <v>13214</v>
      </c>
      <c r="I7140" t="s">
        <v>30540</v>
      </c>
    </row>
    <row r="7141" spans="1:9">
      <c r="A7141" s="1">
        <f ca="1">RAND()</f>
        <v>0.7386027068448352</v>
      </c>
      <c r="B7141" s="1"/>
      <c r="C7141">
        <v>6</v>
      </c>
      <c r="D7141" t="s">
        <v>13203</v>
      </c>
      <c r="E7141" t="s">
        <v>32761</v>
      </c>
      <c r="F7141">
        <v>4</v>
      </c>
      <c r="G7141" t="s">
        <v>10</v>
      </c>
      <c r="H7141" t="s">
        <v>13204</v>
      </c>
      <c r="I7141" t="s">
        <v>30540</v>
      </c>
    </row>
    <row r="7142" spans="1:9">
      <c r="A7142" s="1">
        <f ca="1">RAND()</f>
        <v>0.5807235464676892</v>
      </c>
      <c r="B7142" s="1"/>
      <c r="C7142">
        <v>2</v>
      </c>
      <c r="D7142" t="s">
        <v>13199</v>
      </c>
      <c r="E7142" t="s">
        <v>32761</v>
      </c>
      <c r="F7142">
        <v>4</v>
      </c>
      <c r="G7142" t="s">
        <v>9</v>
      </c>
      <c r="H7142" t="s">
        <v>13200</v>
      </c>
      <c r="I7142" t="s">
        <v>30540</v>
      </c>
    </row>
    <row r="7143" spans="1:9">
      <c r="A7143" s="1">
        <f ca="1">RAND()</f>
        <v>0.85836765938769333</v>
      </c>
      <c r="B7143" s="1"/>
      <c r="C7143">
        <v>4</v>
      </c>
      <c r="D7143" t="s">
        <v>13201</v>
      </c>
      <c r="E7143" t="s">
        <v>32761</v>
      </c>
      <c r="F7143">
        <v>3</v>
      </c>
      <c r="G7143" t="s">
        <v>14</v>
      </c>
      <c r="H7143" t="s">
        <v>13202</v>
      </c>
      <c r="I7143" t="s">
        <v>30540</v>
      </c>
    </row>
    <row r="7144" spans="1:9">
      <c r="A7144" s="1">
        <f ca="1">RAND()</f>
        <v>7.8585720084899058E-2</v>
      </c>
      <c r="B7144" s="1"/>
      <c r="C7144">
        <v>15</v>
      </c>
      <c r="D7144" t="s">
        <v>13205</v>
      </c>
      <c r="E7144" t="s">
        <v>32761</v>
      </c>
      <c r="F7144">
        <v>2</v>
      </c>
      <c r="G7144" t="s">
        <v>14</v>
      </c>
      <c r="H7144" t="s">
        <v>13206</v>
      </c>
      <c r="I7144" t="s">
        <v>30540</v>
      </c>
    </row>
    <row r="7145" spans="1:9">
      <c r="A7145" s="1">
        <f ca="1">RAND()</f>
        <v>2.792447952078414E-2</v>
      </c>
      <c r="B7145" s="1"/>
      <c r="C7145">
        <v>10</v>
      </c>
      <c r="D7145" t="s">
        <v>13197</v>
      </c>
      <c r="E7145" t="s">
        <v>32762</v>
      </c>
      <c r="F7145">
        <v>3</v>
      </c>
      <c r="G7145" t="s">
        <v>14</v>
      </c>
      <c r="H7145" t="s">
        <v>13198</v>
      </c>
      <c r="I7145" t="s">
        <v>30540</v>
      </c>
    </row>
    <row r="7146" spans="1:9">
      <c r="A7146" s="1">
        <f ca="1">RAND()</f>
        <v>0.92791477632827168</v>
      </c>
      <c r="B7146" s="1"/>
      <c r="C7146">
        <v>6</v>
      </c>
      <c r="D7146" t="s">
        <v>13195</v>
      </c>
      <c r="E7146" t="s">
        <v>32762</v>
      </c>
      <c r="F7146">
        <v>2</v>
      </c>
      <c r="G7146" t="s">
        <v>14</v>
      </c>
      <c r="H7146" t="s">
        <v>13196</v>
      </c>
      <c r="I7146" t="s">
        <v>30540</v>
      </c>
    </row>
    <row r="7147" spans="1:9">
      <c r="A7147" s="1">
        <f ca="1">RAND()</f>
        <v>0.72454244251441302</v>
      </c>
      <c r="B7147" s="1"/>
      <c r="C7147">
        <v>4</v>
      </c>
      <c r="D7147" t="s">
        <v>13183</v>
      </c>
      <c r="E7147" t="s">
        <v>32763</v>
      </c>
      <c r="F7147">
        <v>4</v>
      </c>
      <c r="G7147" t="s">
        <v>15</v>
      </c>
      <c r="H7147" t="s">
        <v>13184</v>
      </c>
      <c r="I7147" t="s">
        <v>30540</v>
      </c>
    </row>
    <row r="7148" spans="1:9">
      <c r="A7148" s="1">
        <f ca="1">RAND()</f>
        <v>0.50485188982164886</v>
      </c>
      <c r="B7148" s="1"/>
      <c r="C7148">
        <v>10</v>
      </c>
      <c r="D7148" t="s">
        <v>13187</v>
      </c>
      <c r="E7148" t="s">
        <v>32763</v>
      </c>
      <c r="F7148">
        <v>4</v>
      </c>
      <c r="G7148" t="s">
        <v>0</v>
      </c>
      <c r="H7148" t="s">
        <v>13188</v>
      </c>
      <c r="I7148" t="s">
        <v>30540</v>
      </c>
    </row>
    <row r="7149" spans="1:9">
      <c r="A7149" s="1">
        <f ca="1">RAND()</f>
        <v>0.21071204580826164</v>
      </c>
      <c r="B7149" s="1"/>
      <c r="C7149">
        <v>1</v>
      </c>
      <c r="D7149" t="s">
        <v>13181</v>
      </c>
      <c r="E7149" t="s">
        <v>32763</v>
      </c>
      <c r="F7149">
        <v>4</v>
      </c>
      <c r="G7149" t="s">
        <v>10</v>
      </c>
      <c r="H7149" t="s">
        <v>13182</v>
      </c>
      <c r="I7149" t="s">
        <v>30540</v>
      </c>
    </row>
    <row r="7150" spans="1:9">
      <c r="A7150" s="1">
        <f ca="1">RAND()</f>
        <v>0.2550767900881008</v>
      </c>
      <c r="B7150" s="1"/>
      <c r="C7150">
        <v>20</v>
      </c>
      <c r="D7150" t="s">
        <v>13193</v>
      </c>
      <c r="E7150" t="s">
        <v>32763</v>
      </c>
      <c r="F7150">
        <v>3</v>
      </c>
      <c r="G7150" t="s">
        <v>10</v>
      </c>
      <c r="H7150" t="s">
        <v>13194</v>
      </c>
      <c r="I7150" t="s">
        <v>30540</v>
      </c>
    </row>
    <row r="7151" spans="1:9">
      <c r="A7151" s="1">
        <f ca="1">RAND()</f>
        <v>0.67826327919873741</v>
      </c>
      <c r="B7151" s="1"/>
      <c r="C7151">
        <v>14</v>
      </c>
      <c r="D7151" t="s">
        <v>13189</v>
      </c>
      <c r="E7151" t="s">
        <v>32763</v>
      </c>
      <c r="F7151">
        <v>2</v>
      </c>
      <c r="G7151" t="s">
        <v>14</v>
      </c>
      <c r="H7151" t="s">
        <v>13190</v>
      </c>
      <c r="I7151" t="s">
        <v>30540</v>
      </c>
    </row>
    <row r="7152" spans="1:9">
      <c r="A7152" s="1">
        <f ca="1">RAND()</f>
        <v>0.26895446131283851</v>
      </c>
      <c r="B7152" s="1"/>
      <c r="C7152">
        <v>16</v>
      </c>
      <c r="D7152" t="s">
        <v>13191</v>
      </c>
      <c r="E7152" t="s">
        <v>32763</v>
      </c>
      <c r="F7152">
        <v>2</v>
      </c>
      <c r="G7152" t="s">
        <v>14</v>
      </c>
      <c r="H7152" t="s">
        <v>13192</v>
      </c>
      <c r="I7152" t="s">
        <v>30540</v>
      </c>
    </row>
    <row r="7153" spans="1:9">
      <c r="A7153" s="1">
        <f ca="1">RAND()</f>
        <v>0.17684451457416928</v>
      </c>
      <c r="B7153" s="1"/>
      <c r="C7153">
        <v>6</v>
      </c>
      <c r="D7153" t="s">
        <v>13185</v>
      </c>
      <c r="E7153" t="s">
        <v>32763</v>
      </c>
      <c r="F7153">
        <v>2</v>
      </c>
      <c r="G7153" t="s">
        <v>14</v>
      </c>
      <c r="H7153" t="s">
        <v>13186</v>
      </c>
      <c r="I7153" t="s">
        <v>30540</v>
      </c>
    </row>
    <row r="7154" spans="1:9">
      <c r="A7154" s="1">
        <f ca="1">RAND()</f>
        <v>0.46895860056130201</v>
      </c>
      <c r="B7154" s="1"/>
      <c r="C7154">
        <v>1</v>
      </c>
      <c r="D7154" t="s">
        <v>13169</v>
      </c>
      <c r="E7154" t="s">
        <v>32764</v>
      </c>
      <c r="F7154">
        <v>5</v>
      </c>
      <c r="G7154" t="s">
        <v>2</v>
      </c>
      <c r="H7154" t="s">
        <v>13170</v>
      </c>
      <c r="I7154" t="s">
        <v>30540</v>
      </c>
    </row>
    <row r="7155" spans="1:9">
      <c r="A7155" s="1">
        <f ca="1">RAND()</f>
        <v>0.29143644571742466</v>
      </c>
      <c r="B7155" s="1"/>
      <c r="C7155">
        <v>18</v>
      </c>
      <c r="D7155" t="s">
        <v>13177</v>
      </c>
      <c r="E7155" t="s">
        <v>32764</v>
      </c>
      <c r="F7155">
        <v>5</v>
      </c>
      <c r="G7155" t="s">
        <v>13</v>
      </c>
      <c r="H7155" t="s">
        <v>13178</v>
      </c>
      <c r="I7155" t="s">
        <v>30540</v>
      </c>
    </row>
    <row r="7156" spans="1:9">
      <c r="A7156" s="1">
        <f ca="1">RAND()</f>
        <v>0.44354143535131885</v>
      </c>
      <c r="B7156" s="1"/>
      <c r="C7156">
        <v>14</v>
      </c>
      <c r="D7156" t="s">
        <v>13175</v>
      </c>
      <c r="E7156" t="s">
        <v>32764</v>
      </c>
      <c r="F7156">
        <v>4</v>
      </c>
      <c r="G7156" t="s">
        <v>775</v>
      </c>
      <c r="H7156" t="s">
        <v>13176</v>
      </c>
      <c r="I7156" t="s">
        <v>30540</v>
      </c>
    </row>
    <row r="7157" spans="1:9">
      <c r="A7157" s="1">
        <f ca="1">RAND()</f>
        <v>0.59021232375286858</v>
      </c>
      <c r="B7157" s="1"/>
      <c r="C7157">
        <v>12</v>
      </c>
      <c r="D7157" t="s">
        <v>13173</v>
      </c>
      <c r="E7157" t="s">
        <v>32764</v>
      </c>
      <c r="F7157">
        <v>4</v>
      </c>
      <c r="G7157" t="s">
        <v>15</v>
      </c>
      <c r="H7157" t="s">
        <v>13174</v>
      </c>
      <c r="I7157" t="s">
        <v>30540</v>
      </c>
    </row>
    <row r="7158" spans="1:9">
      <c r="A7158" s="1">
        <f ca="1">RAND()</f>
        <v>0.13027276507734309</v>
      </c>
      <c r="B7158" s="1"/>
      <c r="C7158">
        <v>11</v>
      </c>
      <c r="D7158" t="s">
        <v>13171</v>
      </c>
      <c r="E7158" t="s">
        <v>32764</v>
      </c>
      <c r="F7158">
        <v>4</v>
      </c>
      <c r="G7158" t="s">
        <v>0</v>
      </c>
      <c r="H7158" t="s">
        <v>13172</v>
      </c>
      <c r="I7158" t="s">
        <v>30540</v>
      </c>
    </row>
    <row r="7159" spans="1:9">
      <c r="A7159" s="1">
        <f ca="1">RAND()</f>
        <v>0.37808813912006467</v>
      </c>
      <c r="B7159" s="1"/>
      <c r="C7159">
        <v>20</v>
      </c>
      <c r="D7159" t="s">
        <v>13179</v>
      </c>
      <c r="E7159" t="s">
        <v>32764</v>
      </c>
      <c r="F7159">
        <v>4</v>
      </c>
      <c r="G7159" t="s">
        <v>1</v>
      </c>
      <c r="H7159" t="s">
        <v>13180</v>
      </c>
      <c r="I7159" t="s">
        <v>30540</v>
      </c>
    </row>
    <row r="7160" spans="1:9">
      <c r="A7160" s="1">
        <f ca="1">RAND()</f>
        <v>0.87421595469343882</v>
      </c>
      <c r="B7160" s="1"/>
      <c r="C7160">
        <v>14</v>
      </c>
      <c r="D7160" t="s">
        <v>13165</v>
      </c>
      <c r="E7160" t="s">
        <v>32765</v>
      </c>
      <c r="F7160">
        <v>5</v>
      </c>
      <c r="G7160" t="s">
        <v>1</v>
      </c>
      <c r="H7160" t="s">
        <v>13166</v>
      </c>
      <c r="I7160" t="s">
        <v>30540</v>
      </c>
    </row>
    <row r="7161" spans="1:9">
      <c r="A7161" s="1">
        <f ca="1">RAND()</f>
        <v>1.1695539292301382E-2</v>
      </c>
      <c r="B7161" s="1"/>
      <c r="C7161">
        <v>1</v>
      </c>
      <c r="D7161" t="s">
        <v>13157</v>
      </c>
      <c r="E7161" t="s">
        <v>32765</v>
      </c>
      <c r="F7161">
        <v>4</v>
      </c>
      <c r="G7161" t="s">
        <v>9</v>
      </c>
      <c r="H7161" t="s">
        <v>13158</v>
      </c>
      <c r="I7161" t="s">
        <v>30540</v>
      </c>
    </row>
    <row r="7162" spans="1:9">
      <c r="A7162" s="1">
        <f ca="1">RAND()</f>
        <v>0.10555189009613763</v>
      </c>
      <c r="B7162" s="1"/>
      <c r="C7162">
        <v>15</v>
      </c>
      <c r="D7162" t="s">
        <v>13167</v>
      </c>
      <c r="E7162" t="s">
        <v>32765</v>
      </c>
      <c r="F7162">
        <v>4</v>
      </c>
      <c r="G7162" t="s">
        <v>0</v>
      </c>
      <c r="H7162" t="s">
        <v>13168</v>
      </c>
      <c r="I7162" t="s">
        <v>30540</v>
      </c>
    </row>
    <row r="7163" spans="1:9">
      <c r="A7163" s="1">
        <f ca="1">RAND()</f>
        <v>0.13096126499809113</v>
      </c>
      <c r="B7163" s="1"/>
      <c r="C7163">
        <v>10</v>
      </c>
      <c r="D7163" t="s">
        <v>13161</v>
      </c>
      <c r="E7163" t="s">
        <v>32765</v>
      </c>
      <c r="F7163">
        <v>4</v>
      </c>
      <c r="G7163" t="s">
        <v>14</v>
      </c>
      <c r="H7163" t="s">
        <v>13162</v>
      </c>
      <c r="I7163" t="s">
        <v>30540</v>
      </c>
    </row>
    <row r="7164" spans="1:9">
      <c r="A7164" s="1">
        <f ca="1">RAND()</f>
        <v>0.45723286863862933</v>
      </c>
      <c r="B7164" s="1"/>
      <c r="C7164">
        <v>12</v>
      </c>
      <c r="D7164" t="s">
        <v>13163</v>
      </c>
      <c r="E7164" t="s">
        <v>32765</v>
      </c>
      <c r="F7164">
        <v>2</v>
      </c>
      <c r="G7164" t="s">
        <v>9</v>
      </c>
      <c r="H7164" t="s">
        <v>13164</v>
      </c>
      <c r="I7164" t="s">
        <v>30540</v>
      </c>
    </row>
    <row r="7165" spans="1:9">
      <c r="A7165" s="1">
        <f ca="1">RAND()</f>
        <v>0.88582445521604447</v>
      </c>
      <c r="B7165" s="1"/>
      <c r="C7165">
        <v>8</v>
      </c>
      <c r="D7165" t="s">
        <v>13159</v>
      </c>
      <c r="E7165" t="s">
        <v>32765</v>
      </c>
      <c r="F7165">
        <v>2</v>
      </c>
      <c r="G7165" t="s">
        <v>14</v>
      </c>
      <c r="H7165" t="s">
        <v>13160</v>
      </c>
      <c r="I7165" t="s">
        <v>30540</v>
      </c>
    </row>
    <row r="7166" spans="1:9">
      <c r="A7166" s="1">
        <f ca="1">RAND()</f>
        <v>0.93449183203837294</v>
      </c>
      <c r="B7166" s="1"/>
      <c r="C7166">
        <v>13</v>
      </c>
      <c r="D7166" t="s">
        <v>13155</v>
      </c>
      <c r="E7166" t="s">
        <v>32766</v>
      </c>
      <c r="F7166">
        <v>4</v>
      </c>
      <c r="G7166" t="s">
        <v>14</v>
      </c>
      <c r="H7166" t="s">
        <v>13156</v>
      </c>
      <c r="I7166" t="s">
        <v>30540</v>
      </c>
    </row>
    <row r="7167" spans="1:9">
      <c r="A7167" s="1">
        <f ca="1">RAND()</f>
        <v>0.40766841802638187</v>
      </c>
      <c r="B7167" s="1"/>
      <c r="C7167">
        <v>3</v>
      </c>
      <c r="D7167" t="s">
        <v>13151</v>
      </c>
      <c r="E7167" t="s">
        <v>32766</v>
      </c>
      <c r="F7167">
        <v>4</v>
      </c>
      <c r="G7167" t="s">
        <v>10</v>
      </c>
      <c r="H7167" t="s">
        <v>13152</v>
      </c>
      <c r="I7167" t="s">
        <v>30540</v>
      </c>
    </row>
    <row r="7168" spans="1:9">
      <c r="A7168" s="1">
        <f ca="1">RAND()</f>
        <v>0.45952199686564499</v>
      </c>
      <c r="B7168" s="1"/>
      <c r="C7168">
        <v>5</v>
      </c>
      <c r="D7168" t="s">
        <v>13153</v>
      </c>
      <c r="E7168" t="s">
        <v>32766</v>
      </c>
      <c r="F7168">
        <v>2</v>
      </c>
      <c r="G7168" t="s">
        <v>2</v>
      </c>
      <c r="H7168" t="s">
        <v>13154</v>
      </c>
      <c r="I7168" t="s">
        <v>30540</v>
      </c>
    </row>
    <row r="7169" spans="1:9">
      <c r="A7169" s="1">
        <f ca="1">RAND()</f>
        <v>0.87135951915337606</v>
      </c>
      <c r="B7169" s="1"/>
      <c r="C7169">
        <v>2</v>
      </c>
      <c r="D7169" t="s">
        <v>13149</v>
      </c>
      <c r="E7169" t="s">
        <v>32766</v>
      </c>
      <c r="F7169">
        <v>2</v>
      </c>
      <c r="G7169" t="s">
        <v>15</v>
      </c>
      <c r="H7169" t="s">
        <v>13150</v>
      </c>
      <c r="I7169" t="s">
        <v>30540</v>
      </c>
    </row>
    <row r="7170" spans="1:9">
      <c r="A7170" s="1">
        <f ca="1">RAND()</f>
        <v>0.45102488316516021</v>
      </c>
      <c r="B7170" s="1"/>
      <c r="C7170">
        <v>7</v>
      </c>
      <c r="D7170" t="s">
        <v>13147</v>
      </c>
      <c r="E7170" t="s">
        <v>32767</v>
      </c>
      <c r="F7170">
        <v>4</v>
      </c>
      <c r="G7170" t="s">
        <v>13</v>
      </c>
      <c r="H7170" t="s">
        <v>13148</v>
      </c>
      <c r="I7170" t="s">
        <v>30540</v>
      </c>
    </row>
    <row r="7171" spans="1:9">
      <c r="A7171" s="1">
        <f ca="1">RAND()</f>
        <v>0.98792965557873347</v>
      </c>
      <c r="B7171" s="1"/>
      <c r="C7171">
        <v>4</v>
      </c>
      <c r="D7171" t="s">
        <v>13145</v>
      </c>
      <c r="E7171" t="s">
        <v>32767</v>
      </c>
      <c r="F7171">
        <v>3</v>
      </c>
      <c r="G7171" t="s">
        <v>14</v>
      </c>
      <c r="H7171" t="s">
        <v>13146</v>
      </c>
      <c r="I7171" t="s">
        <v>30540</v>
      </c>
    </row>
    <row r="7172" spans="1:9">
      <c r="A7172" s="1">
        <f ca="1">RAND()</f>
        <v>0.45015193797167441</v>
      </c>
      <c r="B7172" s="1"/>
      <c r="C7172">
        <v>6</v>
      </c>
      <c r="D7172" t="s">
        <v>13139</v>
      </c>
      <c r="E7172" t="s">
        <v>32768</v>
      </c>
      <c r="F7172">
        <v>4</v>
      </c>
      <c r="G7172" t="s">
        <v>14</v>
      </c>
      <c r="H7172" t="s">
        <v>13140</v>
      </c>
      <c r="I7172" t="s">
        <v>30540</v>
      </c>
    </row>
    <row r="7173" spans="1:9">
      <c r="A7173" s="1">
        <f ca="1">RAND()</f>
        <v>0.62645714580208445</v>
      </c>
      <c r="B7173" s="1"/>
      <c r="C7173">
        <v>12</v>
      </c>
      <c r="D7173" t="s">
        <v>13143</v>
      </c>
      <c r="E7173" t="s">
        <v>32768</v>
      </c>
      <c r="F7173">
        <v>4</v>
      </c>
      <c r="G7173" t="s">
        <v>0</v>
      </c>
      <c r="H7173" t="s">
        <v>13144</v>
      </c>
      <c r="I7173" t="s">
        <v>30540</v>
      </c>
    </row>
    <row r="7174" spans="1:9">
      <c r="A7174" s="1">
        <f ca="1">RAND()</f>
        <v>0.98224420922032862</v>
      </c>
      <c r="B7174" s="1"/>
      <c r="C7174">
        <v>8</v>
      </c>
      <c r="D7174" t="s">
        <v>13141</v>
      </c>
      <c r="E7174" t="s">
        <v>32768</v>
      </c>
      <c r="F7174">
        <v>4</v>
      </c>
      <c r="G7174" t="s">
        <v>1</v>
      </c>
      <c r="H7174" t="s">
        <v>13142</v>
      </c>
      <c r="I7174" t="s">
        <v>30540</v>
      </c>
    </row>
    <row r="7175" spans="1:9">
      <c r="A7175" s="1">
        <f ca="1">RAND()</f>
        <v>0.58229999270581134</v>
      </c>
      <c r="B7175" s="1"/>
      <c r="C7175">
        <v>3</v>
      </c>
      <c r="D7175" t="s">
        <v>13137</v>
      </c>
      <c r="E7175" t="s">
        <v>32768</v>
      </c>
      <c r="F7175">
        <v>4</v>
      </c>
      <c r="G7175" t="s">
        <v>0</v>
      </c>
      <c r="H7175" t="s">
        <v>13138</v>
      </c>
      <c r="I7175" t="s">
        <v>30540</v>
      </c>
    </row>
    <row r="7176" spans="1:9">
      <c r="A7176" s="1">
        <f ca="1">RAND()</f>
        <v>0.19034615406429223</v>
      </c>
      <c r="B7176" s="1"/>
      <c r="C7176">
        <v>13</v>
      </c>
      <c r="D7176" t="s">
        <v>13133</v>
      </c>
      <c r="E7176" t="s">
        <v>32769</v>
      </c>
      <c r="F7176">
        <v>5</v>
      </c>
      <c r="G7176" t="s">
        <v>775</v>
      </c>
      <c r="H7176" t="s">
        <v>13134</v>
      </c>
      <c r="I7176" t="s">
        <v>30540</v>
      </c>
    </row>
    <row r="7177" spans="1:9">
      <c r="A7177" s="1">
        <f ca="1">RAND()</f>
        <v>9.8897661249404134E-3</v>
      </c>
      <c r="B7177" s="1"/>
      <c r="C7177">
        <v>4</v>
      </c>
      <c r="D7177" t="s">
        <v>13127</v>
      </c>
      <c r="E7177" t="s">
        <v>32769</v>
      </c>
      <c r="F7177">
        <v>5</v>
      </c>
      <c r="G7177" t="s">
        <v>2</v>
      </c>
      <c r="H7177" t="s">
        <v>13128</v>
      </c>
      <c r="I7177" t="s">
        <v>30540</v>
      </c>
    </row>
    <row r="7178" spans="1:9">
      <c r="A7178" s="1">
        <f ca="1">RAND()</f>
        <v>0.30314329398719209</v>
      </c>
      <c r="B7178" s="1"/>
      <c r="C7178">
        <v>2</v>
      </c>
      <c r="D7178" t="s">
        <v>13125</v>
      </c>
      <c r="E7178" t="s">
        <v>32769</v>
      </c>
      <c r="F7178">
        <v>4</v>
      </c>
      <c r="G7178" t="s">
        <v>775</v>
      </c>
      <c r="H7178" t="s">
        <v>13126</v>
      </c>
      <c r="I7178" t="s">
        <v>30540</v>
      </c>
    </row>
    <row r="7179" spans="1:9">
      <c r="A7179" s="1">
        <f ca="1">RAND()</f>
        <v>0.82160823750913869</v>
      </c>
      <c r="B7179" s="1"/>
      <c r="C7179">
        <v>18</v>
      </c>
      <c r="D7179" t="s">
        <v>13135</v>
      </c>
      <c r="E7179" t="s">
        <v>32769</v>
      </c>
      <c r="F7179">
        <v>4</v>
      </c>
      <c r="G7179" t="s">
        <v>15</v>
      </c>
      <c r="H7179" t="s">
        <v>13136</v>
      </c>
      <c r="I7179" t="s">
        <v>30540</v>
      </c>
    </row>
    <row r="7180" spans="1:9">
      <c r="A7180" s="1">
        <f ca="1">RAND()</f>
        <v>0.34258538246020731</v>
      </c>
      <c r="B7180" s="1"/>
      <c r="C7180">
        <v>6</v>
      </c>
      <c r="D7180" t="s">
        <v>13129</v>
      </c>
      <c r="E7180" t="s">
        <v>32769</v>
      </c>
      <c r="F7180">
        <v>4</v>
      </c>
      <c r="G7180" t="s">
        <v>14</v>
      </c>
      <c r="H7180" t="s">
        <v>13130</v>
      </c>
      <c r="I7180" t="s">
        <v>30540</v>
      </c>
    </row>
    <row r="7181" spans="1:9">
      <c r="A7181" s="1">
        <f ca="1">RAND()</f>
        <v>0.14603145823501529</v>
      </c>
      <c r="B7181" s="1"/>
      <c r="C7181">
        <v>12</v>
      </c>
      <c r="D7181" t="s">
        <v>13131</v>
      </c>
      <c r="E7181" t="s">
        <v>32769</v>
      </c>
      <c r="F7181">
        <v>4</v>
      </c>
      <c r="G7181" t="s">
        <v>2229</v>
      </c>
      <c r="H7181" t="s">
        <v>13132</v>
      </c>
      <c r="I7181" t="s">
        <v>30540</v>
      </c>
    </row>
    <row r="7182" spans="1:9">
      <c r="A7182" s="1">
        <f ca="1">RAND()</f>
        <v>0.96959863789269285</v>
      </c>
      <c r="B7182" s="1"/>
      <c r="C7182">
        <v>10</v>
      </c>
      <c r="D7182" t="s">
        <v>13123</v>
      </c>
      <c r="E7182" t="s">
        <v>32770</v>
      </c>
      <c r="F7182">
        <v>5</v>
      </c>
      <c r="G7182" t="s">
        <v>9</v>
      </c>
      <c r="H7182" t="s">
        <v>13124</v>
      </c>
      <c r="I7182" t="s">
        <v>30540</v>
      </c>
    </row>
    <row r="7183" spans="1:9">
      <c r="A7183" s="1">
        <f ca="1">RAND()</f>
        <v>0.68612109444583391</v>
      </c>
      <c r="B7183" s="1"/>
      <c r="C7183">
        <v>8</v>
      </c>
      <c r="D7183" t="s">
        <v>13121</v>
      </c>
      <c r="E7183" t="s">
        <v>32770</v>
      </c>
      <c r="F7183">
        <v>5</v>
      </c>
      <c r="G7183" t="s">
        <v>2</v>
      </c>
      <c r="H7183" t="s">
        <v>13122</v>
      </c>
      <c r="I7183" t="s">
        <v>30540</v>
      </c>
    </row>
    <row r="7184" spans="1:9">
      <c r="A7184" s="1">
        <f ca="1">RAND()</f>
        <v>0.73274148753003976</v>
      </c>
      <c r="B7184" s="1"/>
      <c r="C7184">
        <v>5</v>
      </c>
      <c r="D7184" t="s">
        <v>13119</v>
      </c>
      <c r="E7184" t="s">
        <v>32770</v>
      </c>
      <c r="F7184">
        <v>5</v>
      </c>
      <c r="G7184" t="s">
        <v>14</v>
      </c>
      <c r="H7184" t="s">
        <v>13120</v>
      </c>
      <c r="I7184" t="s">
        <v>30540</v>
      </c>
    </row>
    <row r="7185" spans="1:9">
      <c r="A7185" s="1">
        <f ca="1">RAND()</f>
        <v>0.80271763310489874</v>
      </c>
      <c r="B7185" s="1"/>
      <c r="C7185">
        <v>3</v>
      </c>
      <c r="D7185" t="s">
        <v>13107</v>
      </c>
      <c r="E7185" t="s">
        <v>32771</v>
      </c>
      <c r="F7185">
        <v>5</v>
      </c>
      <c r="G7185" t="s">
        <v>10</v>
      </c>
      <c r="H7185" t="s">
        <v>13108</v>
      </c>
      <c r="I7185" t="s">
        <v>30540</v>
      </c>
    </row>
    <row r="7186" spans="1:9">
      <c r="A7186" s="1">
        <f ca="1">RAND()</f>
        <v>0.86481113092166206</v>
      </c>
      <c r="B7186" s="1"/>
      <c r="C7186">
        <v>13</v>
      </c>
      <c r="D7186" t="s">
        <v>13113</v>
      </c>
      <c r="E7186" t="s">
        <v>32771</v>
      </c>
      <c r="F7186">
        <v>4</v>
      </c>
      <c r="G7186" t="s">
        <v>14</v>
      </c>
      <c r="H7186" t="s">
        <v>13114</v>
      </c>
      <c r="I7186" t="s">
        <v>30540</v>
      </c>
    </row>
    <row r="7187" spans="1:9">
      <c r="A7187" s="1">
        <f ca="1">RAND()</f>
        <v>0.99661552629628469</v>
      </c>
      <c r="B7187" s="1"/>
      <c r="C7187">
        <v>15</v>
      </c>
      <c r="D7187" t="s">
        <v>13117</v>
      </c>
      <c r="E7187" t="s">
        <v>32771</v>
      </c>
      <c r="F7187">
        <v>4</v>
      </c>
      <c r="G7187" t="s">
        <v>10</v>
      </c>
      <c r="H7187" t="s">
        <v>13118</v>
      </c>
      <c r="I7187" t="s">
        <v>30540</v>
      </c>
    </row>
    <row r="7188" spans="1:9">
      <c r="A7188" s="1">
        <f ca="1">RAND()</f>
        <v>0.86181541514602455</v>
      </c>
      <c r="B7188" s="1"/>
      <c r="C7188">
        <v>11</v>
      </c>
      <c r="D7188" t="s">
        <v>13111</v>
      </c>
      <c r="E7188" t="s">
        <v>32771</v>
      </c>
      <c r="F7188">
        <v>4</v>
      </c>
      <c r="G7188" t="s">
        <v>10</v>
      </c>
      <c r="H7188" t="s">
        <v>13112</v>
      </c>
      <c r="I7188" t="s">
        <v>30540</v>
      </c>
    </row>
    <row r="7189" spans="1:9">
      <c r="A7189" s="1">
        <f ca="1">RAND()</f>
        <v>0.14638132954084337</v>
      </c>
      <c r="B7189" s="1"/>
      <c r="C7189">
        <v>14</v>
      </c>
      <c r="D7189" t="s">
        <v>13115</v>
      </c>
      <c r="E7189" t="s">
        <v>32771</v>
      </c>
      <c r="F7189">
        <v>4</v>
      </c>
      <c r="G7189" t="s">
        <v>10</v>
      </c>
      <c r="H7189" t="s">
        <v>13116</v>
      </c>
      <c r="I7189" t="s">
        <v>30540</v>
      </c>
    </row>
    <row r="7190" spans="1:9">
      <c r="A7190" s="1">
        <f ca="1">RAND()</f>
        <v>0.81230490344279394</v>
      </c>
      <c r="B7190" s="1"/>
      <c r="C7190">
        <v>8</v>
      </c>
      <c r="D7190" t="s">
        <v>13109</v>
      </c>
      <c r="E7190" t="s">
        <v>32771</v>
      </c>
      <c r="F7190">
        <v>3</v>
      </c>
      <c r="G7190" t="s">
        <v>14</v>
      </c>
      <c r="H7190" t="s">
        <v>13110</v>
      </c>
      <c r="I7190" t="s">
        <v>30540</v>
      </c>
    </row>
    <row r="7191" spans="1:9">
      <c r="A7191" s="1">
        <f ca="1">RAND()</f>
        <v>0.24611929519509523</v>
      </c>
      <c r="B7191" s="1"/>
      <c r="C7191">
        <v>6</v>
      </c>
      <c r="D7191" t="s">
        <v>13103</v>
      </c>
      <c r="E7191" t="s">
        <v>32772</v>
      </c>
      <c r="F7191">
        <v>5</v>
      </c>
      <c r="G7191" t="s">
        <v>14</v>
      </c>
      <c r="H7191" t="s">
        <v>13104</v>
      </c>
      <c r="I7191" t="s">
        <v>30540</v>
      </c>
    </row>
    <row r="7192" spans="1:9">
      <c r="A7192" s="1">
        <f ca="1">RAND()</f>
        <v>0.72148271231731276</v>
      </c>
      <c r="B7192" s="1"/>
      <c r="C7192">
        <v>4</v>
      </c>
      <c r="D7192" t="s">
        <v>13101</v>
      </c>
      <c r="E7192" t="s">
        <v>32772</v>
      </c>
      <c r="F7192">
        <v>4</v>
      </c>
      <c r="G7192" t="s">
        <v>2</v>
      </c>
      <c r="H7192" t="s">
        <v>13102</v>
      </c>
      <c r="I7192" t="s">
        <v>30540</v>
      </c>
    </row>
    <row r="7193" spans="1:9">
      <c r="A7193" s="1">
        <f ca="1">RAND()</f>
        <v>0.50654549460668785</v>
      </c>
      <c r="B7193" s="1"/>
      <c r="C7193">
        <v>8</v>
      </c>
      <c r="D7193" t="s">
        <v>13105</v>
      </c>
      <c r="E7193" t="s">
        <v>32772</v>
      </c>
      <c r="F7193">
        <v>4</v>
      </c>
      <c r="G7193" t="s">
        <v>14</v>
      </c>
      <c r="H7193" t="s">
        <v>13106</v>
      </c>
      <c r="I7193" t="s">
        <v>30540</v>
      </c>
    </row>
    <row r="7194" spans="1:9">
      <c r="A7194" s="1">
        <f ca="1">RAND()</f>
        <v>0.16888095097477329</v>
      </c>
      <c r="B7194" s="1"/>
      <c r="C7194">
        <v>15</v>
      </c>
      <c r="D7194" t="s">
        <v>13099</v>
      </c>
      <c r="E7194" t="s">
        <v>32773</v>
      </c>
      <c r="F7194">
        <v>5</v>
      </c>
      <c r="G7194" t="s">
        <v>13</v>
      </c>
      <c r="H7194" t="s">
        <v>13100</v>
      </c>
      <c r="I7194" t="s">
        <v>30540</v>
      </c>
    </row>
    <row r="7195" spans="1:9">
      <c r="A7195" s="1">
        <f ca="1">RAND()</f>
        <v>0.91048858011273825</v>
      </c>
      <c r="B7195" s="1"/>
      <c r="C7195">
        <v>3</v>
      </c>
      <c r="D7195" t="s">
        <v>13097</v>
      </c>
      <c r="E7195" t="s">
        <v>32773</v>
      </c>
      <c r="F7195">
        <v>4</v>
      </c>
      <c r="G7195" t="s">
        <v>2</v>
      </c>
      <c r="H7195" t="s">
        <v>13098</v>
      </c>
      <c r="I7195" t="s">
        <v>30540</v>
      </c>
    </row>
    <row r="7196" spans="1:9">
      <c r="A7196" s="1">
        <f ca="1">RAND()</f>
        <v>0.25814679508976979</v>
      </c>
      <c r="B7196" s="1"/>
      <c r="C7196">
        <v>2</v>
      </c>
      <c r="D7196" t="s">
        <v>13095</v>
      </c>
      <c r="E7196" t="s">
        <v>32773</v>
      </c>
      <c r="F7196">
        <v>4</v>
      </c>
      <c r="G7196" t="s">
        <v>10</v>
      </c>
      <c r="H7196" t="s">
        <v>13096</v>
      </c>
      <c r="I7196" t="s">
        <v>30540</v>
      </c>
    </row>
    <row r="7197" spans="1:9">
      <c r="A7197" s="1">
        <f ca="1">RAND()</f>
        <v>0.68286100596436006</v>
      </c>
      <c r="B7197" s="1"/>
      <c r="C7197">
        <v>7</v>
      </c>
      <c r="D7197" t="s">
        <v>13091</v>
      </c>
      <c r="E7197" t="s">
        <v>32774</v>
      </c>
      <c r="F7197">
        <v>4</v>
      </c>
      <c r="G7197" t="s">
        <v>14</v>
      </c>
      <c r="H7197" t="s">
        <v>13092</v>
      </c>
      <c r="I7197" t="s">
        <v>30540</v>
      </c>
    </row>
    <row r="7198" spans="1:9">
      <c r="A7198" s="1">
        <f ca="1">RAND()</f>
        <v>0.56962290155572171</v>
      </c>
      <c r="B7198" s="1"/>
      <c r="C7198">
        <v>14</v>
      </c>
      <c r="D7198" t="s">
        <v>13093</v>
      </c>
      <c r="E7198" t="s">
        <v>32774</v>
      </c>
      <c r="F7198">
        <v>4</v>
      </c>
      <c r="G7198" t="s">
        <v>14</v>
      </c>
      <c r="H7198" t="s">
        <v>13094</v>
      </c>
      <c r="I7198" t="s">
        <v>30540</v>
      </c>
    </row>
    <row r="7199" spans="1:9">
      <c r="A7199" s="1">
        <f ca="1">RAND()</f>
        <v>0.79046000861471832</v>
      </c>
      <c r="B7199" s="1"/>
      <c r="C7199">
        <v>3</v>
      </c>
      <c r="D7199" t="s">
        <v>13089</v>
      </c>
      <c r="E7199" t="s">
        <v>32774</v>
      </c>
      <c r="F7199">
        <v>2</v>
      </c>
      <c r="G7199" t="s">
        <v>10</v>
      </c>
      <c r="H7199" t="s">
        <v>13090</v>
      </c>
      <c r="I7199" t="s">
        <v>30540</v>
      </c>
    </row>
    <row r="7200" spans="1:9">
      <c r="A7200" s="1">
        <f ca="1">RAND()</f>
        <v>0.98875613313908961</v>
      </c>
      <c r="B7200" s="1"/>
      <c r="C7200">
        <v>15</v>
      </c>
      <c r="D7200" t="s">
        <v>13087</v>
      </c>
      <c r="E7200" t="s">
        <v>32775</v>
      </c>
      <c r="F7200">
        <v>4</v>
      </c>
      <c r="G7200" t="s">
        <v>0</v>
      </c>
      <c r="H7200" t="s">
        <v>13088</v>
      </c>
      <c r="I7200" t="s">
        <v>30540</v>
      </c>
    </row>
    <row r="7201" spans="1:9">
      <c r="A7201" s="1">
        <f ca="1">RAND()</f>
        <v>0.94918544623010104</v>
      </c>
      <c r="B7201" s="1"/>
      <c r="C7201">
        <v>14</v>
      </c>
      <c r="D7201" t="s">
        <v>13085</v>
      </c>
      <c r="E7201" t="s">
        <v>32775</v>
      </c>
      <c r="F7201">
        <v>4</v>
      </c>
      <c r="G7201" t="s">
        <v>1</v>
      </c>
      <c r="H7201" t="s">
        <v>13086</v>
      </c>
      <c r="I7201" t="s">
        <v>30540</v>
      </c>
    </row>
    <row r="7202" spans="1:9">
      <c r="A7202" s="1">
        <f ca="1">RAND()</f>
        <v>0.81049315249736398</v>
      </c>
      <c r="B7202" s="1"/>
      <c r="C7202">
        <v>13</v>
      </c>
      <c r="D7202" t="s">
        <v>13083</v>
      </c>
      <c r="E7202" t="s">
        <v>32775</v>
      </c>
      <c r="F7202">
        <v>4</v>
      </c>
      <c r="G7202" t="s">
        <v>2</v>
      </c>
      <c r="H7202" t="s">
        <v>13084</v>
      </c>
      <c r="I7202" t="s">
        <v>30540</v>
      </c>
    </row>
    <row r="7203" spans="1:9">
      <c r="A7203" s="1">
        <f ca="1">RAND()</f>
        <v>0.59722756580435366</v>
      </c>
      <c r="B7203" s="1"/>
      <c r="C7203">
        <v>12</v>
      </c>
      <c r="D7203" t="s">
        <v>13081</v>
      </c>
      <c r="E7203" t="s">
        <v>32776</v>
      </c>
      <c r="F7203">
        <v>4</v>
      </c>
      <c r="G7203" t="s">
        <v>3732</v>
      </c>
      <c r="H7203" t="s">
        <v>13082</v>
      </c>
      <c r="I7203" t="s">
        <v>30540</v>
      </c>
    </row>
    <row r="7204" spans="1:9">
      <c r="A7204" s="1">
        <f ca="1">RAND()</f>
        <v>9.7714433910078613E-2</v>
      </c>
      <c r="B7204" s="1"/>
      <c r="C7204">
        <v>8</v>
      </c>
      <c r="D7204" t="s">
        <v>13079</v>
      </c>
      <c r="E7204" t="s">
        <v>32776</v>
      </c>
      <c r="F7204">
        <v>4</v>
      </c>
      <c r="G7204" t="s">
        <v>1431</v>
      </c>
      <c r="H7204" t="s">
        <v>13080</v>
      </c>
      <c r="I7204" t="s">
        <v>30540</v>
      </c>
    </row>
    <row r="7205" spans="1:9">
      <c r="A7205" s="1">
        <f ca="1">RAND()</f>
        <v>0.82609554525880968</v>
      </c>
      <c r="B7205" s="1"/>
      <c r="C7205">
        <v>3</v>
      </c>
      <c r="D7205" t="s">
        <v>13077</v>
      </c>
      <c r="E7205" t="s">
        <v>32776</v>
      </c>
      <c r="F7205">
        <v>4</v>
      </c>
      <c r="G7205" t="s">
        <v>14</v>
      </c>
      <c r="H7205" t="s">
        <v>13078</v>
      </c>
      <c r="I7205" t="s">
        <v>30540</v>
      </c>
    </row>
    <row r="7206" spans="1:9">
      <c r="A7206" s="1">
        <f ca="1">RAND()</f>
        <v>0.93106096945325845</v>
      </c>
      <c r="B7206" s="1"/>
      <c r="C7206">
        <v>12</v>
      </c>
      <c r="D7206" t="s">
        <v>13075</v>
      </c>
      <c r="E7206" t="s">
        <v>32777</v>
      </c>
      <c r="F7206">
        <v>4</v>
      </c>
      <c r="G7206" t="s">
        <v>14</v>
      </c>
      <c r="H7206" t="s">
        <v>13076</v>
      </c>
      <c r="I7206" t="s">
        <v>30540</v>
      </c>
    </row>
    <row r="7207" spans="1:9">
      <c r="A7207" s="1">
        <f ca="1">RAND()</f>
        <v>3.3647426561194571E-2</v>
      </c>
      <c r="B7207" s="1"/>
      <c r="C7207">
        <v>3</v>
      </c>
      <c r="D7207" t="s">
        <v>13069</v>
      </c>
      <c r="E7207" t="s">
        <v>32777</v>
      </c>
      <c r="F7207">
        <v>4</v>
      </c>
      <c r="G7207" t="s">
        <v>14</v>
      </c>
      <c r="H7207" t="s">
        <v>13070</v>
      </c>
      <c r="I7207" t="s">
        <v>30540</v>
      </c>
    </row>
    <row r="7208" spans="1:9">
      <c r="A7208" s="1">
        <f ca="1">RAND()</f>
        <v>0.20098200086399542</v>
      </c>
      <c r="B7208" s="1"/>
      <c r="C7208">
        <v>11</v>
      </c>
      <c r="D7208" t="s">
        <v>13073</v>
      </c>
      <c r="E7208" t="s">
        <v>32777</v>
      </c>
      <c r="F7208">
        <v>4</v>
      </c>
      <c r="G7208" t="s">
        <v>2</v>
      </c>
      <c r="H7208" t="s">
        <v>13074</v>
      </c>
      <c r="I7208" t="s">
        <v>30540</v>
      </c>
    </row>
    <row r="7209" spans="1:9">
      <c r="A7209" s="1">
        <f ca="1">RAND()</f>
        <v>0.7032871611236603</v>
      </c>
      <c r="B7209" s="1"/>
      <c r="C7209">
        <v>7</v>
      </c>
      <c r="D7209" t="s">
        <v>13071</v>
      </c>
      <c r="E7209" t="s">
        <v>32777</v>
      </c>
      <c r="F7209">
        <v>2</v>
      </c>
      <c r="G7209" t="s">
        <v>14</v>
      </c>
      <c r="H7209" t="s">
        <v>13072</v>
      </c>
      <c r="I7209" t="s">
        <v>30540</v>
      </c>
    </row>
    <row r="7210" spans="1:9">
      <c r="A7210" s="1">
        <f ca="1">RAND()</f>
        <v>0.40172529663318191</v>
      </c>
      <c r="B7210" s="1"/>
      <c r="C7210">
        <v>7</v>
      </c>
      <c r="D7210" t="s">
        <v>13063</v>
      </c>
      <c r="E7210" t="s">
        <v>32778</v>
      </c>
      <c r="F7210">
        <v>5</v>
      </c>
      <c r="G7210" t="s">
        <v>13</v>
      </c>
      <c r="H7210" t="s">
        <v>13064</v>
      </c>
      <c r="I7210" t="s">
        <v>30540</v>
      </c>
    </row>
    <row r="7211" spans="1:9">
      <c r="A7211" s="1">
        <f ca="1">RAND()</f>
        <v>0.92102238589447905</v>
      </c>
      <c r="B7211" s="1"/>
      <c r="C7211">
        <v>2</v>
      </c>
      <c r="D7211" t="s">
        <v>13059</v>
      </c>
      <c r="E7211" t="s">
        <v>32778</v>
      </c>
      <c r="F7211">
        <v>5</v>
      </c>
      <c r="G7211" t="s">
        <v>10</v>
      </c>
      <c r="H7211" t="s">
        <v>13060</v>
      </c>
      <c r="I7211" t="s">
        <v>30540</v>
      </c>
    </row>
    <row r="7212" spans="1:9">
      <c r="A7212" s="1">
        <f ca="1">RAND()</f>
        <v>0.30490733012104387</v>
      </c>
      <c r="B7212" s="1"/>
      <c r="C7212">
        <v>12</v>
      </c>
      <c r="D7212" t="s">
        <v>13067</v>
      </c>
      <c r="E7212" t="s">
        <v>32778</v>
      </c>
      <c r="F7212">
        <v>4</v>
      </c>
      <c r="G7212" t="s">
        <v>9</v>
      </c>
      <c r="H7212" t="s">
        <v>13068</v>
      </c>
      <c r="I7212" t="s">
        <v>30540</v>
      </c>
    </row>
    <row r="7213" spans="1:9">
      <c r="A7213" s="1">
        <f ca="1">RAND()</f>
        <v>5.8519096932786785E-2</v>
      </c>
      <c r="B7213" s="1"/>
      <c r="C7213">
        <v>11</v>
      </c>
      <c r="D7213" t="s">
        <v>13065</v>
      </c>
      <c r="E7213" t="s">
        <v>32778</v>
      </c>
      <c r="F7213">
        <v>4</v>
      </c>
      <c r="G7213" t="s">
        <v>14</v>
      </c>
      <c r="H7213" t="s">
        <v>13066</v>
      </c>
      <c r="I7213" t="s">
        <v>30540</v>
      </c>
    </row>
    <row r="7214" spans="1:9">
      <c r="A7214" s="1">
        <f ca="1">RAND()</f>
        <v>0.77300517372502253</v>
      </c>
      <c r="B7214" s="1"/>
      <c r="C7214">
        <v>6</v>
      </c>
      <c r="D7214" t="s">
        <v>13061</v>
      </c>
      <c r="E7214" t="s">
        <v>32778</v>
      </c>
      <c r="F7214">
        <v>4</v>
      </c>
      <c r="G7214" t="s">
        <v>2</v>
      </c>
      <c r="H7214" t="s">
        <v>13062</v>
      </c>
      <c r="I7214" t="s">
        <v>30540</v>
      </c>
    </row>
    <row r="7215" spans="1:9">
      <c r="A7215" s="1">
        <f ca="1">RAND()</f>
        <v>0.94454105881844264</v>
      </c>
      <c r="B7215" s="1"/>
      <c r="C7215">
        <v>7</v>
      </c>
      <c r="D7215" t="s">
        <v>13057</v>
      </c>
      <c r="E7215" t="s">
        <v>32779</v>
      </c>
      <c r="F7215">
        <v>5</v>
      </c>
      <c r="G7215" t="s">
        <v>13</v>
      </c>
      <c r="H7215" t="s">
        <v>13058</v>
      </c>
      <c r="I7215" t="s">
        <v>30540</v>
      </c>
    </row>
    <row r="7216" spans="1:9">
      <c r="A7216" s="1">
        <f ca="1">RAND()</f>
        <v>0.84698469337127302</v>
      </c>
      <c r="B7216" s="1"/>
      <c r="C7216">
        <v>6</v>
      </c>
      <c r="D7216" t="s">
        <v>13055</v>
      </c>
      <c r="E7216" t="s">
        <v>32779</v>
      </c>
      <c r="F7216">
        <v>4</v>
      </c>
      <c r="G7216" t="s">
        <v>13</v>
      </c>
      <c r="H7216" t="s">
        <v>13056</v>
      </c>
      <c r="I7216" t="s">
        <v>30540</v>
      </c>
    </row>
    <row r="7217" spans="1:9">
      <c r="A7217" s="1">
        <f ca="1">RAND()</f>
        <v>0.35816014270004515</v>
      </c>
      <c r="B7217" s="1"/>
      <c r="C7217">
        <v>2</v>
      </c>
      <c r="D7217" t="s">
        <v>13053</v>
      </c>
      <c r="E7217" t="s">
        <v>32779</v>
      </c>
      <c r="F7217">
        <v>1</v>
      </c>
      <c r="G7217" t="s">
        <v>9</v>
      </c>
      <c r="H7217" t="s">
        <v>13054</v>
      </c>
      <c r="I7217" t="s">
        <v>30540</v>
      </c>
    </row>
    <row r="7218" spans="1:9">
      <c r="A7218" s="1">
        <f ca="1">RAND()</f>
        <v>0.39034042597500374</v>
      </c>
      <c r="B7218" s="1"/>
      <c r="C7218">
        <v>14</v>
      </c>
      <c r="D7218" t="s">
        <v>13051</v>
      </c>
      <c r="E7218" t="s">
        <v>32780</v>
      </c>
      <c r="F7218">
        <v>4</v>
      </c>
      <c r="G7218" t="s">
        <v>15</v>
      </c>
      <c r="H7218" t="s">
        <v>13052</v>
      </c>
      <c r="I7218" t="s">
        <v>30540</v>
      </c>
    </row>
    <row r="7219" spans="1:9">
      <c r="A7219" s="1">
        <f ca="1">RAND()</f>
        <v>0.43476139264139446</v>
      </c>
      <c r="B7219" s="1"/>
      <c r="C7219">
        <v>7</v>
      </c>
      <c r="D7219" t="s">
        <v>13049</v>
      </c>
      <c r="E7219" t="s">
        <v>32780</v>
      </c>
      <c r="F7219">
        <v>4</v>
      </c>
      <c r="G7219" t="s">
        <v>14</v>
      </c>
      <c r="H7219" t="s">
        <v>13050</v>
      </c>
      <c r="I7219" t="s">
        <v>30540</v>
      </c>
    </row>
    <row r="7220" spans="1:9">
      <c r="A7220" s="1">
        <f ca="1">RAND()</f>
        <v>1.6681831353438703E-2</v>
      </c>
      <c r="B7220" s="1"/>
      <c r="C7220">
        <v>6</v>
      </c>
      <c r="D7220" t="s">
        <v>13047</v>
      </c>
      <c r="E7220" t="s">
        <v>32780</v>
      </c>
      <c r="F7220">
        <v>4</v>
      </c>
      <c r="G7220" t="s">
        <v>0</v>
      </c>
      <c r="H7220" t="s">
        <v>13048</v>
      </c>
      <c r="I7220" t="s">
        <v>30540</v>
      </c>
    </row>
    <row r="7221" spans="1:9">
      <c r="A7221" s="1">
        <f ca="1">RAND()</f>
        <v>0.45743497634443053</v>
      </c>
      <c r="B7221" s="1"/>
      <c r="C7221">
        <v>12</v>
      </c>
      <c r="D7221" t="s">
        <v>13043</v>
      </c>
      <c r="E7221" t="s">
        <v>32781</v>
      </c>
      <c r="F7221">
        <v>5</v>
      </c>
      <c r="G7221" t="s">
        <v>775</v>
      </c>
      <c r="H7221" t="s">
        <v>13044</v>
      </c>
      <c r="I7221" t="s">
        <v>30540</v>
      </c>
    </row>
    <row r="7222" spans="1:9">
      <c r="A7222" s="1">
        <f ca="1">RAND()</f>
        <v>0.4914014940751098</v>
      </c>
      <c r="B7222" s="1"/>
      <c r="C7222">
        <v>11</v>
      </c>
      <c r="D7222" t="s">
        <v>13041</v>
      </c>
      <c r="E7222" t="s">
        <v>32781</v>
      </c>
      <c r="F7222">
        <v>4</v>
      </c>
      <c r="G7222" t="s">
        <v>1426</v>
      </c>
      <c r="H7222" t="s">
        <v>13042</v>
      </c>
      <c r="I7222" t="s">
        <v>30540</v>
      </c>
    </row>
    <row r="7223" spans="1:9">
      <c r="A7223" s="1">
        <f ca="1">RAND()</f>
        <v>0.32836147847547936</v>
      </c>
      <c r="B7223" s="1"/>
      <c r="C7223">
        <v>3</v>
      </c>
      <c r="D7223" t="s">
        <v>13039</v>
      </c>
      <c r="E7223" t="s">
        <v>32781</v>
      </c>
      <c r="F7223">
        <v>4</v>
      </c>
      <c r="G7223" t="s">
        <v>1431</v>
      </c>
      <c r="H7223" t="s">
        <v>13040</v>
      </c>
      <c r="I7223" t="s">
        <v>30540</v>
      </c>
    </row>
    <row r="7224" spans="1:9">
      <c r="A7224" s="1">
        <f ca="1">RAND()</f>
        <v>9.2830401358845571E-2</v>
      </c>
      <c r="B7224" s="1"/>
      <c r="C7224">
        <v>13</v>
      </c>
      <c r="D7224" t="s">
        <v>13045</v>
      </c>
      <c r="E7224" t="s">
        <v>32781</v>
      </c>
      <c r="F7224">
        <v>4</v>
      </c>
      <c r="G7224" t="s">
        <v>14</v>
      </c>
      <c r="H7224" t="s">
        <v>13046</v>
      </c>
      <c r="I7224" t="s">
        <v>30540</v>
      </c>
    </row>
    <row r="7225" spans="1:9">
      <c r="A7225" s="1">
        <f ca="1">RAND()</f>
        <v>0.88802507500917482</v>
      </c>
      <c r="B7225" s="1"/>
      <c r="C7225">
        <v>14</v>
      </c>
      <c r="D7225" t="s">
        <v>13037</v>
      </c>
      <c r="E7225" t="s">
        <v>32782</v>
      </c>
      <c r="F7225">
        <v>4</v>
      </c>
      <c r="G7225" t="s">
        <v>2</v>
      </c>
      <c r="H7225" t="s">
        <v>13038</v>
      </c>
      <c r="I7225" t="s">
        <v>30540</v>
      </c>
    </row>
    <row r="7226" spans="1:9">
      <c r="A7226" s="1">
        <f ca="1">RAND()</f>
        <v>0.93918953341010647</v>
      </c>
      <c r="B7226" s="1"/>
      <c r="C7226">
        <v>6</v>
      </c>
      <c r="D7226" t="s">
        <v>13035</v>
      </c>
      <c r="E7226" t="s">
        <v>32782</v>
      </c>
      <c r="F7226">
        <v>4</v>
      </c>
      <c r="G7226" t="s">
        <v>14</v>
      </c>
      <c r="H7226" t="s">
        <v>13036</v>
      </c>
      <c r="I7226" t="s">
        <v>30540</v>
      </c>
    </row>
    <row r="7227" spans="1:9">
      <c r="A7227" s="1">
        <f ca="1">RAND()</f>
        <v>0.75350653546956448</v>
      </c>
      <c r="B7227" s="1"/>
      <c r="C7227">
        <v>8</v>
      </c>
      <c r="D7227" t="s">
        <v>13031</v>
      </c>
      <c r="E7227" t="s">
        <v>32783</v>
      </c>
      <c r="F7227">
        <v>4</v>
      </c>
      <c r="G7227" t="s">
        <v>14</v>
      </c>
      <c r="H7227" t="s">
        <v>13032</v>
      </c>
      <c r="I7227" t="s">
        <v>30540</v>
      </c>
    </row>
    <row r="7228" spans="1:9">
      <c r="A7228" s="1">
        <f ca="1">RAND()</f>
        <v>0.71669181625267586</v>
      </c>
      <c r="B7228" s="1"/>
      <c r="C7228">
        <v>11</v>
      </c>
      <c r="D7228" t="s">
        <v>13033</v>
      </c>
      <c r="E7228" t="s">
        <v>32783</v>
      </c>
      <c r="F7228">
        <v>4</v>
      </c>
      <c r="G7228" t="s">
        <v>0</v>
      </c>
      <c r="H7228" t="s">
        <v>13034</v>
      </c>
      <c r="I7228" t="s">
        <v>30540</v>
      </c>
    </row>
    <row r="7229" spans="1:9">
      <c r="A7229" s="1">
        <f ca="1">RAND()</f>
        <v>0.91445647048200773</v>
      </c>
      <c r="B7229" s="1"/>
      <c r="C7229">
        <v>2</v>
      </c>
      <c r="D7229" t="s">
        <v>13027</v>
      </c>
      <c r="E7229" t="s">
        <v>32783</v>
      </c>
      <c r="F7229">
        <v>4</v>
      </c>
      <c r="G7229" t="s">
        <v>10</v>
      </c>
      <c r="H7229" t="s">
        <v>13028</v>
      </c>
      <c r="I7229" t="s">
        <v>30540</v>
      </c>
    </row>
    <row r="7230" spans="1:9">
      <c r="A7230" s="1">
        <f ca="1">RAND()</f>
        <v>0.60242820912059503</v>
      </c>
      <c r="B7230" s="1"/>
      <c r="C7230">
        <v>5</v>
      </c>
      <c r="D7230" t="s">
        <v>13029</v>
      </c>
      <c r="E7230" t="s">
        <v>32783</v>
      </c>
      <c r="F7230">
        <v>2</v>
      </c>
      <c r="G7230" t="s">
        <v>10</v>
      </c>
      <c r="H7230" t="s">
        <v>13030</v>
      </c>
      <c r="I7230" t="s">
        <v>30540</v>
      </c>
    </row>
    <row r="7231" spans="1:9">
      <c r="A7231" s="1">
        <f ca="1">RAND()</f>
        <v>0.56337494856298742</v>
      </c>
      <c r="B7231" s="1"/>
      <c r="C7231">
        <v>12</v>
      </c>
      <c r="D7231" t="s">
        <v>13025</v>
      </c>
      <c r="E7231" t="s">
        <v>32784</v>
      </c>
      <c r="F7231">
        <v>4</v>
      </c>
      <c r="G7231" t="s">
        <v>14</v>
      </c>
      <c r="H7231" t="s">
        <v>13026</v>
      </c>
      <c r="I7231" t="s">
        <v>30540</v>
      </c>
    </row>
    <row r="7232" spans="1:9">
      <c r="A7232" s="1">
        <f ca="1">RAND()</f>
        <v>0.95594013504652231</v>
      </c>
      <c r="B7232" s="1"/>
      <c r="C7232">
        <v>13</v>
      </c>
      <c r="D7232" t="s">
        <v>13023</v>
      </c>
      <c r="E7232" t="s">
        <v>32785</v>
      </c>
      <c r="F7232">
        <v>4</v>
      </c>
      <c r="G7232" t="s">
        <v>0</v>
      </c>
      <c r="H7232" t="s">
        <v>13024</v>
      </c>
      <c r="I7232" t="s">
        <v>30540</v>
      </c>
    </row>
    <row r="7233" spans="1:9">
      <c r="A7233" s="1">
        <f ca="1">RAND()</f>
        <v>0.42771501645277199</v>
      </c>
      <c r="B7233" s="1"/>
      <c r="C7233">
        <v>4</v>
      </c>
      <c r="D7233" t="s">
        <v>13021</v>
      </c>
      <c r="E7233" t="s">
        <v>32785</v>
      </c>
      <c r="F7233">
        <v>2</v>
      </c>
      <c r="G7233" t="s">
        <v>1</v>
      </c>
      <c r="H7233" t="s">
        <v>13022</v>
      </c>
      <c r="I7233" t="s">
        <v>30540</v>
      </c>
    </row>
    <row r="7234" spans="1:9">
      <c r="A7234" s="1">
        <f ca="1">RAND()</f>
        <v>0.85861169728338638</v>
      </c>
      <c r="B7234" s="1"/>
      <c r="C7234">
        <v>2</v>
      </c>
      <c r="D7234" t="s">
        <v>13019</v>
      </c>
      <c r="E7234" t="s">
        <v>32785</v>
      </c>
      <c r="F7234">
        <v>1</v>
      </c>
      <c r="G7234" t="s">
        <v>10</v>
      </c>
      <c r="H7234" t="s">
        <v>13020</v>
      </c>
      <c r="I7234" t="s">
        <v>30540</v>
      </c>
    </row>
    <row r="7235" spans="1:9">
      <c r="A7235" s="1">
        <f ca="1">RAND()</f>
        <v>5.9185001793614189E-2</v>
      </c>
      <c r="B7235" s="1"/>
      <c r="C7235">
        <v>1</v>
      </c>
      <c r="D7235" t="s">
        <v>13009</v>
      </c>
      <c r="E7235" t="s">
        <v>32786</v>
      </c>
      <c r="F7235">
        <v>5</v>
      </c>
      <c r="G7235" t="s">
        <v>1431</v>
      </c>
      <c r="H7235" t="s">
        <v>13010</v>
      </c>
      <c r="I7235" t="s">
        <v>30540</v>
      </c>
    </row>
    <row r="7236" spans="1:9">
      <c r="A7236" s="1">
        <f ca="1">RAND()</f>
        <v>0.31336355126063742</v>
      </c>
      <c r="B7236" s="1"/>
      <c r="C7236">
        <v>10</v>
      </c>
      <c r="D7236" t="s">
        <v>13015</v>
      </c>
      <c r="E7236" t="s">
        <v>32786</v>
      </c>
      <c r="F7236">
        <v>4</v>
      </c>
      <c r="G7236" t="s">
        <v>775</v>
      </c>
      <c r="H7236" t="s">
        <v>13016</v>
      </c>
      <c r="I7236" t="s">
        <v>30540</v>
      </c>
    </row>
    <row r="7237" spans="1:9">
      <c r="A7237" s="1">
        <f ca="1">RAND()</f>
        <v>6.8746516673798719E-2</v>
      </c>
      <c r="B7237" s="1"/>
      <c r="C7237">
        <v>13</v>
      </c>
      <c r="D7237" t="s">
        <v>13017</v>
      </c>
      <c r="E7237" t="s">
        <v>32786</v>
      </c>
      <c r="F7237">
        <v>4</v>
      </c>
      <c r="G7237" t="s">
        <v>14</v>
      </c>
      <c r="H7237" t="s">
        <v>13018</v>
      </c>
      <c r="I7237" t="s">
        <v>30540</v>
      </c>
    </row>
    <row r="7238" spans="1:9">
      <c r="A7238" s="1">
        <f ca="1">RAND()</f>
        <v>0.89560796672244969</v>
      </c>
      <c r="B7238" s="1"/>
      <c r="C7238">
        <v>6</v>
      </c>
      <c r="D7238" t="s">
        <v>13013</v>
      </c>
      <c r="E7238" t="s">
        <v>32786</v>
      </c>
      <c r="F7238">
        <v>4</v>
      </c>
      <c r="G7238" t="s">
        <v>2</v>
      </c>
      <c r="H7238" t="s">
        <v>13014</v>
      </c>
      <c r="I7238" t="s">
        <v>30540</v>
      </c>
    </row>
    <row r="7239" spans="1:9">
      <c r="A7239" s="1">
        <f ca="1">RAND()</f>
        <v>0.43931580961417127</v>
      </c>
      <c r="B7239" s="1"/>
      <c r="C7239">
        <v>4</v>
      </c>
      <c r="D7239" t="s">
        <v>13011</v>
      </c>
      <c r="E7239" t="s">
        <v>32786</v>
      </c>
      <c r="F7239">
        <v>4</v>
      </c>
      <c r="G7239" t="s">
        <v>766</v>
      </c>
      <c r="H7239" t="s">
        <v>13012</v>
      </c>
      <c r="I7239" t="s">
        <v>30540</v>
      </c>
    </row>
    <row r="7240" spans="1:9">
      <c r="A7240" s="1">
        <f ca="1">RAND()</f>
        <v>0.36014253142604324</v>
      </c>
      <c r="B7240" s="1"/>
      <c r="C7240">
        <v>10</v>
      </c>
      <c r="D7240" t="s">
        <v>13005</v>
      </c>
      <c r="E7240" t="s">
        <v>32787</v>
      </c>
      <c r="F7240">
        <v>5</v>
      </c>
      <c r="G7240" t="s">
        <v>14</v>
      </c>
      <c r="H7240" t="s">
        <v>13006</v>
      </c>
      <c r="I7240" t="s">
        <v>30540</v>
      </c>
    </row>
    <row r="7241" spans="1:9">
      <c r="A7241" s="1">
        <f ca="1">RAND()</f>
        <v>0.77206591666690561</v>
      </c>
      <c r="B7241" s="1"/>
      <c r="C7241">
        <v>4</v>
      </c>
      <c r="D7241" t="s">
        <v>13003</v>
      </c>
      <c r="E7241" t="s">
        <v>32787</v>
      </c>
      <c r="F7241">
        <v>4</v>
      </c>
      <c r="G7241" t="s">
        <v>14</v>
      </c>
      <c r="H7241" t="s">
        <v>13004</v>
      </c>
      <c r="I7241" t="s">
        <v>30540</v>
      </c>
    </row>
    <row r="7242" spans="1:9">
      <c r="A7242" s="1">
        <f ca="1">RAND()</f>
        <v>0.21847534899162246</v>
      </c>
      <c r="B7242" s="1"/>
      <c r="C7242">
        <v>14</v>
      </c>
      <c r="D7242" t="s">
        <v>13007</v>
      </c>
      <c r="E7242" t="s">
        <v>32787</v>
      </c>
      <c r="F7242">
        <v>4</v>
      </c>
      <c r="G7242" t="s">
        <v>14</v>
      </c>
      <c r="H7242" t="s">
        <v>13008</v>
      </c>
      <c r="I7242" t="s">
        <v>30540</v>
      </c>
    </row>
    <row r="7243" spans="1:9">
      <c r="A7243" s="1">
        <f ca="1">RAND()</f>
        <v>0.43840052513849914</v>
      </c>
      <c r="B7243" s="1"/>
      <c r="C7243">
        <v>1</v>
      </c>
      <c r="D7243" t="s">
        <v>13001</v>
      </c>
      <c r="E7243" t="s">
        <v>32787</v>
      </c>
      <c r="F7243">
        <v>3</v>
      </c>
      <c r="G7243" t="s">
        <v>10</v>
      </c>
      <c r="H7243" t="s">
        <v>13002</v>
      </c>
      <c r="I7243" t="s">
        <v>30540</v>
      </c>
    </row>
    <row r="7244" spans="1:9">
      <c r="A7244" s="1">
        <f ca="1">RAND()</f>
        <v>0.98421742699156367</v>
      </c>
      <c r="B7244" s="1"/>
      <c r="C7244">
        <v>12</v>
      </c>
      <c r="D7244" t="s">
        <v>12997</v>
      </c>
      <c r="E7244" t="s">
        <v>32788</v>
      </c>
      <c r="F7244">
        <v>4</v>
      </c>
      <c r="G7244" t="s">
        <v>10</v>
      </c>
      <c r="H7244" t="s">
        <v>12998</v>
      </c>
      <c r="I7244" t="s">
        <v>30540</v>
      </c>
    </row>
    <row r="7245" spans="1:9">
      <c r="A7245" s="1">
        <f ca="1">RAND()</f>
        <v>0.67527577516769599</v>
      </c>
      <c r="B7245" s="1"/>
      <c r="C7245">
        <v>14</v>
      </c>
      <c r="D7245" t="s">
        <v>12999</v>
      </c>
      <c r="E7245" t="s">
        <v>32788</v>
      </c>
      <c r="F7245">
        <v>4</v>
      </c>
      <c r="G7245" t="s">
        <v>14</v>
      </c>
      <c r="H7245" t="s">
        <v>13000</v>
      </c>
      <c r="I7245" t="s">
        <v>30540</v>
      </c>
    </row>
    <row r="7246" spans="1:9">
      <c r="A7246" s="1">
        <f ca="1">RAND()</f>
        <v>0.10990801568100239</v>
      </c>
      <c r="B7246" s="1"/>
      <c r="C7246">
        <v>3</v>
      </c>
      <c r="D7246" t="s">
        <v>12991</v>
      </c>
      <c r="E7246" t="s">
        <v>32788</v>
      </c>
      <c r="F7246">
        <v>4</v>
      </c>
      <c r="G7246" t="s">
        <v>0</v>
      </c>
      <c r="H7246" t="s">
        <v>12992</v>
      </c>
      <c r="I7246" t="s">
        <v>30540</v>
      </c>
    </row>
    <row r="7247" spans="1:9">
      <c r="A7247" s="1">
        <f ca="1">RAND()</f>
        <v>0.13156228262491887</v>
      </c>
      <c r="B7247" s="1"/>
      <c r="C7247">
        <v>5</v>
      </c>
      <c r="D7247" t="s">
        <v>12993</v>
      </c>
      <c r="E7247" t="s">
        <v>32788</v>
      </c>
      <c r="F7247">
        <v>4</v>
      </c>
      <c r="G7247" t="s">
        <v>14</v>
      </c>
      <c r="H7247" t="s">
        <v>12994</v>
      </c>
      <c r="I7247" t="s">
        <v>30540</v>
      </c>
    </row>
    <row r="7248" spans="1:9">
      <c r="A7248" s="1">
        <f ca="1">RAND()</f>
        <v>0.46941242529039229</v>
      </c>
      <c r="B7248" s="1"/>
      <c r="C7248">
        <v>8</v>
      </c>
      <c r="D7248" t="s">
        <v>12995</v>
      </c>
      <c r="E7248" t="s">
        <v>32788</v>
      </c>
      <c r="F7248">
        <v>2</v>
      </c>
      <c r="G7248" t="s">
        <v>0</v>
      </c>
      <c r="H7248" t="s">
        <v>12996</v>
      </c>
      <c r="I7248" t="s">
        <v>30540</v>
      </c>
    </row>
    <row r="7249" spans="1:9">
      <c r="A7249" s="1">
        <f ca="1">RAND()</f>
        <v>3.7035148470634494E-2</v>
      </c>
      <c r="B7249" s="1"/>
      <c r="C7249">
        <v>8</v>
      </c>
      <c r="D7249" t="s">
        <v>12987</v>
      </c>
      <c r="E7249" t="s">
        <v>32789</v>
      </c>
      <c r="F7249">
        <v>4</v>
      </c>
      <c r="G7249" t="s">
        <v>14</v>
      </c>
      <c r="H7249" t="s">
        <v>12988</v>
      </c>
      <c r="I7249" t="s">
        <v>30540</v>
      </c>
    </row>
    <row r="7250" spans="1:9">
      <c r="A7250" s="1">
        <f ca="1">RAND()</f>
        <v>0.72498403479938966</v>
      </c>
      <c r="B7250" s="1"/>
      <c r="C7250">
        <v>12</v>
      </c>
      <c r="D7250" t="s">
        <v>12989</v>
      </c>
      <c r="E7250" t="s">
        <v>32789</v>
      </c>
      <c r="F7250">
        <v>4</v>
      </c>
      <c r="G7250" t="s">
        <v>14</v>
      </c>
      <c r="H7250" t="s">
        <v>12990</v>
      </c>
      <c r="I7250" t="s">
        <v>30540</v>
      </c>
    </row>
    <row r="7251" spans="1:9">
      <c r="A7251" s="1">
        <f ca="1">RAND()</f>
        <v>0.26915991368931869</v>
      </c>
      <c r="B7251" s="1"/>
      <c r="C7251">
        <v>5</v>
      </c>
      <c r="D7251" t="s">
        <v>12981</v>
      </c>
      <c r="E7251" t="s">
        <v>32790</v>
      </c>
      <c r="F7251">
        <v>5</v>
      </c>
      <c r="G7251" t="s">
        <v>10</v>
      </c>
      <c r="H7251" t="s">
        <v>12982</v>
      </c>
      <c r="I7251" t="s">
        <v>30540</v>
      </c>
    </row>
    <row r="7252" spans="1:9">
      <c r="A7252" s="1">
        <f ca="1">RAND()</f>
        <v>0.34284478611496116</v>
      </c>
      <c r="B7252" s="1"/>
      <c r="C7252">
        <v>3</v>
      </c>
      <c r="D7252" t="s">
        <v>12979</v>
      </c>
      <c r="E7252" t="s">
        <v>32790</v>
      </c>
      <c r="F7252">
        <v>4</v>
      </c>
      <c r="G7252" t="s">
        <v>13</v>
      </c>
      <c r="H7252" t="s">
        <v>12980</v>
      </c>
      <c r="I7252" t="s">
        <v>30540</v>
      </c>
    </row>
    <row r="7253" spans="1:9">
      <c r="A7253" s="1">
        <f ca="1">RAND()</f>
        <v>0.23611933594350043</v>
      </c>
      <c r="B7253" s="1"/>
      <c r="C7253">
        <v>12</v>
      </c>
      <c r="D7253" t="s">
        <v>12985</v>
      </c>
      <c r="E7253" t="s">
        <v>32790</v>
      </c>
      <c r="F7253">
        <v>2</v>
      </c>
      <c r="G7253" t="s">
        <v>10</v>
      </c>
      <c r="H7253" t="s">
        <v>12986</v>
      </c>
      <c r="I7253" t="s">
        <v>30540</v>
      </c>
    </row>
    <row r="7254" spans="1:9">
      <c r="A7254" s="1">
        <f ca="1">RAND()</f>
        <v>0.58184408574525925</v>
      </c>
      <c r="B7254" s="1"/>
      <c r="C7254">
        <v>8</v>
      </c>
      <c r="D7254" t="s">
        <v>12983</v>
      </c>
      <c r="E7254" t="s">
        <v>32790</v>
      </c>
      <c r="F7254">
        <v>2</v>
      </c>
      <c r="G7254" t="s">
        <v>10</v>
      </c>
      <c r="H7254" t="s">
        <v>12984</v>
      </c>
      <c r="I7254" t="s">
        <v>30540</v>
      </c>
    </row>
    <row r="7255" spans="1:9">
      <c r="A7255" s="1">
        <f ca="1">RAND()</f>
        <v>0.2692101420342754</v>
      </c>
      <c r="B7255" s="1"/>
      <c r="C7255">
        <v>2</v>
      </c>
      <c r="D7255" t="s">
        <v>12965</v>
      </c>
      <c r="E7255" t="s">
        <v>32791</v>
      </c>
      <c r="F7255">
        <v>5</v>
      </c>
      <c r="G7255" t="s">
        <v>10</v>
      </c>
      <c r="H7255" t="s">
        <v>12966</v>
      </c>
      <c r="I7255" t="s">
        <v>30540</v>
      </c>
    </row>
    <row r="7256" spans="1:9">
      <c r="A7256" s="1">
        <f ca="1">RAND()</f>
        <v>0.82908101134965173</v>
      </c>
      <c r="B7256" s="1"/>
      <c r="C7256">
        <v>10</v>
      </c>
      <c r="D7256" t="s">
        <v>12971</v>
      </c>
      <c r="E7256" t="s">
        <v>32791</v>
      </c>
      <c r="F7256">
        <v>5</v>
      </c>
      <c r="G7256" t="s">
        <v>3732</v>
      </c>
      <c r="H7256" t="s">
        <v>12972</v>
      </c>
      <c r="I7256" t="s">
        <v>30540</v>
      </c>
    </row>
    <row r="7257" spans="1:9">
      <c r="A7257" s="1">
        <f ca="1">RAND()</f>
        <v>0.21925393286347394</v>
      </c>
      <c r="B7257" s="1"/>
      <c r="C7257">
        <v>18</v>
      </c>
      <c r="D7257" t="s">
        <v>12975</v>
      </c>
      <c r="E7257" t="s">
        <v>32791</v>
      </c>
      <c r="F7257">
        <v>4</v>
      </c>
      <c r="G7257" t="s">
        <v>9</v>
      </c>
      <c r="H7257" t="s">
        <v>12976</v>
      </c>
      <c r="I7257" t="s">
        <v>30540</v>
      </c>
    </row>
    <row r="7258" spans="1:9">
      <c r="A7258" s="1">
        <f ca="1">RAND()</f>
        <v>8.119555719154059E-2</v>
      </c>
      <c r="B7258" s="1"/>
      <c r="C7258">
        <v>5</v>
      </c>
      <c r="D7258" t="s">
        <v>12969</v>
      </c>
      <c r="E7258" t="s">
        <v>32791</v>
      </c>
      <c r="F7258">
        <v>4</v>
      </c>
      <c r="G7258" t="s">
        <v>14</v>
      </c>
      <c r="H7258" t="s">
        <v>12970</v>
      </c>
      <c r="I7258" t="s">
        <v>30540</v>
      </c>
    </row>
    <row r="7259" spans="1:9">
      <c r="A7259" s="1">
        <f ca="1">RAND()</f>
        <v>0.6117402059330378</v>
      </c>
      <c r="B7259" s="1"/>
      <c r="C7259">
        <v>3</v>
      </c>
      <c r="D7259" t="s">
        <v>12967</v>
      </c>
      <c r="E7259" t="s">
        <v>32791</v>
      </c>
      <c r="F7259">
        <v>4</v>
      </c>
      <c r="G7259" t="s">
        <v>762</v>
      </c>
      <c r="H7259" t="s">
        <v>12968</v>
      </c>
      <c r="I7259" t="s">
        <v>30540</v>
      </c>
    </row>
    <row r="7260" spans="1:9">
      <c r="A7260" s="1">
        <f ca="1">RAND()</f>
        <v>0.17279290817300819</v>
      </c>
      <c r="B7260" s="1"/>
      <c r="C7260">
        <v>13</v>
      </c>
      <c r="D7260" t="s">
        <v>12973</v>
      </c>
      <c r="E7260" t="s">
        <v>32791</v>
      </c>
      <c r="F7260">
        <v>4</v>
      </c>
      <c r="G7260" t="s">
        <v>14</v>
      </c>
      <c r="H7260" t="s">
        <v>12974</v>
      </c>
      <c r="I7260" t="s">
        <v>30540</v>
      </c>
    </row>
    <row r="7261" spans="1:9">
      <c r="A7261" s="1">
        <f ca="1">RAND()</f>
        <v>0.72850342852324923</v>
      </c>
      <c r="B7261" s="1"/>
      <c r="C7261">
        <v>19</v>
      </c>
      <c r="D7261" t="s">
        <v>12977</v>
      </c>
      <c r="E7261" t="s">
        <v>32791</v>
      </c>
      <c r="F7261">
        <v>3</v>
      </c>
      <c r="G7261" t="s">
        <v>14</v>
      </c>
      <c r="H7261" t="s">
        <v>12978</v>
      </c>
      <c r="I7261" t="s">
        <v>30540</v>
      </c>
    </row>
    <row r="7262" spans="1:9">
      <c r="A7262" s="1">
        <f ca="1">RAND()</f>
        <v>0.61359172940375872</v>
      </c>
      <c r="B7262" s="1"/>
      <c r="C7262">
        <v>10</v>
      </c>
      <c r="D7262" t="s">
        <v>12963</v>
      </c>
      <c r="E7262" t="s">
        <v>32792</v>
      </c>
      <c r="F7262">
        <v>4</v>
      </c>
      <c r="G7262" t="s">
        <v>14</v>
      </c>
      <c r="H7262" t="s">
        <v>12964</v>
      </c>
      <c r="I7262" t="s">
        <v>30540</v>
      </c>
    </row>
    <row r="7263" spans="1:9">
      <c r="A7263" s="1">
        <f ca="1">RAND()</f>
        <v>0.88793915277713797</v>
      </c>
      <c r="B7263" s="1"/>
      <c r="C7263">
        <v>9</v>
      </c>
      <c r="D7263" t="s">
        <v>12961</v>
      </c>
      <c r="E7263" t="s">
        <v>32792</v>
      </c>
      <c r="F7263">
        <v>4</v>
      </c>
      <c r="G7263" t="s">
        <v>14</v>
      </c>
      <c r="H7263" t="s">
        <v>12962</v>
      </c>
      <c r="I7263" t="s">
        <v>30540</v>
      </c>
    </row>
    <row r="7264" spans="1:9">
      <c r="A7264" s="1">
        <f ca="1">RAND()</f>
        <v>4.6137520215340455E-2</v>
      </c>
      <c r="B7264" s="1"/>
      <c r="C7264">
        <v>5</v>
      </c>
      <c r="D7264" t="s">
        <v>12959</v>
      </c>
      <c r="E7264" t="s">
        <v>32792</v>
      </c>
      <c r="F7264">
        <v>2</v>
      </c>
      <c r="G7264" t="s">
        <v>2</v>
      </c>
      <c r="H7264" t="s">
        <v>12960</v>
      </c>
      <c r="I7264" t="s">
        <v>30540</v>
      </c>
    </row>
    <row r="7265" spans="1:9">
      <c r="A7265" s="1">
        <f ca="1">RAND()</f>
        <v>0.57017697867484773</v>
      </c>
      <c r="B7265" s="1"/>
      <c r="C7265">
        <v>2</v>
      </c>
      <c r="D7265" t="s">
        <v>12951</v>
      </c>
      <c r="E7265" t="s">
        <v>32793</v>
      </c>
      <c r="F7265">
        <v>4</v>
      </c>
      <c r="G7265" t="s">
        <v>10</v>
      </c>
      <c r="H7265" t="s">
        <v>12952</v>
      </c>
      <c r="I7265" t="s">
        <v>30540</v>
      </c>
    </row>
    <row r="7266" spans="1:9">
      <c r="A7266" s="1">
        <f ca="1">RAND()</f>
        <v>0.13317387924499047</v>
      </c>
      <c r="B7266" s="1"/>
      <c r="C7266">
        <v>9</v>
      </c>
      <c r="D7266" t="s">
        <v>12955</v>
      </c>
      <c r="E7266" t="s">
        <v>32793</v>
      </c>
      <c r="F7266">
        <v>4</v>
      </c>
      <c r="G7266" t="s">
        <v>14</v>
      </c>
      <c r="H7266" t="s">
        <v>12956</v>
      </c>
      <c r="I7266" t="s">
        <v>30540</v>
      </c>
    </row>
    <row r="7267" spans="1:9">
      <c r="A7267" s="1">
        <f ca="1">RAND()</f>
        <v>0.3019231119490835</v>
      </c>
      <c r="B7267" s="1"/>
      <c r="C7267">
        <v>15</v>
      </c>
      <c r="D7267" t="s">
        <v>12957</v>
      </c>
      <c r="E7267" t="s">
        <v>32793</v>
      </c>
      <c r="F7267">
        <v>3</v>
      </c>
      <c r="G7267" t="s">
        <v>14</v>
      </c>
      <c r="H7267" t="s">
        <v>12958</v>
      </c>
      <c r="I7267" t="s">
        <v>30540</v>
      </c>
    </row>
    <row r="7268" spans="1:9">
      <c r="A7268" s="1">
        <f ca="1">RAND()</f>
        <v>0.19249554953812353</v>
      </c>
      <c r="B7268" s="1"/>
      <c r="C7268">
        <v>7</v>
      </c>
      <c r="D7268" t="s">
        <v>12953</v>
      </c>
      <c r="E7268" t="s">
        <v>32793</v>
      </c>
      <c r="F7268">
        <v>1</v>
      </c>
      <c r="G7268" t="s">
        <v>9</v>
      </c>
      <c r="H7268" t="s">
        <v>12954</v>
      </c>
      <c r="I7268" t="s">
        <v>30540</v>
      </c>
    </row>
    <row r="7269" spans="1:9">
      <c r="A7269" s="1">
        <f ca="1">RAND()</f>
        <v>0.54978483138597789</v>
      </c>
      <c r="B7269" s="1"/>
      <c r="C7269">
        <v>16</v>
      </c>
      <c r="D7269" t="s">
        <v>12949</v>
      </c>
      <c r="E7269" t="s">
        <v>32794</v>
      </c>
      <c r="F7269">
        <v>5</v>
      </c>
      <c r="G7269" t="s">
        <v>14</v>
      </c>
      <c r="H7269" t="s">
        <v>12950</v>
      </c>
      <c r="I7269" t="s">
        <v>30540</v>
      </c>
    </row>
    <row r="7270" spans="1:9">
      <c r="A7270" s="1">
        <f ca="1">RAND()</f>
        <v>0.26799394427399348</v>
      </c>
      <c r="B7270" s="1"/>
      <c r="C7270">
        <v>15</v>
      </c>
      <c r="D7270" t="s">
        <v>12947</v>
      </c>
      <c r="E7270" t="s">
        <v>32794</v>
      </c>
      <c r="F7270">
        <v>4</v>
      </c>
      <c r="G7270" t="s">
        <v>14</v>
      </c>
      <c r="H7270" t="s">
        <v>12948</v>
      </c>
      <c r="I7270" t="s">
        <v>30540</v>
      </c>
    </row>
    <row r="7271" spans="1:9">
      <c r="A7271" s="1">
        <f ca="1">RAND()</f>
        <v>0.98166445900311761</v>
      </c>
      <c r="B7271" s="1"/>
      <c r="C7271">
        <v>8</v>
      </c>
      <c r="D7271" t="s">
        <v>12943</v>
      </c>
      <c r="E7271" t="s">
        <v>32794</v>
      </c>
      <c r="F7271">
        <v>4</v>
      </c>
      <c r="G7271" t="s">
        <v>14</v>
      </c>
      <c r="H7271" t="s">
        <v>12944</v>
      </c>
      <c r="I7271" t="s">
        <v>30540</v>
      </c>
    </row>
    <row r="7272" spans="1:9">
      <c r="A7272" s="1">
        <f ca="1">RAND()</f>
        <v>0.13685115969482942</v>
      </c>
      <c r="B7272" s="1"/>
      <c r="C7272">
        <v>11</v>
      </c>
      <c r="D7272" t="s">
        <v>12945</v>
      </c>
      <c r="E7272" t="s">
        <v>32794</v>
      </c>
      <c r="F7272">
        <v>4</v>
      </c>
      <c r="G7272" t="s">
        <v>14</v>
      </c>
      <c r="H7272" t="s">
        <v>12946</v>
      </c>
      <c r="I7272" t="s">
        <v>30540</v>
      </c>
    </row>
    <row r="7273" spans="1:9">
      <c r="A7273" s="1">
        <f ca="1">RAND()</f>
        <v>0.39167283348394188</v>
      </c>
      <c r="B7273" s="1"/>
      <c r="C7273">
        <v>7</v>
      </c>
      <c r="D7273" t="s">
        <v>12941</v>
      </c>
      <c r="E7273" t="s">
        <v>32794</v>
      </c>
      <c r="F7273">
        <v>2</v>
      </c>
      <c r="G7273" t="s">
        <v>14</v>
      </c>
      <c r="H7273" t="s">
        <v>12942</v>
      </c>
      <c r="I7273" t="s">
        <v>30540</v>
      </c>
    </row>
    <row r="7274" spans="1:9">
      <c r="A7274" s="1">
        <f ca="1">RAND()</f>
        <v>0.89080290460263889</v>
      </c>
      <c r="B7274" s="1"/>
      <c r="C7274">
        <v>4</v>
      </c>
      <c r="D7274" t="s">
        <v>12939</v>
      </c>
      <c r="E7274" t="s">
        <v>32795</v>
      </c>
      <c r="F7274">
        <v>4</v>
      </c>
      <c r="G7274" t="s">
        <v>13</v>
      </c>
      <c r="H7274" t="s">
        <v>12940</v>
      </c>
      <c r="I7274" t="s">
        <v>30540</v>
      </c>
    </row>
    <row r="7275" spans="1:9">
      <c r="A7275" s="1">
        <f ca="1">RAND()</f>
        <v>3.4896525291722158E-3</v>
      </c>
      <c r="B7275" s="1"/>
      <c r="C7275">
        <v>6</v>
      </c>
      <c r="D7275" t="s">
        <v>12931</v>
      </c>
      <c r="E7275" t="s">
        <v>32796</v>
      </c>
      <c r="F7275">
        <v>5</v>
      </c>
      <c r="G7275" t="s">
        <v>10</v>
      </c>
      <c r="H7275" t="s">
        <v>12932</v>
      </c>
      <c r="I7275" t="s">
        <v>30540</v>
      </c>
    </row>
    <row r="7276" spans="1:9">
      <c r="A7276" s="1">
        <f ca="1">RAND()</f>
        <v>0.6544018119370496</v>
      </c>
      <c r="B7276" s="1"/>
      <c r="C7276">
        <v>3</v>
      </c>
      <c r="D7276" t="s">
        <v>12929</v>
      </c>
      <c r="E7276" t="s">
        <v>32796</v>
      </c>
      <c r="F7276">
        <v>4</v>
      </c>
      <c r="G7276" t="s">
        <v>766</v>
      </c>
      <c r="H7276" t="s">
        <v>12930</v>
      </c>
      <c r="I7276" t="s">
        <v>30540</v>
      </c>
    </row>
    <row r="7277" spans="1:9">
      <c r="A7277" s="1">
        <f ca="1">RAND()</f>
        <v>0.29723332196609697</v>
      </c>
      <c r="B7277" s="1"/>
      <c r="C7277">
        <v>19</v>
      </c>
      <c r="D7277" t="s">
        <v>12937</v>
      </c>
      <c r="E7277" t="s">
        <v>32796</v>
      </c>
      <c r="F7277">
        <v>4</v>
      </c>
      <c r="G7277" t="s">
        <v>1431</v>
      </c>
      <c r="H7277" t="s">
        <v>12938</v>
      </c>
      <c r="I7277" t="s">
        <v>30540</v>
      </c>
    </row>
    <row r="7278" spans="1:9">
      <c r="A7278" s="1">
        <f ca="1">RAND()</f>
        <v>0.66600921901944665</v>
      </c>
      <c r="B7278" s="1"/>
      <c r="C7278">
        <v>14</v>
      </c>
      <c r="D7278" t="s">
        <v>12933</v>
      </c>
      <c r="E7278" t="s">
        <v>32796</v>
      </c>
      <c r="F7278">
        <v>4</v>
      </c>
      <c r="G7278" t="s">
        <v>14</v>
      </c>
      <c r="H7278" t="s">
        <v>12934</v>
      </c>
      <c r="I7278" t="s">
        <v>30540</v>
      </c>
    </row>
    <row r="7279" spans="1:9">
      <c r="A7279" s="1">
        <f ca="1">RAND()</f>
        <v>0.84597453911595211</v>
      </c>
      <c r="B7279" s="1"/>
      <c r="C7279">
        <v>16</v>
      </c>
      <c r="D7279" t="s">
        <v>12935</v>
      </c>
      <c r="E7279" t="s">
        <v>32796</v>
      </c>
      <c r="F7279">
        <v>2</v>
      </c>
      <c r="G7279" t="s">
        <v>14</v>
      </c>
      <c r="H7279" t="s">
        <v>12936</v>
      </c>
      <c r="I7279" t="s">
        <v>30540</v>
      </c>
    </row>
    <row r="7280" spans="1:9">
      <c r="A7280" s="1">
        <f ca="1">RAND()</f>
        <v>0.85904226054547628</v>
      </c>
      <c r="B7280" s="1"/>
      <c r="C7280">
        <v>5</v>
      </c>
      <c r="D7280" t="s">
        <v>12925</v>
      </c>
      <c r="E7280" t="s">
        <v>32797</v>
      </c>
      <c r="F7280">
        <v>4</v>
      </c>
      <c r="G7280" t="s">
        <v>0</v>
      </c>
      <c r="H7280" t="s">
        <v>12926</v>
      </c>
      <c r="I7280" t="s">
        <v>30540</v>
      </c>
    </row>
    <row r="7281" spans="1:9">
      <c r="A7281" s="1">
        <f ca="1">RAND()</f>
        <v>8.2103975169582788E-2</v>
      </c>
      <c r="B7281" s="1"/>
      <c r="C7281">
        <v>16</v>
      </c>
      <c r="D7281" t="s">
        <v>12927</v>
      </c>
      <c r="E7281" t="s">
        <v>32797</v>
      </c>
      <c r="F7281">
        <v>2</v>
      </c>
      <c r="G7281" t="s">
        <v>14</v>
      </c>
      <c r="H7281" t="s">
        <v>12928</v>
      </c>
      <c r="I7281" t="s">
        <v>30540</v>
      </c>
    </row>
    <row r="7282" spans="1:9">
      <c r="A7282" s="1">
        <f ca="1">RAND()</f>
        <v>0.14417137440815442</v>
      </c>
      <c r="B7282" s="1"/>
      <c r="C7282">
        <v>3</v>
      </c>
      <c r="D7282" t="s">
        <v>12923</v>
      </c>
      <c r="E7282" t="s">
        <v>32797</v>
      </c>
      <c r="F7282">
        <v>2</v>
      </c>
      <c r="G7282" t="s">
        <v>2</v>
      </c>
      <c r="H7282" t="s">
        <v>12924</v>
      </c>
      <c r="I7282" t="s">
        <v>30540</v>
      </c>
    </row>
    <row r="7283" spans="1:9">
      <c r="A7283" s="1">
        <f ca="1">RAND()</f>
        <v>3.0163682651591639E-3</v>
      </c>
      <c r="B7283" s="1"/>
      <c r="C7283">
        <v>1</v>
      </c>
      <c r="D7283" t="s">
        <v>12913</v>
      </c>
      <c r="E7283" t="s">
        <v>32798</v>
      </c>
      <c r="F7283">
        <v>5</v>
      </c>
      <c r="G7283" t="s">
        <v>10</v>
      </c>
      <c r="H7283" t="s">
        <v>12914</v>
      </c>
      <c r="I7283" t="s">
        <v>30540</v>
      </c>
    </row>
    <row r="7284" spans="1:9">
      <c r="A7284" s="1">
        <f ca="1">RAND()</f>
        <v>0.46236600978619535</v>
      </c>
      <c r="B7284" s="1"/>
      <c r="C7284">
        <v>7</v>
      </c>
      <c r="D7284" t="s">
        <v>12917</v>
      </c>
      <c r="E7284" t="s">
        <v>32798</v>
      </c>
      <c r="F7284">
        <v>4</v>
      </c>
      <c r="G7284" t="s">
        <v>14</v>
      </c>
      <c r="H7284" t="s">
        <v>12918</v>
      </c>
      <c r="I7284" t="s">
        <v>30540</v>
      </c>
    </row>
    <row r="7285" spans="1:9">
      <c r="A7285" s="1">
        <f ca="1">RAND()</f>
        <v>4.9896292090292449E-2</v>
      </c>
      <c r="B7285" s="1"/>
      <c r="C7285">
        <v>6</v>
      </c>
      <c r="D7285" t="s">
        <v>12915</v>
      </c>
      <c r="E7285" t="s">
        <v>32798</v>
      </c>
      <c r="F7285">
        <v>4</v>
      </c>
      <c r="G7285" t="s">
        <v>9</v>
      </c>
      <c r="H7285" t="s">
        <v>12916</v>
      </c>
      <c r="I7285" t="s">
        <v>30540</v>
      </c>
    </row>
    <row r="7286" spans="1:9">
      <c r="A7286" s="1">
        <f ca="1">RAND()</f>
        <v>0.69603151905860972</v>
      </c>
      <c r="B7286" s="1"/>
      <c r="C7286">
        <v>8</v>
      </c>
      <c r="D7286" t="s">
        <v>12919</v>
      </c>
      <c r="E7286" t="s">
        <v>32798</v>
      </c>
      <c r="F7286">
        <v>4</v>
      </c>
      <c r="G7286" t="s">
        <v>14</v>
      </c>
      <c r="H7286" t="s">
        <v>12920</v>
      </c>
      <c r="I7286" t="s">
        <v>30540</v>
      </c>
    </row>
    <row r="7287" spans="1:9">
      <c r="A7287" s="1">
        <f ca="1">RAND()</f>
        <v>0.13741209074876537</v>
      </c>
      <c r="B7287" s="1"/>
      <c r="C7287">
        <v>11</v>
      </c>
      <c r="D7287" t="s">
        <v>12921</v>
      </c>
      <c r="E7287" t="s">
        <v>32798</v>
      </c>
      <c r="F7287">
        <v>2</v>
      </c>
      <c r="G7287" t="s">
        <v>14</v>
      </c>
      <c r="H7287" t="s">
        <v>12922</v>
      </c>
      <c r="I7287" t="s">
        <v>30540</v>
      </c>
    </row>
    <row r="7288" spans="1:9">
      <c r="A7288" s="1">
        <f ca="1">RAND()</f>
        <v>0.68153411676035858</v>
      </c>
      <c r="B7288" s="1"/>
      <c r="C7288">
        <v>7</v>
      </c>
      <c r="D7288" t="s">
        <v>12909</v>
      </c>
      <c r="E7288" t="s">
        <v>32799</v>
      </c>
      <c r="F7288">
        <v>5</v>
      </c>
      <c r="G7288" t="s">
        <v>14</v>
      </c>
      <c r="H7288" t="s">
        <v>12910</v>
      </c>
      <c r="I7288" t="s">
        <v>30540</v>
      </c>
    </row>
    <row r="7289" spans="1:9">
      <c r="A7289" s="1">
        <f ca="1">RAND()</f>
        <v>0.78973655201798865</v>
      </c>
      <c r="B7289" s="1"/>
      <c r="C7289">
        <v>3</v>
      </c>
      <c r="D7289" t="s">
        <v>12907</v>
      </c>
      <c r="E7289" t="s">
        <v>32799</v>
      </c>
      <c r="F7289">
        <v>4</v>
      </c>
      <c r="G7289" t="s">
        <v>9</v>
      </c>
      <c r="H7289" t="s">
        <v>12908</v>
      </c>
      <c r="I7289" t="s">
        <v>30540</v>
      </c>
    </row>
    <row r="7290" spans="1:9">
      <c r="A7290" s="1">
        <f ca="1">RAND()</f>
        <v>0.27738601582385358</v>
      </c>
      <c r="B7290" s="1"/>
      <c r="C7290">
        <v>1</v>
      </c>
      <c r="D7290" t="s">
        <v>12905</v>
      </c>
      <c r="E7290" t="s">
        <v>32799</v>
      </c>
      <c r="F7290">
        <v>2</v>
      </c>
      <c r="G7290" t="s">
        <v>10</v>
      </c>
      <c r="H7290" t="s">
        <v>12906</v>
      </c>
      <c r="I7290" t="s">
        <v>30540</v>
      </c>
    </row>
    <row r="7291" spans="1:9">
      <c r="A7291" s="1">
        <f ca="1">RAND()</f>
        <v>6.8116630621780638E-2</v>
      </c>
      <c r="B7291" s="1"/>
      <c r="C7291">
        <v>11</v>
      </c>
      <c r="D7291" t="s">
        <v>12911</v>
      </c>
      <c r="E7291" t="s">
        <v>32799</v>
      </c>
      <c r="F7291">
        <v>2</v>
      </c>
      <c r="G7291" t="s">
        <v>13</v>
      </c>
      <c r="H7291" t="s">
        <v>12912</v>
      </c>
      <c r="I7291" t="s">
        <v>30540</v>
      </c>
    </row>
    <row r="7292" spans="1:9">
      <c r="A7292" s="1">
        <f ca="1">RAND()</f>
        <v>0.5553325019585057</v>
      </c>
      <c r="B7292" s="1"/>
      <c r="C7292">
        <v>15</v>
      </c>
      <c r="D7292" t="s">
        <v>12901</v>
      </c>
      <c r="E7292" t="s">
        <v>32800</v>
      </c>
      <c r="F7292">
        <v>4</v>
      </c>
      <c r="G7292" t="s">
        <v>9</v>
      </c>
      <c r="H7292" t="s">
        <v>12902</v>
      </c>
      <c r="I7292" t="s">
        <v>30540</v>
      </c>
    </row>
    <row r="7293" spans="1:9">
      <c r="A7293" s="1">
        <f ca="1">RAND()</f>
        <v>4.2378931431586997E-2</v>
      </c>
      <c r="B7293" s="1"/>
      <c r="C7293">
        <v>16</v>
      </c>
      <c r="D7293" t="s">
        <v>12903</v>
      </c>
      <c r="E7293" t="s">
        <v>32800</v>
      </c>
      <c r="F7293">
        <v>4</v>
      </c>
      <c r="G7293" t="s">
        <v>10</v>
      </c>
      <c r="H7293" t="s">
        <v>12904</v>
      </c>
      <c r="I7293" t="s">
        <v>30540</v>
      </c>
    </row>
    <row r="7294" spans="1:9">
      <c r="A7294" s="1">
        <f ca="1">RAND()</f>
        <v>0.78025900105030643</v>
      </c>
      <c r="B7294" s="1"/>
      <c r="C7294">
        <v>5</v>
      </c>
      <c r="D7294" t="s">
        <v>12893</v>
      </c>
      <c r="E7294" t="s">
        <v>32800</v>
      </c>
      <c r="F7294">
        <v>4</v>
      </c>
      <c r="G7294" t="s">
        <v>10</v>
      </c>
      <c r="H7294" t="s">
        <v>12894</v>
      </c>
      <c r="I7294" t="s">
        <v>30540</v>
      </c>
    </row>
    <row r="7295" spans="1:9">
      <c r="A7295" s="1">
        <f ca="1">RAND()</f>
        <v>0.28353689120128034</v>
      </c>
      <c r="B7295" s="1"/>
      <c r="C7295">
        <v>13</v>
      </c>
      <c r="D7295" t="s">
        <v>12897</v>
      </c>
      <c r="E7295" t="s">
        <v>32800</v>
      </c>
      <c r="F7295">
        <v>4</v>
      </c>
      <c r="G7295" t="s">
        <v>10</v>
      </c>
      <c r="H7295" t="s">
        <v>12898</v>
      </c>
      <c r="I7295" t="s">
        <v>30540</v>
      </c>
    </row>
    <row r="7296" spans="1:9">
      <c r="A7296" s="1">
        <f ca="1">RAND()</f>
        <v>0.99492259060435317</v>
      </c>
      <c r="B7296" s="1"/>
      <c r="C7296">
        <v>14</v>
      </c>
      <c r="D7296" t="s">
        <v>12899</v>
      </c>
      <c r="E7296" t="s">
        <v>32800</v>
      </c>
      <c r="F7296">
        <v>4</v>
      </c>
      <c r="G7296" t="s">
        <v>0</v>
      </c>
      <c r="H7296" t="s">
        <v>12900</v>
      </c>
      <c r="I7296" t="s">
        <v>30540</v>
      </c>
    </row>
    <row r="7297" spans="1:9">
      <c r="A7297" s="1">
        <f ca="1">RAND()</f>
        <v>0.41689784579162492</v>
      </c>
      <c r="B7297" s="1"/>
      <c r="C7297">
        <v>7</v>
      </c>
      <c r="D7297" t="s">
        <v>12895</v>
      </c>
      <c r="E7297" t="s">
        <v>32800</v>
      </c>
      <c r="F7297">
        <v>4</v>
      </c>
      <c r="G7297" t="s">
        <v>10</v>
      </c>
      <c r="H7297" t="s">
        <v>12896</v>
      </c>
      <c r="I7297" t="s">
        <v>30540</v>
      </c>
    </row>
    <row r="7298" spans="1:9">
      <c r="A7298" s="1">
        <f ca="1">RAND()</f>
        <v>0.21460219310965323</v>
      </c>
      <c r="B7298" s="1"/>
      <c r="C7298">
        <v>11</v>
      </c>
      <c r="D7298" t="s">
        <v>12885</v>
      </c>
      <c r="E7298" t="s">
        <v>32801</v>
      </c>
      <c r="F7298">
        <v>4</v>
      </c>
      <c r="G7298" t="s">
        <v>14</v>
      </c>
      <c r="H7298" t="s">
        <v>12886</v>
      </c>
      <c r="I7298" t="s">
        <v>30540</v>
      </c>
    </row>
    <row r="7299" spans="1:9">
      <c r="A7299" s="1">
        <f ca="1">RAND()</f>
        <v>0.7619020575485167</v>
      </c>
      <c r="B7299" s="1"/>
      <c r="C7299">
        <v>14</v>
      </c>
      <c r="D7299" t="s">
        <v>12889</v>
      </c>
      <c r="E7299" t="s">
        <v>32801</v>
      </c>
      <c r="F7299">
        <v>4</v>
      </c>
      <c r="G7299" t="s">
        <v>14</v>
      </c>
      <c r="H7299" t="s">
        <v>12890</v>
      </c>
      <c r="I7299" t="s">
        <v>30540</v>
      </c>
    </row>
    <row r="7300" spans="1:9">
      <c r="A7300" s="1">
        <f ca="1">RAND()</f>
        <v>0.57130905624893802</v>
      </c>
      <c r="B7300" s="1"/>
      <c r="C7300">
        <v>13</v>
      </c>
      <c r="D7300" t="s">
        <v>12887</v>
      </c>
      <c r="E7300" t="s">
        <v>32801</v>
      </c>
      <c r="F7300">
        <v>4</v>
      </c>
      <c r="G7300" t="s">
        <v>14</v>
      </c>
      <c r="H7300" t="s">
        <v>12888</v>
      </c>
      <c r="I7300" t="s">
        <v>30540</v>
      </c>
    </row>
    <row r="7301" spans="1:9">
      <c r="A7301" s="1">
        <f ca="1">RAND()</f>
        <v>0.80800545171585447</v>
      </c>
      <c r="B7301" s="1"/>
      <c r="C7301">
        <v>7</v>
      </c>
      <c r="D7301" t="s">
        <v>12883</v>
      </c>
      <c r="E7301" t="s">
        <v>32801</v>
      </c>
      <c r="F7301">
        <v>4</v>
      </c>
      <c r="G7301" t="s">
        <v>1431</v>
      </c>
      <c r="H7301" t="s">
        <v>12884</v>
      </c>
      <c r="I7301" t="s">
        <v>30540</v>
      </c>
    </row>
    <row r="7302" spans="1:9">
      <c r="A7302" s="1">
        <f ca="1">RAND()</f>
        <v>0.1357776631292662</v>
      </c>
      <c r="B7302" s="1"/>
      <c r="C7302">
        <v>15</v>
      </c>
      <c r="D7302" t="s">
        <v>12891</v>
      </c>
      <c r="E7302" t="s">
        <v>32801</v>
      </c>
      <c r="F7302">
        <v>3</v>
      </c>
      <c r="G7302" t="s">
        <v>775</v>
      </c>
      <c r="H7302" t="s">
        <v>12892</v>
      </c>
      <c r="I7302" t="s">
        <v>30540</v>
      </c>
    </row>
    <row r="7303" spans="1:9">
      <c r="A7303" s="1">
        <f ca="1">RAND()</f>
        <v>1.4472236563875085E-2</v>
      </c>
      <c r="B7303" s="1"/>
      <c r="C7303">
        <v>15</v>
      </c>
      <c r="D7303" t="s">
        <v>12881</v>
      </c>
      <c r="E7303" t="s">
        <v>32802</v>
      </c>
      <c r="F7303">
        <v>5</v>
      </c>
      <c r="G7303" t="s">
        <v>14</v>
      </c>
      <c r="H7303" t="s">
        <v>12882</v>
      </c>
      <c r="I7303" t="s">
        <v>30540</v>
      </c>
    </row>
    <row r="7304" spans="1:9">
      <c r="A7304" s="1">
        <f ca="1">RAND()</f>
        <v>0.93944469371452177</v>
      </c>
      <c r="B7304" s="1"/>
      <c r="C7304">
        <v>10</v>
      </c>
      <c r="D7304" t="s">
        <v>12877</v>
      </c>
      <c r="E7304" t="s">
        <v>32802</v>
      </c>
      <c r="F7304">
        <v>5</v>
      </c>
      <c r="G7304" t="s">
        <v>1</v>
      </c>
      <c r="H7304" t="s">
        <v>12878</v>
      </c>
      <c r="I7304" t="s">
        <v>30540</v>
      </c>
    </row>
    <row r="7305" spans="1:9">
      <c r="A7305" s="1">
        <f ca="1">RAND()</f>
        <v>0.11064369857105449</v>
      </c>
      <c r="B7305" s="1"/>
      <c r="C7305">
        <v>14</v>
      </c>
      <c r="D7305" t="s">
        <v>12879</v>
      </c>
      <c r="E7305" t="s">
        <v>32802</v>
      </c>
      <c r="F7305">
        <v>5</v>
      </c>
      <c r="G7305" t="s">
        <v>14</v>
      </c>
      <c r="H7305" t="s">
        <v>12880</v>
      </c>
      <c r="I7305" t="s">
        <v>30540</v>
      </c>
    </row>
    <row r="7306" spans="1:9">
      <c r="A7306" s="1">
        <f ca="1">RAND()</f>
        <v>0.78082909954648216</v>
      </c>
      <c r="B7306" s="1"/>
      <c r="C7306">
        <v>3</v>
      </c>
      <c r="D7306" t="s">
        <v>12873</v>
      </c>
      <c r="E7306" t="s">
        <v>32802</v>
      </c>
      <c r="F7306">
        <v>4</v>
      </c>
      <c r="G7306" t="s">
        <v>10</v>
      </c>
      <c r="H7306" t="s">
        <v>12874</v>
      </c>
      <c r="I7306" t="s">
        <v>30540</v>
      </c>
    </row>
    <row r="7307" spans="1:9">
      <c r="A7307" s="1">
        <f ca="1">RAND()</f>
        <v>0.3754009490975454</v>
      </c>
      <c r="B7307" s="1"/>
      <c r="C7307">
        <v>6</v>
      </c>
      <c r="D7307" t="s">
        <v>12875</v>
      </c>
      <c r="E7307" t="s">
        <v>32802</v>
      </c>
      <c r="F7307">
        <v>3</v>
      </c>
      <c r="G7307" t="s">
        <v>10</v>
      </c>
      <c r="H7307" t="s">
        <v>12876</v>
      </c>
      <c r="I7307" t="s">
        <v>30540</v>
      </c>
    </row>
    <row r="7308" spans="1:9">
      <c r="A7308" s="1">
        <f ca="1">RAND()</f>
        <v>1.7500267446522666E-2</v>
      </c>
      <c r="B7308" s="1"/>
      <c r="C7308">
        <v>16</v>
      </c>
      <c r="D7308" t="s">
        <v>12867</v>
      </c>
      <c r="E7308" t="s">
        <v>32803</v>
      </c>
      <c r="F7308">
        <v>5</v>
      </c>
      <c r="G7308" t="s">
        <v>14</v>
      </c>
      <c r="H7308" t="s">
        <v>12868</v>
      </c>
      <c r="I7308" t="s">
        <v>30540</v>
      </c>
    </row>
    <row r="7309" spans="1:9">
      <c r="A7309" s="1">
        <f ca="1">RAND()</f>
        <v>3.9427719918124993E-2</v>
      </c>
      <c r="B7309" s="1"/>
      <c r="C7309">
        <v>3</v>
      </c>
      <c r="D7309" t="s">
        <v>12861</v>
      </c>
      <c r="E7309" t="s">
        <v>32803</v>
      </c>
      <c r="F7309">
        <v>5</v>
      </c>
      <c r="G7309" t="s">
        <v>14</v>
      </c>
      <c r="H7309" t="s">
        <v>12862</v>
      </c>
      <c r="I7309" t="s">
        <v>30540</v>
      </c>
    </row>
    <row r="7310" spans="1:9">
      <c r="A7310" s="1">
        <f ca="1">RAND()</f>
        <v>0.62664546392163978</v>
      </c>
      <c r="B7310" s="1"/>
      <c r="C7310">
        <v>14</v>
      </c>
      <c r="D7310" t="s">
        <v>12865</v>
      </c>
      <c r="E7310" t="s">
        <v>32803</v>
      </c>
      <c r="F7310">
        <v>4</v>
      </c>
      <c r="G7310" t="s">
        <v>13</v>
      </c>
      <c r="H7310" t="s">
        <v>12866</v>
      </c>
      <c r="I7310" t="s">
        <v>30540</v>
      </c>
    </row>
    <row r="7311" spans="1:9">
      <c r="A7311" s="1">
        <f ca="1">RAND()</f>
        <v>0.51717107033868037</v>
      </c>
      <c r="B7311" s="1"/>
      <c r="C7311">
        <v>18</v>
      </c>
      <c r="D7311" t="s">
        <v>12869</v>
      </c>
      <c r="E7311" t="s">
        <v>32803</v>
      </c>
      <c r="F7311">
        <v>4</v>
      </c>
      <c r="G7311" t="s">
        <v>14</v>
      </c>
      <c r="H7311" t="s">
        <v>12870</v>
      </c>
      <c r="I7311" t="s">
        <v>30540</v>
      </c>
    </row>
    <row r="7312" spans="1:9">
      <c r="A7312" s="1">
        <f ca="1">RAND()</f>
        <v>0.55698199384348113</v>
      </c>
      <c r="B7312" s="1"/>
      <c r="C7312">
        <v>19</v>
      </c>
      <c r="D7312" t="s">
        <v>12871</v>
      </c>
      <c r="E7312" t="s">
        <v>32803</v>
      </c>
      <c r="F7312">
        <v>4</v>
      </c>
      <c r="G7312" t="s">
        <v>14</v>
      </c>
      <c r="H7312" t="s">
        <v>12872</v>
      </c>
      <c r="I7312" t="s">
        <v>30540</v>
      </c>
    </row>
    <row r="7313" spans="1:9">
      <c r="A7313" s="1">
        <f ca="1">RAND()</f>
        <v>0.95369184902065562</v>
      </c>
      <c r="B7313" s="1"/>
      <c r="C7313">
        <v>8</v>
      </c>
      <c r="D7313" t="s">
        <v>12863</v>
      </c>
      <c r="E7313" t="s">
        <v>32803</v>
      </c>
      <c r="F7313">
        <v>2</v>
      </c>
      <c r="G7313" t="s">
        <v>0</v>
      </c>
      <c r="H7313" t="s">
        <v>12864</v>
      </c>
      <c r="I7313" t="s">
        <v>30540</v>
      </c>
    </row>
    <row r="7314" spans="1:9">
      <c r="A7314" s="1">
        <f ca="1">RAND()</f>
        <v>0.11351889121774605</v>
      </c>
      <c r="B7314" s="1"/>
      <c r="C7314">
        <v>13</v>
      </c>
      <c r="D7314" t="s">
        <v>12855</v>
      </c>
      <c r="E7314" t="s">
        <v>32804</v>
      </c>
      <c r="F7314">
        <v>4</v>
      </c>
      <c r="G7314" t="s">
        <v>14</v>
      </c>
      <c r="H7314" t="s">
        <v>12856</v>
      </c>
      <c r="I7314" t="s">
        <v>30540</v>
      </c>
    </row>
    <row r="7315" spans="1:9">
      <c r="A7315" s="1">
        <f ca="1">RAND()</f>
        <v>0.86250098093951</v>
      </c>
      <c r="B7315" s="1"/>
      <c r="C7315">
        <v>10</v>
      </c>
      <c r="D7315" t="s">
        <v>12853</v>
      </c>
      <c r="E7315" t="s">
        <v>32804</v>
      </c>
      <c r="F7315">
        <v>4</v>
      </c>
      <c r="G7315" t="s">
        <v>14</v>
      </c>
      <c r="H7315" t="s">
        <v>12854</v>
      </c>
      <c r="I7315" t="s">
        <v>30540</v>
      </c>
    </row>
    <row r="7316" spans="1:9">
      <c r="A7316" s="1">
        <f ca="1">RAND()</f>
        <v>6.2366501682371789E-2</v>
      </c>
      <c r="B7316" s="1"/>
      <c r="C7316">
        <v>16</v>
      </c>
      <c r="D7316" t="s">
        <v>12859</v>
      </c>
      <c r="E7316" t="s">
        <v>32804</v>
      </c>
      <c r="F7316">
        <v>4</v>
      </c>
      <c r="G7316" t="s">
        <v>14</v>
      </c>
      <c r="H7316" t="s">
        <v>12860</v>
      </c>
      <c r="I7316" t="s">
        <v>30540</v>
      </c>
    </row>
    <row r="7317" spans="1:9">
      <c r="A7317" s="1">
        <f ca="1">RAND()</f>
        <v>6.295953048150793E-2</v>
      </c>
      <c r="B7317" s="1"/>
      <c r="C7317">
        <v>15</v>
      </c>
      <c r="D7317" t="s">
        <v>12857</v>
      </c>
      <c r="E7317" t="s">
        <v>32804</v>
      </c>
      <c r="F7317">
        <v>2</v>
      </c>
      <c r="G7317" t="s">
        <v>14</v>
      </c>
      <c r="H7317" t="s">
        <v>12858</v>
      </c>
      <c r="I7317" t="s">
        <v>30540</v>
      </c>
    </row>
    <row r="7318" spans="1:9">
      <c r="A7318" s="1">
        <f ca="1">RAND()</f>
        <v>0.42935711511612451</v>
      </c>
      <c r="B7318" s="1"/>
      <c r="C7318">
        <v>2</v>
      </c>
      <c r="D7318" t="s">
        <v>12847</v>
      </c>
      <c r="E7318" t="s">
        <v>32805</v>
      </c>
      <c r="F7318">
        <v>5</v>
      </c>
      <c r="G7318" t="s">
        <v>10</v>
      </c>
      <c r="H7318" t="s">
        <v>12848</v>
      </c>
      <c r="I7318" t="s">
        <v>30540</v>
      </c>
    </row>
    <row r="7319" spans="1:9">
      <c r="A7319" s="1">
        <f ca="1">RAND()</f>
        <v>0.68740557026590487</v>
      </c>
      <c r="B7319" s="1"/>
      <c r="C7319">
        <v>9</v>
      </c>
      <c r="D7319" t="s">
        <v>12851</v>
      </c>
      <c r="E7319" t="s">
        <v>32805</v>
      </c>
      <c r="F7319">
        <v>4</v>
      </c>
      <c r="G7319" t="s">
        <v>10</v>
      </c>
      <c r="H7319" t="s">
        <v>12852</v>
      </c>
      <c r="I7319" t="s">
        <v>30540</v>
      </c>
    </row>
    <row r="7320" spans="1:9">
      <c r="A7320" s="1">
        <f ca="1">RAND()</f>
        <v>0.26732637543964555</v>
      </c>
      <c r="B7320" s="1"/>
      <c r="C7320">
        <v>1</v>
      </c>
      <c r="D7320" t="s">
        <v>12845</v>
      </c>
      <c r="E7320" t="s">
        <v>32805</v>
      </c>
      <c r="F7320">
        <v>4</v>
      </c>
      <c r="G7320" t="s">
        <v>10</v>
      </c>
      <c r="H7320" t="s">
        <v>12846</v>
      </c>
      <c r="I7320" t="s">
        <v>30540</v>
      </c>
    </row>
    <row r="7321" spans="1:9">
      <c r="A7321" s="1">
        <f ca="1">RAND()</f>
        <v>0.32135568125018088</v>
      </c>
      <c r="B7321" s="1"/>
      <c r="C7321">
        <v>7</v>
      </c>
      <c r="D7321" t="s">
        <v>12849</v>
      </c>
      <c r="E7321" t="s">
        <v>32805</v>
      </c>
      <c r="F7321">
        <v>4</v>
      </c>
      <c r="G7321" t="s">
        <v>0</v>
      </c>
      <c r="H7321" t="s">
        <v>12850</v>
      </c>
      <c r="I7321" t="s">
        <v>30540</v>
      </c>
    </row>
    <row r="7322" spans="1:9">
      <c r="A7322" s="1">
        <f ca="1">RAND()</f>
        <v>2.1008856546558041E-2</v>
      </c>
      <c r="B7322" s="1"/>
      <c r="C7322">
        <v>5</v>
      </c>
      <c r="D7322" t="s">
        <v>12839</v>
      </c>
      <c r="E7322" t="s">
        <v>32806</v>
      </c>
      <c r="F7322">
        <v>5</v>
      </c>
      <c r="G7322" t="s">
        <v>1431</v>
      </c>
      <c r="H7322" t="s">
        <v>12840</v>
      </c>
      <c r="I7322" t="s">
        <v>30540</v>
      </c>
    </row>
    <row r="7323" spans="1:9">
      <c r="A7323" s="1">
        <f ca="1">RAND()</f>
        <v>0.4819725366194515</v>
      </c>
      <c r="B7323" s="1"/>
      <c r="C7323">
        <v>9</v>
      </c>
      <c r="D7323" t="s">
        <v>12841</v>
      </c>
      <c r="E7323" t="s">
        <v>32806</v>
      </c>
      <c r="F7323">
        <v>4</v>
      </c>
      <c r="G7323" t="s">
        <v>0</v>
      </c>
      <c r="H7323" t="s">
        <v>12842</v>
      </c>
      <c r="I7323" t="s">
        <v>30540</v>
      </c>
    </row>
    <row r="7324" spans="1:9">
      <c r="A7324" s="1">
        <f ca="1">RAND()</f>
        <v>0.60093772869287831</v>
      </c>
      <c r="B7324" s="1"/>
      <c r="C7324">
        <v>4</v>
      </c>
      <c r="D7324" t="s">
        <v>12837</v>
      </c>
      <c r="E7324" t="s">
        <v>32806</v>
      </c>
      <c r="F7324">
        <v>4</v>
      </c>
      <c r="G7324" t="s">
        <v>10</v>
      </c>
      <c r="H7324" t="s">
        <v>12838</v>
      </c>
      <c r="I7324" t="s">
        <v>30540</v>
      </c>
    </row>
    <row r="7325" spans="1:9">
      <c r="A7325" s="1">
        <f ca="1">RAND()</f>
        <v>0.86677672721803078</v>
      </c>
      <c r="B7325" s="1"/>
      <c r="C7325">
        <v>20</v>
      </c>
      <c r="D7325" t="s">
        <v>12843</v>
      </c>
      <c r="E7325" t="s">
        <v>32806</v>
      </c>
      <c r="F7325">
        <v>3</v>
      </c>
      <c r="G7325" t="s">
        <v>1426</v>
      </c>
      <c r="H7325" t="s">
        <v>12844</v>
      </c>
      <c r="I7325" t="s">
        <v>30540</v>
      </c>
    </row>
    <row r="7326" spans="1:9">
      <c r="A7326" s="1">
        <f ca="1">RAND()</f>
        <v>0.17563405110083208</v>
      </c>
      <c r="B7326" s="1"/>
      <c r="C7326">
        <v>11</v>
      </c>
      <c r="D7326" t="s">
        <v>12835</v>
      </c>
      <c r="E7326" t="s">
        <v>32807</v>
      </c>
      <c r="F7326">
        <v>5</v>
      </c>
      <c r="G7326" t="s">
        <v>1</v>
      </c>
      <c r="H7326" t="s">
        <v>12836</v>
      </c>
      <c r="I7326" t="s">
        <v>30540</v>
      </c>
    </row>
    <row r="7327" spans="1:9">
      <c r="A7327" s="1">
        <f ca="1">RAND()</f>
        <v>0.2561918036591746</v>
      </c>
      <c r="B7327" s="1"/>
      <c r="C7327">
        <v>4</v>
      </c>
      <c r="D7327" t="s">
        <v>12829</v>
      </c>
      <c r="E7327" t="s">
        <v>32807</v>
      </c>
      <c r="F7327">
        <v>4</v>
      </c>
      <c r="G7327" t="s">
        <v>2</v>
      </c>
      <c r="H7327" t="s">
        <v>12830</v>
      </c>
      <c r="I7327" t="s">
        <v>30540</v>
      </c>
    </row>
    <row r="7328" spans="1:9">
      <c r="A7328" s="1">
        <f ca="1">RAND()</f>
        <v>0.80280471227551553</v>
      </c>
      <c r="B7328" s="1"/>
      <c r="C7328">
        <v>9</v>
      </c>
      <c r="D7328" t="s">
        <v>12833</v>
      </c>
      <c r="E7328" t="s">
        <v>32807</v>
      </c>
      <c r="F7328">
        <v>4</v>
      </c>
      <c r="G7328" t="s">
        <v>0</v>
      </c>
      <c r="H7328" t="s">
        <v>12834</v>
      </c>
      <c r="I7328" t="s">
        <v>30540</v>
      </c>
    </row>
    <row r="7329" spans="1:9">
      <c r="A7329" s="1">
        <f ca="1">RAND()</f>
        <v>0.40442952941069321</v>
      </c>
      <c r="B7329" s="1"/>
      <c r="C7329">
        <v>6</v>
      </c>
      <c r="D7329" t="s">
        <v>12831</v>
      </c>
      <c r="E7329" t="s">
        <v>32807</v>
      </c>
      <c r="F7329">
        <v>4</v>
      </c>
      <c r="G7329" t="s">
        <v>14</v>
      </c>
      <c r="H7329" t="s">
        <v>12832</v>
      </c>
      <c r="I7329" t="s">
        <v>30540</v>
      </c>
    </row>
    <row r="7330" spans="1:9">
      <c r="A7330" s="1">
        <f ca="1">RAND()</f>
        <v>0.32539203333681432</v>
      </c>
      <c r="B7330" s="1"/>
      <c r="C7330">
        <v>2</v>
      </c>
      <c r="D7330" t="s">
        <v>12827</v>
      </c>
      <c r="E7330" t="s">
        <v>32807</v>
      </c>
      <c r="F7330">
        <v>1</v>
      </c>
      <c r="G7330" t="s">
        <v>10</v>
      </c>
      <c r="H7330" t="s">
        <v>12828</v>
      </c>
      <c r="I7330" t="s">
        <v>30540</v>
      </c>
    </row>
    <row r="7331" spans="1:9">
      <c r="A7331" s="1">
        <f ca="1">RAND()</f>
        <v>0.99615323156055713</v>
      </c>
      <c r="B7331" s="1"/>
      <c r="C7331">
        <v>11</v>
      </c>
      <c r="D7331" t="s">
        <v>12823</v>
      </c>
      <c r="E7331" t="s">
        <v>32808</v>
      </c>
      <c r="F7331">
        <v>4</v>
      </c>
      <c r="G7331" t="s">
        <v>14</v>
      </c>
      <c r="H7331" t="s">
        <v>12824</v>
      </c>
      <c r="I7331" t="s">
        <v>30540</v>
      </c>
    </row>
    <row r="7332" spans="1:9">
      <c r="A7332" s="1">
        <f ca="1">RAND()</f>
        <v>0.22604101529536658</v>
      </c>
      <c r="B7332" s="1"/>
      <c r="C7332">
        <v>17</v>
      </c>
      <c r="D7332" t="s">
        <v>12825</v>
      </c>
      <c r="E7332" t="s">
        <v>32808</v>
      </c>
      <c r="F7332">
        <v>4</v>
      </c>
      <c r="G7332" t="s">
        <v>14</v>
      </c>
      <c r="H7332" t="s">
        <v>12826</v>
      </c>
      <c r="I7332" t="s">
        <v>30540</v>
      </c>
    </row>
    <row r="7333" spans="1:9">
      <c r="A7333" s="1">
        <f ca="1">RAND()</f>
        <v>0.57780999450929549</v>
      </c>
      <c r="B7333" s="1"/>
      <c r="C7333">
        <v>4</v>
      </c>
      <c r="D7333" t="s">
        <v>12821</v>
      </c>
      <c r="E7333" t="s">
        <v>32808</v>
      </c>
      <c r="F7333">
        <v>3</v>
      </c>
      <c r="G7333" t="s">
        <v>15</v>
      </c>
      <c r="H7333" t="s">
        <v>12822</v>
      </c>
      <c r="I7333" t="s">
        <v>30540</v>
      </c>
    </row>
    <row r="7334" spans="1:9">
      <c r="A7334" s="1">
        <f ca="1">RAND()</f>
        <v>0.27965989380086398</v>
      </c>
      <c r="B7334" s="1"/>
      <c r="C7334">
        <v>1</v>
      </c>
      <c r="D7334" t="s">
        <v>12811</v>
      </c>
      <c r="E7334" t="s">
        <v>32809</v>
      </c>
      <c r="F7334">
        <v>5</v>
      </c>
      <c r="G7334" t="s">
        <v>2</v>
      </c>
      <c r="H7334" t="s">
        <v>12812</v>
      </c>
      <c r="I7334" t="s">
        <v>30540</v>
      </c>
    </row>
    <row r="7335" spans="1:9">
      <c r="A7335" s="1">
        <f ca="1">RAND()</f>
        <v>0.97808276095879354</v>
      </c>
      <c r="B7335" s="1"/>
      <c r="C7335">
        <v>7</v>
      </c>
      <c r="D7335" t="s">
        <v>12813</v>
      </c>
      <c r="E7335" t="s">
        <v>32809</v>
      </c>
      <c r="F7335">
        <v>5</v>
      </c>
      <c r="G7335" t="s">
        <v>13</v>
      </c>
      <c r="H7335" t="s">
        <v>12814</v>
      </c>
      <c r="I7335" t="s">
        <v>30540</v>
      </c>
    </row>
    <row r="7336" spans="1:9">
      <c r="A7336" s="1">
        <f ca="1">RAND()</f>
        <v>0.30451887859015969</v>
      </c>
      <c r="B7336" s="1"/>
      <c r="C7336">
        <v>14</v>
      </c>
      <c r="D7336" t="s">
        <v>12817</v>
      </c>
      <c r="E7336" t="s">
        <v>32809</v>
      </c>
      <c r="F7336">
        <v>4</v>
      </c>
      <c r="G7336" t="s">
        <v>14</v>
      </c>
      <c r="H7336" t="s">
        <v>12818</v>
      </c>
      <c r="I7336" t="s">
        <v>30540</v>
      </c>
    </row>
    <row r="7337" spans="1:9">
      <c r="A7337" s="1">
        <f ca="1">RAND()</f>
        <v>1.1448488463429718E-2</v>
      </c>
      <c r="B7337" s="1"/>
      <c r="C7337">
        <v>15</v>
      </c>
      <c r="D7337" t="s">
        <v>12819</v>
      </c>
      <c r="E7337" t="s">
        <v>32809</v>
      </c>
      <c r="F7337">
        <v>3</v>
      </c>
      <c r="G7337" t="s">
        <v>14</v>
      </c>
      <c r="H7337" t="s">
        <v>12820</v>
      </c>
      <c r="I7337" t="s">
        <v>30540</v>
      </c>
    </row>
    <row r="7338" spans="1:9">
      <c r="A7338" s="1">
        <f ca="1">RAND()</f>
        <v>0.3828167018601405</v>
      </c>
      <c r="B7338" s="1"/>
      <c r="C7338">
        <v>9</v>
      </c>
      <c r="D7338" t="s">
        <v>12815</v>
      </c>
      <c r="E7338" t="s">
        <v>32809</v>
      </c>
      <c r="F7338">
        <v>3</v>
      </c>
      <c r="G7338" t="s">
        <v>14</v>
      </c>
      <c r="H7338" t="s">
        <v>12816</v>
      </c>
      <c r="I7338" t="s">
        <v>30540</v>
      </c>
    </row>
    <row r="7339" spans="1:9">
      <c r="A7339" s="1">
        <f ca="1">RAND()</f>
        <v>0.98699862444940767</v>
      </c>
      <c r="B7339" s="1"/>
      <c r="C7339">
        <v>15</v>
      </c>
      <c r="D7339" t="s">
        <v>12809</v>
      </c>
      <c r="E7339" t="s">
        <v>32810</v>
      </c>
      <c r="F7339">
        <v>5</v>
      </c>
      <c r="G7339" t="s">
        <v>14</v>
      </c>
      <c r="H7339" t="s">
        <v>12810</v>
      </c>
      <c r="I7339" t="s">
        <v>30540</v>
      </c>
    </row>
    <row r="7340" spans="1:9">
      <c r="A7340" s="1">
        <f ca="1">RAND()</f>
        <v>0.40416253288256898</v>
      </c>
      <c r="B7340" s="1"/>
      <c r="C7340">
        <v>11</v>
      </c>
      <c r="D7340" t="s">
        <v>12807</v>
      </c>
      <c r="E7340" t="s">
        <v>32810</v>
      </c>
      <c r="F7340">
        <v>4</v>
      </c>
      <c r="G7340" t="s">
        <v>2</v>
      </c>
      <c r="H7340" t="s">
        <v>12808</v>
      </c>
      <c r="I7340" t="s">
        <v>30540</v>
      </c>
    </row>
    <row r="7341" spans="1:9">
      <c r="A7341" s="1">
        <f ca="1">RAND()</f>
        <v>0.93283933407141761</v>
      </c>
      <c r="B7341" s="1"/>
      <c r="C7341">
        <v>4</v>
      </c>
      <c r="D7341" t="s">
        <v>12803</v>
      </c>
      <c r="E7341" t="s">
        <v>32810</v>
      </c>
      <c r="F7341">
        <v>4</v>
      </c>
      <c r="G7341" t="s">
        <v>14</v>
      </c>
      <c r="H7341" t="s">
        <v>12804</v>
      </c>
      <c r="I7341" t="s">
        <v>30540</v>
      </c>
    </row>
    <row r="7342" spans="1:9">
      <c r="A7342" s="1">
        <f ca="1">RAND()</f>
        <v>0.42954081983864378</v>
      </c>
      <c r="B7342" s="1"/>
      <c r="C7342">
        <v>6</v>
      </c>
      <c r="D7342" t="s">
        <v>12805</v>
      </c>
      <c r="E7342" t="s">
        <v>32810</v>
      </c>
      <c r="F7342">
        <v>2</v>
      </c>
      <c r="G7342" t="s">
        <v>0</v>
      </c>
      <c r="H7342" t="s">
        <v>12806</v>
      </c>
      <c r="I7342" t="s">
        <v>30540</v>
      </c>
    </row>
    <row r="7343" spans="1:9">
      <c r="A7343" s="1">
        <f ca="1">RAND()</f>
        <v>0.85853399287020871</v>
      </c>
      <c r="B7343" s="1"/>
      <c r="C7343">
        <v>1</v>
      </c>
      <c r="D7343" t="s">
        <v>12801</v>
      </c>
      <c r="E7343" t="s">
        <v>32810</v>
      </c>
      <c r="F7343">
        <v>1</v>
      </c>
      <c r="G7343" t="s">
        <v>10</v>
      </c>
      <c r="H7343" t="s">
        <v>12802</v>
      </c>
      <c r="I7343" t="s">
        <v>30540</v>
      </c>
    </row>
    <row r="7344" spans="1:9">
      <c r="A7344" s="1">
        <f ca="1">RAND()</f>
        <v>0.72305404977303256</v>
      </c>
      <c r="B7344" s="1"/>
      <c r="C7344">
        <v>15</v>
      </c>
      <c r="D7344" t="s">
        <v>12793</v>
      </c>
      <c r="E7344" t="s">
        <v>32811</v>
      </c>
      <c r="F7344">
        <v>4</v>
      </c>
      <c r="G7344" t="s">
        <v>1426</v>
      </c>
      <c r="H7344" t="s">
        <v>12794</v>
      </c>
      <c r="I7344" t="s">
        <v>30540</v>
      </c>
    </row>
    <row r="7345" spans="1:9">
      <c r="A7345" s="1">
        <f ca="1">RAND()</f>
        <v>0.69865127817618755</v>
      </c>
      <c r="B7345" s="1"/>
      <c r="C7345">
        <v>16</v>
      </c>
      <c r="D7345" t="s">
        <v>12795</v>
      </c>
      <c r="E7345" t="s">
        <v>32811</v>
      </c>
      <c r="F7345">
        <v>4</v>
      </c>
      <c r="G7345" t="s">
        <v>14</v>
      </c>
      <c r="H7345" t="s">
        <v>12796</v>
      </c>
      <c r="I7345" t="s">
        <v>30540</v>
      </c>
    </row>
    <row r="7346" spans="1:9">
      <c r="A7346" s="1">
        <f ca="1">RAND()</f>
        <v>0.22164840772539884</v>
      </c>
      <c r="B7346" s="1"/>
      <c r="C7346">
        <v>5</v>
      </c>
      <c r="D7346" t="s">
        <v>12791</v>
      </c>
      <c r="E7346" t="s">
        <v>32811</v>
      </c>
      <c r="F7346">
        <v>4</v>
      </c>
      <c r="G7346" t="s">
        <v>762</v>
      </c>
      <c r="H7346" t="s">
        <v>12792</v>
      </c>
      <c r="I7346" t="s">
        <v>30540</v>
      </c>
    </row>
    <row r="7347" spans="1:9">
      <c r="A7347" s="1">
        <f ca="1">RAND()</f>
        <v>0.746305167681515</v>
      </c>
      <c r="B7347" s="1"/>
      <c r="C7347">
        <v>17</v>
      </c>
      <c r="D7347" t="s">
        <v>12797</v>
      </c>
      <c r="E7347" t="s">
        <v>32811</v>
      </c>
      <c r="F7347">
        <v>3</v>
      </c>
      <c r="G7347" t="s">
        <v>13</v>
      </c>
      <c r="H7347" t="s">
        <v>12798</v>
      </c>
      <c r="I7347" t="s">
        <v>30540</v>
      </c>
    </row>
    <row r="7348" spans="1:9">
      <c r="A7348" s="1">
        <f ca="1">RAND()</f>
        <v>0.53739479605468288</v>
      </c>
      <c r="B7348" s="1"/>
      <c r="C7348">
        <v>18</v>
      </c>
      <c r="D7348" t="s">
        <v>12799</v>
      </c>
      <c r="E7348" t="s">
        <v>32811</v>
      </c>
      <c r="F7348">
        <v>3</v>
      </c>
      <c r="G7348" t="s">
        <v>14</v>
      </c>
      <c r="H7348" t="s">
        <v>12800</v>
      </c>
      <c r="I7348" t="s">
        <v>30540</v>
      </c>
    </row>
    <row r="7349" spans="1:9">
      <c r="A7349" s="1">
        <f ca="1">RAND()</f>
        <v>0.14332142649174162</v>
      </c>
      <c r="B7349" s="1"/>
      <c r="C7349">
        <v>9</v>
      </c>
      <c r="D7349" t="s">
        <v>12785</v>
      </c>
      <c r="E7349" t="s">
        <v>32812</v>
      </c>
      <c r="F7349">
        <v>5</v>
      </c>
      <c r="G7349" t="s">
        <v>14</v>
      </c>
      <c r="H7349" t="s">
        <v>12786</v>
      </c>
      <c r="I7349" t="s">
        <v>30540</v>
      </c>
    </row>
    <row r="7350" spans="1:9">
      <c r="A7350" s="1">
        <f ca="1">RAND()</f>
        <v>0.7777522617444742</v>
      </c>
      <c r="B7350" s="1"/>
      <c r="C7350">
        <v>16</v>
      </c>
      <c r="D7350" t="s">
        <v>12789</v>
      </c>
      <c r="E7350" t="s">
        <v>32812</v>
      </c>
      <c r="F7350">
        <v>4</v>
      </c>
      <c r="G7350" t="s">
        <v>14</v>
      </c>
      <c r="H7350" t="s">
        <v>12790</v>
      </c>
      <c r="I7350" t="s">
        <v>30540</v>
      </c>
    </row>
    <row r="7351" spans="1:9">
      <c r="A7351" s="1">
        <f ca="1">RAND()</f>
        <v>0.63809773298777239</v>
      </c>
      <c r="B7351" s="1"/>
      <c r="C7351">
        <v>3</v>
      </c>
      <c r="D7351" t="s">
        <v>12783</v>
      </c>
      <c r="E7351" t="s">
        <v>32812</v>
      </c>
      <c r="F7351">
        <v>4</v>
      </c>
      <c r="G7351" t="s">
        <v>15</v>
      </c>
      <c r="H7351" t="s">
        <v>12784</v>
      </c>
      <c r="I7351" t="s">
        <v>30540</v>
      </c>
    </row>
    <row r="7352" spans="1:9">
      <c r="A7352" s="1">
        <f ca="1">RAND()</f>
        <v>0.81291396698903939</v>
      </c>
      <c r="B7352" s="1"/>
      <c r="C7352">
        <v>1</v>
      </c>
      <c r="D7352" t="s">
        <v>12781</v>
      </c>
      <c r="E7352" t="s">
        <v>32812</v>
      </c>
      <c r="F7352">
        <v>3</v>
      </c>
      <c r="G7352" t="s">
        <v>10</v>
      </c>
      <c r="H7352" t="s">
        <v>12782</v>
      </c>
      <c r="I7352" t="s">
        <v>30540</v>
      </c>
    </row>
    <row r="7353" spans="1:9">
      <c r="A7353" s="1">
        <f ca="1">RAND()</f>
        <v>0.91930740604925898</v>
      </c>
      <c r="B7353" s="1"/>
      <c r="C7353">
        <v>14</v>
      </c>
      <c r="D7353" t="s">
        <v>12787</v>
      </c>
      <c r="E7353" t="s">
        <v>32812</v>
      </c>
      <c r="F7353">
        <v>2</v>
      </c>
      <c r="G7353" t="s">
        <v>13</v>
      </c>
      <c r="H7353" t="s">
        <v>12788</v>
      </c>
      <c r="I7353" t="s">
        <v>30540</v>
      </c>
    </row>
    <row r="7354" spans="1:9">
      <c r="A7354" s="1">
        <f ca="1">RAND()</f>
        <v>0.66372552779408522</v>
      </c>
      <c r="B7354" s="1"/>
      <c r="C7354">
        <v>12</v>
      </c>
      <c r="D7354" t="s">
        <v>12777</v>
      </c>
      <c r="E7354" t="s">
        <v>32813</v>
      </c>
      <c r="F7354">
        <v>4</v>
      </c>
      <c r="G7354" t="s">
        <v>0</v>
      </c>
      <c r="H7354" t="s">
        <v>12778</v>
      </c>
      <c r="I7354" t="s">
        <v>30540</v>
      </c>
    </row>
    <row r="7355" spans="1:9">
      <c r="A7355" s="1">
        <f ca="1">RAND()</f>
        <v>0.78514038956485999</v>
      </c>
      <c r="B7355" s="1"/>
      <c r="C7355">
        <v>9</v>
      </c>
      <c r="D7355" t="s">
        <v>12775</v>
      </c>
      <c r="E7355" t="s">
        <v>32813</v>
      </c>
      <c r="F7355">
        <v>4</v>
      </c>
      <c r="G7355" t="s">
        <v>14</v>
      </c>
      <c r="H7355" t="s">
        <v>12776</v>
      </c>
      <c r="I7355" t="s">
        <v>30540</v>
      </c>
    </row>
    <row r="7356" spans="1:9">
      <c r="A7356" s="1">
        <f ca="1">RAND()</f>
        <v>4.9136923259333498E-2</v>
      </c>
      <c r="B7356" s="1"/>
      <c r="C7356">
        <v>13</v>
      </c>
      <c r="D7356" t="s">
        <v>12779</v>
      </c>
      <c r="E7356" t="s">
        <v>32813</v>
      </c>
      <c r="F7356">
        <v>2</v>
      </c>
      <c r="G7356" t="s">
        <v>14</v>
      </c>
      <c r="H7356" t="s">
        <v>12780</v>
      </c>
      <c r="I7356" t="s">
        <v>30540</v>
      </c>
    </row>
    <row r="7357" spans="1:9">
      <c r="A7357" s="1">
        <f ca="1">RAND()</f>
        <v>0.17971575303858767</v>
      </c>
      <c r="B7357" s="1"/>
      <c r="C7357">
        <v>6</v>
      </c>
      <c r="D7357" t="s">
        <v>12773</v>
      </c>
      <c r="E7357" t="s">
        <v>32813</v>
      </c>
      <c r="F7357">
        <v>1</v>
      </c>
      <c r="G7357" t="s">
        <v>0</v>
      </c>
      <c r="H7357" t="s">
        <v>12774</v>
      </c>
      <c r="I7357" t="s">
        <v>30540</v>
      </c>
    </row>
    <row r="7358" spans="1:9">
      <c r="A7358" s="1">
        <f ca="1">RAND()</f>
        <v>0.93923929774370607</v>
      </c>
      <c r="B7358" s="1"/>
      <c r="C7358">
        <v>8</v>
      </c>
      <c r="D7358" t="s">
        <v>12767</v>
      </c>
      <c r="E7358" t="s">
        <v>32814</v>
      </c>
      <c r="F7358">
        <v>5</v>
      </c>
      <c r="G7358" t="s">
        <v>14</v>
      </c>
      <c r="H7358" t="s">
        <v>12768</v>
      </c>
      <c r="I7358" t="s">
        <v>30540</v>
      </c>
    </row>
    <row r="7359" spans="1:9">
      <c r="A7359" s="1">
        <f ca="1">RAND()</f>
        <v>0.93043415642299121</v>
      </c>
      <c r="B7359" s="1"/>
      <c r="C7359">
        <v>6</v>
      </c>
      <c r="D7359" t="s">
        <v>12765</v>
      </c>
      <c r="E7359" t="s">
        <v>32814</v>
      </c>
      <c r="F7359">
        <v>5</v>
      </c>
      <c r="G7359" t="s">
        <v>14</v>
      </c>
      <c r="H7359" t="s">
        <v>12766</v>
      </c>
      <c r="I7359" t="s">
        <v>30540</v>
      </c>
    </row>
    <row r="7360" spans="1:9">
      <c r="A7360" s="1">
        <f ca="1">RAND()</f>
        <v>0.80669190343674546</v>
      </c>
      <c r="B7360" s="1"/>
      <c r="C7360">
        <v>12</v>
      </c>
      <c r="D7360" t="s">
        <v>12769</v>
      </c>
      <c r="E7360" t="s">
        <v>32814</v>
      </c>
      <c r="F7360">
        <v>5</v>
      </c>
      <c r="G7360" t="s">
        <v>14</v>
      </c>
      <c r="H7360" t="s">
        <v>12770</v>
      </c>
      <c r="I7360" t="s">
        <v>30540</v>
      </c>
    </row>
    <row r="7361" spans="1:9">
      <c r="A7361" s="1">
        <f ca="1">RAND()</f>
        <v>0.17605919216552701</v>
      </c>
      <c r="B7361" s="1"/>
      <c r="C7361">
        <v>16</v>
      </c>
      <c r="D7361" t="s">
        <v>12771</v>
      </c>
      <c r="E7361" t="s">
        <v>32814</v>
      </c>
      <c r="F7361">
        <v>5</v>
      </c>
      <c r="G7361" t="s">
        <v>14</v>
      </c>
      <c r="H7361" t="s">
        <v>12772</v>
      </c>
      <c r="I7361" t="s">
        <v>30540</v>
      </c>
    </row>
    <row r="7362" spans="1:9">
      <c r="A7362" s="1">
        <f ca="1">RAND()</f>
        <v>0.78563427458540991</v>
      </c>
      <c r="B7362" s="1"/>
      <c r="C7362">
        <v>3</v>
      </c>
      <c r="D7362" t="s">
        <v>12759</v>
      </c>
      <c r="E7362" t="s">
        <v>32815</v>
      </c>
      <c r="F7362">
        <v>4</v>
      </c>
      <c r="G7362" t="s">
        <v>14</v>
      </c>
      <c r="H7362" t="s">
        <v>12760</v>
      </c>
      <c r="I7362" t="s">
        <v>30540</v>
      </c>
    </row>
    <row r="7363" spans="1:9">
      <c r="A7363" s="1">
        <f ca="1">RAND()</f>
        <v>0.87973192335010308</v>
      </c>
      <c r="B7363" s="1"/>
      <c r="C7363">
        <v>7</v>
      </c>
      <c r="D7363" t="s">
        <v>12761</v>
      </c>
      <c r="E7363" t="s">
        <v>32815</v>
      </c>
      <c r="F7363">
        <v>3</v>
      </c>
      <c r="G7363" t="s">
        <v>2</v>
      </c>
      <c r="H7363" t="s">
        <v>12762</v>
      </c>
      <c r="I7363" t="s">
        <v>30540</v>
      </c>
    </row>
    <row r="7364" spans="1:9">
      <c r="A7364" s="1">
        <f ca="1">RAND()</f>
        <v>0.64601594975057075</v>
      </c>
      <c r="B7364" s="1"/>
      <c r="C7364">
        <v>12</v>
      </c>
      <c r="D7364" t="s">
        <v>12763</v>
      </c>
      <c r="E7364" t="s">
        <v>32815</v>
      </c>
      <c r="F7364">
        <v>2</v>
      </c>
      <c r="G7364" t="s">
        <v>14</v>
      </c>
      <c r="H7364" t="s">
        <v>12764</v>
      </c>
      <c r="I7364" t="s">
        <v>30540</v>
      </c>
    </row>
    <row r="7365" spans="1:9">
      <c r="A7365" s="1">
        <f ca="1">RAND()</f>
        <v>0.41510369416512793</v>
      </c>
      <c r="B7365" s="1"/>
      <c r="C7365">
        <v>1</v>
      </c>
      <c r="D7365" t="s">
        <v>12745</v>
      </c>
      <c r="E7365" t="s">
        <v>32816</v>
      </c>
      <c r="F7365">
        <v>5</v>
      </c>
      <c r="G7365" t="s">
        <v>1431</v>
      </c>
      <c r="H7365" t="s">
        <v>12746</v>
      </c>
      <c r="I7365" t="s">
        <v>30540</v>
      </c>
    </row>
    <row r="7366" spans="1:9">
      <c r="A7366" s="1">
        <f ca="1">RAND()</f>
        <v>0.43028552036245227</v>
      </c>
      <c r="B7366" s="1"/>
      <c r="C7366">
        <v>3</v>
      </c>
      <c r="D7366" t="s">
        <v>12747</v>
      </c>
      <c r="E7366" t="s">
        <v>32816</v>
      </c>
      <c r="F7366">
        <v>4</v>
      </c>
      <c r="G7366" t="s">
        <v>1431</v>
      </c>
      <c r="H7366" t="s">
        <v>12748</v>
      </c>
      <c r="I7366" t="s">
        <v>30540</v>
      </c>
    </row>
    <row r="7367" spans="1:9">
      <c r="A7367" s="1">
        <f ca="1">RAND()</f>
        <v>0.68418603583321869</v>
      </c>
      <c r="B7367" s="1"/>
      <c r="C7367">
        <v>10</v>
      </c>
      <c r="D7367" t="s">
        <v>12751</v>
      </c>
      <c r="E7367" t="s">
        <v>32816</v>
      </c>
      <c r="F7367">
        <v>4</v>
      </c>
      <c r="G7367" t="s">
        <v>10</v>
      </c>
      <c r="H7367" t="s">
        <v>12752</v>
      </c>
      <c r="I7367" t="s">
        <v>30540</v>
      </c>
    </row>
    <row r="7368" spans="1:9">
      <c r="A7368" s="1">
        <f ca="1">RAND()</f>
        <v>0.31981658736344409</v>
      </c>
      <c r="B7368" s="1"/>
      <c r="C7368">
        <v>16</v>
      </c>
      <c r="D7368" t="s">
        <v>12757</v>
      </c>
      <c r="E7368" t="s">
        <v>32816</v>
      </c>
      <c r="F7368">
        <v>4</v>
      </c>
      <c r="G7368" t="s">
        <v>775</v>
      </c>
      <c r="H7368" t="s">
        <v>12758</v>
      </c>
      <c r="I7368" t="s">
        <v>30540</v>
      </c>
    </row>
    <row r="7369" spans="1:9">
      <c r="A7369" s="1">
        <f ca="1">RAND()</f>
        <v>0.71313983496444744</v>
      </c>
      <c r="B7369" s="1"/>
      <c r="C7369">
        <v>5</v>
      </c>
      <c r="D7369" t="s">
        <v>12749</v>
      </c>
      <c r="E7369" t="s">
        <v>32816</v>
      </c>
      <c r="F7369">
        <v>4</v>
      </c>
      <c r="G7369" t="s">
        <v>775</v>
      </c>
      <c r="H7369" t="s">
        <v>12750</v>
      </c>
      <c r="I7369" t="s">
        <v>30540</v>
      </c>
    </row>
    <row r="7370" spans="1:9">
      <c r="A7370" s="1">
        <f ca="1">RAND()</f>
        <v>0.78275826349820554</v>
      </c>
      <c r="B7370" s="1"/>
      <c r="C7370">
        <v>15</v>
      </c>
      <c r="D7370" t="s">
        <v>12755</v>
      </c>
      <c r="E7370" t="s">
        <v>32816</v>
      </c>
      <c r="F7370">
        <v>4</v>
      </c>
      <c r="G7370" t="s">
        <v>14</v>
      </c>
      <c r="H7370" t="s">
        <v>12756</v>
      </c>
      <c r="I7370" t="s">
        <v>30540</v>
      </c>
    </row>
    <row r="7371" spans="1:9">
      <c r="A7371" s="1">
        <f ca="1">RAND()</f>
        <v>0.16984235379147417</v>
      </c>
      <c r="B7371" s="1"/>
      <c r="C7371">
        <v>13</v>
      </c>
      <c r="D7371" t="s">
        <v>12753</v>
      </c>
      <c r="E7371" t="s">
        <v>32816</v>
      </c>
      <c r="F7371">
        <v>2</v>
      </c>
      <c r="G7371" t="s">
        <v>2</v>
      </c>
      <c r="H7371" t="s">
        <v>12754</v>
      </c>
      <c r="I7371" t="s">
        <v>30540</v>
      </c>
    </row>
    <row r="7372" spans="1:9">
      <c r="A7372" s="1">
        <f ca="1">RAND()</f>
        <v>5.503637157221164E-2</v>
      </c>
      <c r="B7372" s="1"/>
      <c r="C7372">
        <v>6</v>
      </c>
      <c r="D7372" t="s">
        <v>12737</v>
      </c>
      <c r="E7372" t="s">
        <v>32817</v>
      </c>
      <c r="F7372">
        <v>5</v>
      </c>
      <c r="G7372" t="s">
        <v>0</v>
      </c>
      <c r="H7372" t="s">
        <v>12738</v>
      </c>
      <c r="I7372" t="s">
        <v>30540</v>
      </c>
    </row>
    <row r="7373" spans="1:9">
      <c r="A7373" s="1">
        <f ca="1">RAND()</f>
        <v>0.41400416161742626</v>
      </c>
      <c r="B7373" s="1"/>
      <c r="C7373">
        <v>11</v>
      </c>
      <c r="D7373" t="s">
        <v>12739</v>
      </c>
      <c r="E7373" t="s">
        <v>32817</v>
      </c>
      <c r="F7373">
        <v>5</v>
      </c>
      <c r="G7373" t="s">
        <v>14</v>
      </c>
      <c r="H7373" t="s">
        <v>12740</v>
      </c>
      <c r="I7373" t="s">
        <v>30540</v>
      </c>
    </row>
    <row r="7374" spans="1:9">
      <c r="A7374" s="1">
        <f ca="1">RAND()</f>
        <v>0.86568476303263453</v>
      </c>
      <c r="B7374" s="1"/>
      <c r="C7374">
        <v>16</v>
      </c>
      <c r="D7374" t="s">
        <v>12743</v>
      </c>
      <c r="E7374" t="s">
        <v>32817</v>
      </c>
      <c r="F7374">
        <v>4</v>
      </c>
      <c r="G7374" t="s">
        <v>15</v>
      </c>
      <c r="H7374" t="s">
        <v>12744</v>
      </c>
      <c r="I7374" t="s">
        <v>30540</v>
      </c>
    </row>
    <row r="7375" spans="1:9">
      <c r="A7375" s="1">
        <f ca="1">RAND()</f>
        <v>0.52943836739860717</v>
      </c>
      <c r="B7375" s="1"/>
      <c r="C7375">
        <v>14</v>
      </c>
      <c r="D7375" t="s">
        <v>12741</v>
      </c>
      <c r="E7375" t="s">
        <v>32817</v>
      </c>
      <c r="F7375">
        <v>4</v>
      </c>
      <c r="G7375" t="s">
        <v>9</v>
      </c>
      <c r="H7375" t="s">
        <v>12742</v>
      </c>
      <c r="I7375" t="s">
        <v>30540</v>
      </c>
    </row>
    <row r="7376" spans="1:9">
      <c r="A7376" s="1">
        <f ca="1">RAND()</f>
        <v>6.4443900730106307E-2</v>
      </c>
      <c r="B7376" s="1"/>
      <c r="C7376">
        <v>13</v>
      </c>
      <c r="D7376" t="s">
        <v>12733</v>
      </c>
      <c r="E7376" t="s">
        <v>32818</v>
      </c>
      <c r="F7376">
        <v>4</v>
      </c>
      <c r="G7376" t="s">
        <v>0</v>
      </c>
      <c r="H7376" t="s">
        <v>12734</v>
      </c>
      <c r="I7376" t="s">
        <v>30540</v>
      </c>
    </row>
    <row r="7377" spans="1:9">
      <c r="A7377" s="1">
        <f ca="1">RAND()</f>
        <v>0.73278069085356301</v>
      </c>
      <c r="B7377" s="1"/>
      <c r="C7377">
        <v>14</v>
      </c>
      <c r="D7377" t="s">
        <v>12735</v>
      </c>
      <c r="E7377" t="s">
        <v>32818</v>
      </c>
      <c r="F7377">
        <v>4</v>
      </c>
      <c r="G7377" t="s">
        <v>14</v>
      </c>
      <c r="H7377" t="s">
        <v>12736</v>
      </c>
      <c r="I7377" t="s">
        <v>30540</v>
      </c>
    </row>
    <row r="7378" spans="1:9">
      <c r="A7378" s="1">
        <f ca="1">RAND()</f>
        <v>0.91826644615085851</v>
      </c>
      <c r="B7378" s="1"/>
      <c r="C7378">
        <v>1</v>
      </c>
      <c r="D7378" t="s">
        <v>12731</v>
      </c>
      <c r="E7378" t="s">
        <v>32818</v>
      </c>
      <c r="F7378">
        <v>4</v>
      </c>
      <c r="G7378" t="s">
        <v>10</v>
      </c>
      <c r="H7378" t="s">
        <v>12732</v>
      </c>
      <c r="I7378" t="s">
        <v>30540</v>
      </c>
    </row>
    <row r="7379" spans="1:9">
      <c r="A7379" s="1">
        <f ca="1">RAND()</f>
        <v>0.69926187074978297</v>
      </c>
      <c r="B7379" s="1"/>
      <c r="C7379">
        <v>1</v>
      </c>
      <c r="D7379" t="s">
        <v>12719</v>
      </c>
      <c r="E7379" t="s">
        <v>32819</v>
      </c>
      <c r="F7379">
        <v>4</v>
      </c>
      <c r="G7379" t="s">
        <v>13</v>
      </c>
      <c r="H7379" t="s">
        <v>12720</v>
      </c>
      <c r="I7379" t="s">
        <v>30540</v>
      </c>
    </row>
    <row r="7380" spans="1:9">
      <c r="A7380" s="1">
        <f ca="1">RAND()</f>
        <v>0.93866569527297405</v>
      </c>
      <c r="B7380" s="1"/>
      <c r="C7380">
        <v>7</v>
      </c>
      <c r="D7380" t="s">
        <v>12723</v>
      </c>
      <c r="E7380" t="s">
        <v>32819</v>
      </c>
      <c r="F7380">
        <v>4</v>
      </c>
      <c r="G7380" t="s">
        <v>14</v>
      </c>
      <c r="H7380" t="s">
        <v>12724</v>
      </c>
      <c r="I7380" t="s">
        <v>30540</v>
      </c>
    </row>
    <row r="7381" spans="1:9">
      <c r="A7381" s="1">
        <f ca="1">RAND()</f>
        <v>0.21266055938163464</v>
      </c>
      <c r="B7381" s="1"/>
      <c r="C7381">
        <v>10</v>
      </c>
      <c r="D7381" t="s">
        <v>12727</v>
      </c>
      <c r="E7381" t="s">
        <v>32819</v>
      </c>
      <c r="F7381">
        <v>4</v>
      </c>
      <c r="G7381" t="s">
        <v>14</v>
      </c>
      <c r="H7381" t="s">
        <v>12728</v>
      </c>
      <c r="I7381" t="s">
        <v>30540</v>
      </c>
    </row>
    <row r="7382" spans="1:9">
      <c r="A7382" s="1">
        <f ca="1">RAND()</f>
        <v>0.11753108468535045</v>
      </c>
      <c r="B7382" s="1"/>
      <c r="C7382">
        <v>8</v>
      </c>
      <c r="D7382" t="s">
        <v>12725</v>
      </c>
      <c r="E7382" t="s">
        <v>32819</v>
      </c>
      <c r="F7382">
        <v>4</v>
      </c>
      <c r="G7382" t="s">
        <v>14</v>
      </c>
      <c r="H7382" t="s">
        <v>12726</v>
      </c>
      <c r="I7382" t="s">
        <v>30540</v>
      </c>
    </row>
    <row r="7383" spans="1:9">
      <c r="A7383" s="1">
        <f ca="1">RAND()</f>
        <v>0.53008016035509897</v>
      </c>
      <c r="B7383" s="1"/>
      <c r="C7383">
        <v>12</v>
      </c>
      <c r="D7383" t="s">
        <v>12729</v>
      </c>
      <c r="E7383" t="s">
        <v>32819</v>
      </c>
      <c r="F7383">
        <v>4</v>
      </c>
      <c r="G7383" t="s">
        <v>14</v>
      </c>
      <c r="H7383" t="s">
        <v>12730</v>
      </c>
      <c r="I7383" t="s">
        <v>30540</v>
      </c>
    </row>
    <row r="7384" spans="1:9">
      <c r="A7384" s="1">
        <f ca="1">RAND()</f>
        <v>0.13214854964121148</v>
      </c>
      <c r="B7384" s="1"/>
      <c r="C7384">
        <v>2</v>
      </c>
      <c r="D7384" t="s">
        <v>12721</v>
      </c>
      <c r="E7384" t="s">
        <v>32819</v>
      </c>
      <c r="F7384">
        <v>3</v>
      </c>
      <c r="G7384" t="s">
        <v>10</v>
      </c>
      <c r="H7384" t="s">
        <v>12722</v>
      </c>
      <c r="I7384" t="s">
        <v>30540</v>
      </c>
    </row>
    <row r="7385" spans="1:9">
      <c r="A7385" s="1">
        <f ca="1">RAND()</f>
        <v>0.65390130241663558</v>
      </c>
      <c r="B7385" s="1"/>
      <c r="C7385">
        <v>12</v>
      </c>
      <c r="D7385" t="s">
        <v>12715</v>
      </c>
      <c r="E7385" t="s">
        <v>32820</v>
      </c>
      <c r="F7385">
        <v>5</v>
      </c>
      <c r="G7385" t="s">
        <v>15</v>
      </c>
      <c r="H7385" t="s">
        <v>12716</v>
      </c>
      <c r="I7385" t="s">
        <v>30540</v>
      </c>
    </row>
    <row r="7386" spans="1:9">
      <c r="A7386" s="1">
        <f ca="1">RAND()</f>
        <v>0.23249016148983936</v>
      </c>
      <c r="B7386" s="1"/>
      <c r="C7386">
        <v>6</v>
      </c>
      <c r="D7386" t="s">
        <v>12711</v>
      </c>
      <c r="E7386" t="s">
        <v>32820</v>
      </c>
      <c r="F7386">
        <v>5</v>
      </c>
      <c r="G7386" t="s">
        <v>10</v>
      </c>
      <c r="H7386" t="s">
        <v>12712</v>
      </c>
      <c r="I7386" t="s">
        <v>30540</v>
      </c>
    </row>
    <row r="7387" spans="1:9">
      <c r="A7387" s="1">
        <f ca="1">RAND()</f>
        <v>0.55948452776312985</v>
      </c>
      <c r="B7387" s="1"/>
      <c r="C7387">
        <v>13</v>
      </c>
      <c r="D7387" t="s">
        <v>12717</v>
      </c>
      <c r="E7387" t="s">
        <v>32820</v>
      </c>
      <c r="F7387">
        <v>4</v>
      </c>
      <c r="G7387" t="s">
        <v>10</v>
      </c>
      <c r="H7387" t="s">
        <v>12718</v>
      </c>
      <c r="I7387" t="s">
        <v>30540</v>
      </c>
    </row>
    <row r="7388" spans="1:9">
      <c r="A7388" s="1">
        <f ca="1">RAND()</f>
        <v>0.95512365249097286</v>
      </c>
      <c r="B7388" s="1"/>
      <c r="C7388">
        <v>3</v>
      </c>
      <c r="D7388" t="s">
        <v>12709</v>
      </c>
      <c r="E7388" t="s">
        <v>32820</v>
      </c>
      <c r="F7388">
        <v>4</v>
      </c>
      <c r="G7388" t="s">
        <v>10</v>
      </c>
      <c r="H7388" t="s">
        <v>12710</v>
      </c>
      <c r="I7388" t="s">
        <v>30540</v>
      </c>
    </row>
    <row r="7389" spans="1:9">
      <c r="A7389" s="1">
        <f ca="1">RAND()</f>
        <v>0.71929513552610713</v>
      </c>
      <c r="B7389" s="1"/>
      <c r="C7389">
        <v>9</v>
      </c>
      <c r="D7389" t="s">
        <v>12713</v>
      </c>
      <c r="E7389" t="s">
        <v>32820</v>
      </c>
      <c r="F7389">
        <v>3</v>
      </c>
      <c r="G7389" t="s">
        <v>10</v>
      </c>
      <c r="H7389" t="s">
        <v>12714</v>
      </c>
      <c r="I7389" t="s">
        <v>30540</v>
      </c>
    </row>
    <row r="7390" spans="1:9">
      <c r="A7390" s="1">
        <f ca="1">RAND()</f>
        <v>1.8395480064412939E-2</v>
      </c>
      <c r="B7390" s="1"/>
      <c r="C7390">
        <v>8</v>
      </c>
      <c r="D7390" t="s">
        <v>12703</v>
      </c>
      <c r="E7390" t="s">
        <v>32821</v>
      </c>
      <c r="F7390">
        <v>4</v>
      </c>
      <c r="G7390" t="s">
        <v>0</v>
      </c>
      <c r="H7390" t="s">
        <v>12704</v>
      </c>
      <c r="I7390" t="s">
        <v>30540</v>
      </c>
    </row>
    <row r="7391" spans="1:9">
      <c r="A7391" s="1">
        <f ca="1">RAND()</f>
        <v>0.52327822759136389</v>
      </c>
      <c r="B7391" s="1"/>
      <c r="C7391">
        <v>19</v>
      </c>
      <c r="D7391" t="s">
        <v>12707</v>
      </c>
      <c r="E7391" t="s">
        <v>32821</v>
      </c>
      <c r="F7391">
        <v>4</v>
      </c>
      <c r="G7391" t="s">
        <v>14</v>
      </c>
      <c r="H7391" t="s">
        <v>12708</v>
      </c>
      <c r="I7391" t="s">
        <v>30540</v>
      </c>
    </row>
    <row r="7392" spans="1:9">
      <c r="A7392" s="1">
        <f ca="1">RAND()</f>
        <v>0.38648772818642985</v>
      </c>
      <c r="B7392" s="1"/>
      <c r="C7392">
        <v>15</v>
      </c>
      <c r="D7392" t="s">
        <v>12705</v>
      </c>
      <c r="E7392" t="s">
        <v>32821</v>
      </c>
      <c r="F7392">
        <v>3</v>
      </c>
      <c r="G7392" t="s">
        <v>766</v>
      </c>
      <c r="H7392" t="s">
        <v>12706</v>
      </c>
      <c r="I7392" t="s">
        <v>30540</v>
      </c>
    </row>
    <row r="7393" spans="1:9">
      <c r="A7393" s="1">
        <f ca="1">RAND()</f>
        <v>0.97921688944123342</v>
      </c>
      <c r="B7393" s="1"/>
      <c r="C7393">
        <v>6</v>
      </c>
      <c r="D7393" t="s">
        <v>12701</v>
      </c>
      <c r="E7393" t="s">
        <v>32822</v>
      </c>
      <c r="F7393">
        <v>4</v>
      </c>
      <c r="G7393" t="s">
        <v>9</v>
      </c>
      <c r="H7393" t="s">
        <v>12702</v>
      </c>
      <c r="I7393" t="s">
        <v>30540</v>
      </c>
    </row>
    <row r="7394" spans="1:9">
      <c r="A7394" s="1">
        <f ca="1">RAND()</f>
        <v>0.2389858250147866</v>
      </c>
      <c r="B7394" s="1"/>
      <c r="C7394">
        <v>4</v>
      </c>
      <c r="D7394" t="s">
        <v>12693</v>
      </c>
      <c r="E7394" t="s">
        <v>32823</v>
      </c>
      <c r="F7394">
        <v>4</v>
      </c>
      <c r="G7394" t="s">
        <v>14</v>
      </c>
      <c r="H7394" t="s">
        <v>12694</v>
      </c>
      <c r="I7394" t="s">
        <v>30540</v>
      </c>
    </row>
    <row r="7395" spans="1:9">
      <c r="A7395" s="1">
        <f ca="1">RAND()</f>
        <v>0.72638029621449618</v>
      </c>
      <c r="B7395" s="1"/>
      <c r="C7395">
        <v>11</v>
      </c>
      <c r="D7395" t="s">
        <v>12699</v>
      </c>
      <c r="E7395" t="s">
        <v>32823</v>
      </c>
      <c r="F7395">
        <v>4</v>
      </c>
      <c r="G7395" t="s">
        <v>14</v>
      </c>
      <c r="H7395" t="s">
        <v>12700</v>
      </c>
      <c r="I7395" t="s">
        <v>30540</v>
      </c>
    </row>
    <row r="7396" spans="1:9">
      <c r="A7396" s="1">
        <f ca="1">RAND()</f>
        <v>9.1537950163200432E-2</v>
      </c>
      <c r="B7396" s="1"/>
      <c r="C7396">
        <v>5</v>
      </c>
      <c r="D7396" t="s">
        <v>12695</v>
      </c>
      <c r="E7396" t="s">
        <v>32823</v>
      </c>
      <c r="F7396">
        <v>4</v>
      </c>
      <c r="G7396" t="s">
        <v>14</v>
      </c>
      <c r="H7396" t="s">
        <v>12696</v>
      </c>
      <c r="I7396" t="s">
        <v>30540</v>
      </c>
    </row>
    <row r="7397" spans="1:9">
      <c r="A7397" s="1">
        <f ca="1">RAND()</f>
        <v>0.45584704869952752</v>
      </c>
      <c r="B7397" s="1"/>
      <c r="C7397">
        <v>8</v>
      </c>
      <c r="D7397" t="s">
        <v>12697</v>
      </c>
      <c r="E7397" t="s">
        <v>32823</v>
      </c>
      <c r="F7397">
        <v>4</v>
      </c>
      <c r="G7397" t="s">
        <v>9</v>
      </c>
      <c r="H7397" t="s">
        <v>12698</v>
      </c>
      <c r="I7397" t="s">
        <v>30540</v>
      </c>
    </row>
    <row r="7398" spans="1:9">
      <c r="A7398" s="1">
        <f ca="1">RAND()</f>
        <v>0.55372147560472351</v>
      </c>
      <c r="B7398" s="1"/>
      <c r="C7398">
        <v>14</v>
      </c>
      <c r="D7398" t="s">
        <v>12691</v>
      </c>
      <c r="E7398" t="s">
        <v>32824</v>
      </c>
      <c r="F7398">
        <v>4</v>
      </c>
      <c r="G7398" t="s">
        <v>14</v>
      </c>
      <c r="H7398" t="s">
        <v>12692</v>
      </c>
      <c r="I7398" t="s">
        <v>30540</v>
      </c>
    </row>
    <row r="7399" spans="1:9">
      <c r="A7399" s="1">
        <f ca="1">RAND()</f>
        <v>0.3340074507238977</v>
      </c>
      <c r="B7399" s="1"/>
      <c r="C7399">
        <v>3</v>
      </c>
      <c r="D7399" t="s">
        <v>12685</v>
      </c>
      <c r="E7399" t="s">
        <v>32824</v>
      </c>
      <c r="F7399">
        <v>4</v>
      </c>
      <c r="G7399" t="s">
        <v>14</v>
      </c>
      <c r="H7399" t="s">
        <v>12686</v>
      </c>
      <c r="I7399" t="s">
        <v>30540</v>
      </c>
    </row>
    <row r="7400" spans="1:9">
      <c r="A7400" s="1">
        <f ca="1">RAND()</f>
        <v>0.88443634710665398</v>
      </c>
      <c r="B7400" s="1"/>
      <c r="C7400">
        <v>5</v>
      </c>
      <c r="D7400" t="s">
        <v>12687</v>
      </c>
      <c r="E7400" t="s">
        <v>32824</v>
      </c>
      <c r="F7400">
        <v>3</v>
      </c>
      <c r="G7400" t="s">
        <v>10</v>
      </c>
      <c r="H7400" t="s">
        <v>12688</v>
      </c>
      <c r="I7400" t="s">
        <v>30540</v>
      </c>
    </row>
    <row r="7401" spans="1:9">
      <c r="A7401" s="1">
        <f ca="1">RAND()</f>
        <v>0.5854711865514407</v>
      </c>
      <c r="B7401" s="1"/>
      <c r="C7401">
        <v>12</v>
      </c>
      <c r="D7401" t="s">
        <v>12689</v>
      </c>
      <c r="E7401" t="s">
        <v>32824</v>
      </c>
      <c r="F7401">
        <v>3</v>
      </c>
      <c r="G7401" t="s">
        <v>14</v>
      </c>
      <c r="H7401" t="s">
        <v>12690</v>
      </c>
      <c r="I7401" t="s">
        <v>30540</v>
      </c>
    </row>
    <row r="7402" spans="1:9">
      <c r="A7402" s="1">
        <f ca="1">RAND()</f>
        <v>0.47799808429125323</v>
      </c>
      <c r="B7402" s="1"/>
      <c r="C7402">
        <v>10</v>
      </c>
      <c r="D7402" t="s">
        <v>12683</v>
      </c>
      <c r="E7402" t="s">
        <v>32825</v>
      </c>
      <c r="F7402">
        <v>4</v>
      </c>
      <c r="G7402" t="s">
        <v>14</v>
      </c>
      <c r="H7402" t="s">
        <v>12684</v>
      </c>
      <c r="I7402" t="s">
        <v>30540</v>
      </c>
    </row>
    <row r="7403" spans="1:9">
      <c r="A7403" s="1">
        <f ca="1">RAND()</f>
        <v>0.87398097178169709</v>
      </c>
      <c r="B7403" s="1"/>
      <c r="C7403">
        <v>2</v>
      </c>
      <c r="D7403" t="s">
        <v>12677</v>
      </c>
      <c r="E7403" t="s">
        <v>32825</v>
      </c>
      <c r="F7403">
        <v>4</v>
      </c>
      <c r="G7403" t="s">
        <v>2</v>
      </c>
      <c r="H7403" t="s">
        <v>12678</v>
      </c>
      <c r="I7403" t="s">
        <v>30540</v>
      </c>
    </row>
    <row r="7404" spans="1:9">
      <c r="A7404" s="1">
        <f ca="1">RAND()</f>
        <v>0.99476525147424655</v>
      </c>
      <c r="B7404" s="1"/>
      <c r="C7404">
        <v>7</v>
      </c>
      <c r="D7404" t="s">
        <v>12681</v>
      </c>
      <c r="E7404" t="s">
        <v>32825</v>
      </c>
      <c r="F7404">
        <v>3</v>
      </c>
      <c r="G7404" t="s">
        <v>14</v>
      </c>
      <c r="H7404" t="s">
        <v>12682</v>
      </c>
      <c r="I7404" t="s">
        <v>30540</v>
      </c>
    </row>
    <row r="7405" spans="1:9">
      <c r="A7405" s="1">
        <f ca="1">RAND()</f>
        <v>9.0792280587360219E-2</v>
      </c>
      <c r="B7405" s="1"/>
      <c r="C7405">
        <v>6</v>
      </c>
      <c r="D7405" t="s">
        <v>12679</v>
      </c>
      <c r="E7405" t="s">
        <v>32825</v>
      </c>
      <c r="F7405">
        <v>2</v>
      </c>
      <c r="G7405" t="s">
        <v>15</v>
      </c>
      <c r="H7405" t="s">
        <v>12680</v>
      </c>
      <c r="I7405" t="s">
        <v>30540</v>
      </c>
    </row>
    <row r="7406" spans="1:9">
      <c r="A7406" s="1">
        <f ca="1">RAND()</f>
        <v>0.31619070211740585</v>
      </c>
      <c r="B7406" s="1"/>
      <c r="C7406">
        <v>11</v>
      </c>
      <c r="D7406" t="s">
        <v>12669</v>
      </c>
      <c r="E7406" t="s">
        <v>32826</v>
      </c>
      <c r="F7406">
        <v>5</v>
      </c>
      <c r="G7406" t="s">
        <v>0</v>
      </c>
      <c r="H7406" t="s">
        <v>12670</v>
      </c>
      <c r="I7406" t="s">
        <v>30540</v>
      </c>
    </row>
    <row r="7407" spans="1:9">
      <c r="A7407" s="1">
        <f ca="1">RAND()</f>
        <v>0.45690922362689979</v>
      </c>
      <c r="B7407" s="1"/>
      <c r="C7407">
        <v>9</v>
      </c>
      <c r="D7407" t="s">
        <v>12665</v>
      </c>
      <c r="E7407" t="s">
        <v>32826</v>
      </c>
      <c r="F7407">
        <v>4</v>
      </c>
      <c r="G7407" t="s">
        <v>762</v>
      </c>
      <c r="H7407" t="s">
        <v>12666</v>
      </c>
      <c r="I7407" t="s">
        <v>30540</v>
      </c>
    </row>
    <row r="7408" spans="1:9">
      <c r="A7408" s="1">
        <f ca="1">RAND()</f>
        <v>0.67904571487249032</v>
      </c>
      <c r="B7408" s="1"/>
      <c r="C7408">
        <v>19</v>
      </c>
      <c r="D7408" t="s">
        <v>12675</v>
      </c>
      <c r="E7408" t="s">
        <v>32826</v>
      </c>
      <c r="F7408">
        <v>4</v>
      </c>
      <c r="G7408" t="s">
        <v>1426</v>
      </c>
      <c r="H7408" t="s">
        <v>12676</v>
      </c>
      <c r="I7408" t="s">
        <v>30540</v>
      </c>
    </row>
    <row r="7409" spans="1:9">
      <c r="A7409" s="1">
        <f ca="1">RAND()</f>
        <v>0.42417643402502969</v>
      </c>
      <c r="B7409" s="1"/>
      <c r="C7409">
        <v>14</v>
      </c>
      <c r="D7409" t="s">
        <v>12671</v>
      </c>
      <c r="E7409" t="s">
        <v>32826</v>
      </c>
      <c r="F7409">
        <v>4</v>
      </c>
      <c r="G7409" t="s">
        <v>14</v>
      </c>
      <c r="H7409" t="s">
        <v>12672</v>
      </c>
      <c r="I7409" t="s">
        <v>30540</v>
      </c>
    </row>
    <row r="7410" spans="1:9">
      <c r="A7410" s="1">
        <f ca="1">RAND()</f>
        <v>0.23897767638571255</v>
      </c>
      <c r="B7410" s="1"/>
      <c r="C7410">
        <v>10</v>
      </c>
      <c r="D7410" t="s">
        <v>12667</v>
      </c>
      <c r="E7410" t="s">
        <v>32826</v>
      </c>
      <c r="F7410">
        <v>4</v>
      </c>
      <c r="G7410" t="s">
        <v>1426</v>
      </c>
      <c r="H7410" t="s">
        <v>12668</v>
      </c>
      <c r="I7410" t="s">
        <v>30540</v>
      </c>
    </row>
    <row r="7411" spans="1:9">
      <c r="A7411" s="1">
        <f ca="1">RAND()</f>
        <v>0.88889385148130506</v>
      </c>
      <c r="B7411" s="1"/>
      <c r="C7411">
        <v>8</v>
      </c>
      <c r="D7411" t="s">
        <v>12663</v>
      </c>
      <c r="E7411" t="s">
        <v>32826</v>
      </c>
      <c r="F7411">
        <v>3</v>
      </c>
      <c r="G7411" t="s">
        <v>3732</v>
      </c>
      <c r="H7411" t="s">
        <v>12664</v>
      </c>
      <c r="I7411" t="s">
        <v>30540</v>
      </c>
    </row>
    <row r="7412" spans="1:9">
      <c r="A7412" s="1">
        <f ca="1">RAND()</f>
        <v>0.3679451746327228</v>
      </c>
      <c r="B7412" s="1"/>
      <c r="C7412">
        <v>16</v>
      </c>
      <c r="D7412" t="s">
        <v>12673</v>
      </c>
      <c r="E7412" t="s">
        <v>32826</v>
      </c>
      <c r="F7412">
        <v>2</v>
      </c>
      <c r="G7412" t="s">
        <v>14</v>
      </c>
      <c r="H7412" t="s">
        <v>12674</v>
      </c>
      <c r="I7412" t="s">
        <v>30540</v>
      </c>
    </row>
    <row r="7413" spans="1:9">
      <c r="A7413" s="1">
        <f ca="1">RAND()</f>
        <v>0.90132205232713769</v>
      </c>
      <c r="B7413" s="1"/>
      <c r="C7413">
        <v>11</v>
      </c>
      <c r="D7413" t="s">
        <v>12661</v>
      </c>
      <c r="E7413" t="s">
        <v>32827</v>
      </c>
      <c r="F7413">
        <v>4</v>
      </c>
      <c r="G7413" t="s">
        <v>14</v>
      </c>
      <c r="H7413" t="s">
        <v>12662</v>
      </c>
      <c r="I7413" t="s">
        <v>30540</v>
      </c>
    </row>
    <row r="7414" spans="1:9">
      <c r="A7414" s="1">
        <f ca="1">RAND()</f>
        <v>0.51520267219460869</v>
      </c>
      <c r="B7414" s="1"/>
      <c r="C7414">
        <v>11</v>
      </c>
      <c r="D7414" t="s">
        <v>12655</v>
      </c>
      <c r="E7414" t="s">
        <v>32828</v>
      </c>
      <c r="F7414">
        <v>5</v>
      </c>
      <c r="G7414" t="s">
        <v>14</v>
      </c>
      <c r="H7414" t="s">
        <v>12656</v>
      </c>
      <c r="I7414" t="s">
        <v>30540</v>
      </c>
    </row>
    <row r="7415" spans="1:9">
      <c r="A7415" s="1">
        <f ca="1">RAND()</f>
        <v>7.7734674234633205E-2</v>
      </c>
      <c r="B7415" s="1"/>
      <c r="C7415">
        <v>2</v>
      </c>
      <c r="D7415" t="s">
        <v>12651</v>
      </c>
      <c r="E7415" t="s">
        <v>32828</v>
      </c>
      <c r="F7415">
        <v>4</v>
      </c>
      <c r="G7415" t="s">
        <v>2</v>
      </c>
      <c r="H7415" t="s">
        <v>12652</v>
      </c>
      <c r="I7415" t="s">
        <v>30540</v>
      </c>
    </row>
    <row r="7416" spans="1:9">
      <c r="A7416" s="1">
        <f ca="1">RAND()</f>
        <v>0.62444035089602123</v>
      </c>
      <c r="B7416" s="1"/>
      <c r="C7416">
        <v>1</v>
      </c>
      <c r="D7416" t="s">
        <v>12649</v>
      </c>
      <c r="E7416" t="s">
        <v>32828</v>
      </c>
      <c r="F7416">
        <v>4</v>
      </c>
      <c r="G7416" t="s">
        <v>9</v>
      </c>
      <c r="H7416" t="s">
        <v>12650</v>
      </c>
      <c r="I7416" t="s">
        <v>30540</v>
      </c>
    </row>
    <row r="7417" spans="1:9">
      <c r="A7417" s="1">
        <f ca="1">RAND()</f>
        <v>7.1527348043785244E-2</v>
      </c>
      <c r="B7417" s="1"/>
      <c r="C7417">
        <v>13</v>
      </c>
      <c r="D7417" t="s">
        <v>12659</v>
      </c>
      <c r="E7417" t="s">
        <v>32828</v>
      </c>
      <c r="F7417">
        <v>4</v>
      </c>
      <c r="G7417" t="s">
        <v>14</v>
      </c>
      <c r="H7417" t="s">
        <v>12660</v>
      </c>
      <c r="I7417" t="s">
        <v>30540</v>
      </c>
    </row>
    <row r="7418" spans="1:9">
      <c r="A7418" s="1">
        <f ca="1">RAND()</f>
        <v>0.27960835607294665</v>
      </c>
      <c r="B7418" s="1"/>
      <c r="C7418">
        <v>4</v>
      </c>
      <c r="D7418" t="s">
        <v>12653</v>
      </c>
      <c r="E7418" t="s">
        <v>32828</v>
      </c>
      <c r="F7418">
        <v>4</v>
      </c>
      <c r="G7418" t="s">
        <v>15</v>
      </c>
      <c r="H7418" t="s">
        <v>12654</v>
      </c>
      <c r="I7418" t="s">
        <v>30540</v>
      </c>
    </row>
    <row r="7419" spans="1:9">
      <c r="A7419" s="1">
        <f ca="1">RAND()</f>
        <v>0.82062126286343873</v>
      </c>
      <c r="B7419" s="1"/>
      <c r="C7419">
        <v>12</v>
      </c>
      <c r="D7419" t="s">
        <v>12657</v>
      </c>
      <c r="E7419" t="s">
        <v>32828</v>
      </c>
      <c r="F7419">
        <v>2</v>
      </c>
      <c r="G7419" t="s">
        <v>14</v>
      </c>
      <c r="H7419" t="s">
        <v>12658</v>
      </c>
      <c r="I7419" t="s">
        <v>30540</v>
      </c>
    </row>
    <row r="7420" spans="1:9">
      <c r="A7420" s="1">
        <f ca="1">RAND()</f>
        <v>0.97258546161618942</v>
      </c>
      <c r="B7420" s="1"/>
      <c r="C7420">
        <v>12</v>
      </c>
      <c r="D7420" t="s">
        <v>12645</v>
      </c>
      <c r="E7420" t="s">
        <v>32829</v>
      </c>
      <c r="F7420">
        <v>5</v>
      </c>
      <c r="G7420" t="s">
        <v>15</v>
      </c>
      <c r="H7420" t="s">
        <v>12646</v>
      </c>
      <c r="I7420" t="s">
        <v>30540</v>
      </c>
    </row>
    <row r="7421" spans="1:9">
      <c r="A7421" s="1">
        <f ca="1">RAND()</f>
        <v>0.58246390786903701</v>
      </c>
      <c r="B7421" s="1"/>
      <c r="C7421">
        <v>3</v>
      </c>
      <c r="D7421" t="s">
        <v>12641</v>
      </c>
      <c r="E7421" t="s">
        <v>32829</v>
      </c>
      <c r="F7421">
        <v>4</v>
      </c>
      <c r="G7421" t="s">
        <v>14</v>
      </c>
      <c r="H7421" t="s">
        <v>12642</v>
      </c>
      <c r="I7421" t="s">
        <v>30540</v>
      </c>
    </row>
    <row r="7422" spans="1:9">
      <c r="A7422" s="1">
        <f ca="1">RAND()</f>
        <v>0.71593327400794837</v>
      </c>
      <c r="B7422" s="1"/>
      <c r="C7422">
        <v>13</v>
      </c>
      <c r="D7422" t="s">
        <v>12647</v>
      </c>
      <c r="E7422" t="s">
        <v>32829</v>
      </c>
      <c r="F7422">
        <v>4</v>
      </c>
      <c r="G7422" t="s">
        <v>14</v>
      </c>
      <c r="H7422" t="s">
        <v>12648</v>
      </c>
      <c r="I7422" t="s">
        <v>30540</v>
      </c>
    </row>
    <row r="7423" spans="1:9">
      <c r="A7423" s="1">
        <f ca="1">RAND()</f>
        <v>0.87250230979632393</v>
      </c>
      <c r="B7423" s="1"/>
      <c r="C7423">
        <v>10</v>
      </c>
      <c r="D7423" t="s">
        <v>12643</v>
      </c>
      <c r="E7423" t="s">
        <v>32829</v>
      </c>
      <c r="F7423">
        <v>4</v>
      </c>
      <c r="G7423" t="s">
        <v>14</v>
      </c>
      <c r="H7423" t="s">
        <v>12644</v>
      </c>
      <c r="I7423" t="s">
        <v>30540</v>
      </c>
    </row>
    <row r="7424" spans="1:9">
      <c r="A7424" s="1">
        <f ca="1">RAND()</f>
        <v>0.17128005475915364</v>
      </c>
      <c r="B7424" s="1"/>
      <c r="C7424">
        <v>5</v>
      </c>
      <c r="D7424" t="s">
        <v>12635</v>
      </c>
      <c r="E7424" t="s">
        <v>32830</v>
      </c>
      <c r="F7424">
        <v>5</v>
      </c>
      <c r="G7424" t="s">
        <v>13</v>
      </c>
      <c r="H7424" t="s">
        <v>12636</v>
      </c>
      <c r="I7424" t="s">
        <v>30540</v>
      </c>
    </row>
    <row r="7425" spans="1:9">
      <c r="A7425" s="1">
        <f ca="1">RAND()</f>
        <v>0.91288391062764451</v>
      </c>
      <c r="B7425" s="1"/>
      <c r="C7425">
        <v>11</v>
      </c>
      <c r="D7425" t="s">
        <v>12637</v>
      </c>
      <c r="E7425" t="s">
        <v>32830</v>
      </c>
      <c r="F7425">
        <v>4</v>
      </c>
      <c r="G7425" t="s">
        <v>14</v>
      </c>
      <c r="H7425" t="s">
        <v>12638</v>
      </c>
      <c r="I7425" t="s">
        <v>30540</v>
      </c>
    </row>
    <row r="7426" spans="1:9">
      <c r="A7426" s="1">
        <f ca="1">RAND()</f>
        <v>6.0403446989712894E-2</v>
      </c>
      <c r="B7426" s="1"/>
      <c r="C7426">
        <v>12</v>
      </c>
      <c r="D7426" t="s">
        <v>12639</v>
      </c>
      <c r="E7426" t="s">
        <v>32830</v>
      </c>
      <c r="F7426">
        <v>4</v>
      </c>
      <c r="G7426" t="s">
        <v>14</v>
      </c>
      <c r="H7426" t="s">
        <v>12640</v>
      </c>
      <c r="I7426" t="s">
        <v>30540</v>
      </c>
    </row>
    <row r="7427" spans="1:9">
      <c r="A7427" s="1">
        <f ca="1">RAND()</f>
        <v>0.35551527738039013</v>
      </c>
      <c r="B7427" s="1"/>
      <c r="C7427">
        <v>20</v>
      </c>
      <c r="D7427" t="s">
        <v>12633</v>
      </c>
      <c r="E7427" t="s">
        <v>32831</v>
      </c>
      <c r="F7427">
        <v>5</v>
      </c>
      <c r="G7427" t="s">
        <v>14</v>
      </c>
      <c r="H7427" t="s">
        <v>12634</v>
      </c>
      <c r="I7427" t="s">
        <v>30540</v>
      </c>
    </row>
    <row r="7428" spans="1:9">
      <c r="A7428" s="1">
        <f ca="1">RAND()</f>
        <v>0.53563870868020313</v>
      </c>
      <c r="B7428" s="1"/>
      <c r="C7428">
        <v>10</v>
      </c>
      <c r="D7428" t="s">
        <v>12623</v>
      </c>
      <c r="E7428" t="s">
        <v>32831</v>
      </c>
      <c r="F7428">
        <v>5</v>
      </c>
      <c r="G7428" t="s">
        <v>14</v>
      </c>
      <c r="H7428" t="s">
        <v>12624</v>
      </c>
      <c r="I7428" t="s">
        <v>30540</v>
      </c>
    </row>
    <row r="7429" spans="1:9">
      <c r="A7429" s="1">
        <f ca="1">RAND()</f>
        <v>0.3379613367110168</v>
      </c>
      <c r="B7429" s="1"/>
      <c r="C7429">
        <v>4</v>
      </c>
      <c r="D7429" t="s">
        <v>12619</v>
      </c>
      <c r="E7429" t="s">
        <v>32831</v>
      </c>
      <c r="F7429">
        <v>5</v>
      </c>
      <c r="G7429" t="s">
        <v>2</v>
      </c>
      <c r="H7429" t="s">
        <v>12620</v>
      </c>
      <c r="I7429" t="s">
        <v>30540</v>
      </c>
    </row>
    <row r="7430" spans="1:9">
      <c r="A7430" s="1">
        <f ca="1">RAND()</f>
        <v>5.0414670133856587E-2</v>
      </c>
      <c r="B7430" s="1"/>
      <c r="C7430">
        <v>19</v>
      </c>
      <c r="D7430" t="s">
        <v>12631</v>
      </c>
      <c r="E7430" t="s">
        <v>32831</v>
      </c>
      <c r="F7430">
        <v>5</v>
      </c>
      <c r="G7430" t="s">
        <v>14</v>
      </c>
      <c r="H7430" t="s">
        <v>12632</v>
      </c>
      <c r="I7430" t="s">
        <v>30540</v>
      </c>
    </row>
    <row r="7431" spans="1:9">
      <c r="A7431" s="1">
        <f ca="1">RAND()</f>
        <v>0.40020662685074737</v>
      </c>
      <c r="B7431" s="1"/>
      <c r="C7431">
        <v>18</v>
      </c>
      <c r="D7431" t="s">
        <v>12629</v>
      </c>
      <c r="E7431" t="s">
        <v>32831</v>
      </c>
      <c r="F7431">
        <v>4</v>
      </c>
      <c r="G7431" t="s">
        <v>14</v>
      </c>
      <c r="H7431" t="s">
        <v>12630</v>
      </c>
      <c r="I7431" t="s">
        <v>30540</v>
      </c>
    </row>
    <row r="7432" spans="1:9">
      <c r="A7432" s="1">
        <f ca="1">RAND()</f>
        <v>0.196540742069366</v>
      </c>
      <c r="B7432" s="1"/>
      <c r="C7432">
        <v>8</v>
      </c>
      <c r="D7432" t="s">
        <v>12621</v>
      </c>
      <c r="E7432" t="s">
        <v>32831</v>
      </c>
      <c r="F7432">
        <v>4</v>
      </c>
      <c r="G7432" t="s">
        <v>775</v>
      </c>
      <c r="H7432" t="s">
        <v>12622</v>
      </c>
      <c r="I7432" t="s">
        <v>30540</v>
      </c>
    </row>
    <row r="7433" spans="1:9">
      <c r="A7433" s="1">
        <f ca="1">RAND()</f>
        <v>0.18017472829719416</v>
      </c>
      <c r="B7433" s="1"/>
      <c r="C7433">
        <v>15</v>
      </c>
      <c r="D7433" t="s">
        <v>12625</v>
      </c>
      <c r="E7433" t="s">
        <v>32831</v>
      </c>
      <c r="F7433">
        <v>4</v>
      </c>
      <c r="G7433" t="s">
        <v>14</v>
      </c>
      <c r="H7433" t="s">
        <v>12626</v>
      </c>
      <c r="I7433" t="s">
        <v>30540</v>
      </c>
    </row>
    <row r="7434" spans="1:9">
      <c r="A7434" s="1">
        <f ca="1">RAND()</f>
        <v>0.17849864713934416</v>
      </c>
      <c r="B7434" s="1"/>
      <c r="C7434">
        <v>17</v>
      </c>
      <c r="D7434" t="s">
        <v>12627</v>
      </c>
      <c r="E7434" t="s">
        <v>32831</v>
      </c>
      <c r="F7434">
        <v>2</v>
      </c>
      <c r="G7434" t="s">
        <v>13</v>
      </c>
      <c r="H7434" t="s">
        <v>12628</v>
      </c>
      <c r="I7434" t="s">
        <v>30540</v>
      </c>
    </row>
    <row r="7435" spans="1:9">
      <c r="A7435" s="1">
        <f ca="1">RAND()</f>
        <v>0.65972069631504127</v>
      </c>
      <c r="B7435" s="1"/>
      <c r="C7435">
        <v>14</v>
      </c>
      <c r="D7435" t="s">
        <v>12617</v>
      </c>
      <c r="E7435" t="s">
        <v>32832</v>
      </c>
      <c r="F7435">
        <v>5</v>
      </c>
      <c r="G7435" t="s">
        <v>14</v>
      </c>
      <c r="H7435" t="s">
        <v>12618</v>
      </c>
      <c r="I7435" t="s">
        <v>30540</v>
      </c>
    </row>
    <row r="7436" spans="1:9">
      <c r="A7436" s="1">
        <f ca="1">RAND()</f>
        <v>0.68366528143981231</v>
      </c>
      <c r="B7436" s="1"/>
      <c r="C7436">
        <v>3</v>
      </c>
      <c r="D7436" t="s">
        <v>12615</v>
      </c>
      <c r="E7436" t="s">
        <v>32832</v>
      </c>
      <c r="F7436">
        <v>4</v>
      </c>
      <c r="G7436" t="s">
        <v>15</v>
      </c>
      <c r="H7436" t="s">
        <v>12616</v>
      </c>
      <c r="I7436" t="s">
        <v>30540</v>
      </c>
    </row>
    <row r="7437" spans="1:9">
      <c r="A7437" s="1">
        <f ca="1">RAND()</f>
        <v>0.93260106935828213</v>
      </c>
      <c r="B7437" s="1"/>
      <c r="C7437">
        <v>12</v>
      </c>
      <c r="D7437" t="s">
        <v>12613</v>
      </c>
      <c r="E7437" t="s">
        <v>32833</v>
      </c>
      <c r="F7437">
        <v>4</v>
      </c>
      <c r="G7437" t="s">
        <v>14</v>
      </c>
      <c r="H7437" t="s">
        <v>12614</v>
      </c>
      <c r="I7437" t="s">
        <v>30540</v>
      </c>
    </row>
    <row r="7438" spans="1:9">
      <c r="A7438" s="1">
        <f ca="1">RAND()</f>
        <v>0.31246354612612282</v>
      </c>
      <c r="B7438" s="1"/>
      <c r="C7438">
        <v>11</v>
      </c>
      <c r="D7438" t="s">
        <v>12611</v>
      </c>
      <c r="E7438" t="s">
        <v>32833</v>
      </c>
      <c r="F7438">
        <v>4</v>
      </c>
      <c r="G7438" t="s">
        <v>14</v>
      </c>
      <c r="H7438" t="s">
        <v>12612</v>
      </c>
      <c r="I7438" t="s">
        <v>30540</v>
      </c>
    </row>
    <row r="7439" spans="1:9">
      <c r="A7439" s="1">
        <f ca="1">RAND()</f>
        <v>0.13449261075541297</v>
      </c>
      <c r="B7439" s="1"/>
      <c r="C7439">
        <v>4</v>
      </c>
      <c r="D7439" t="s">
        <v>12609</v>
      </c>
      <c r="E7439" t="s">
        <v>32834</v>
      </c>
      <c r="F7439">
        <v>5</v>
      </c>
      <c r="G7439" t="s">
        <v>14</v>
      </c>
      <c r="H7439" t="s">
        <v>12610</v>
      </c>
      <c r="I7439" t="s">
        <v>30540</v>
      </c>
    </row>
    <row r="7440" spans="1:9">
      <c r="A7440" s="1">
        <f ca="1">RAND()</f>
        <v>0.7433630430642888</v>
      </c>
      <c r="B7440" s="1"/>
      <c r="C7440">
        <v>1</v>
      </c>
      <c r="D7440" t="s">
        <v>12607</v>
      </c>
      <c r="E7440" t="s">
        <v>32834</v>
      </c>
      <c r="F7440">
        <v>4</v>
      </c>
      <c r="G7440" t="s">
        <v>9</v>
      </c>
      <c r="H7440" t="s">
        <v>12608</v>
      </c>
      <c r="I7440" t="s">
        <v>30540</v>
      </c>
    </row>
    <row r="7441" spans="1:9">
      <c r="A7441" s="1">
        <f ca="1">RAND()</f>
        <v>9.6474038964460496E-2</v>
      </c>
      <c r="B7441" s="1"/>
      <c r="C7441">
        <v>11</v>
      </c>
      <c r="D7441" t="s">
        <v>12601</v>
      </c>
      <c r="E7441" t="s">
        <v>32835</v>
      </c>
      <c r="F7441">
        <v>5</v>
      </c>
      <c r="G7441" t="s">
        <v>14</v>
      </c>
      <c r="H7441" t="s">
        <v>12602</v>
      </c>
      <c r="I7441" t="s">
        <v>30540</v>
      </c>
    </row>
    <row r="7442" spans="1:9">
      <c r="A7442" s="1">
        <f ca="1">RAND()</f>
        <v>0.22443976916485098</v>
      </c>
      <c r="B7442" s="1"/>
      <c r="C7442">
        <v>13</v>
      </c>
      <c r="D7442" t="s">
        <v>12605</v>
      </c>
      <c r="E7442" t="s">
        <v>32835</v>
      </c>
      <c r="F7442">
        <v>5</v>
      </c>
      <c r="G7442" t="s">
        <v>14</v>
      </c>
      <c r="H7442" t="s">
        <v>12606</v>
      </c>
      <c r="I7442" t="s">
        <v>30540</v>
      </c>
    </row>
    <row r="7443" spans="1:9">
      <c r="A7443" s="1">
        <f ca="1">RAND()</f>
        <v>0.21135581625625333</v>
      </c>
      <c r="B7443" s="1"/>
      <c r="C7443">
        <v>12</v>
      </c>
      <c r="D7443" t="s">
        <v>12603</v>
      </c>
      <c r="E7443" t="s">
        <v>32835</v>
      </c>
      <c r="F7443">
        <v>4</v>
      </c>
      <c r="G7443" t="s">
        <v>14</v>
      </c>
      <c r="H7443" t="s">
        <v>12604</v>
      </c>
      <c r="I7443" t="s">
        <v>30540</v>
      </c>
    </row>
    <row r="7444" spans="1:9">
      <c r="A7444" s="1">
        <f ca="1">RAND()</f>
        <v>0.58652843399375953</v>
      </c>
      <c r="B7444" s="1"/>
      <c r="C7444">
        <v>1</v>
      </c>
      <c r="D7444" t="s">
        <v>12599</v>
      </c>
      <c r="E7444" t="s">
        <v>32835</v>
      </c>
      <c r="F7444">
        <v>4</v>
      </c>
      <c r="G7444" t="s">
        <v>2</v>
      </c>
      <c r="H7444" t="s">
        <v>12600</v>
      </c>
      <c r="I7444" t="s">
        <v>30540</v>
      </c>
    </row>
    <row r="7445" spans="1:9">
      <c r="A7445" s="1">
        <f ca="1">RAND()</f>
        <v>0.86042966645396579</v>
      </c>
      <c r="B7445" s="1"/>
      <c r="C7445">
        <v>13</v>
      </c>
      <c r="D7445" t="s">
        <v>12595</v>
      </c>
      <c r="E7445" t="s">
        <v>32836</v>
      </c>
      <c r="F7445">
        <v>5</v>
      </c>
      <c r="G7445" t="s">
        <v>775</v>
      </c>
      <c r="H7445" t="s">
        <v>12596</v>
      </c>
      <c r="I7445" t="s">
        <v>30540</v>
      </c>
    </row>
    <row r="7446" spans="1:9">
      <c r="A7446" s="1">
        <f ca="1">RAND()</f>
        <v>7.4411626059486924E-2</v>
      </c>
      <c r="B7446" s="1"/>
      <c r="C7446">
        <v>15</v>
      </c>
      <c r="D7446" t="s">
        <v>12597</v>
      </c>
      <c r="E7446" t="s">
        <v>32836</v>
      </c>
      <c r="F7446">
        <v>5</v>
      </c>
      <c r="G7446" t="s">
        <v>14</v>
      </c>
      <c r="H7446" t="s">
        <v>12598</v>
      </c>
      <c r="I7446" t="s">
        <v>30540</v>
      </c>
    </row>
    <row r="7447" spans="1:9">
      <c r="A7447" s="1">
        <f ca="1">RAND()</f>
        <v>0.54922322638510657</v>
      </c>
      <c r="B7447" s="1"/>
      <c r="C7447">
        <v>2</v>
      </c>
      <c r="D7447" t="s">
        <v>12591</v>
      </c>
      <c r="E7447" t="s">
        <v>32836</v>
      </c>
      <c r="F7447">
        <v>4</v>
      </c>
      <c r="G7447" t="s">
        <v>13</v>
      </c>
      <c r="H7447" t="s">
        <v>12592</v>
      </c>
      <c r="I7447" t="s">
        <v>30540</v>
      </c>
    </row>
    <row r="7448" spans="1:9">
      <c r="A7448" s="1">
        <f ca="1">RAND()</f>
        <v>0.62608848119925697</v>
      </c>
      <c r="B7448" s="1"/>
      <c r="C7448">
        <v>6</v>
      </c>
      <c r="D7448" t="s">
        <v>12593</v>
      </c>
      <c r="E7448" t="s">
        <v>32836</v>
      </c>
      <c r="F7448">
        <v>2</v>
      </c>
      <c r="G7448" t="s">
        <v>762</v>
      </c>
      <c r="H7448" t="s">
        <v>12594</v>
      </c>
      <c r="I7448" t="s">
        <v>30540</v>
      </c>
    </row>
    <row r="7449" spans="1:9">
      <c r="A7449" s="1">
        <f ca="1">RAND()</f>
        <v>0.62324535439121787</v>
      </c>
      <c r="B7449" s="1"/>
      <c r="C7449">
        <v>9</v>
      </c>
      <c r="D7449" t="s">
        <v>17108</v>
      </c>
      <c r="E7449" t="s">
        <v>32837</v>
      </c>
      <c r="F7449">
        <v>5</v>
      </c>
      <c r="G7449" t="s">
        <v>15</v>
      </c>
      <c r="H7449" t="s">
        <v>17109</v>
      </c>
      <c r="I7449" t="s">
        <v>30540</v>
      </c>
    </row>
    <row r="7450" spans="1:9">
      <c r="A7450" s="1">
        <f ca="1">RAND()</f>
        <v>0.93703858637927484</v>
      </c>
      <c r="B7450" s="1"/>
      <c r="C7450">
        <v>8</v>
      </c>
      <c r="D7450" t="s">
        <v>17106</v>
      </c>
      <c r="E7450" t="s">
        <v>32837</v>
      </c>
      <c r="F7450">
        <v>5</v>
      </c>
      <c r="G7450" t="s">
        <v>14</v>
      </c>
      <c r="H7450" t="s">
        <v>17107</v>
      </c>
      <c r="I7450" t="s">
        <v>30540</v>
      </c>
    </row>
    <row r="7451" spans="1:9">
      <c r="A7451" s="1">
        <f ca="1">RAND()</f>
        <v>0.14451456483506842</v>
      </c>
      <c r="B7451" s="1"/>
      <c r="C7451">
        <v>1</v>
      </c>
      <c r="D7451" t="s">
        <v>17104</v>
      </c>
      <c r="E7451" t="s">
        <v>32837</v>
      </c>
      <c r="F7451">
        <v>4</v>
      </c>
      <c r="G7451" t="s">
        <v>0</v>
      </c>
      <c r="H7451" t="s">
        <v>17105</v>
      </c>
      <c r="I7451" t="s">
        <v>30540</v>
      </c>
    </row>
    <row r="7452" spans="1:9">
      <c r="A7452" s="1">
        <f ca="1">RAND()</f>
        <v>0.15158949688684653</v>
      </c>
      <c r="B7452" s="1"/>
      <c r="C7452">
        <v>13</v>
      </c>
      <c r="D7452" t="s">
        <v>17110</v>
      </c>
      <c r="E7452" t="s">
        <v>32837</v>
      </c>
      <c r="F7452">
        <v>4</v>
      </c>
      <c r="G7452" t="s">
        <v>15</v>
      </c>
      <c r="H7452" t="s">
        <v>17111</v>
      </c>
      <c r="I7452" t="s">
        <v>30540</v>
      </c>
    </row>
    <row r="7453" spans="1:9">
      <c r="A7453" s="1">
        <f ca="1">RAND()</f>
        <v>0.47620983364333658</v>
      </c>
      <c r="B7453" s="1"/>
      <c r="C7453">
        <v>14</v>
      </c>
      <c r="D7453" t="s">
        <v>17112</v>
      </c>
      <c r="E7453" t="s">
        <v>32837</v>
      </c>
      <c r="F7453">
        <v>2</v>
      </c>
      <c r="G7453" t="s">
        <v>14</v>
      </c>
      <c r="H7453" t="s">
        <v>17113</v>
      </c>
      <c r="I7453" t="s">
        <v>30540</v>
      </c>
    </row>
    <row r="7454" spans="1:9">
      <c r="A7454" s="1">
        <f ca="1">RAND()</f>
        <v>0.65909136563215476</v>
      </c>
      <c r="B7454" s="1"/>
      <c r="C7454">
        <v>11</v>
      </c>
      <c r="D7454" t="s">
        <v>17102</v>
      </c>
      <c r="E7454" t="s">
        <v>32838</v>
      </c>
      <c r="F7454">
        <v>5</v>
      </c>
      <c r="G7454" t="s">
        <v>14</v>
      </c>
      <c r="H7454" t="s">
        <v>17103</v>
      </c>
      <c r="I7454" t="s">
        <v>30540</v>
      </c>
    </row>
    <row r="7455" spans="1:9">
      <c r="A7455" s="1">
        <f ca="1">RAND()</f>
        <v>0.68812747714910349</v>
      </c>
      <c r="B7455" s="1"/>
      <c r="C7455">
        <v>3</v>
      </c>
      <c r="D7455" t="s">
        <v>17094</v>
      </c>
      <c r="E7455" t="s">
        <v>32838</v>
      </c>
      <c r="F7455">
        <v>4</v>
      </c>
      <c r="G7455" t="s">
        <v>14</v>
      </c>
      <c r="H7455" t="s">
        <v>17095</v>
      </c>
      <c r="I7455" t="s">
        <v>30540</v>
      </c>
    </row>
    <row r="7456" spans="1:9">
      <c r="A7456" s="1">
        <f ca="1">RAND()</f>
        <v>0.40933591861402208</v>
      </c>
      <c r="B7456" s="1"/>
      <c r="C7456">
        <v>7</v>
      </c>
      <c r="D7456" t="s">
        <v>17098</v>
      </c>
      <c r="E7456" t="s">
        <v>32838</v>
      </c>
      <c r="F7456">
        <v>3</v>
      </c>
      <c r="G7456" t="s">
        <v>14</v>
      </c>
      <c r="H7456" t="s">
        <v>17099</v>
      </c>
      <c r="I7456" t="s">
        <v>30540</v>
      </c>
    </row>
    <row r="7457" spans="1:9">
      <c r="A7457" s="1">
        <f ca="1">RAND()</f>
        <v>2.8424226477162473E-2</v>
      </c>
      <c r="B7457" s="1"/>
      <c r="C7457">
        <v>8</v>
      </c>
      <c r="D7457" t="s">
        <v>17100</v>
      </c>
      <c r="E7457" t="s">
        <v>32838</v>
      </c>
      <c r="F7457">
        <v>3</v>
      </c>
      <c r="G7457" t="s">
        <v>2</v>
      </c>
      <c r="H7457" t="s">
        <v>17101</v>
      </c>
      <c r="I7457" t="s">
        <v>30540</v>
      </c>
    </row>
    <row r="7458" spans="1:9">
      <c r="A7458" s="1">
        <f ca="1">RAND()</f>
        <v>0.3348762116680658</v>
      </c>
      <c r="B7458" s="1"/>
      <c r="C7458">
        <v>5</v>
      </c>
      <c r="D7458" t="s">
        <v>17096</v>
      </c>
      <c r="E7458" t="s">
        <v>32838</v>
      </c>
      <c r="F7458">
        <v>3</v>
      </c>
      <c r="G7458" t="s">
        <v>14</v>
      </c>
      <c r="H7458" t="s">
        <v>17097</v>
      </c>
      <c r="I7458" t="s">
        <v>30540</v>
      </c>
    </row>
    <row r="7459" spans="1:9">
      <c r="A7459" s="1">
        <f ca="1">RAND()</f>
        <v>0.93241851796959241</v>
      </c>
      <c r="B7459" s="1"/>
      <c r="C7459">
        <v>15</v>
      </c>
      <c r="D7459" t="s">
        <v>17088</v>
      </c>
      <c r="E7459" t="s">
        <v>32839</v>
      </c>
      <c r="F7459">
        <v>4</v>
      </c>
      <c r="G7459" t="s">
        <v>14</v>
      </c>
      <c r="H7459" t="s">
        <v>17089</v>
      </c>
      <c r="I7459" t="s">
        <v>30540</v>
      </c>
    </row>
    <row r="7460" spans="1:9">
      <c r="A7460" s="1">
        <f ca="1">RAND()</f>
        <v>0.11382345852506082</v>
      </c>
      <c r="B7460" s="1"/>
      <c r="C7460">
        <v>17</v>
      </c>
      <c r="D7460" t="s">
        <v>17090</v>
      </c>
      <c r="E7460" t="s">
        <v>32839</v>
      </c>
      <c r="F7460">
        <v>4</v>
      </c>
      <c r="G7460" t="s">
        <v>14</v>
      </c>
      <c r="H7460" t="s">
        <v>17091</v>
      </c>
      <c r="I7460" t="s">
        <v>30540</v>
      </c>
    </row>
    <row r="7461" spans="1:9">
      <c r="A7461" s="1">
        <f ca="1">RAND()</f>
        <v>0.89387885725525318</v>
      </c>
      <c r="B7461" s="1"/>
      <c r="C7461">
        <v>4</v>
      </c>
      <c r="D7461" t="s">
        <v>17082</v>
      </c>
      <c r="E7461" t="s">
        <v>32839</v>
      </c>
      <c r="F7461">
        <v>4</v>
      </c>
      <c r="G7461" t="s">
        <v>14</v>
      </c>
      <c r="H7461" t="s">
        <v>17083</v>
      </c>
      <c r="I7461" t="s">
        <v>30540</v>
      </c>
    </row>
    <row r="7462" spans="1:9">
      <c r="A7462" s="1">
        <f ca="1">RAND()</f>
        <v>3.886190564858627E-2</v>
      </c>
      <c r="B7462" s="1"/>
      <c r="C7462">
        <v>1</v>
      </c>
      <c r="D7462" t="s">
        <v>17078</v>
      </c>
      <c r="E7462" t="s">
        <v>32839</v>
      </c>
      <c r="F7462">
        <v>4</v>
      </c>
      <c r="G7462" t="s">
        <v>10</v>
      </c>
      <c r="H7462" t="s">
        <v>17079</v>
      </c>
      <c r="I7462" t="s">
        <v>30540</v>
      </c>
    </row>
    <row r="7463" spans="1:9">
      <c r="A7463" s="1">
        <f ca="1">RAND()</f>
        <v>0.84057290659376216</v>
      </c>
      <c r="B7463" s="1"/>
      <c r="C7463">
        <v>3</v>
      </c>
      <c r="D7463" t="s">
        <v>17080</v>
      </c>
      <c r="E7463" t="s">
        <v>32839</v>
      </c>
      <c r="F7463">
        <v>4</v>
      </c>
      <c r="G7463" t="s">
        <v>14</v>
      </c>
      <c r="H7463" t="s">
        <v>17081</v>
      </c>
      <c r="I7463" t="s">
        <v>30540</v>
      </c>
    </row>
    <row r="7464" spans="1:9">
      <c r="A7464" s="1">
        <f ca="1">RAND()</f>
        <v>0.44678978129452107</v>
      </c>
      <c r="B7464" s="1"/>
      <c r="C7464">
        <v>14</v>
      </c>
      <c r="D7464" t="s">
        <v>17086</v>
      </c>
      <c r="E7464" t="s">
        <v>32839</v>
      </c>
      <c r="F7464">
        <v>3</v>
      </c>
      <c r="G7464" t="s">
        <v>14</v>
      </c>
      <c r="H7464" t="s">
        <v>17087</v>
      </c>
      <c r="I7464" t="s">
        <v>30540</v>
      </c>
    </row>
    <row r="7465" spans="1:9">
      <c r="A7465" s="1">
        <f ca="1">RAND()</f>
        <v>0.20045828366383533</v>
      </c>
      <c r="B7465" s="1"/>
      <c r="C7465">
        <v>19</v>
      </c>
      <c r="D7465" t="s">
        <v>17092</v>
      </c>
      <c r="E7465" t="s">
        <v>32839</v>
      </c>
      <c r="F7465">
        <v>2</v>
      </c>
      <c r="G7465" t="s">
        <v>14</v>
      </c>
      <c r="H7465" t="s">
        <v>17093</v>
      </c>
      <c r="I7465" t="s">
        <v>30540</v>
      </c>
    </row>
    <row r="7466" spans="1:9">
      <c r="A7466" s="1">
        <f ca="1">RAND()</f>
        <v>0.76818808971396635</v>
      </c>
      <c r="B7466" s="1"/>
      <c r="C7466">
        <v>9</v>
      </c>
      <c r="D7466" t="s">
        <v>17084</v>
      </c>
      <c r="E7466" t="s">
        <v>32839</v>
      </c>
      <c r="F7466">
        <v>2</v>
      </c>
      <c r="G7466" t="s">
        <v>14</v>
      </c>
      <c r="H7466" t="s">
        <v>17085</v>
      </c>
      <c r="I7466" t="s">
        <v>30540</v>
      </c>
    </row>
    <row r="7467" spans="1:9">
      <c r="A7467" s="1">
        <f ca="1">RAND()</f>
        <v>0.36095622301285457</v>
      </c>
      <c r="B7467" s="1"/>
      <c r="C7467">
        <v>12</v>
      </c>
      <c r="D7467" t="s">
        <v>17068</v>
      </c>
      <c r="E7467" t="s">
        <v>32840</v>
      </c>
      <c r="F7467">
        <v>5</v>
      </c>
      <c r="G7467" t="s">
        <v>775</v>
      </c>
      <c r="H7467" t="s">
        <v>17069</v>
      </c>
      <c r="I7467" t="s">
        <v>30540</v>
      </c>
    </row>
    <row r="7468" spans="1:9">
      <c r="A7468" s="1">
        <f ca="1">RAND()</f>
        <v>0.81013726080936554</v>
      </c>
      <c r="B7468" s="1"/>
      <c r="C7468">
        <v>2</v>
      </c>
      <c r="D7468" t="s">
        <v>17064</v>
      </c>
      <c r="E7468" t="s">
        <v>32840</v>
      </c>
      <c r="F7468">
        <v>4</v>
      </c>
      <c r="G7468" t="s">
        <v>775</v>
      </c>
      <c r="H7468" t="s">
        <v>17065</v>
      </c>
      <c r="I7468" t="s">
        <v>30540</v>
      </c>
    </row>
    <row r="7469" spans="1:9">
      <c r="A7469" s="1">
        <f ca="1">RAND()</f>
        <v>5.5368472531260982E-2</v>
      </c>
      <c r="B7469" s="1"/>
      <c r="C7469">
        <v>5</v>
      </c>
      <c r="D7469" t="s">
        <v>17066</v>
      </c>
      <c r="E7469" t="s">
        <v>32840</v>
      </c>
      <c r="F7469">
        <v>4</v>
      </c>
      <c r="G7469" t="s">
        <v>3732</v>
      </c>
      <c r="H7469" t="s">
        <v>17067</v>
      </c>
      <c r="I7469" t="s">
        <v>30540</v>
      </c>
    </row>
    <row r="7470" spans="1:9">
      <c r="A7470" s="1">
        <f ca="1">RAND()</f>
        <v>0.75686804350147174</v>
      </c>
      <c r="B7470" s="1"/>
      <c r="C7470">
        <v>18</v>
      </c>
      <c r="D7470" t="s">
        <v>17074</v>
      </c>
      <c r="E7470" t="s">
        <v>32840</v>
      </c>
      <c r="F7470">
        <v>3</v>
      </c>
      <c r="G7470" t="s">
        <v>775</v>
      </c>
      <c r="H7470" t="s">
        <v>17075</v>
      </c>
      <c r="I7470" t="s">
        <v>30540</v>
      </c>
    </row>
    <row r="7471" spans="1:9">
      <c r="A7471" s="1">
        <f ca="1">RAND()</f>
        <v>0.58440339797706287</v>
      </c>
      <c r="B7471" s="1"/>
      <c r="C7471">
        <v>1</v>
      </c>
      <c r="D7471" t="s">
        <v>17062</v>
      </c>
      <c r="E7471" t="s">
        <v>32840</v>
      </c>
      <c r="F7471">
        <v>3</v>
      </c>
      <c r="G7471" t="s">
        <v>2</v>
      </c>
      <c r="H7471" t="s">
        <v>17063</v>
      </c>
      <c r="I7471" t="s">
        <v>30540</v>
      </c>
    </row>
    <row r="7472" spans="1:9">
      <c r="A7472" s="1">
        <f ca="1">RAND()</f>
        <v>0.66802588788679262</v>
      </c>
      <c r="B7472" s="1"/>
      <c r="C7472">
        <v>19</v>
      </c>
      <c r="D7472" t="s">
        <v>17076</v>
      </c>
      <c r="E7472" t="s">
        <v>32840</v>
      </c>
      <c r="F7472">
        <v>3</v>
      </c>
      <c r="G7472" t="s">
        <v>3732</v>
      </c>
      <c r="H7472" t="s">
        <v>17077</v>
      </c>
      <c r="I7472" t="s">
        <v>30540</v>
      </c>
    </row>
    <row r="7473" spans="1:9">
      <c r="A7473" s="1">
        <f ca="1">RAND()</f>
        <v>0.45562590841976069</v>
      </c>
      <c r="B7473" s="1"/>
      <c r="C7473">
        <v>16</v>
      </c>
      <c r="D7473" t="s">
        <v>17070</v>
      </c>
      <c r="E7473" t="s">
        <v>32840</v>
      </c>
      <c r="F7473">
        <v>2</v>
      </c>
      <c r="G7473" t="s">
        <v>14</v>
      </c>
      <c r="H7473" t="s">
        <v>17071</v>
      </c>
      <c r="I7473" t="s">
        <v>30540</v>
      </c>
    </row>
    <row r="7474" spans="1:9">
      <c r="A7474" s="1">
        <f ca="1">RAND()</f>
        <v>0.33133695003248975</v>
      </c>
      <c r="B7474" s="1"/>
      <c r="C7474">
        <v>17</v>
      </c>
      <c r="D7474" t="s">
        <v>17072</v>
      </c>
      <c r="E7474" t="s">
        <v>32840</v>
      </c>
      <c r="F7474">
        <v>0</v>
      </c>
      <c r="G7474" t="s">
        <v>0</v>
      </c>
      <c r="H7474" t="s">
        <v>17073</v>
      </c>
      <c r="I7474" t="s">
        <v>30540</v>
      </c>
    </row>
    <row r="7475" spans="1:9">
      <c r="A7475" s="1">
        <f ca="1">RAND()</f>
        <v>0.12888112455041045</v>
      </c>
      <c r="B7475" s="1"/>
      <c r="C7475">
        <v>3</v>
      </c>
      <c r="D7475" t="s">
        <v>17054</v>
      </c>
      <c r="E7475" t="s">
        <v>32841</v>
      </c>
      <c r="F7475">
        <v>5</v>
      </c>
      <c r="G7475" t="s">
        <v>13</v>
      </c>
      <c r="H7475" t="s">
        <v>17055</v>
      </c>
      <c r="I7475" t="s">
        <v>30540</v>
      </c>
    </row>
    <row r="7476" spans="1:9">
      <c r="A7476" s="1">
        <f ca="1">RAND()</f>
        <v>0.68799050901511383</v>
      </c>
      <c r="B7476" s="1"/>
      <c r="C7476">
        <v>5</v>
      </c>
      <c r="D7476" t="s">
        <v>17056</v>
      </c>
      <c r="E7476" t="s">
        <v>32841</v>
      </c>
      <c r="F7476">
        <v>4</v>
      </c>
      <c r="G7476" t="s">
        <v>10</v>
      </c>
      <c r="H7476" t="s">
        <v>17057</v>
      </c>
      <c r="I7476" t="s">
        <v>30540</v>
      </c>
    </row>
    <row r="7477" spans="1:9">
      <c r="A7477" s="1">
        <f ca="1">RAND()</f>
        <v>0.45828717609804337</v>
      </c>
      <c r="B7477" s="1"/>
      <c r="C7477">
        <v>11</v>
      </c>
      <c r="D7477" t="s">
        <v>17060</v>
      </c>
      <c r="E7477" t="s">
        <v>32841</v>
      </c>
      <c r="F7477">
        <v>4</v>
      </c>
      <c r="G7477" t="s">
        <v>10</v>
      </c>
      <c r="H7477" t="s">
        <v>17061</v>
      </c>
      <c r="I7477" t="s">
        <v>30540</v>
      </c>
    </row>
    <row r="7478" spans="1:9">
      <c r="A7478" s="1">
        <f ca="1">RAND()</f>
        <v>0.4401769071744579</v>
      </c>
      <c r="B7478" s="1"/>
      <c r="C7478">
        <v>8</v>
      </c>
      <c r="D7478" t="s">
        <v>17058</v>
      </c>
      <c r="E7478" t="s">
        <v>32841</v>
      </c>
      <c r="F7478">
        <v>4</v>
      </c>
      <c r="G7478" t="s">
        <v>0</v>
      </c>
      <c r="H7478" t="s">
        <v>17059</v>
      </c>
      <c r="I7478" t="s">
        <v>30540</v>
      </c>
    </row>
    <row r="7479" spans="1:9">
      <c r="A7479" s="1">
        <f ca="1">RAND()</f>
        <v>0.93740233021970143</v>
      </c>
      <c r="B7479" s="1"/>
      <c r="C7479">
        <v>9</v>
      </c>
      <c r="D7479" t="s">
        <v>17048</v>
      </c>
      <c r="E7479" t="s">
        <v>32842</v>
      </c>
      <c r="F7479">
        <v>5</v>
      </c>
      <c r="G7479" t="s">
        <v>14</v>
      </c>
      <c r="H7479" t="s">
        <v>17049</v>
      </c>
      <c r="I7479" t="s">
        <v>30540</v>
      </c>
    </row>
    <row r="7480" spans="1:9">
      <c r="A7480" s="1">
        <f ca="1">RAND()</f>
        <v>0.49778458794460589</v>
      </c>
      <c r="B7480" s="1"/>
      <c r="C7480">
        <v>10</v>
      </c>
      <c r="D7480" t="s">
        <v>17050</v>
      </c>
      <c r="E7480" t="s">
        <v>32842</v>
      </c>
      <c r="F7480">
        <v>4</v>
      </c>
      <c r="G7480" t="s">
        <v>9</v>
      </c>
      <c r="H7480" t="s">
        <v>17051</v>
      </c>
      <c r="I7480" t="s">
        <v>30540</v>
      </c>
    </row>
    <row r="7481" spans="1:9">
      <c r="A7481" s="1">
        <f ca="1">RAND()</f>
        <v>0.96595836554391523</v>
      </c>
      <c r="B7481" s="1"/>
      <c r="C7481">
        <v>4</v>
      </c>
      <c r="D7481" t="s">
        <v>17044</v>
      </c>
      <c r="E7481" t="s">
        <v>32842</v>
      </c>
      <c r="F7481">
        <v>4</v>
      </c>
      <c r="G7481" t="s">
        <v>10</v>
      </c>
      <c r="H7481" t="s">
        <v>17045</v>
      </c>
      <c r="I7481" t="s">
        <v>30540</v>
      </c>
    </row>
    <row r="7482" spans="1:9">
      <c r="A7482" s="1">
        <f ca="1">RAND()</f>
        <v>3.8108896646163459E-2</v>
      </c>
      <c r="B7482" s="1"/>
      <c r="C7482">
        <v>11</v>
      </c>
      <c r="D7482" t="s">
        <v>17052</v>
      </c>
      <c r="E7482" t="s">
        <v>32842</v>
      </c>
      <c r="F7482">
        <v>4</v>
      </c>
      <c r="G7482" t="s">
        <v>14</v>
      </c>
      <c r="H7482" t="s">
        <v>17053</v>
      </c>
      <c r="I7482" t="s">
        <v>30540</v>
      </c>
    </row>
    <row r="7483" spans="1:9">
      <c r="A7483" s="1">
        <f ca="1">RAND()</f>
        <v>0.68463584513150932</v>
      </c>
      <c r="B7483" s="1"/>
      <c r="C7483">
        <v>7</v>
      </c>
      <c r="D7483" t="s">
        <v>17046</v>
      </c>
      <c r="E7483" t="s">
        <v>32842</v>
      </c>
      <c r="F7483">
        <v>4</v>
      </c>
      <c r="G7483" t="s">
        <v>9</v>
      </c>
      <c r="H7483" t="s">
        <v>17047</v>
      </c>
      <c r="I7483" t="s">
        <v>30540</v>
      </c>
    </row>
    <row r="7484" spans="1:9">
      <c r="A7484" s="1">
        <f ca="1">RAND()</f>
        <v>0.12613644134197732</v>
      </c>
      <c r="B7484" s="1"/>
      <c r="C7484">
        <v>3</v>
      </c>
      <c r="D7484" t="s">
        <v>17038</v>
      </c>
      <c r="E7484" t="s">
        <v>32843</v>
      </c>
      <c r="F7484">
        <v>5</v>
      </c>
      <c r="G7484" t="s">
        <v>2</v>
      </c>
      <c r="H7484" t="s">
        <v>17039</v>
      </c>
      <c r="I7484" t="s">
        <v>30540</v>
      </c>
    </row>
    <row r="7485" spans="1:9">
      <c r="A7485" s="1">
        <f ca="1">RAND()</f>
        <v>0.8945975794493124</v>
      </c>
      <c r="B7485" s="1"/>
      <c r="C7485">
        <v>5</v>
      </c>
      <c r="D7485" t="s">
        <v>17040</v>
      </c>
      <c r="E7485" t="s">
        <v>32843</v>
      </c>
      <c r="F7485">
        <v>5</v>
      </c>
      <c r="G7485" t="s">
        <v>14</v>
      </c>
      <c r="H7485" t="s">
        <v>17041</v>
      </c>
      <c r="I7485" t="s">
        <v>30540</v>
      </c>
    </row>
    <row r="7486" spans="1:9">
      <c r="A7486" s="1">
        <f ca="1">RAND()</f>
        <v>0.6900430987459546</v>
      </c>
      <c r="B7486" s="1"/>
      <c r="C7486">
        <v>8</v>
      </c>
      <c r="D7486" t="s">
        <v>17042</v>
      </c>
      <c r="E7486" t="s">
        <v>32843</v>
      </c>
      <c r="F7486">
        <v>4</v>
      </c>
      <c r="G7486" t="s">
        <v>14</v>
      </c>
      <c r="H7486" t="s">
        <v>17043</v>
      </c>
      <c r="I7486" t="s">
        <v>30540</v>
      </c>
    </row>
    <row r="7487" spans="1:9">
      <c r="A7487" s="1">
        <f ca="1">RAND()</f>
        <v>0.93154969315272074</v>
      </c>
      <c r="B7487" s="1"/>
      <c r="C7487">
        <v>8</v>
      </c>
      <c r="D7487" t="s">
        <v>17036</v>
      </c>
      <c r="E7487" t="s">
        <v>32844</v>
      </c>
      <c r="F7487">
        <v>5</v>
      </c>
      <c r="G7487" t="s">
        <v>14</v>
      </c>
      <c r="H7487" t="s">
        <v>17037</v>
      </c>
      <c r="I7487" t="s">
        <v>30540</v>
      </c>
    </row>
    <row r="7488" spans="1:9">
      <c r="A7488" s="1">
        <f ca="1">RAND()</f>
        <v>0.96104253654378657</v>
      </c>
      <c r="B7488" s="1"/>
      <c r="C7488">
        <v>15</v>
      </c>
      <c r="D7488" t="s">
        <v>17028</v>
      </c>
      <c r="E7488" t="s">
        <v>32845</v>
      </c>
      <c r="F7488">
        <v>5</v>
      </c>
      <c r="G7488" t="s">
        <v>762</v>
      </c>
      <c r="H7488" t="s">
        <v>17029</v>
      </c>
      <c r="I7488" t="s">
        <v>30540</v>
      </c>
    </row>
    <row r="7489" spans="1:9">
      <c r="A7489" s="1">
        <f ca="1">RAND()</f>
        <v>0.91112714767408165</v>
      </c>
      <c r="B7489" s="1"/>
      <c r="C7489">
        <v>10</v>
      </c>
      <c r="D7489" t="s">
        <v>17022</v>
      </c>
      <c r="E7489" t="s">
        <v>32845</v>
      </c>
      <c r="F7489">
        <v>4</v>
      </c>
      <c r="G7489" t="s">
        <v>775</v>
      </c>
      <c r="H7489" t="s">
        <v>17023</v>
      </c>
      <c r="I7489" t="s">
        <v>30540</v>
      </c>
    </row>
    <row r="7490" spans="1:9">
      <c r="A7490" s="1">
        <f ca="1">RAND()</f>
        <v>0.40147636161615841</v>
      </c>
      <c r="B7490" s="1"/>
      <c r="C7490">
        <v>1</v>
      </c>
      <c r="D7490" t="s">
        <v>17020</v>
      </c>
      <c r="E7490" t="s">
        <v>32845</v>
      </c>
      <c r="F7490">
        <v>4</v>
      </c>
      <c r="G7490" t="s">
        <v>14</v>
      </c>
      <c r="H7490" t="s">
        <v>17021</v>
      </c>
      <c r="I7490" t="s">
        <v>30540</v>
      </c>
    </row>
    <row r="7491" spans="1:9">
      <c r="A7491" s="1">
        <f ca="1">RAND()</f>
        <v>0.56677402962090884</v>
      </c>
      <c r="B7491" s="1"/>
      <c r="C7491">
        <v>19</v>
      </c>
      <c r="D7491" t="s">
        <v>17032</v>
      </c>
      <c r="E7491" t="s">
        <v>32845</v>
      </c>
      <c r="F7491">
        <v>4</v>
      </c>
      <c r="G7491" t="s">
        <v>1426</v>
      </c>
      <c r="H7491" t="s">
        <v>17033</v>
      </c>
      <c r="I7491" t="s">
        <v>30540</v>
      </c>
    </row>
    <row r="7492" spans="1:9">
      <c r="A7492" s="1">
        <f ca="1">RAND()</f>
        <v>0.7129739668375733</v>
      </c>
      <c r="B7492" s="1"/>
      <c r="C7492">
        <v>17</v>
      </c>
      <c r="D7492" t="s">
        <v>17030</v>
      </c>
      <c r="E7492" t="s">
        <v>32845</v>
      </c>
      <c r="F7492">
        <v>4</v>
      </c>
      <c r="G7492" t="s">
        <v>1431</v>
      </c>
      <c r="H7492" t="s">
        <v>17031</v>
      </c>
      <c r="I7492" t="s">
        <v>30540</v>
      </c>
    </row>
    <row r="7493" spans="1:9">
      <c r="A7493" s="1">
        <f ca="1">RAND()</f>
        <v>8.6647997593247039E-2</v>
      </c>
      <c r="B7493" s="1"/>
      <c r="C7493">
        <v>20</v>
      </c>
      <c r="D7493" t="s">
        <v>17034</v>
      </c>
      <c r="E7493" t="s">
        <v>32845</v>
      </c>
      <c r="F7493">
        <v>4</v>
      </c>
      <c r="G7493" t="s">
        <v>0</v>
      </c>
      <c r="H7493" t="s">
        <v>17035</v>
      </c>
      <c r="I7493" t="s">
        <v>30540</v>
      </c>
    </row>
    <row r="7494" spans="1:9">
      <c r="A7494" s="1">
        <f ca="1">RAND()</f>
        <v>4.7619485351834356E-2</v>
      </c>
      <c r="B7494" s="1"/>
      <c r="C7494">
        <v>13</v>
      </c>
      <c r="D7494" t="s">
        <v>17026</v>
      </c>
      <c r="E7494" t="s">
        <v>32845</v>
      </c>
      <c r="F7494">
        <v>2</v>
      </c>
      <c r="G7494" t="s">
        <v>1431</v>
      </c>
      <c r="H7494" t="s">
        <v>17027</v>
      </c>
      <c r="I7494" t="s">
        <v>30540</v>
      </c>
    </row>
    <row r="7495" spans="1:9">
      <c r="A7495" s="1">
        <f ca="1">RAND()</f>
        <v>0.16492411687878861</v>
      </c>
      <c r="B7495" s="1"/>
      <c r="C7495">
        <v>12</v>
      </c>
      <c r="D7495" t="s">
        <v>17024</v>
      </c>
      <c r="E7495" t="s">
        <v>32845</v>
      </c>
      <c r="F7495">
        <v>1</v>
      </c>
      <c r="G7495" t="s">
        <v>3732</v>
      </c>
      <c r="H7495" t="s">
        <v>17025</v>
      </c>
      <c r="I7495" t="s">
        <v>30540</v>
      </c>
    </row>
    <row r="7496" spans="1:9">
      <c r="A7496" s="1">
        <f ca="1">RAND()</f>
        <v>0.55085541398462357</v>
      </c>
      <c r="B7496" s="1"/>
      <c r="C7496">
        <v>7</v>
      </c>
      <c r="D7496" t="s">
        <v>17018</v>
      </c>
      <c r="E7496" t="s">
        <v>32846</v>
      </c>
      <c r="F7496">
        <v>4</v>
      </c>
      <c r="G7496" t="s">
        <v>14</v>
      </c>
      <c r="H7496" t="s">
        <v>17019</v>
      </c>
      <c r="I7496" t="s">
        <v>30540</v>
      </c>
    </row>
    <row r="7497" spans="1:9">
      <c r="A7497" s="1">
        <f ca="1">RAND()</f>
        <v>0.16296398443657234</v>
      </c>
      <c r="B7497" s="1"/>
      <c r="C7497">
        <v>8</v>
      </c>
      <c r="D7497" t="s">
        <v>17016</v>
      </c>
      <c r="E7497" t="s">
        <v>32847</v>
      </c>
      <c r="F7497">
        <v>3</v>
      </c>
      <c r="G7497" t="s">
        <v>0</v>
      </c>
      <c r="H7497" t="s">
        <v>17017</v>
      </c>
      <c r="I7497" t="s">
        <v>30540</v>
      </c>
    </row>
    <row r="7498" spans="1:9">
      <c r="A7498" s="1">
        <f ca="1">RAND()</f>
        <v>5.7940758783168733E-2</v>
      </c>
      <c r="B7498" s="1"/>
      <c r="C7498">
        <v>16</v>
      </c>
      <c r="D7498" t="s">
        <v>17014</v>
      </c>
      <c r="E7498" t="s">
        <v>32848</v>
      </c>
      <c r="F7498">
        <v>5</v>
      </c>
      <c r="G7498" t="s">
        <v>14</v>
      </c>
      <c r="H7498" t="s">
        <v>17015</v>
      </c>
      <c r="I7498" t="s">
        <v>30540</v>
      </c>
    </row>
    <row r="7499" spans="1:9">
      <c r="A7499" s="1">
        <f ca="1">RAND()</f>
        <v>0.43374563499983099</v>
      </c>
      <c r="B7499" s="1"/>
      <c r="C7499">
        <v>8</v>
      </c>
      <c r="D7499" t="s">
        <v>17008</v>
      </c>
      <c r="E7499" t="s">
        <v>32848</v>
      </c>
      <c r="F7499">
        <v>4</v>
      </c>
      <c r="G7499" t="s">
        <v>14</v>
      </c>
      <c r="H7499" t="s">
        <v>17009</v>
      </c>
      <c r="I7499" t="s">
        <v>30540</v>
      </c>
    </row>
    <row r="7500" spans="1:9">
      <c r="A7500" s="1">
        <f ca="1">RAND()</f>
        <v>0.67510062495561995</v>
      </c>
      <c r="B7500" s="1"/>
      <c r="C7500">
        <v>5</v>
      </c>
      <c r="D7500" t="s">
        <v>17006</v>
      </c>
      <c r="E7500" t="s">
        <v>32848</v>
      </c>
      <c r="F7500">
        <v>3</v>
      </c>
      <c r="G7500" t="s">
        <v>14</v>
      </c>
      <c r="H7500" t="s">
        <v>17007</v>
      </c>
      <c r="I7500" t="s">
        <v>30540</v>
      </c>
    </row>
    <row r="7501" spans="1:9">
      <c r="A7501" s="1">
        <f ca="1">RAND()</f>
        <v>7.8127142871479816E-2</v>
      </c>
      <c r="B7501" s="1"/>
      <c r="C7501">
        <v>15</v>
      </c>
      <c r="D7501" t="s">
        <v>17012</v>
      </c>
      <c r="E7501" t="s">
        <v>32848</v>
      </c>
      <c r="F7501">
        <v>2</v>
      </c>
      <c r="G7501" t="s">
        <v>0</v>
      </c>
      <c r="H7501" t="s">
        <v>17013</v>
      </c>
      <c r="I7501" t="s">
        <v>30540</v>
      </c>
    </row>
    <row r="7502" spans="1:9">
      <c r="A7502" s="1">
        <f ca="1">RAND()</f>
        <v>1.7011117595981395E-2</v>
      </c>
      <c r="B7502" s="1"/>
      <c r="C7502">
        <v>10</v>
      </c>
      <c r="D7502" t="s">
        <v>17010</v>
      </c>
      <c r="E7502" t="s">
        <v>32848</v>
      </c>
      <c r="F7502">
        <v>1</v>
      </c>
      <c r="G7502" t="s">
        <v>14</v>
      </c>
      <c r="H7502" t="s">
        <v>17011</v>
      </c>
      <c r="I7502" t="s">
        <v>30540</v>
      </c>
    </row>
    <row r="7503" spans="1:9">
      <c r="A7503" s="1">
        <f ca="1">RAND()</f>
        <v>0.95357919454264084</v>
      </c>
      <c r="B7503" s="1"/>
      <c r="C7503">
        <v>13</v>
      </c>
      <c r="D7503" t="s">
        <v>16998</v>
      </c>
      <c r="E7503" t="s">
        <v>32849</v>
      </c>
      <c r="F7503">
        <v>5</v>
      </c>
      <c r="G7503" t="s">
        <v>14</v>
      </c>
      <c r="H7503" t="s">
        <v>16999</v>
      </c>
      <c r="I7503" t="s">
        <v>30540</v>
      </c>
    </row>
    <row r="7504" spans="1:9">
      <c r="A7504" s="1">
        <f ca="1">RAND()</f>
        <v>0.74675740449381367</v>
      </c>
      <c r="B7504" s="1"/>
      <c r="C7504">
        <v>14</v>
      </c>
      <c r="D7504" t="s">
        <v>17000</v>
      </c>
      <c r="E7504" t="s">
        <v>32849</v>
      </c>
      <c r="F7504">
        <v>5</v>
      </c>
      <c r="G7504" t="s">
        <v>14</v>
      </c>
      <c r="H7504" t="s">
        <v>17001</v>
      </c>
      <c r="I7504" t="s">
        <v>30540</v>
      </c>
    </row>
    <row r="7505" spans="1:9">
      <c r="A7505" s="1">
        <f ca="1">RAND()</f>
        <v>0.86847509875715956</v>
      </c>
      <c r="B7505" s="1"/>
      <c r="C7505">
        <v>6</v>
      </c>
      <c r="D7505" t="s">
        <v>16996</v>
      </c>
      <c r="E7505" t="s">
        <v>32849</v>
      </c>
      <c r="F7505">
        <v>5</v>
      </c>
      <c r="G7505" t="s">
        <v>2</v>
      </c>
      <c r="H7505" t="s">
        <v>16997</v>
      </c>
      <c r="I7505" t="s">
        <v>30540</v>
      </c>
    </row>
    <row r="7506" spans="1:9">
      <c r="A7506" s="1">
        <f ca="1">RAND()</f>
        <v>0.79900909838915091</v>
      </c>
      <c r="B7506" s="1"/>
      <c r="C7506">
        <v>4</v>
      </c>
      <c r="D7506" t="s">
        <v>16994</v>
      </c>
      <c r="E7506" t="s">
        <v>32849</v>
      </c>
      <c r="F7506">
        <v>4</v>
      </c>
      <c r="G7506" t="s">
        <v>0</v>
      </c>
      <c r="H7506" t="s">
        <v>16995</v>
      </c>
      <c r="I7506" t="s">
        <v>30540</v>
      </c>
    </row>
    <row r="7507" spans="1:9">
      <c r="A7507" s="1">
        <f ca="1">RAND()</f>
        <v>0.97087703381721224</v>
      </c>
      <c r="B7507" s="1"/>
      <c r="C7507">
        <v>15</v>
      </c>
      <c r="D7507" t="s">
        <v>17002</v>
      </c>
      <c r="E7507" t="s">
        <v>32849</v>
      </c>
      <c r="F7507">
        <v>4</v>
      </c>
      <c r="G7507" t="s">
        <v>14</v>
      </c>
      <c r="H7507" t="s">
        <v>17003</v>
      </c>
      <c r="I7507" t="s">
        <v>30540</v>
      </c>
    </row>
    <row r="7508" spans="1:9">
      <c r="A7508" s="1">
        <f ca="1">RAND()</f>
        <v>0.78752208066592022</v>
      </c>
      <c r="B7508" s="1"/>
      <c r="C7508">
        <v>16</v>
      </c>
      <c r="D7508" t="s">
        <v>17004</v>
      </c>
      <c r="E7508" t="s">
        <v>32849</v>
      </c>
      <c r="F7508">
        <v>4</v>
      </c>
      <c r="G7508" t="s">
        <v>9</v>
      </c>
      <c r="H7508" t="s">
        <v>17005</v>
      </c>
      <c r="I7508" t="s">
        <v>30540</v>
      </c>
    </row>
    <row r="7509" spans="1:9">
      <c r="A7509" s="1">
        <f ca="1">RAND()</f>
        <v>0.68519412604332064</v>
      </c>
      <c r="B7509" s="1"/>
      <c r="C7509">
        <v>13</v>
      </c>
      <c r="D7509" t="s">
        <v>16986</v>
      </c>
      <c r="E7509" t="s">
        <v>32850</v>
      </c>
      <c r="F7509">
        <v>4</v>
      </c>
      <c r="G7509" t="s">
        <v>766</v>
      </c>
      <c r="H7509" t="s">
        <v>16987</v>
      </c>
      <c r="I7509" t="s">
        <v>30540</v>
      </c>
    </row>
    <row r="7510" spans="1:9">
      <c r="A7510" s="1">
        <f ca="1">RAND()</f>
        <v>0.68231017472003264</v>
      </c>
      <c r="B7510" s="1"/>
      <c r="C7510">
        <v>19</v>
      </c>
      <c r="D7510" t="s">
        <v>16992</v>
      </c>
      <c r="E7510" t="s">
        <v>32850</v>
      </c>
      <c r="F7510">
        <v>4</v>
      </c>
      <c r="G7510" t="s">
        <v>14</v>
      </c>
      <c r="H7510" t="s">
        <v>16993</v>
      </c>
      <c r="I7510" t="s">
        <v>30540</v>
      </c>
    </row>
    <row r="7511" spans="1:9">
      <c r="A7511" s="1">
        <f ca="1">RAND()</f>
        <v>0.83350391718434691</v>
      </c>
      <c r="B7511" s="1"/>
      <c r="C7511">
        <v>15</v>
      </c>
      <c r="D7511" t="s">
        <v>16988</v>
      </c>
      <c r="E7511" t="s">
        <v>32850</v>
      </c>
      <c r="F7511">
        <v>4</v>
      </c>
      <c r="G7511" t="s">
        <v>771</v>
      </c>
      <c r="H7511" t="s">
        <v>16989</v>
      </c>
      <c r="I7511" t="s">
        <v>30540</v>
      </c>
    </row>
    <row r="7512" spans="1:9">
      <c r="A7512" s="1">
        <f ca="1">RAND()</f>
        <v>0.43557080022214711</v>
      </c>
      <c r="B7512" s="1"/>
      <c r="C7512">
        <v>16</v>
      </c>
      <c r="D7512" t="s">
        <v>16990</v>
      </c>
      <c r="E7512" t="s">
        <v>32850</v>
      </c>
      <c r="F7512">
        <v>3</v>
      </c>
      <c r="G7512" t="s">
        <v>770</v>
      </c>
      <c r="H7512" t="s">
        <v>16991</v>
      </c>
      <c r="I7512" t="s">
        <v>30540</v>
      </c>
    </row>
    <row r="7513" spans="1:9">
      <c r="A7513" s="1">
        <f ca="1">RAND()</f>
        <v>0.83692117377772024</v>
      </c>
      <c r="B7513" s="1"/>
      <c r="C7513">
        <v>11</v>
      </c>
      <c r="D7513" t="s">
        <v>16984</v>
      </c>
      <c r="E7513" t="s">
        <v>32851</v>
      </c>
      <c r="F7513">
        <v>5</v>
      </c>
      <c r="G7513" t="s">
        <v>14</v>
      </c>
      <c r="H7513" t="s">
        <v>16985</v>
      </c>
      <c r="I7513" t="s">
        <v>30540</v>
      </c>
    </row>
    <row r="7514" spans="1:9">
      <c r="A7514" s="1">
        <f ca="1">RAND()</f>
        <v>0.69801204359152269</v>
      </c>
      <c r="B7514" s="1"/>
      <c r="C7514">
        <v>5</v>
      </c>
      <c r="D7514" t="s">
        <v>16982</v>
      </c>
      <c r="E7514" t="s">
        <v>32851</v>
      </c>
      <c r="F7514">
        <v>4</v>
      </c>
      <c r="G7514" t="s">
        <v>14</v>
      </c>
      <c r="H7514" t="s">
        <v>16983</v>
      </c>
      <c r="I7514" t="s">
        <v>30540</v>
      </c>
    </row>
    <row r="7515" spans="1:9">
      <c r="A7515" s="1">
        <f ca="1">RAND()</f>
        <v>0.60000554454414445</v>
      </c>
      <c r="B7515" s="1"/>
      <c r="C7515">
        <v>7</v>
      </c>
      <c r="D7515" t="s">
        <v>16970</v>
      </c>
      <c r="E7515" t="s">
        <v>32852</v>
      </c>
      <c r="F7515">
        <v>5</v>
      </c>
      <c r="G7515" t="s">
        <v>14</v>
      </c>
      <c r="H7515" t="s">
        <v>16971</v>
      </c>
      <c r="I7515" t="s">
        <v>30540</v>
      </c>
    </row>
    <row r="7516" spans="1:9">
      <c r="A7516" s="1">
        <f ca="1">RAND()</f>
        <v>0.22743688657452021</v>
      </c>
      <c r="B7516" s="1"/>
      <c r="C7516">
        <v>5</v>
      </c>
      <c r="D7516" t="s">
        <v>16968</v>
      </c>
      <c r="E7516" t="s">
        <v>32852</v>
      </c>
      <c r="F7516">
        <v>4</v>
      </c>
      <c r="G7516" t="s">
        <v>2</v>
      </c>
      <c r="H7516" t="s">
        <v>16969</v>
      </c>
      <c r="I7516" t="s">
        <v>30540</v>
      </c>
    </row>
    <row r="7517" spans="1:9">
      <c r="A7517" s="1">
        <f ca="1">RAND()</f>
        <v>0.95416573773495306</v>
      </c>
      <c r="B7517" s="1"/>
      <c r="C7517">
        <v>18</v>
      </c>
      <c r="D7517" t="s">
        <v>16980</v>
      </c>
      <c r="E7517" t="s">
        <v>32852</v>
      </c>
      <c r="F7517">
        <v>4</v>
      </c>
      <c r="G7517" t="s">
        <v>14</v>
      </c>
      <c r="H7517" t="s">
        <v>16981</v>
      </c>
      <c r="I7517" t="s">
        <v>30540</v>
      </c>
    </row>
    <row r="7518" spans="1:9">
      <c r="A7518" s="1">
        <f ca="1">RAND()</f>
        <v>0.47709231485993742</v>
      </c>
      <c r="B7518" s="1"/>
      <c r="C7518">
        <v>8</v>
      </c>
      <c r="D7518" t="s">
        <v>16972</v>
      </c>
      <c r="E7518" t="s">
        <v>32852</v>
      </c>
      <c r="F7518">
        <v>4</v>
      </c>
      <c r="G7518" t="s">
        <v>13</v>
      </c>
      <c r="H7518" t="s">
        <v>16973</v>
      </c>
      <c r="I7518" t="s">
        <v>30540</v>
      </c>
    </row>
    <row r="7519" spans="1:9">
      <c r="A7519" s="1">
        <f ca="1">RAND()</f>
        <v>7.6773951981555344E-2</v>
      </c>
      <c r="B7519" s="1"/>
      <c r="C7519">
        <v>14</v>
      </c>
      <c r="D7519" t="s">
        <v>16978</v>
      </c>
      <c r="E7519" t="s">
        <v>32852</v>
      </c>
      <c r="F7519">
        <v>4</v>
      </c>
      <c r="G7519" t="s">
        <v>14</v>
      </c>
      <c r="H7519" t="s">
        <v>16979</v>
      </c>
      <c r="I7519" t="s">
        <v>30540</v>
      </c>
    </row>
    <row r="7520" spans="1:9">
      <c r="A7520" s="1">
        <f ca="1">RAND()</f>
        <v>0.32030765383235549</v>
      </c>
      <c r="B7520" s="1"/>
      <c r="C7520">
        <v>10</v>
      </c>
      <c r="D7520" t="s">
        <v>16974</v>
      </c>
      <c r="E7520" t="s">
        <v>32852</v>
      </c>
      <c r="F7520">
        <v>4</v>
      </c>
      <c r="G7520" t="s">
        <v>14</v>
      </c>
      <c r="H7520" t="s">
        <v>16975</v>
      </c>
      <c r="I7520" t="s">
        <v>30540</v>
      </c>
    </row>
    <row r="7521" spans="1:9">
      <c r="A7521" s="1">
        <f ca="1">RAND()</f>
        <v>0.15158536747427598</v>
      </c>
      <c r="B7521" s="1"/>
      <c r="C7521">
        <v>12</v>
      </c>
      <c r="D7521" t="s">
        <v>16976</v>
      </c>
      <c r="E7521" t="s">
        <v>32852</v>
      </c>
      <c r="F7521">
        <v>2</v>
      </c>
      <c r="G7521" t="s">
        <v>14</v>
      </c>
      <c r="H7521" t="s">
        <v>16977</v>
      </c>
      <c r="I7521" t="s">
        <v>30540</v>
      </c>
    </row>
    <row r="7522" spans="1:9">
      <c r="A7522" s="1">
        <f ca="1">RAND()</f>
        <v>0.50521049491353764</v>
      </c>
      <c r="B7522" s="1"/>
      <c r="C7522">
        <v>10</v>
      </c>
      <c r="D7522" t="s">
        <v>16962</v>
      </c>
      <c r="E7522" t="s">
        <v>32853</v>
      </c>
      <c r="F7522">
        <v>5</v>
      </c>
      <c r="G7522" t="s">
        <v>14</v>
      </c>
      <c r="H7522" t="s">
        <v>16963</v>
      </c>
      <c r="I7522" t="s">
        <v>30540</v>
      </c>
    </row>
    <row r="7523" spans="1:9">
      <c r="A7523" s="1">
        <f ca="1">RAND()</f>
        <v>0.60067128996918384</v>
      </c>
      <c r="B7523" s="1"/>
      <c r="C7523">
        <v>2</v>
      </c>
      <c r="D7523" t="s">
        <v>16960</v>
      </c>
      <c r="E7523" t="s">
        <v>32853</v>
      </c>
      <c r="F7523">
        <v>5</v>
      </c>
      <c r="G7523" t="s">
        <v>0</v>
      </c>
      <c r="H7523" t="s">
        <v>16961</v>
      </c>
      <c r="I7523" t="s">
        <v>30540</v>
      </c>
    </row>
    <row r="7524" spans="1:9">
      <c r="A7524" s="1">
        <f ca="1">RAND()</f>
        <v>0.73325854737331309</v>
      </c>
      <c r="B7524" s="1"/>
      <c r="C7524">
        <v>13</v>
      </c>
      <c r="D7524" t="s">
        <v>16964</v>
      </c>
      <c r="E7524" t="s">
        <v>32853</v>
      </c>
      <c r="F7524">
        <v>4</v>
      </c>
      <c r="G7524" t="s">
        <v>14</v>
      </c>
      <c r="H7524" t="s">
        <v>16965</v>
      </c>
      <c r="I7524" t="s">
        <v>30540</v>
      </c>
    </row>
    <row r="7525" spans="1:9">
      <c r="A7525" s="1">
        <f ca="1">RAND()</f>
        <v>0.39074658277257934</v>
      </c>
      <c r="B7525" s="1"/>
      <c r="C7525">
        <v>15</v>
      </c>
      <c r="D7525" t="s">
        <v>16966</v>
      </c>
      <c r="E7525" t="s">
        <v>32853</v>
      </c>
      <c r="F7525">
        <v>4</v>
      </c>
      <c r="G7525" t="s">
        <v>14</v>
      </c>
      <c r="H7525" t="s">
        <v>16967</v>
      </c>
      <c r="I7525" t="s">
        <v>30540</v>
      </c>
    </row>
    <row r="7526" spans="1:9">
      <c r="A7526" s="1">
        <f ca="1">RAND()</f>
        <v>0.3327800659845781</v>
      </c>
      <c r="B7526" s="1"/>
      <c r="C7526">
        <v>2</v>
      </c>
      <c r="D7526" t="s">
        <v>16952</v>
      </c>
      <c r="E7526" t="s">
        <v>32854</v>
      </c>
      <c r="F7526">
        <v>5</v>
      </c>
      <c r="G7526" t="s">
        <v>14</v>
      </c>
      <c r="H7526" t="s">
        <v>16953</v>
      </c>
      <c r="I7526" t="s">
        <v>30540</v>
      </c>
    </row>
    <row r="7527" spans="1:9">
      <c r="A7527" s="1">
        <f ca="1">RAND()</f>
        <v>0.93533494111042392</v>
      </c>
      <c r="B7527" s="1"/>
      <c r="C7527">
        <v>16</v>
      </c>
      <c r="D7527" t="s">
        <v>16958</v>
      </c>
      <c r="E7527" t="s">
        <v>32854</v>
      </c>
      <c r="F7527">
        <v>4</v>
      </c>
      <c r="G7527" t="s">
        <v>14</v>
      </c>
      <c r="H7527" t="s">
        <v>16959</v>
      </c>
      <c r="I7527" t="s">
        <v>30540</v>
      </c>
    </row>
    <row r="7528" spans="1:9">
      <c r="A7528" s="1">
        <f ca="1">RAND()</f>
        <v>0.54330823649252324</v>
      </c>
      <c r="B7528" s="1"/>
      <c r="C7528">
        <v>9</v>
      </c>
      <c r="D7528" t="s">
        <v>16956</v>
      </c>
      <c r="E7528" t="s">
        <v>32854</v>
      </c>
      <c r="F7528">
        <v>4</v>
      </c>
      <c r="G7528" t="s">
        <v>0</v>
      </c>
      <c r="H7528" t="s">
        <v>16957</v>
      </c>
      <c r="I7528" t="s">
        <v>30540</v>
      </c>
    </row>
    <row r="7529" spans="1:9">
      <c r="A7529" s="1">
        <f ca="1">RAND()</f>
        <v>0.30513144691449057</v>
      </c>
      <c r="B7529" s="1"/>
      <c r="C7529">
        <v>5</v>
      </c>
      <c r="D7529" t="s">
        <v>16954</v>
      </c>
      <c r="E7529" t="s">
        <v>32854</v>
      </c>
      <c r="F7529">
        <v>4</v>
      </c>
      <c r="G7529" t="s">
        <v>14</v>
      </c>
      <c r="H7529" t="s">
        <v>16955</v>
      </c>
      <c r="I7529" t="s">
        <v>30540</v>
      </c>
    </row>
    <row r="7530" spans="1:9">
      <c r="A7530" s="1">
        <f ca="1">RAND()</f>
        <v>0.68408358020813809</v>
      </c>
      <c r="B7530" s="1"/>
      <c r="C7530">
        <v>20</v>
      </c>
      <c r="D7530" t="s">
        <v>16950</v>
      </c>
      <c r="E7530" t="s">
        <v>32855</v>
      </c>
      <c r="F7530">
        <v>5</v>
      </c>
      <c r="G7530" t="s">
        <v>14</v>
      </c>
      <c r="H7530" t="s">
        <v>16951</v>
      </c>
      <c r="I7530" t="s">
        <v>30540</v>
      </c>
    </row>
    <row r="7531" spans="1:9">
      <c r="A7531" s="1">
        <f ca="1">RAND()</f>
        <v>0.33991063414565359</v>
      </c>
      <c r="B7531" s="1"/>
      <c r="C7531">
        <v>5</v>
      </c>
      <c r="D7531" t="s">
        <v>16938</v>
      </c>
      <c r="E7531" t="s">
        <v>32855</v>
      </c>
      <c r="F7531">
        <v>5</v>
      </c>
      <c r="G7531" t="s">
        <v>1431</v>
      </c>
      <c r="H7531" t="s">
        <v>16939</v>
      </c>
      <c r="I7531" t="s">
        <v>30540</v>
      </c>
    </row>
    <row r="7532" spans="1:9">
      <c r="A7532" s="1">
        <f ca="1">RAND()</f>
        <v>0.57502211729083952</v>
      </c>
      <c r="B7532" s="1"/>
      <c r="C7532">
        <v>13</v>
      </c>
      <c r="D7532" t="s">
        <v>16942</v>
      </c>
      <c r="E7532" t="s">
        <v>32855</v>
      </c>
      <c r="F7532">
        <v>5</v>
      </c>
      <c r="G7532" t="s">
        <v>14</v>
      </c>
      <c r="H7532" t="s">
        <v>16943</v>
      </c>
      <c r="I7532" t="s">
        <v>30540</v>
      </c>
    </row>
    <row r="7533" spans="1:9">
      <c r="A7533" s="1">
        <f ca="1">RAND()</f>
        <v>2.9493481506281949E-4</v>
      </c>
      <c r="B7533" s="1"/>
      <c r="C7533">
        <v>7</v>
      </c>
      <c r="D7533" t="s">
        <v>16940</v>
      </c>
      <c r="E7533" t="s">
        <v>32855</v>
      </c>
      <c r="F7533">
        <v>4</v>
      </c>
      <c r="G7533" t="s">
        <v>2738</v>
      </c>
      <c r="H7533" t="s">
        <v>16941</v>
      </c>
      <c r="I7533" t="s">
        <v>30540</v>
      </c>
    </row>
    <row r="7534" spans="1:9">
      <c r="A7534" s="1">
        <f ca="1">RAND()</f>
        <v>0.81582993045243191</v>
      </c>
      <c r="B7534" s="1"/>
      <c r="C7534">
        <v>4</v>
      </c>
      <c r="D7534" t="s">
        <v>16936</v>
      </c>
      <c r="E7534" t="s">
        <v>32855</v>
      </c>
      <c r="F7534">
        <v>4</v>
      </c>
      <c r="G7534" t="s">
        <v>0</v>
      </c>
      <c r="H7534" t="s">
        <v>16937</v>
      </c>
      <c r="I7534" t="s">
        <v>30540</v>
      </c>
    </row>
    <row r="7535" spans="1:9">
      <c r="A7535" s="1">
        <f ca="1">RAND()</f>
        <v>0.1802953696437557</v>
      </c>
      <c r="B7535" s="1"/>
      <c r="C7535">
        <v>16</v>
      </c>
      <c r="D7535" t="s">
        <v>16946</v>
      </c>
      <c r="E7535" t="s">
        <v>32855</v>
      </c>
      <c r="F7535">
        <v>4</v>
      </c>
      <c r="G7535" t="s">
        <v>14</v>
      </c>
      <c r="H7535" t="s">
        <v>16947</v>
      </c>
      <c r="I7535" t="s">
        <v>30540</v>
      </c>
    </row>
    <row r="7536" spans="1:9">
      <c r="A7536" s="1">
        <f ca="1">RAND()</f>
        <v>0.65733079566299102</v>
      </c>
      <c r="B7536" s="1"/>
      <c r="C7536">
        <v>15</v>
      </c>
      <c r="D7536" t="s">
        <v>16944</v>
      </c>
      <c r="E7536" t="s">
        <v>32855</v>
      </c>
      <c r="F7536">
        <v>3</v>
      </c>
      <c r="G7536" t="s">
        <v>775</v>
      </c>
      <c r="H7536" t="s">
        <v>16945</v>
      </c>
      <c r="I7536" t="s">
        <v>30540</v>
      </c>
    </row>
    <row r="7537" spans="1:9">
      <c r="A7537" s="1">
        <f ca="1">RAND()</f>
        <v>0.18591666953553576</v>
      </c>
      <c r="B7537" s="1"/>
      <c r="C7537">
        <v>19</v>
      </c>
      <c r="D7537" t="s">
        <v>16948</v>
      </c>
      <c r="E7537" t="s">
        <v>32855</v>
      </c>
      <c r="F7537">
        <v>2</v>
      </c>
      <c r="G7537" t="s">
        <v>1426</v>
      </c>
      <c r="H7537" t="s">
        <v>16949</v>
      </c>
      <c r="I7537" t="s">
        <v>30540</v>
      </c>
    </row>
    <row r="7538" spans="1:9">
      <c r="A7538" s="1">
        <f ca="1">RAND()</f>
        <v>1.7679576182894507E-2</v>
      </c>
      <c r="B7538" s="1"/>
      <c r="C7538">
        <v>12</v>
      </c>
      <c r="D7538" t="s">
        <v>16934</v>
      </c>
      <c r="E7538" t="s">
        <v>32856</v>
      </c>
      <c r="F7538">
        <v>4</v>
      </c>
      <c r="G7538" t="s">
        <v>14</v>
      </c>
      <c r="H7538" t="s">
        <v>16935</v>
      </c>
      <c r="I7538" t="s">
        <v>30540</v>
      </c>
    </row>
    <row r="7539" spans="1:9">
      <c r="A7539" s="1">
        <f ca="1">RAND()</f>
        <v>0.79568629590064777</v>
      </c>
      <c r="B7539" s="1"/>
      <c r="C7539">
        <v>10</v>
      </c>
      <c r="D7539" t="s">
        <v>16932</v>
      </c>
      <c r="E7539" t="s">
        <v>32856</v>
      </c>
      <c r="F7539">
        <v>3</v>
      </c>
      <c r="G7539" t="s">
        <v>14</v>
      </c>
      <c r="H7539" t="s">
        <v>16933</v>
      </c>
      <c r="I7539" t="s">
        <v>30540</v>
      </c>
    </row>
    <row r="7540" spans="1:9">
      <c r="A7540" s="1">
        <f ca="1">RAND()</f>
        <v>0.65760428573302954</v>
      </c>
      <c r="B7540" s="1"/>
      <c r="C7540">
        <v>19</v>
      </c>
      <c r="D7540" t="s">
        <v>16930</v>
      </c>
      <c r="E7540" t="s">
        <v>32857</v>
      </c>
      <c r="F7540">
        <v>5</v>
      </c>
      <c r="G7540" t="s">
        <v>14</v>
      </c>
      <c r="H7540" t="s">
        <v>16931</v>
      </c>
      <c r="I7540" t="s">
        <v>30540</v>
      </c>
    </row>
    <row r="7541" spans="1:9">
      <c r="A7541" s="1">
        <f ca="1">RAND()</f>
        <v>0.94411630538547331</v>
      </c>
      <c r="B7541" s="1"/>
      <c r="C7541">
        <v>12</v>
      </c>
      <c r="D7541" t="s">
        <v>16926</v>
      </c>
      <c r="E7541" t="s">
        <v>32857</v>
      </c>
      <c r="F7541">
        <v>4</v>
      </c>
      <c r="G7541" t="s">
        <v>13</v>
      </c>
      <c r="H7541" t="s">
        <v>16927</v>
      </c>
      <c r="I7541" t="s">
        <v>30540</v>
      </c>
    </row>
    <row r="7542" spans="1:9">
      <c r="A7542" s="1">
        <f ca="1">RAND()</f>
        <v>0.99403543832437824</v>
      </c>
      <c r="B7542" s="1"/>
      <c r="C7542">
        <v>6</v>
      </c>
      <c r="D7542" t="s">
        <v>16920</v>
      </c>
      <c r="E7542" t="s">
        <v>32857</v>
      </c>
      <c r="F7542">
        <v>4</v>
      </c>
      <c r="G7542" t="s">
        <v>14</v>
      </c>
      <c r="H7542" t="s">
        <v>16921</v>
      </c>
      <c r="I7542" t="s">
        <v>30540</v>
      </c>
    </row>
    <row r="7543" spans="1:9">
      <c r="A7543" s="1">
        <f ca="1">RAND()</f>
        <v>0.74882348491047501</v>
      </c>
      <c r="B7543" s="1"/>
      <c r="C7543">
        <v>8</v>
      </c>
      <c r="D7543" t="s">
        <v>16922</v>
      </c>
      <c r="E7543" t="s">
        <v>32857</v>
      </c>
      <c r="F7543">
        <v>4</v>
      </c>
      <c r="G7543" t="s">
        <v>14</v>
      </c>
      <c r="H7543" t="s">
        <v>16923</v>
      </c>
      <c r="I7543" t="s">
        <v>30540</v>
      </c>
    </row>
    <row r="7544" spans="1:9">
      <c r="A7544" s="1">
        <f ca="1">RAND()</f>
        <v>0.82365450804151585</v>
      </c>
      <c r="B7544" s="1"/>
      <c r="C7544">
        <v>16</v>
      </c>
      <c r="D7544" t="s">
        <v>16928</v>
      </c>
      <c r="E7544" t="s">
        <v>32857</v>
      </c>
      <c r="F7544">
        <v>4</v>
      </c>
      <c r="G7544" t="s">
        <v>0</v>
      </c>
      <c r="H7544" t="s">
        <v>16929</v>
      </c>
      <c r="I7544" t="s">
        <v>30540</v>
      </c>
    </row>
    <row r="7545" spans="1:9">
      <c r="A7545" s="1">
        <f ca="1">RAND()</f>
        <v>0.27132643707978699</v>
      </c>
      <c r="B7545" s="1"/>
      <c r="C7545">
        <v>4</v>
      </c>
      <c r="D7545" t="s">
        <v>16918</v>
      </c>
      <c r="E7545" t="s">
        <v>32857</v>
      </c>
      <c r="F7545">
        <v>4</v>
      </c>
      <c r="G7545" t="s">
        <v>10</v>
      </c>
      <c r="H7545" t="s">
        <v>16919</v>
      </c>
      <c r="I7545" t="s">
        <v>30540</v>
      </c>
    </row>
    <row r="7546" spans="1:9">
      <c r="A7546" s="1">
        <f ca="1">RAND()</f>
        <v>0.16104717610700037</v>
      </c>
      <c r="B7546" s="1"/>
      <c r="C7546">
        <v>9</v>
      </c>
      <c r="D7546" t="s">
        <v>16924</v>
      </c>
      <c r="E7546" t="s">
        <v>32857</v>
      </c>
      <c r="F7546">
        <v>4</v>
      </c>
      <c r="G7546" t="s">
        <v>9</v>
      </c>
      <c r="H7546" t="s">
        <v>16925</v>
      </c>
      <c r="I7546" t="s">
        <v>30540</v>
      </c>
    </row>
    <row r="7547" spans="1:9">
      <c r="A7547" s="1">
        <f ca="1">RAND()</f>
        <v>0.89825080142893377</v>
      </c>
      <c r="B7547" s="1"/>
      <c r="C7547">
        <v>8</v>
      </c>
      <c r="D7547" t="s">
        <v>16914</v>
      </c>
      <c r="E7547" t="s">
        <v>32858</v>
      </c>
      <c r="F7547">
        <v>5</v>
      </c>
      <c r="G7547" t="s">
        <v>14</v>
      </c>
      <c r="H7547" t="s">
        <v>16915</v>
      </c>
      <c r="I7547" t="s">
        <v>30540</v>
      </c>
    </row>
    <row r="7548" spans="1:9">
      <c r="A7548" s="1">
        <f ca="1">RAND()</f>
        <v>1.9037475487425959E-2</v>
      </c>
      <c r="B7548" s="1"/>
      <c r="C7548">
        <v>7</v>
      </c>
      <c r="D7548" t="s">
        <v>16912</v>
      </c>
      <c r="E7548" t="s">
        <v>32858</v>
      </c>
      <c r="F7548">
        <v>5</v>
      </c>
      <c r="G7548" t="s">
        <v>14</v>
      </c>
      <c r="H7548" t="s">
        <v>16913</v>
      </c>
      <c r="I7548" t="s">
        <v>30540</v>
      </c>
    </row>
    <row r="7549" spans="1:9">
      <c r="A7549" s="1">
        <f ca="1">RAND()</f>
        <v>0.93067617096281363</v>
      </c>
      <c r="B7549" s="1"/>
      <c r="C7549">
        <v>13</v>
      </c>
      <c r="D7549" t="s">
        <v>16916</v>
      </c>
      <c r="E7549" t="s">
        <v>32858</v>
      </c>
      <c r="F7549">
        <v>4</v>
      </c>
      <c r="G7549" t="s">
        <v>14</v>
      </c>
      <c r="H7549" t="s">
        <v>16917</v>
      </c>
      <c r="I7549" t="s">
        <v>30540</v>
      </c>
    </row>
    <row r="7550" spans="1:9">
      <c r="A7550" s="1">
        <f ca="1">RAND()</f>
        <v>0.9874878936911915</v>
      </c>
      <c r="B7550" s="1"/>
      <c r="C7550">
        <v>6</v>
      </c>
      <c r="D7550" t="s">
        <v>16910</v>
      </c>
      <c r="E7550" t="s">
        <v>32858</v>
      </c>
      <c r="F7550">
        <v>4</v>
      </c>
      <c r="G7550" t="s">
        <v>0</v>
      </c>
      <c r="H7550" t="s">
        <v>16911</v>
      </c>
      <c r="I7550" t="s">
        <v>30540</v>
      </c>
    </row>
    <row r="7551" spans="1:9">
      <c r="A7551" s="1">
        <f ca="1">RAND()</f>
        <v>0.52741073852434484</v>
      </c>
      <c r="B7551" s="1"/>
      <c r="C7551">
        <v>2</v>
      </c>
      <c r="D7551" t="s">
        <v>16906</v>
      </c>
      <c r="E7551" t="s">
        <v>32858</v>
      </c>
      <c r="F7551">
        <v>4</v>
      </c>
      <c r="G7551" t="s">
        <v>13</v>
      </c>
      <c r="H7551" t="s">
        <v>16907</v>
      </c>
      <c r="I7551" t="s">
        <v>30540</v>
      </c>
    </row>
    <row r="7552" spans="1:9">
      <c r="A7552" s="1">
        <f ca="1">RAND()</f>
        <v>4.4721801782887871E-2</v>
      </c>
      <c r="B7552" s="1"/>
      <c r="C7552">
        <v>4</v>
      </c>
      <c r="D7552" t="s">
        <v>16908</v>
      </c>
      <c r="E7552" t="s">
        <v>32858</v>
      </c>
      <c r="F7552">
        <v>2</v>
      </c>
      <c r="G7552" t="s">
        <v>14</v>
      </c>
      <c r="H7552" t="s">
        <v>16909</v>
      </c>
      <c r="I7552" t="s">
        <v>30540</v>
      </c>
    </row>
    <row r="7553" spans="1:9">
      <c r="A7553" s="1">
        <f ca="1">RAND()</f>
        <v>0.69157580176021949</v>
      </c>
      <c r="B7553" s="1"/>
      <c r="C7553">
        <v>1</v>
      </c>
      <c r="D7553" t="s">
        <v>16898</v>
      </c>
      <c r="E7553" t="s">
        <v>32859</v>
      </c>
      <c r="F7553">
        <v>5</v>
      </c>
      <c r="G7553" t="s">
        <v>10</v>
      </c>
      <c r="H7553" t="s">
        <v>16899</v>
      </c>
      <c r="I7553" t="s">
        <v>30540</v>
      </c>
    </row>
    <row r="7554" spans="1:9">
      <c r="A7554" s="1">
        <f ca="1">RAND()</f>
        <v>0.71249163512211189</v>
      </c>
      <c r="B7554" s="1"/>
      <c r="C7554">
        <v>11</v>
      </c>
      <c r="D7554" t="s">
        <v>16902</v>
      </c>
      <c r="E7554" t="s">
        <v>32859</v>
      </c>
      <c r="F7554">
        <v>4</v>
      </c>
      <c r="G7554" t="s">
        <v>14</v>
      </c>
      <c r="H7554" t="s">
        <v>16903</v>
      </c>
      <c r="I7554" t="s">
        <v>30540</v>
      </c>
    </row>
    <row r="7555" spans="1:9">
      <c r="A7555" s="1">
        <f ca="1">RAND()</f>
        <v>6.120001199691516E-2</v>
      </c>
      <c r="B7555" s="1"/>
      <c r="C7555">
        <v>5</v>
      </c>
      <c r="D7555" t="s">
        <v>16900</v>
      </c>
      <c r="E7555" t="s">
        <v>32859</v>
      </c>
      <c r="F7555">
        <v>4</v>
      </c>
      <c r="G7555" t="s">
        <v>14</v>
      </c>
      <c r="H7555" t="s">
        <v>16901</v>
      </c>
      <c r="I7555" t="s">
        <v>30540</v>
      </c>
    </row>
    <row r="7556" spans="1:9">
      <c r="A7556" s="1">
        <f ca="1">RAND()</f>
        <v>0.90174202988305485</v>
      </c>
      <c r="B7556" s="1"/>
      <c r="C7556">
        <v>14</v>
      </c>
      <c r="D7556" t="s">
        <v>16904</v>
      </c>
      <c r="E7556" t="s">
        <v>32859</v>
      </c>
      <c r="F7556">
        <v>4</v>
      </c>
      <c r="G7556" t="s">
        <v>14</v>
      </c>
      <c r="H7556" t="s">
        <v>16905</v>
      </c>
      <c r="I7556" t="s">
        <v>30540</v>
      </c>
    </row>
    <row r="7557" spans="1:9">
      <c r="A7557" s="1">
        <f ca="1">RAND()</f>
        <v>0.20679223338071695</v>
      </c>
      <c r="B7557" s="1"/>
      <c r="C7557">
        <v>9</v>
      </c>
      <c r="D7557" t="s">
        <v>16894</v>
      </c>
      <c r="E7557" t="s">
        <v>32860</v>
      </c>
      <c r="F7557">
        <v>5</v>
      </c>
      <c r="G7557" t="s">
        <v>775</v>
      </c>
      <c r="H7557" t="s">
        <v>16895</v>
      </c>
      <c r="I7557" t="s">
        <v>30540</v>
      </c>
    </row>
    <row r="7558" spans="1:9">
      <c r="A7558" s="1">
        <f ca="1">RAND()</f>
        <v>0.72112451774174635</v>
      </c>
      <c r="B7558" s="1"/>
      <c r="C7558">
        <v>3</v>
      </c>
      <c r="D7558" t="s">
        <v>16886</v>
      </c>
      <c r="E7558" t="s">
        <v>32860</v>
      </c>
      <c r="F7558">
        <v>5</v>
      </c>
      <c r="G7558" t="s">
        <v>1426</v>
      </c>
      <c r="H7558" t="s">
        <v>16887</v>
      </c>
      <c r="I7558" t="s">
        <v>30540</v>
      </c>
    </row>
    <row r="7559" spans="1:9">
      <c r="A7559" s="1">
        <f ca="1">RAND()</f>
        <v>0.72411327846412765</v>
      </c>
      <c r="B7559" s="1"/>
      <c r="C7559">
        <v>5</v>
      </c>
      <c r="D7559" t="s">
        <v>16888</v>
      </c>
      <c r="E7559" t="s">
        <v>32860</v>
      </c>
      <c r="F7559">
        <v>4</v>
      </c>
      <c r="G7559" t="s">
        <v>3732</v>
      </c>
      <c r="H7559" t="s">
        <v>16889</v>
      </c>
      <c r="I7559" t="s">
        <v>30540</v>
      </c>
    </row>
    <row r="7560" spans="1:9">
      <c r="A7560" s="1">
        <f ca="1">RAND()</f>
        <v>0.34916990424601935</v>
      </c>
      <c r="B7560" s="1"/>
      <c r="C7560">
        <v>18</v>
      </c>
      <c r="D7560" t="s">
        <v>16896</v>
      </c>
      <c r="E7560" t="s">
        <v>32860</v>
      </c>
      <c r="F7560">
        <v>4</v>
      </c>
      <c r="G7560" t="s">
        <v>14</v>
      </c>
      <c r="H7560" t="s">
        <v>16897</v>
      </c>
      <c r="I7560" t="s">
        <v>30540</v>
      </c>
    </row>
    <row r="7561" spans="1:9">
      <c r="A7561" s="1">
        <f ca="1">RAND()</f>
        <v>0.77435250719664406</v>
      </c>
      <c r="B7561" s="1"/>
      <c r="C7561">
        <v>1</v>
      </c>
      <c r="D7561" t="s">
        <v>16884</v>
      </c>
      <c r="E7561" t="s">
        <v>32860</v>
      </c>
      <c r="F7561">
        <v>4</v>
      </c>
      <c r="G7561" t="s">
        <v>2</v>
      </c>
      <c r="H7561" t="s">
        <v>16885</v>
      </c>
      <c r="I7561" t="s">
        <v>30540</v>
      </c>
    </row>
    <row r="7562" spans="1:9">
      <c r="A7562" s="1">
        <f ca="1">RAND()</f>
        <v>0.27821248813448141</v>
      </c>
      <c r="B7562" s="1"/>
      <c r="C7562">
        <v>7</v>
      </c>
      <c r="D7562" t="s">
        <v>16890</v>
      </c>
      <c r="E7562" t="s">
        <v>32860</v>
      </c>
      <c r="F7562">
        <v>3</v>
      </c>
      <c r="G7562" t="s">
        <v>1431</v>
      </c>
      <c r="H7562" t="s">
        <v>16891</v>
      </c>
      <c r="I7562" t="s">
        <v>30540</v>
      </c>
    </row>
    <row r="7563" spans="1:9">
      <c r="A7563" s="1">
        <f ca="1">RAND()</f>
        <v>0.18500737686877555</v>
      </c>
      <c r="B7563" s="1"/>
      <c r="C7563">
        <v>8</v>
      </c>
      <c r="D7563" t="s">
        <v>16892</v>
      </c>
      <c r="E7563" t="s">
        <v>32860</v>
      </c>
      <c r="F7563">
        <v>2</v>
      </c>
      <c r="G7563" t="s">
        <v>13</v>
      </c>
      <c r="H7563" t="s">
        <v>16893</v>
      </c>
      <c r="I7563" t="s">
        <v>30540</v>
      </c>
    </row>
    <row r="7564" spans="1:9">
      <c r="A7564" s="1">
        <f ca="1">RAND()</f>
        <v>0.38631263632812096</v>
      </c>
      <c r="B7564" s="1"/>
      <c r="C7564">
        <v>1</v>
      </c>
      <c r="D7564" t="s">
        <v>16874</v>
      </c>
      <c r="E7564" t="s">
        <v>32861</v>
      </c>
      <c r="F7564">
        <v>4</v>
      </c>
      <c r="G7564" t="s">
        <v>0</v>
      </c>
      <c r="H7564" t="s">
        <v>16875</v>
      </c>
      <c r="I7564" t="s">
        <v>30540</v>
      </c>
    </row>
    <row r="7565" spans="1:9">
      <c r="A7565" s="1">
        <f ca="1">RAND()</f>
        <v>0.21661533076228423</v>
      </c>
      <c r="B7565" s="1"/>
      <c r="C7565">
        <v>12</v>
      </c>
      <c r="D7565" t="s">
        <v>16882</v>
      </c>
      <c r="E7565" t="s">
        <v>32861</v>
      </c>
      <c r="F7565">
        <v>4</v>
      </c>
      <c r="G7565" t="s">
        <v>10</v>
      </c>
      <c r="H7565" t="s">
        <v>16883</v>
      </c>
      <c r="I7565" t="s">
        <v>30540</v>
      </c>
    </row>
    <row r="7566" spans="1:9">
      <c r="A7566" s="1">
        <f ca="1">RAND()</f>
        <v>0.1761253384377709</v>
      </c>
      <c r="B7566" s="1"/>
      <c r="C7566">
        <v>7</v>
      </c>
      <c r="D7566" t="s">
        <v>16878</v>
      </c>
      <c r="E7566" t="s">
        <v>32861</v>
      </c>
      <c r="F7566">
        <v>4</v>
      </c>
      <c r="G7566" t="s">
        <v>1</v>
      </c>
      <c r="H7566" t="s">
        <v>16879</v>
      </c>
      <c r="I7566" t="s">
        <v>30540</v>
      </c>
    </row>
    <row r="7567" spans="1:9">
      <c r="A7567" s="1">
        <f ca="1">RAND()</f>
        <v>0.64532634398359312</v>
      </c>
      <c r="B7567" s="1"/>
      <c r="C7567">
        <v>9</v>
      </c>
      <c r="D7567" t="s">
        <v>16880</v>
      </c>
      <c r="E7567" t="s">
        <v>32861</v>
      </c>
      <c r="F7567">
        <v>3</v>
      </c>
      <c r="G7567" t="s">
        <v>15</v>
      </c>
      <c r="H7567" t="s">
        <v>16881</v>
      </c>
      <c r="I7567" t="s">
        <v>30540</v>
      </c>
    </row>
    <row r="7568" spans="1:9">
      <c r="A7568" s="1">
        <f ca="1">RAND()</f>
        <v>0.1024713181977922</v>
      </c>
      <c r="B7568" s="1"/>
      <c r="C7568">
        <v>5</v>
      </c>
      <c r="D7568" t="s">
        <v>16876</v>
      </c>
      <c r="E7568" t="s">
        <v>32861</v>
      </c>
      <c r="F7568">
        <v>3</v>
      </c>
      <c r="G7568" t="s">
        <v>10</v>
      </c>
      <c r="H7568" t="s">
        <v>16877</v>
      </c>
      <c r="I7568" t="s">
        <v>30540</v>
      </c>
    </row>
    <row r="7569" spans="1:9">
      <c r="A7569" s="1">
        <f ca="1">RAND()</f>
        <v>0.78145933219070496</v>
      </c>
      <c r="B7569" s="1"/>
      <c r="C7569">
        <v>8</v>
      </c>
      <c r="D7569" t="s">
        <v>16868</v>
      </c>
      <c r="E7569" t="s">
        <v>32862</v>
      </c>
      <c r="F7569">
        <v>5</v>
      </c>
      <c r="G7569" t="s">
        <v>14</v>
      </c>
      <c r="H7569" t="s">
        <v>16869</v>
      </c>
      <c r="I7569" t="s">
        <v>30540</v>
      </c>
    </row>
    <row r="7570" spans="1:9">
      <c r="A7570" s="1">
        <f ca="1">RAND()</f>
        <v>9.9270820029808027E-2</v>
      </c>
      <c r="B7570" s="1"/>
      <c r="C7570">
        <v>9</v>
      </c>
      <c r="D7570" t="s">
        <v>16870</v>
      </c>
      <c r="E7570" t="s">
        <v>32862</v>
      </c>
      <c r="F7570">
        <v>4</v>
      </c>
      <c r="G7570" t="s">
        <v>14</v>
      </c>
      <c r="H7570" t="s">
        <v>16871</v>
      </c>
      <c r="I7570" t="s">
        <v>30540</v>
      </c>
    </row>
    <row r="7571" spans="1:9">
      <c r="A7571" s="1">
        <f ca="1">RAND()</f>
        <v>0.82745819702295242</v>
      </c>
      <c r="B7571" s="1"/>
      <c r="C7571">
        <v>4</v>
      </c>
      <c r="D7571" t="s">
        <v>16864</v>
      </c>
      <c r="E7571" t="s">
        <v>32862</v>
      </c>
      <c r="F7571">
        <v>4</v>
      </c>
      <c r="G7571" t="s">
        <v>10</v>
      </c>
      <c r="H7571" t="s">
        <v>16865</v>
      </c>
      <c r="I7571" t="s">
        <v>30540</v>
      </c>
    </row>
    <row r="7572" spans="1:9">
      <c r="A7572" s="1">
        <f ca="1">RAND()</f>
        <v>0.6949049702928829</v>
      </c>
      <c r="B7572" s="1"/>
      <c r="C7572">
        <v>12</v>
      </c>
      <c r="D7572" t="s">
        <v>16872</v>
      </c>
      <c r="E7572" t="s">
        <v>32862</v>
      </c>
      <c r="F7572">
        <v>4</v>
      </c>
      <c r="G7572" t="s">
        <v>1</v>
      </c>
      <c r="H7572" t="s">
        <v>16873</v>
      </c>
      <c r="I7572" t="s">
        <v>30540</v>
      </c>
    </row>
    <row r="7573" spans="1:9">
      <c r="A7573" s="1">
        <f ca="1">RAND()</f>
        <v>0.4494024853728501</v>
      </c>
      <c r="B7573" s="1"/>
      <c r="C7573">
        <v>7</v>
      </c>
      <c r="D7573" t="s">
        <v>16866</v>
      </c>
      <c r="E7573" t="s">
        <v>32862</v>
      </c>
      <c r="F7573">
        <v>2</v>
      </c>
      <c r="G7573" t="s">
        <v>14</v>
      </c>
      <c r="H7573" t="s">
        <v>16867</v>
      </c>
      <c r="I7573" t="s">
        <v>30540</v>
      </c>
    </row>
    <row r="7574" spans="1:9">
      <c r="A7574" s="1">
        <f ca="1">RAND()</f>
        <v>0.52857955187351247</v>
      </c>
      <c r="B7574" s="1"/>
      <c r="C7574">
        <v>7</v>
      </c>
      <c r="D7574" t="s">
        <v>16854</v>
      </c>
      <c r="E7574" t="s">
        <v>32863</v>
      </c>
      <c r="F7574">
        <v>4</v>
      </c>
      <c r="G7574" t="s">
        <v>0</v>
      </c>
      <c r="H7574" t="s">
        <v>16855</v>
      </c>
      <c r="I7574" t="s">
        <v>30540</v>
      </c>
    </row>
    <row r="7575" spans="1:9">
      <c r="A7575" s="1">
        <f ca="1">RAND()</f>
        <v>0.8193318496592048</v>
      </c>
      <c r="B7575" s="1"/>
      <c r="C7575">
        <v>8</v>
      </c>
      <c r="D7575" t="s">
        <v>16856</v>
      </c>
      <c r="E7575" t="s">
        <v>32863</v>
      </c>
      <c r="F7575">
        <v>4</v>
      </c>
      <c r="G7575" t="s">
        <v>0</v>
      </c>
      <c r="H7575" t="s">
        <v>16857</v>
      </c>
      <c r="I7575" t="s">
        <v>30540</v>
      </c>
    </row>
    <row r="7576" spans="1:9">
      <c r="A7576" s="1">
        <f ca="1">RAND()</f>
        <v>0.33484883247784314</v>
      </c>
      <c r="B7576" s="1"/>
      <c r="C7576">
        <v>11</v>
      </c>
      <c r="D7576" t="s">
        <v>16862</v>
      </c>
      <c r="E7576" t="s">
        <v>32863</v>
      </c>
      <c r="F7576">
        <v>4</v>
      </c>
      <c r="G7576" t="s">
        <v>14</v>
      </c>
      <c r="H7576" t="s">
        <v>16863</v>
      </c>
      <c r="I7576" t="s">
        <v>30540</v>
      </c>
    </row>
    <row r="7577" spans="1:9">
      <c r="A7577" s="1">
        <f ca="1">RAND()</f>
        <v>0.88331196598073214</v>
      </c>
      <c r="B7577" s="1"/>
      <c r="C7577">
        <v>9</v>
      </c>
      <c r="D7577" t="s">
        <v>16858</v>
      </c>
      <c r="E7577" t="s">
        <v>32863</v>
      </c>
      <c r="F7577">
        <v>4</v>
      </c>
      <c r="G7577" t="s">
        <v>14</v>
      </c>
      <c r="H7577" t="s">
        <v>16859</v>
      </c>
      <c r="I7577" t="s">
        <v>30540</v>
      </c>
    </row>
    <row r="7578" spans="1:9">
      <c r="A7578" s="1">
        <f ca="1">RAND()</f>
        <v>0.69673491993623482</v>
      </c>
      <c r="B7578" s="1"/>
      <c r="C7578">
        <v>10</v>
      </c>
      <c r="D7578" t="s">
        <v>16860</v>
      </c>
      <c r="E7578" t="s">
        <v>32863</v>
      </c>
      <c r="F7578">
        <v>4</v>
      </c>
      <c r="G7578" t="s">
        <v>14</v>
      </c>
      <c r="H7578" t="s">
        <v>16861</v>
      </c>
      <c r="I7578" t="s">
        <v>30540</v>
      </c>
    </row>
    <row r="7579" spans="1:9">
      <c r="A7579" s="1">
        <f ca="1">RAND()</f>
        <v>0.9288777728248947</v>
      </c>
      <c r="B7579" s="1"/>
      <c r="C7579">
        <v>11</v>
      </c>
      <c r="D7579" t="s">
        <v>16850</v>
      </c>
      <c r="E7579" t="s">
        <v>32864</v>
      </c>
      <c r="F7579">
        <v>4</v>
      </c>
      <c r="G7579" t="s">
        <v>14</v>
      </c>
      <c r="H7579" t="s">
        <v>16851</v>
      </c>
      <c r="I7579" t="s">
        <v>30540</v>
      </c>
    </row>
    <row r="7580" spans="1:9">
      <c r="A7580" s="1">
        <f ca="1">RAND()</f>
        <v>0.62525979773714846</v>
      </c>
      <c r="B7580" s="1"/>
      <c r="C7580">
        <v>10</v>
      </c>
      <c r="D7580" t="s">
        <v>16848</v>
      </c>
      <c r="E7580" t="s">
        <v>32864</v>
      </c>
      <c r="F7580">
        <v>4</v>
      </c>
      <c r="G7580" t="s">
        <v>15</v>
      </c>
      <c r="H7580" t="s">
        <v>16849</v>
      </c>
      <c r="I7580" t="s">
        <v>30540</v>
      </c>
    </row>
    <row r="7581" spans="1:9">
      <c r="A7581" s="1">
        <f ca="1">RAND()</f>
        <v>0.26776439960570442</v>
      </c>
      <c r="B7581" s="1"/>
      <c r="C7581">
        <v>9</v>
      </c>
      <c r="D7581" t="s">
        <v>16846</v>
      </c>
      <c r="E7581" t="s">
        <v>32864</v>
      </c>
      <c r="F7581">
        <v>4</v>
      </c>
      <c r="G7581" t="s">
        <v>10</v>
      </c>
      <c r="H7581" t="s">
        <v>16847</v>
      </c>
      <c r="I7581" t="s">
        <v>30540</v>
      </c>
    </row>
    <row r="7582" spans="1:9">
      <c r="A7582" s="1">
        <f ca="1">RAND()</f>
        <v>4.0673295844745549E-2</v>
      </c>
      <c r="B7582" s="1"/>
      <c r="C7582">
        <v>8</v>
      </c>
      <c r="D7582" t="s">
        <v>16844</v>
      </c>
      <c r="E7582" t="s">
        <v>32864</v>
      </c>
      <c r="F7582">
        <v>4</v>
      </c>
      <c r="G7582" t="s">
        <v>14</v>
      </c>
      <c r="H7582" t="s">
        <v>16845</v>
      </c>
      <c r="I7582" t="s">
        <v>30540</v>
      </c>
    </row>
    <row r="7583" spans="1:9">
      <c r="A7583" s="1">
        <f ca="1">RAND()</f>
        <v>0.84819896566549613</v>
      </c>
      <c r="B7583" s="1"/>
      <c r="C7583">
        <v>16</v>
      </c>
      <c r="D7583" t="s">
        <v>16852</v>
      </c>
      <c r="E7583" t="s">
        <v>32864</v>
      </c>
      <c r="F7583">
        <v>4</v>
      </c>
      <c r="G7583" t="s">
        <v>14</v>
      </c>
      <c r="H7583" t="s">
        <v>16853</v>
      </c>
      <c r="I7583" t="s">
        <v>30540</v>
      </c>
    </row>
    <row r="7584" spans="1:9">
      <c r="A7584" s="1">
        <f ca="1">RAND()</f>
        <v>0.12717190344085461</v>
      </c>
      <c r="B7584" s="1"/>
      <c r="C7584">
        <v>5</v>
      </c>
      <c r="D7584" t="s">
        <v>16842</v>
      </c>
      <c r="E7584" t="s">
        <v>32864</v>
      </c>
      <c r="F7584">
        <v>2</v>
      </c>
      <c r="G7584" t="s">
        <v>15</v>
      </c>
      <c r="H7584" t="s">
        <v>16843</v>
      </c>
      <c r="I7584" t="s">
        <v>30540</v>
      </c>
    </row>
    <row r="7585" spans="1:9">
      <c r="A7585" s="1">
        <f ca="1">RAND()</f>
        <v>0.87494924240802097</v>
      </c>
      <c r="B7585" s="1"/>
      <c r="C7585">
        <v>8</v>
      </c>
      <c r="D7585" t="s">
        <v>16832</v>
      </c>
      <c r="E7585" t="s">
        <v>32865</v>
      </c>
      <c r="F7585">
        <v>5</v>
      </c>
      <c r="G7585" t="s">
        <v>14</v>
      </c>
      <c r="H7585" t="s">
        <v>16833</v>
      </c>
      <c r="I7585" t="s">
        <v>30540</v>
      </c>
    </row>
    <row r="7586" spans="1:9">
      <c r="A7586" s="1">
        <f ca="1">RAND()</f>
        <v>5.6704100178068706E-2</v>
      </c>
      <c r="B7586" s="1"/>
      <c r="C7586">
        <v>3</v>
      </c>
      <c r="D7586" t="s">
        <v>16830</v>
      </c>
      <c r="E7586" t="s">
        <v>32865</v>
      </c>
      <c r="F7586">
        <v>4</v>
      </c>
      <c r="G7586" t="s">
        <v>1431</v>
      </c>
      <c r="H7586" t="s">
        <v>16831</v>
      </c>
      <c r="I7586" t="s">
        <v>30540</v>
      </c>
    </row>
    <row r="7587" spans="1:9">
      <c r="A7587" s="1">
        <f ca="1">RAND()</f>
        <v>0.53871333593841941</v>
      </c>
      <c r="B7587" s="1"/>
      <c r="C7587">
        <v>12</v>
      </c>
      <c r="D7587" t="s">
        <v>16836</v>
      </c>
      <c r="E7587" t="s">
        <v>32865</v>
      </c>
      <c r="F7587">
        <v>4</v>
      </c>
      <c r="G7587" t="s">
        <v>762</v>
      </c>
      <c r="H7587" t="s">
        <v>16837</v>
      </c>
      <c r="I7587" t="s">
        <v>30540</v>
      </c>
    </row>
    <row r="7588" spans="1:9">
      <c r="A7588" s="1">
        <f ca="1">RAND()</f>
        <v>0.44711038553279236</v>
      </c>
      <c r="B7588" s="1"/>
      <c r="C7588">
        <v>17</v>
      </c>
      <c r="D7588" t="s">
        <v>16838</v>
      </c>
      <c r="E7588" t="s">
        <v>32865</v>
      </c>
      <c r="F7588">
        <v>4</v>
      </c>
      <c r="G7588" t="s">
        <v>14</v>
      </c>
      <c r="H7588" t="s">
        <v>16839</v>
      </c>
      <c r="I7588" t="s">
        <v>30540</v>
      </c>
    </row>
    <row r="7589" spans="1:9">
      <c r="A7589" s="1">
        <f ca="1">RAND()</f>
        <v>5.1481449553823944E-2</v>
      </c>
      <c r="B7589" s="1"/>
      <c r="C7589">
        <v>10</v>
      </c>
      <c r="D7589" t="s">
        <v>16834</v>
      </c>
      <c r="E7589" t="s">
        <v>32865</v>
      </c>
      <c r="F7589">
        <v>4</v>
      </c>
      <c r="G7589" t="s">
        <v>3732</v>
      </c>
      <c r="H7589" t="s">
        <v>16835</v>
      </c>
      <c r="I7589" t="s">
        <v>30540</v>
      </c>
    </row>
    <row r="7590" spans="1:9">
      <c r="A7590" s="1">
        <f ca="1">RAND()</f>
        <v>0.5361874185984391</v>
      </c>
      <c r="B7590" s="1"/>
      <c r="C7590">
        <v>18</v>
      </c>
      <c r="D7590" t="s">
        <v>16840</v>
      </c>
      <c r="E7590" t="s">
        <v>32865</v>
      </c>
      <c r="F7590">
        <v>4</v>
      </c>
      <c r="G7590" t="s">
        <v>13</v>
      </c>
      <c r="H7590" t="s">
        <v>16841</v>
      </c>
      <c r="I7590" t="s">
        <v>30540</v>
      </c>
    </row>
    <row r="7591" spans="1:9">
      <c r="A7591" s="1">
        <f ca="1">RAND()</f>
        <v>0.12445097066327804</v>
      </c>
      <c r="B7591" s="1"/>
      <c r="C7591">
        <v>7</v>
      </c>
      <c r="D7591" t="s">
        <v>16822</v>
      </c>
      <c r="E7591" t="s">
        <v>32866</v>
      </c>
      <c r="F7591">
        <v>5</v>
      </c>
      <c r="G7591" t="s">
        <v>14</v>
      </c>
      <c r="H7591" t="s">
        <v>16823</v>
      </c>
      <c r="I7591" t="s">
        <v>30540</v>
      </c>
    </row>
    <row r="7592" spans="1:9">
      <c r="A7592" s="1">
        <f ca="1">RAND()</f>
        <v>0.85137959272383268</v>
      </c>
      <c r="B7592" s="1"/>
      <c r="C7592">
        <v>12</v>
      </c>
      <c r="D7592" t="s">
        <v>16828</v>
      </c>
      <c r="E7592" t="s">
        <v>32866</v>
      </c>
      <c r="F7592">
        <v>4</v>
      </c>
      <c r="G7592" t="s">
        <v>9</v>
      </c>
      <c r="H7592" t="s">
        <v>16829</v>
      </c>
      <c r="I7592" t="s">
        <v>30540</v>
      </c>
    </row>
    <row r="7593" spans="1:9">
      <c r="A7593" s="1">
        <f ca="1">RAND()</f>
        <v>0.63117018223391574</v>
      </c>
      <c r="B7593" s="1"/>
      <c r="C7593">
        <v>4</v>
      </c>
      <c r="D7593" t="s">
        <v>16818</v>
      </c>
      <c r="E7593" t="s">
        <v>32866</v>
      </c>
      <c r="F7593">
        <v>4</v>
      </c>
      <c r="G7593" t="s">
        <v>0</v>
      </c>
      <c r="H7593" t="s">
        <v>16819</v>
      </c>
      <c r="I7593" t="s">
        <v>30540</v>
      </c>
    </row>
    <row r="7594" spans="1:9">
      <c r="A7594" s="1">
        <f ca="1">RAND()</f>
        <v>0.86683377197519629</v>
      </c>
      <c r="B7594" s="1"/>
      <c r="C7594">
        <v>6</v>
      </c>
      <c r="D7594" t="s">
        <v>16820</v>
      </c>
      <c r="E7594" t="s">
        <v>32866</v>
      </c>
      <c r="F7594">
        <v>4</v>
      </c>
      <c r="G7594" t="s">
        <v>15</v>
      </c>
      <c r="H7594" t="s">
        <v>16821</v>
      </c>
      <c r="I7594" t="s">
        <v>30540</v>
      </c>
    </row>
    <row r="7595" spans="1:9">
      <c r="A7595" s="1">
        <f ca="1">RAND()</f>
        <v>0.93583879054919161</v>
      </c>
      <c r="B7595" s="1"/>
      <c r="C7595">
        <v>8</v>
      </c>
      <c r="D7595" t="s">
        <v>16824</v>
      </c>
      <c r="E7595" t="s">
        <v>32866</v>
      </c>
      <c r="F7595">
        <v>3</v>
      </c>
      <c r="G7595" t="s">
        <v>14</v>
      </c>
      <c r="H7595" t="s">
        <v>16825</v>
      </c>
      <c r="I7595" t="s">
        <v>30540</v>
      </c>
    </row>
    <row r="7596" spans="1:9">
      <c r="A7596" s="1">
        <f ca="1">RAND()</f>
        <v>0.9042177530856802</v>
      </c>
      <c r="B7596" s="1"/>
      <c r="C7596">
        <v>3</v>
      </c>
      <c r="D7596" t="s">
        <v>16816</v>
      </c>
      <c r="E7596" t="s">
        <v>32866</v>
      </c>
      <c r="F7596">
        <v>2</v>
      </c>
      <c r="G7596" t="s">
        <v>2</v>
      </c>
      <c r="H7596" t="s">
        <v>16817</v>
      </c>
      <c r="I7596" t="s">
        <v>30540</v>
      </c>
    </row>
    <row r="7597" spans="1:9">
      <c r="A7597" s="1">
        <f ca="1">RAND()</f>
        <v>0.70199891043405271</v>
      </c>
      <c r="B7597" s="1"/>
      <c r="C7597">
        <v>9</v>
      </c>
      <c r="D7597" t="s">
        <v>16826</v>
      </c>
      <c r="E7597" t="s">
        <v>32866</v>
      </c>
      <c r="F7597">
        <v>2</v>
      </c>
      <c r="G7597" t="s">
        <v>14</v>
      </c>
      <c r="H7597" t="s">
        <v>16827</v>
      </c>
      <c r="I7597" t="s">
        <v>30540</v>
      </c>
    </row>
    <row r="7598" spans="1:9">
      <c r="A7598" s="1">
        <f ca="1">RAND()</f>
        <v>0.31670549512542689</v>
      </c>
      <c r="B7598" s="1"/>
      <c r="C7598">
        <v>2</v>
      </c>
      <c r="D7598" t="s">
        <v>16806</v>
      </c>
      <c r="E7598" t="s">
        <v>32867</v>
      </c>
      <c r="F7598">
        <v>5</v>
      </c>
      <c r="G7598" t="s">
        <v>14</v>
      </c>
      <c r="H7598" t="s">
        <v>16807</v>
      </c>
      <c r="I7598" t="s">
        <v>30540</v>
      </c>
    </row>
    <row r="7599" spans="1:9">
      <c r="A7599" s="1">
        <f ca="1">RAND()</f>
        <v>0.92936184544064204</v>
      </c>
      <c r="B7599" s="1"/>
      <c r="C7599">
        <v>16</v>
      </c>
      <c r="D7599" t="s">
        <v>16812</v>
      </c>
      <c r="E7599" t="s">
        <v>32867</v>
      </c>
      <c r="F7599">
        <v>4</v>
      </c>
      <c r="G7599" t="s">
        <v>9</v>
      </c>
      <c r="H7599" t="s">
        <v>16813</v>
      </c>
      <c r="I7599" t="s">
        <v>30540</v>
      </c>
    </row>
    <row r="7600" spans="1:9">
      <c r="A7600" s="1">
        <f ca="1">RAND()</f>
        <v>0.76496168690338329</v>
      </c>
      <c r="B7600" s="1"/>
      <c r="C7600">
        <v>1</v>
      </c>
      <c r="D7600" t="s">
        <v>16804</v>
      </c>
      <c r="E7600" t="s">
        <v>32867</v>
      </c>
      <c r="F7600">
        <v>4</v>
      </c>
      <c r="G7600" t="s">
        <v>10</v>
      </c>
      <c r="H7600" t="s">
        <v>16805</v>
      </c>
      <c r="I7600" t="s">
        <v>30540</v>
      </c>
    </row>
    <row r="7601" spans="1:9">
      <c r="A7601" s="1">
        <f ca="1">RAND()</f>
        <v>0.10913464588339405</v>
      </c>
      <c r="B7601" s="1"/>
      <c r="C7601">
        <v>17</v>
      </c>
      <c r="D7601" t="s">
        <v>16814</v>
      </c>
      <c r="E7601" t="s">
        <v>32867</v>
      </c>
      <c r="F7601">
        <v>4</v>
      </c>
      <c r="G7601" t="s">
        <v>0</v>
      </c>
      <c r="H7601" t="s">
        <v>16815</v>
      </c>
      <c r="I7601" t="s">
        <v>30540</v>
      </c>
    </row>
    <row r="7602" spans="1:9">
      <c r="A7602" s="1">
        <f ca="1">RAND()</f>
        <v>0.72430783853969816</v>
      </c>
      <c r="B7602" s="1"/>
      <c r="C7602">
        <v>11</v>
      </c>
      <c r="D7602" t="s">
        <v>16810</v>
      </c>
      <c r="E7602" t="s">
        <v>32867</v>
      </c>
      <c r="F7602">
        <v>4</v>
      </c>
      <c r="G7602" t="s">
        <v>10</v>
      </c>
      <c r="H7602" t="s">
        <v>16811</v>
      </c>
      <c r="I7602" t="s">
        <v>30540</v>
      </c>
    </row>
    <row r="7603" spans="1:9">
      <c r="A7603" s="1">
        <f ca="1">RAND()</f>
        <v>1.5793206690572603E-2</v>
      </c>
      <c r="B7603" s="1"/>
      <c r="C7603">
        <v>6</v>
      </c>
      <c r="D7603" t="s">
        <v>16808</v>
      </c>
      <c r="E7603" t="s">
        <v>32867</v>
      </c>
      <c r="F7603">
        <v>2</v>
      </c>
      <c r="G7603" t="s">
        <v>14</v>
      </c>
      <c r="H7603" t="s">
        <v>16809</v>
      </c>
      <c r="I7603" t="s">
        <v>30540</v>
      </c>
    </row>
    <row r="7604" spans="1:9">
      <c r="A7604" s="1">
        <f ca="1">RAND()</f>
        <v>0.10409833477284003</v>
      </c>
      <c r="B7604" s="1"/>
      <c r="C7604">
        <v>16</v>
      </c>
      <c r="D7604" t="s">
        <v>16800</v>
      </c>
      <c r="E7604" t="s">
        <v>32868</v>
      </c>
      <c r="F7604">
        <v>5</v>
      </c>
      <c r="G7604" t="s">
        <v>14</v>
      </c>
      <c r="H7604" t="s">
        <v>16801</v>
      </c>
      <c r="I7604" t="s">
        <v>30540</v>
      </c>
    </row>
    <row r="7605" spans="1:9">
      <c r="A7605" s="1">
        <f ca="1">RAND()</f>
        <v>0.45495405382770193</v>
      </c>
      <c r="B7605" s="1"/>
      <c r="C7605">
        <v>11</v>
      </c>
      <c r="D7605" t="s">
        <v>16796</v>
      </c>
      <c r="E7605" t="s">
        <v>32868</v>
      </c>
      <c r="F7605">
        <v>4</v>
      </c>
      <c r="G7605" t="s">
        <v>14</v>
      </c>
      <c r="H7605" t="s">
        <v>16797</v>
      </c>
      <c r="I7605" t="s">
        <v>30540</v>
      </c>
    </row>
    <row r="7606" spans="1:9">
      <c r="A7606" s="1">
        <f ca="1">RAND()</f>
        <v>0.17517948743747691</v>
      </c>
      <c r="B7606" s="1"/>
      <c r="C7606">
        <v>9</v>
      </c>
      <c r="D7606" t="s">
        <v>16794</v>
      </c>
      <c r="E7606" t="s">
        <v>32868</v>
      </c>
      <c r="F7606">
        <v>4</v>
      </c>
      <c r="G7606" t="s">
        <v>2</v>
      </c>
      <c r="H7606" t="s">
        <v>16795</v>
      </c>
      <c r="I7606" t="s">
        <v>30540</v>
      </c>
    </row>
    <row r="7607" spans="1:9">
      <c r="A7607" s="1">
        <f ca="1">RAND()</f>
        <v>5.8572785475125122E-2</v>
      </c>
      <c r="B7607" s="1"/>
      <c r="C7607">
        <v>18</v>
      </c>
      <c r="D7607" t="s">
        <v>16802</v>
      </c>
      <c r="E7607" t="s">
        <v>32868</v>
      </c>
      <c r="F7607">
        <v>3</v>
      </c>
      <c r="G7607" t="s">
        <v>14</v>
      </c>
      <c r="H7607" t="s">
        <v>16803</v>
      </c>
      <c r="I7607" t="s">
        <v>30540</v>
      </c>
    </row>
    <row r="7608" spans="1:9">
      <c r="A7608" s="1">
        <f ca="1">RAND()</f>
        <v>0.95644896542095137</v>
      </c>
      <c r="B7608" s="1"/>
      <c r="C7608">
        <v>15</v>
      </c>
      <c r="D7608" t="s">
        <v>16798</v>
      </c>
      <c r="E7608" t="s">
        <v>32868</v>
      </c>
      <c r="F7608">
        <v>3</v>
      </c>
      <c r="G7608" t="s">
        <v>2</v>
      </c>
      <c r="H7608" t="s">
        <v>16799</v>
      </c>
      <c r="I7608" t="s">
        <v>30540</v>
      </c>
    </row>
    <row r="7609" spans="1:9">
      <c r="A7609" s="1">
        <f ca="1">RAND()</f>
        <v>0.65551910173980921</v>
      </c>
      <c r="B7609" s="1"/>
      <c r="C7609">
        <v>16</v>
      </c>
      <c r="D7609" t="s">
        <v>16788</v>
      </c>
      <c r="E7609" t="s">
        <v>32869</v>
      </c>
      <c r="F7609">
        <v>5</v>
      </c>
      <c r="G7609" t="s">
        <v>10</v>
      </c>
      <c r="H7609" t="s">
        <v>16789</v>
      </c>
      <c r="I7609" t="s">
        <v>30540</v>
      </c>
    </row>
    <row r="7610" spans="1:9">
      <c r="A7610" s="1">
        <f ca="1">RAND()</f>
        <v>0.38100429285474613</v>
      </c>
      <c r="B7610" s="1"/>
      <c r="C7610">
        <v>3</v>
      </c>
      <c r="D7610" t="s">
        <v>16782</v>
      </c>
      <c r="E7610" t="s">
        <v>32869</v>
      </c>
      <c r="F7610">
        <v>4</v>
      </c>
      <c r="G7610" t="s">
        <v>10</v>
      </c>
      <c r="H7610" t="s">
        <v>16783</v>
      </c>
      <c r="I7610" t="s">
        <v>30540</v>
      </c>
    </row>
    <row r="7611" spans="1:9">
      <c r="A7611" s="1">
        <f ca="1">RAND()</f>
        <v>3.2336990783258246E-3</v>
      </c>
      <c r="B7611" s="1"/>
      <c r="C7611">
        <v>18</v>
      </c>
      <c r="D7611" t="s">
        <v>16792</v>
      </c>
      <c r="E7611" t="s">
        <v>32869</v>
      </c>
      <c r="F7611">
        <v>4</v>
      </c>
      <c r="G7611" t="s">
        <v>14</v>
      </c>
      <c r="H7611" t="s">
        <v>16793</v>
      </c>
      <c r="I7611" t="s">
        <v>30540</v>
      </c>
    </row>
    <row r="7612" spans="1:9">
      <c r="A7612" s="1">
        <f ca="1">RAND()</f>
        <v>0.38635708112915201</v>
      </c>
      <c r="B7612" s="1"/>
      <c r="C7612">
        <v>14</v>
      </c>
      <c r="D7612" t="s">
        <v>16786</v>
      </c>
      <c r="E7612" t="s">
        <v>32869</v>
      </c>
      <c r="F7612">
        <v>4</v>
      </c>
      <c r="G7612" t="s">
        <v>14</v>
      </c>
      <c r="H7612" t="s">
        <v>16787</v>
      </c>
      <c r="I7612" t="s">
        <v>30540</v>
      </c>
    </row>
    <row r="7613" spans="1:9">
      <c r="A7613" s="1">
        <f ca="1">RAND()</f>
        <v>0.51689277194171135</v>
      </c>
      <c r="B7613" s="1"/>
      <c r="C7613">
        <v>17</v>
      </c>
      <c r="D7613" t="s">
        <v>16790</v>
      </c>
      <c r="E7613" t="s">
        <v>32869</v>
      </c>
      <c r="F7613">
        <v>4</v>
      </c>
      <c r="G7613" t="s">
        <v>1</v>
      </c>
      <c r="H7613" t="s">
        <v>16791</v>
      </c>
      <c r="I7613" t="s">
        <v>30540</v>
      </c>
    </row>
    <row r="7614" spans="1:9">
      <c r="A7614" s="1">
        <f ca="1">RAND()</f>
        <v>0.14443912309437201</v>
      </c>
      <c r="B7614" s="1"/>
      <c r="C7614">
        <v>6</v>
      </c>
      <c r="D7614" t="s">
        <v>16784</v>
      </c>
      <c r="E7614" t="s">
        <v>32869</v>
      </c>
      <c r="F7614">
        <v>1</v>
      </c>
      <c r="G7614" t="s">
        <v>14</v>
      </c>
      <c r="H7614" t="s">
        <v>16785</v>
      </c>
      <c r="I7614" t="s">
        <v>30540</v>
      </c>
    </row>
    <row r="7615" spans="1:9">
      <c r="A7615" s="1">
        <f ca="1">RAND()</f>
        <v>0.27442936495083425</v>
      </c>
      <c r="B7615" s="1"/>
      <c r="C7615">
        <v>11</v>
      </c>
      <c r="D7615" t="s">
        <v>16780</v>
      </c>
      <c r="E7615" t="s">
        <v>32870</v>
      </c>
      <c r="F7615">
        <v>5</v>
      </c>
      <c r="G7615" t="s">
        <v>14</v>
      </c>
      <c r="H7615" t="s">
        <v>16781</v>
      </c>
      <c r="I7615" t="s">
        <v>30540</v>
      </c>
    </row>
    <row r="7616" spans="1:9">
      <c r="A7616" s="1">
        <f ca="1">RAND()</f>
        <v>0.42117421233760655</v>
      </c>
      <c r="B7616" s="1"/>
      <c r="C7616">
        <v>9</v>
      </c>
      <c r="D7616" t="s">
        <v>16778</v>
      </c>
      <c r="E7616" t="s">
        <v>32870</v>
      </c>
      <c r="F7616">
        <v>4</v>
      </c>
      <c r="G7616" t="s">
        <v>3107</v>
      </c>
      <c r="H7616" t="s">
        <v>16779</v>
      </c>
      <c r="I7616" t="s">
        <v>30540</v>
      </c>
    </row>
    <row r="7617" spans="1:9">
      <c r="A7617" s="1">
        <f ca="1">RAND()</f>
        <v>0.47548164518679037</v>
      </c>
      <c r="B7617" s="1"/>
      <c r="C7617">
        <v>2</v>
      </c>
      <c r="D7617" t="s">
        <v>16772</v>
      </c>
      <c r="E7617" t="s">
        <v>32870</v>
      </c>
      <c r="F7617">
        <v>4</v>
      </c>
      <c r="G7617" t="s">
        <v>1431</v>
      </c>
      <c r="H7617" t="s">
        <v>16773</v>
      </c>
      <c r="I7617" t="s">
        <v>30540</v>
      </c>
    </row>
    <row r="7618" spans="1:9">
      <c r="A7618" s="1">
        <f ca="1">RAND()</f>
        <v>0.65986692385126045</v>
      </c>
      <c r="B7618" s="1"/>
      <c r="C7618">
        <v>8</v>
      </c>
      <c r="D7618" t="s">
        <v>16776</v>
      </c>
      <c r="E7618" t="s">
        <v>32870</v>
      </c>
      <c r="F7618">
        <v>2</v>
      </c>
      <c r="G7618" t="s">
        <v>3732</v>
      </c>
      <c r="H7618" t="s">
        <v>16777</v>
      </c>
      <c r="I7618" t="s">
        <v>30540</v>
      </c>
    </row>
    <row r="7619" spans="1:9">
      <c r="A7619" s="1">
        <f ca="1">RAND()</f>
        <v>0.48926371597216745</v>
      </c>
      <c r="B7619" s="1"/>
      <c r="C7619">
        <v>7</v>
      </c>
      <c r="D7619" t="s">
        <v>16774</v>
      </c>
      <c r="E7619" t="s">
        <v>32870</v>
      </c>
      <c r="F7619">
        <v>2</v>
      </c>
      <c r="G7619" t="s">
        <v>10</v>
      </c>
      <c r="H7619" t="s">
        <v>16775</v>
      </c>
      <c r="I7619" t="s">
        <v>30540</v>
      </c>
    </row>
    <row r="7620" spans="1:9">
      <c r="A7620" s="1">
        <f ca="1">RAND()</f>
        <v>0.94425371976859229</v>
      </c>
      <c r="B7620" s="1"/>
      <c r="C7620">
        <v>13</v>
      </c>
      <c r="D7620" t="s">
        <v>16770</v>
      </c>
      <c r="E7620" t="s">
        <v>32871</v>
      </c>
      <c r="F7620">
        <v>5</v>
      </c>
      <c r="G7620" t="s">
        <v>9</v>
      </c>
      <c r="H7620" t="s">
        <v>16771</v>
      </c>
      <c r="I7620" t="s">
        <v>30540</v>
      </c>
    </row>
    <row r="7621" spans="1:9">
      <c r="A7621" s="1">
        <f ca="1">RAND()</f>
        <v>0.89392715373026344</v>
      </c>
      <c r="B7621" s="1"/>
      <c r="C7621">
        <v>11</v>
      </c>
      <c r="D7621" t="s">
        <v>16768</v>
      </c>
      <c r="E7621" t="s">
        <v>32871</v>
      </c>
      <c r="F7621">
        <v>4</v>
      </c>
      <c r="G7621" t="s">
        <v>9</v>
      </c>
      <c r="H7621" t="s">
        <v>16769</v>
      </c>
      <c r="I7621" t="s">
        <v>30540</v>
      </c>
    </row>
    <row r="7622" spans="1:9">
      <c r="A7622" s="1">
        <f ca="1">RAND()</f>
        <v>0.38593927649591175</v>
      </c>
      <c r="B7622" s="1"/>
      <c r="C7622">
        <v>1</v>
      </c>
      <c r="D7622" t="s">
        <v>16764</v>
      </c>
      <c r="E7622" t="s">
        <v>32871</v>
      </c>
      <c r="F7622">
        <v>4</v>
      </c>
      <c r="G7622" t="s">
        <v>2</v>
      </c>
      <c r="H7622" t="s">
        <v>16765</v>
      </c>
      <c r="I7622" t="s">
        <v>30540</v>
      </c>
    </row>
    <row r="7623" spans="1:9">
      <c r="A7623" s="1">
        <f ca="1">RAND()</f>
        <v>0.31935763900790404</v>
      </c>
      <c r="B7623" s="1"/>
      <c r="C7623">
        <v>4</v>
      </c>
      <c r="D7623" t="s">
        <v>16766</v>
      </c>
      <c r="E7623" t="s">
        <v>32871</v>
      </c>
      <c r="F7623">
        <v>4</v>
      </c>
      <c r="G7623" t="s">
        <v>0</v>
      </c>
      <c r="H7623" t="s">
        <v>16767</v>
      </c>
      <c r="I7623" t="s">
        <v>30540</v>
      </c>
    </row>
    <row r="7624" spans="1:9">
      <c r="A7624" s="1">
        <f ca="1">RAND()</f>
        <v>0.43924934914088654</v>
      </c>
      <c r="B7624" s="1"/>
      <c r="C7624">
        <v>15</v>
      </c>
      <c r="D7624" t="s">
        <v>16758</v>
      </c>
      <c r="E7624" t="s">
        <v>32872</v>
      </c>
      <c r="F7624">
        <v>5</v>
      </c>
      <c r="G7624" t="s">
        <v>9</v>
      </c>
      <c r="H7624" t="s">
        <v>16759</v>
      </c>
      <c r="I7624" t="s">
        <v>30540</v>
      </c>
    </row>
    <row r="7625" spans="1:9">
      <c r="A7625" s="1">
        <f ca="1">RAND()</f>
        <v>0.55145705219470043</v>
      </c>
      <c r="B7625" s="1"/>
      <c r="C7625">
        <v>17</v>
      </c>
      <c r="D7625" t="s">
        <v>16760</v>
      </c>
      <c r="E7625" t="s">
        <v>32872</v>
      </c>
      <c r="F7625">
        <v>4</v>
      </c>
      <c r="G7625" t="s">
        <v>9</v>
      </c>
      <c r="H7625" t="s">
        <v>16761</v>
      </c>
      <c r="I7625" t="s">
        <v>30540</v>
      </c>
    </row>
    <row r="7626" spans="1:9">
      <c r="A7626" s="1">
        <f ca="1">RAND()</f>
        <v>0.28894178877450905</v>
      </c>
      <c r="B7626" s="1"/>
      <c r="C7626">
        <v>13</v>
      </c>
      <c r="D7626" t="s">
        <v>16754</v>
      </c>
      <c r="E7626" t="s">
        <v>32872</v>
      </c>
      <c r="F7626">
        <v>4</v>
      </c>
      <c r="G7626" t="s">
        <v>13</v>
      </c>
      <c r="H7626" t="s">
        <v>16755</v>
      </c>
      <c r="I7626" t="s">
        <v>30540</v>
      </c>
    </row>
    <row r="7627" spans="1:9">
      <c r="A7627" s="1">
        <f ca="1">RAND()</f>
        <v>0.68163606375059038</v>
      </c>
      <c r="B7627" s="1"/>
      <c r="C7627">
        <v>11</v>
      </c>
      <c r="D7627" t="s">
        <v>16752</v>
      </c>
      <c r="E7627" t="s">
        <v>32872</v>
      </c>
      <c r="F7627">
        <v>4</v>
      </c>
      <c r="G7627" t="s">
        <v>10</v>
      </c>
      <c r="H7627" t="s">
        <v>16753</v>
      </c>
      <c r="I7627" t="s">
        <v>30540</v>
      </c>
    </row>
    <row r="7628" spans="1:9">
      <c r="A7628" s="1">
        <f ca="1">RAND()</f>
        <v>0.31893938927615217</v>
      </c>
      <c r="B7628" s="1"/>
      <c r="C7628">
        <v>4</v>
      </c>
      <c r="D7628" t="s">
        <v>16748</v>
      </c>
      <c r="E7628" t="s">
        <v>32872</v>
      </c>
      <c r="F7628">
        <v>4</v>
      </c>
      <c r="G7628" t="s">
        <v>14</v>
      </c>
      <c r="H7628" t="s">
        <v>16749</v>
      </c>
      <c r="I7628" t="s">
        <v>30540</v>
      </c>
    </row>
    <row r="7629" spans="1:9">
      <c r="A7629" s="1">
        <f ca="1">RAND()</f>
        <v>0.87606815913544167</v>
      </c>
      <c r="B7629" s="1"/>
      <c r="C7629">
        <v>14</v>
      </c>
      <c r="D7629" t="s">
        <v>16756</v>
      </c>
      <c r="E7629" t="s">
        <v>32872</v>
      </c>
      <c r="F7629">
        <v>4</v>
      </c>
      <c r="G7629" t="s">
        <v>10</v>
      </c>
      <c r="H7629" t="s">
        <v>16757</v>
      </c>
      <c r="I7629" t="s">
        <v>30540</v>
      </c>
    </row>
    <row r="7630" spans="1:9">
      <c r="A7630" s="1">
        <f ca="1">RAND()</f>
        <v>0.64806412987301831</v>
      </c>
      <c r="B7630" s="1"/>
      <c r="C7630">
        <v>18</v>
      </c>
      <c r="D7630" t="s">
        <v>16762</v>
      </c>
      <c r="E7630" t="s">
        <v>32872</v>
      </c>
      <c r="F7630">
        <v>4</v>
      </c>
      <c r="G7630" t="s">
        <v>14</v>
      </c>
      <c r="H7630" t="s">
        <v>16763</v>
      </c>
      <c r="I7630" t="s">
        <v>30540</v>
      </c>
    </row>
    <row r="7631" spans="1:9">
      <c r="A7631" s="1">
        <f ca="1">RAND()</f>
        <v>7.5878608265963154E-2</v>
      </c>
      <c r="B7631" s="1"/>
      <c r="C7631">
        <v>7</v>
      </c>
      <c r="D7631" t="s">
        <v>16750</v>
      </c>
      <c r="E7631" t="s">
        <v>32872</v>
      </c>
      <c r="F7631">
        <v>2</v>
      </c>
      <c r="G7631" t="s">
        <v>14</v>
      </c>
      <c r="H7631" t="s">
        <v>16751</v>
      </c>
      <c r="I7631" t="s">
        <v>30540</v>
      </c>
    </row>
    <row r="7632" spans="1:9">
      <c r="A7632" s="1">
        <f ca="1">RAND()</f>
        <v>0.93905013461420261</v>
      </c>
      <c r="B7632" s="1"/>
      <c r="C7632">
        <v>14</v>
      </c>
      <c r="D7632" t="s">
        <v>16744</v>
      </c>
      <c r="E7632" t="s">
        <v>32873</v>
      </c>
      <c r="F7632">
        <v>5</v>
      </c>
      <c r="G7632" t="s">
        <v>9</v>
      </c>
      <c r="H7632" t="s">
        <v>16745</v>
      </c>
      <c r="I7632" t="s">
        <v>30540</v>
      </c>
    </row>
    <row r="7633" spans="1:9">
      <c r="A7633" s="1">
        <f ca="1">RAND()</f>
        <v>0.84929082959004554</v>
      </c>
      <c r="B7633" s="1"/>
      <c r="C7633">
        <v>9</v>
      </c>
      <c r="D7633" t="s">
        <v>16738</v>
      </c>
      <c r="E7633" t="s">
        <v>32873</v>
      </c>
      <c r="F7633">
        <v>4</v>
      </c>
      <c r="G7633" t="s">
        <v>0</v>
      </c>
      <c r="H7633" t="s">
        <v>16739</v>
      </c>
      <c r="I7633" t="s">
        <v>30540</v>
      </c>
    </row>
    <row r="7634" spans="1:9">
      <c r="A7634" s="1">
        <f ca="1">RAND()</f>
        <v>0.97928810098767449</v>
      </c>
      <c r="B7634" s="1"/>
      <c r="C7634">
        <v>15</v>
      </c>
      <c r="D7634" t="s">
        <v>16746</v>
      </c>
      <c r="E7634" t="s">
        <v>32873</v>
      </c>
      <c r="F7634">
        <v>4</v>
      </c>
      <c r="G7634" t="s">
        <v>14</v>
      </c>
      <c r="H7634" t="s">
        <v>16747</v>
      </c>
      <c r="I7634" t="s">
        <v>30540</v>
      </c>
    </row>
    <row r="7635" spans="1:9">
      <c r="A7635" s="1">
        <f ca="1">RAND()</f>
        <v>0.21900193593634942</v>
      </c>
      <c r="B7635" s="1"/>
      <c r="C7635">
        <v>1</v>
      </c>
      <c r="D7635" t="s">
        <v>16732</v>
      </c>
      <c r="E7635" t="s">
        <v>32873</v>
      </c>
      <c r="F7635">
        <v>4</v>
      </c>
      <c r="G7635" t="s">
        <v>2</v>
      </c>
      <c r="H7635" t="s">
        <v>16733</v>
      </c>
      <c r="I7635" t="s">
        <v>30540</v>
      </c>
    </row>
    <row r="7636" spans="1:9">
      <c r="A7636" s="1">
        <f ca="1">RAND()</f>
        <v>0.37381205816350205</v>
      </c>
      <c r="B7636" s="1"/>
      <c r="C7636">
        <v>10</v>
      </c>
      <c r="D7636" t="s">
        <v>16740</v>
      </c>
      <c r="E7636" t="s">
        <v>32873</v>
      </c>
      <c r="F7636">
        <v>4</v>
      </c>
      <c r="G7636" t="s">
        <v>14</v>
      </c>
      <c r="H7636" t="s">
        <v>16741</v>
      </c>
      <c r="I7636" t="s">
        <v>30540</v>
      </c>
    </row>
    <row r="7637" spans="1:9">
      <c r="A7637" s="1">
        <f ca="1">RAND()</f>
        <v>0.33593160559191138</v>
      </c>
      <c r="B7637" s="1"/>
      <c r="C7637">
        <v>7</v>
      </c>
      <c r="D7637" t="s">
        <v>16736</v>
      </c>
      <c r="E7637" t="s">
        <v>32873</v>
      </c>
      <c r="F7637">
        <v>4</v>
      </c>
      <c r="G7637" t="s">
        <v>14</v>
      </c>
      <c r="H7637" t="s">
        <v>16737</v>
      </c>
      <c r="I7637" t="s">
        <v>30540</v>
      </c>
    </row>
    <row r="7638" spans="1:9">
      <c r="A7638" s="1">
        <f ca="1">RAND()</f>
        <v>0.55467769837508185</v>
      </c>
      <c r="B7638" s="1"/>
      <c r="C7638">
        <v>12</v>
      </c>
      <c r="D7638" t="s">
        <v>16742</v>
      </c>
      <c r="E7638" t="s">
        <v>32873</v>
      </c>
      <c r="F7638">
        <v>2</v>
      </c>
      <c r="G7638" t="s">
        <v>14</v>
      </c>
      <c r="H7638" t="s">
        <v>16743</v>
      </c>
      <c r="I7638" t="s">
        <v>30540</v>
      </c>
    </row>
    <row r="7639" spans="1:9">
      <c r="A7639" s="1">
        <f ca="1">RAND()</f>
        <v>0.20209950396886145</v>
      </c>
      <c r="B7639" s="1"/>
      <c r="C7639">
        <v>3</v>
      </c>
      <c r="D7639" t="s">
        <v>16734</v>
      </c>
      <c r="E7639" t="s">
        <v>32873</v>
      </c>
      <c r="F7639">
        <v>2</v>
      </c>
      <c r="G7639" t="s">
        <v>9</v>
      </c>
      <c r="H7639" t="s">
        <v>16735</v>
      </c>
      <c r="I7639" t="s">
        <v>30540</v>
      </c>
    </row>
    <row r="7640" spans="1:9">
      <c r="A7640" s="1">
        <f ca="1">RAND()</f>
        <v>0.87060104686138551</v>
      </c>
      <c r="B7640" s="1"/>
      <c r="C7640">
        <v>9</v>
      </c>
      <c r="D7640" t="s">
        <v>16726</v>
      </c>
      <c r="E7640" t="s">
        <v>32874</v>
      </c>
      <c r="F7640">
        <v>4</v>
      </c>
      <c r="G7640" t="s">
        <v>2</v>
      </c>
      <c r="H7640" t="s">
        <v>16727</v>
      </c>
      <c r="I7640" t="s">
        <v>30540</v>
      </c>
    </row>
    <row r="7641" spans="1:9">
      <c r="A7641" s="1">
        <f ca="1">RAND()</f>
        <v>0.19250441692582709</v>
      </c>
      <c r="B7641" s="1"/>
      <c r="C7641">
        <v>12</v>
      </c>
      <c r="D7641" t="s">
        <v>16728</v>
      </c>
      <c r="E7641" t="s">
        <v>32874</v>
      </c>
      <c r="F7641">
        <v>4</v>
      </c>
      <c r="G7641" t="s">
        <v>9</v>
      </c>
      <c r="H7641" t="s">
        <v>16729</v>
      </c>
      <c r="I7641" t="s">
        <v>30540</v>
      </c>
    </row>
    <row r="7642" spans="1:9">
      <c r="A7642" s="1">
        <f ca="1">RAND()</f>
        <v>3.0734146355989256E-2</v>
      </c>
      <c r="B7642" s="1"/>
      <c r="C7642">
        <v>3</v>
      </c>
      <c r="D7642" t="s">
        <v>16724</v>
      </c>
      <c r="E7642" t="s">
        <v>32874</v>
      </c>
      <c r="F7642">
        <v>3</v>
      </c>
      <c r="G7642" t="s">
        <v>9</v>
      </c>
      <c r="H7642" t="s">
        <v>16725</v>
      </c>
      <c r="I7642" t="s">
        <v>30540</v>
      </c>
    </row>
    <row r="7643" spans="1:9">
      <c r="A7643" s="1">
        <f ca="1">RAND()</f>
        <v>0.44994577982083261</v>
      </c>
      <c r="B7643" s="1"/>
      <c r="C7643">
        <v>13</v>
      </c>
      <c r="D7643" t="s">
        <v>16730</v>
      </c>
      <c r="E7643" t="s">
        <v>32874</v>
      </c>
      <c r="F7643">
        <v>0</v>
      </c>
      <c r="G7643" t="s">
        <v>15</v>
      </c>
      <c r="H7643" t="s">
        <v>16731</v>
      </c>
      <c r="I7643" t="s">
        <v>30540</v>
      </c>
    </row>
    <row r="7644" spans="1:9">
      <c r="A7644" s="1">
        <f ca="1">RAND()</f>
        <v>0.48299237679292062</v>
      </c>
      <c r="B7644" s="1"/>
      <c r="C7644">
        <v>17</v>
      </c>
      <c r="D7644" t="s">
        <v>16720</v>
      </c>
      <c r="E7644" t="s">
        <v>32875</v>
      </c>
      <c r="F7644">
        <v>4</v>
      </c>
      <c r="G7644" t="s">
        <v>1431</v>
      </c>
      <c r="H7644" t="s">
        <v>16721</v>
      </c>
      <c r="I7644" t="s">
        <v>30540</v>
      </c>
    </row>
    <row r="7645" spans="1:9">
      <c r="A7645" s="1">
        <f ca="1">RAND()</f>
        <v>0.31133434537118709</v>
      </c>
      <c r="B7645" s="1"/>
      <c r="C7645">
        <v>3</v>
      </c>
      <c r="D7645" t="s">
        <v>16712</v>
      </c>
      <c r="E7645" t="s">
        <v>32875</v>
      </c>
      <c r="F7645">
        <v>4</v>
      </c>
      <c r="G7645" t="s">
        <v>762</v>
      </c>
      <c r="H7645" t="s">
        <v>16713</v>
      </c>
      <c r="I7645" t="s">
        <v>30540</v>
      </c>
    </row>
    <row r="7646" spans="1:9">
      <c r="A7646" s="1">
        <f ca="1">RAND()</f>
        <v>0.19759916425871316</v>
      </c>
      <c r="B7646" s="1"/>
      <c r="C7646">
        <v>18</v>
      </c>
      <c r="D7646" t="s">
        <v>16722</v>
      </c>
      <c r="E7646" t="s">
        <v>32875</v>
      </c>
      <c r="F7646">
        <v>4</v>
      </c>
      <c r="G7646" t="s">
        <v>775</v>
      </c>
      <c r="H7646" t="s">
        <v>16723</v>
      </c>
      <c r="I7646" t="s">
        <v>30540</v>
      </c>
    </row>
    <row r="7647" spans="1:9">
      <c r="A7647" s="1">
        <f ca="1">RAND()</f>
        <v>0.78511516019832617</v>
      </c>
      <c r="B7647" s="1"/>
      <c r="C7647">
        <v>6</v>
      </c>
      <c r="D7647" t="s">
        <v>16714</v>
      </c>
      <c r="E7647" t="s">
        <v>32875</v>
      </c>
      <c r="F7647">
        <v>4</v>
      </c>
      <c r="G7647" t="s">
        <v>2229</v>
      </c>
      <c r="H7647" t="s">
        <v>16715</v>
      </c>
      <c r="I7647" t="s">
        <v>30540</v>
      </c>
    </row>
    <row r="7648" spans="1:9">
      <c r="A7648" s="1">
        <f ca="1">RAND()</f>
        <v>0.3565497711668405</v>
      </c>
      <c r="B7648" s="1"/>
      <c r="C7648">
        <v>16</v>
      </c>
      <c r="D7648" t="s">
        <v>16718</v>
      </c>
      <c r="E7648" t="s">
        <v>32875</v>
      </c>
      <c r="F7648">
        <v>4</v>
      </c>
      <c r="G7648" t="s">
        <v>1431</v>
      </c>
      <c r="H7648" t="s">
        <v>16719</v>
      </c>
      <c r="I7648" t="s">
        <v>30540</v>
      </c>
    </row>
    <row r="7649" spans="1:9">
      <c r="A7649" s="1">
        <f ca="1">RAND()</f>
        <v>0.5779433033425625</v>
      </c>
      <c r="B7649" s="1"/>
      <c r="C7649">
        <v>14</v>
      </c>
      <c r="D7649" t="s">
        <v>16716</v>
      </c>
      <c r="E7649" t="s">
        <v>32875</v>
      </c>
      <c r="F7649">
        <v>3</v>
      </c>
      <c r="G7649" t="s">
        <v>775</v>
      </c>
      <c r="H7649" t="s">
        <v>16717</v>
      </c>
      <c r="I7649" t="s">
        <v>30540</v>
      </c>
    </row>
    <row r="7650" spans="1:9">
      <c r="A7650" s="1">
        <f ca="1">RAND()</f>
        <v>0.29913322346400828</v>
      </c>
      <c r="B7650" s="1"/>
      <c r="C7650">
        <v>8</v>
      </c>
      <c r="D7650" t="s">
        <v>16710</v>
      </c>
      <c r="E7650" t="s">
        <v>32876</v>
      </c>
      <c r="F7650">
        <v>4</v>
      </c>
      <c r="G7650" t="s">
        <v>15</v>
      </c>
      <c r="H7650" t="s">
        <v>16711</v>
      </c>
      <c r="I7650" t="s">
        <v>30540</v>
      </c>
    </row>
    <row r="7651" spans="1:9">
      <c r="A7651" s="1">
        <f ca="1">RAND()</f>
        <v>0.87969874944130744</v>
      </c>
      <c r="B7651" s="1"/>
      <c r="C7651">
        <v>2</v>
      </c>
      <c r="D7651" t="s">
        <v>16708</v>
      </c>
      <c r="E7651" t="s">
        <v>32876</v>
      </c>
      <c r="F7651">
        <v>2</v>
      </c>
      <c r="G7651" t="s">
        <v>9</v>
      </c>
      <c r="H7651" t="s">
        <v>16709</v>
      </c>
      <c r="I7651" t="s">
        <v>30540</v>
      </c>
    </row>
    <row r="7652" spans="1:9">
      <c r="A7652" s="1">
        <f ca="1">RAND()</f>
        <v>0.39448794250417052</v>
      </c>
      <c r="B7652" s="1"/>
      <c r="C7652">
        <v>3</v>
      </c>
      <c r="D7652" t="s">
        <v>16694</v>
      </c>
      <c r="E7652" t="s">
        <v>32877</v>
      </c>
      <c r="F7652">
        <v>4</v>
      </c>
      <c r="G7652" t="s">
        <v>15</v>
      </c>
      <c r="H7652" t="s">
        <v>16695</v>
      </c>
      <c r="I7652" t="s">
        <v>30540</v>
      </c>
    </row>
    <row r="7653" spans="1:9">
      <c r="A7653" s="1">
        <f ca="1">RAND()</f>
        <v>8.8976434004886751E-2</v>
      </c>
      <c r="B7653" s="1"/>
      <c r="C7653">
        <v>7</v>
      </c>
      <c r="D7653" t="s">
        <v>16700</v>
      </c>
      <c r="E7653" t="s">
        <v>32877</v>
      </c>
      <c r="F7653">
        <v>4</v>
      </c>
      <c r="G7653" t="s">
        <v>9</v>
      </c>
      <c r="H7653" t="s">
        <v>16701</v>
      </c>
      <c r="I7653" t="s">
        <v>30540</v>
      </c>
    </row>
    <row r="7654" spans="1:9">
      <c r="A7654" s="1">
        <f ca="1">RAND()</f>
        <v>0.28745244054837593</v>
      </c>
      <c r="B7654" s="1"/>
      <c r="C7654">
        <v>6</v>
      </c>
      <c r="D7654" t="s">
        <v>16698</v>
      </c>
      <c r="E7654" t="s">
        <v>32877</v>
      </c>
      <c r="F7654">
        <v>4</v>
      </c>
      <c r="G7654" t="s">
        <v>9</v>
      </c>
      <c r="H7654" t="s">
        <v>16699</v>
      </c>
      <c r="I7654" t="s">
        <v>30540</v>
      </c>
    </row>
    <row r="7655" spans="1:9">
      <c r="A7655" s="1">
        <f ca="1">RAND()</f>
        <v>0.41649827953104501</v>
      </c>
      <c r="B7655" s="1"/>
      <c r="C7655">
        <v>18</v>
      </c>
      <c r="D7655" t="s">
        <v>16704</v>
      </c>
      <c r="E7655" t="s">
        <v>32877</v>
      </c>
      <c r="F7655">
        <v>4</v>
      </c>
      <c r="G7655" t="s">
        <v>15</v>
      </c>
      <c r="H7655" t="s">
        <v>16705</v>
      </c>
      <c r="I7655" t="s">
        <v>30540</v>
      </c>
    </row>
    <row r="7656" spans="1:9">
      <c r="A7656" s="1">
        <f ca="1">RAND()</f>
        <v>0.48684040895543312</v>
      </c>
      <c r="B7656" s="1"/>
      <c r="C7656">
        <v>12</v>
      </c>
      <c r="D7656" t="s">
        <v>16702</v>
      </c>
      <c r="E7656" t="s">
        <v>32877</v>
      </c>
      <c r="F7656">
        <v>4</v>
      </c>
      <c r="G7656" t="s">
        <v>10</v>
      </c>
      <c r="H7656" t="s">
        <v>16703</v>
      </c>
      <c r="I7656" t="s">
        <v>30540</v>
      </c>
    </row>
    <row r="7657" spans="1:9">
      <c r="A7657" s="1">
        <f ca="1">RAND()</f>
        <v>0.84911089594104672</v>
      </c>
      <c r="B7657" s="1"/>
      <c r="C7657">
        <v>20</v>
      </c>
      <c r="D7657" t="s">
        <v>16706</v>
      </c>
      <c r="E7657" t="s">
        <v>32877</v>
      </c>
      <c r="F7657">
        <v>3</v>
      </c>
      <c r="G7657" t="s">
        <v>9</v>
      </c>
      <c r="H7657" t="s">
        <v>16707</v>
      </c>
      <c r="I7657" t="s">
        <v>30540</v>
      </c>
    </row>
    <row r="7658" spans="1:9">
      <c r="A7658" s="1">
        <f ca="1">RAND()</f>
        <v>4.3289584793402835E-2</v>
      </c>
      <c r="B7658" s="1"/>
      <c r="C7658">
        <v>4</v>
      </c>
      <c r="D7658" t="s">
        <v>16696</v>
      </c>
      <c r="E7658" t="s">
        <v>32877</v>
      </c>
      <c r="F7658">
        <v>2</v>
      </c>
      <c r="G7658" t="s">
        <v>10</v>
      </c>
      <c r="H7658" t="s">
        <v>16697</v>
      </c>
      <c r="I7658" t="s">
        <v>30540</v>
      </c>
    </row>
    <row r="7659" spans="1:9">
      <c r="A7659" s="1">
        <f ca="1">RAND()</f>
        <v>0.70206069995082354</v>
      </c>
      <c r="B7659" s="1"/>
      <c r="C7659">
        <v>13</v>
      </c>
      <c r="D7659" t="s">
        <v>16690</v>
      </c>
      <c r="E7659" t="s">
        <v>32878</v>
      </c>
      <c r="F7659">
        <v>4</v>
      </c>
      <c r="G7659" t="s">
        <v>15</v>
      </c>
      <c r="H7659" t="s">
        <v>16691</v>
      </c>
      <c r="I7659" t="s">
        <v>30540</v>
      </c>
    </row>
    <row r="7660" spans="1:9">
      <c r="A7660" s="1">
        <f ca="1">RAND()</f>
        <v>0.17528346726351884</v>
      </c>
      <c r="B7660" s="1"/>
      <c r="C7660">
        <v>16</v>
      </c>
      <c r="D7660" t="s">
        <v>16692</v>
      </c>
      <c r="E7660" t="s">
        <v>32878</v>
      </c>
      <c r="F7660">
        <v>3</v>
      </c>
      <c r="G7660" t="s">
        <v>15</v>
      </c>
      <c r="H7660" t="s">
        <v>16693</v>
      </c>
      <c r="I7660" t="s">
        <v>30540</v>
      </c>
    </row>
    <row r="7661" spans="1:9">
      <c r="A7661" s="1">
        <f ca="1">RAND()</f>
        <v>0.7007454417664758</v>
      </c>
      <c r="B7661" s="1"/>
      <c r="C7661">
        <v>3</v>
      </c>
      <c r="D7661" t="s">
        <v>16686</v>
      </c>
      <c r="E7661" t="s">
        <v>32879</v>
      </c>
      <c r="F7661">
        <v>5</v>
      </c>
      <c r="G7661" t="s">
        <v>9</v>
      </c>
      <c r="H7661" t="s">
        <v>16687</v>
      </c>
      <c r="I7661" t="s">
        <v>30540</v>
      </c>
    </row>
    <row r="7662" spans="1:9">
      <c r="A7662" s="1">
        <f ca="1">RAND()</f>
        <v>0.45382397542254627</v>
      </c>
      <c r="B7662" s="1"/>
      <c r="C7662">
        <v>7</v>
      </c>
      <c r="D7662" t="s">
        <v>16688</v>
      </c>
      <c r="E7662" t="s">
        <v>32879</v>
      </c>
      <c r="F7662">
        <v>4</v>
      </c>
      <c r="G7662" t="s">
        <v>0</v>
      </c>
      <c r="H7662" t="s">
        <v>16689</v>
      </c>
      <c r="I7662" t="s">
        <v>30540</v>
      </c>
    </row>
    <row r="7663" spans="1:9">
      <c r="A7663" s="1">
        <f ca="1">RAND()</f>
        <v>0.88730995823569658</v>
      </c>
      <c r="B7663" s="1"/>
      <c r="C7663">
        <v>2</v>
      </c>
      <c r="D7663" t="s">
        <v>16684</v>
      </c>
      <c r="E7663" t="s">
        <v>32879</v>
      </c>
      <c r="F7663">
        <v>3</v>
      </c>
      <c r="G7663" t="s">
        <v>9</v>
      </c>
      <c r="H7663" t="s">
        <v>16685</v>
      </c>
      <c r="I7663" t="s">
        <v>30540</v>
      </c>
    </row>
    <row r="7664" spans="1:9">
      <c r="A7664" s="1">
        <f ca="1">RAND()</f>
        <v>0.93845748037917176</v>
      </c>
      <c r="B7664" s="1"/>
      <c r="C7664">
        <v>12</v>
      </c>
      <c r="D7664" t="s">
        <v>16682</v>
      </c>
      <c r="E7664" t="s">
        <v>32880</v>
      </c>
      <c r="F7664">
        <v>5</v>
      </c>
      <c r="G7664" t="s">
        <v>9</v>
      </c>
      <c r="H7664" t="s">
        <v>16683</v>
      </c>
      <c r="I7664" t="s">
        <v>30540</v>
      </c>
    </row>
    <row r="7665" spans="1:9">
      <c r="A7665" s="1">
        <f ca="1">RAND()</f>
        <v>0.24905338209743544</v>
      </c>
      <c r="B7665" s="1"/>
      <c r="C7665">
        <v>10</v>
      </c>
      <c r="D7665" t="s">
        <v>16680</v>
      </c>
      <c r="E7665" t="s">
        <v>32880</v>
      </c>
      <c r="F7665">
        <v>4</v>
      </c>
      <c r="G7665" t="s">
        <v>10</v>
      </c>
      <c r="H7665" t="s">
        <v>16681</v>
      </c>
      <c r="I7665" t="s">
        <v>30540</v>
      </c>
    </row>
    <row r="7666" spans="1:9">
      <c r="A7666" s="1">
        <f ca="1">RAND()</f>
        <v>0.74480811920633494</v>
      </c>
      <c r="B7666" s="1"/>
      <c r="C7666">
        <v>6</v>
      </c>
      <c r="D7666" t="s">
        <v>16676</v>
      </c>
      <c r="E7666" t="s">
        <v>32881</v>
      </c>
      <c r="F7666">
        <v>5</v>
      </c>
      <c r="G7666" t="s">
        <v>15</v>
      </c>
      <c r="H7666" t="s">
        <v>16677</v>
      </c>
      <c r="I7666" t="s">
        <v>30540</v>
      </c>
    </row>
    <row r="7667" spans="1:9">
      <c r="A7667" s="1">
        <f ca="1">RAND()</f>
        <v>0.84551817150551623</v>
      </c>
      <c r="B7667" s="1"/>
      <c r="C7667">
        <v>2</v>
      </c>
      <c r="D7667" t="s">
        <v>16672</v>
      </c>
      <c r="E7667" t="s">
        <v>32881</v>
      </c>
      <c r="F7667">
        <v>3</v>
      </c>
      <c r="G7667" t="s">
        <v>14</v>
      </c>
      <c r="H7667" t="s">
        <v>16673</v>
      </c>
      <c r="I7667" t="s">
        <v>30540</v>
      </c>
    </row>
    <row r="7668" spans="1:9">
      <c r="A7668" s="1">
        <f ca="1">RAND()</f>
        <v>0.58070420850561832</v>
      </c>
      <c r="B7668" s="1"/>
      <c r="C7668">
        <v>8</v>
      </c>
      <c r="D7668" t="s">
        <v>16678</v>
      </c>
      <c r="E7668" t="s">
        <v>32881</v>
      </c>
      <c r="F7668">
        <v>2</v>
      </c>
      <c r="G7668" t="s">
        <v>13</v>
      </c>
      <c r="H7668" t="s">
        <v>16679</v>
      </c>
      <c r="I7668" t="s">
        <v>30540</v>
      </c>
    </row>
    <row r="7669" spans="1:9">
      <c r="A7669" s="1">
        <f ca="1">RAND()</f>
        <v>0.66832039312061609</v>
      </c>
      <c r="B7669" s="1"/>
      <c r="C7669">
        <v>5</v>
      </c>
      <c r="D7669" t="s">
        <v>16674</v>
      </c>
      <c r="E7669" t="s">
        <v>32881</v>
      </c>
      <c r="F7669">
        <v>2</v>
      </c>
      <c r="G7669" t="s">
        <v>0</v>
      </c>
      <c r="H7669" t="s">
        <v>16675</v>
      </c>
      <c r="I7669" t="s">
        <v>30540</v>
      </c>
    </row>
    <row r="7670" spans="1:9">
      <c r="A7670" s="1">
        <f ca="1">RAND()</f>
        <v>0.30835509675939221</v>
      </c>
      <c r="B7670" s="1"/>
      <c r="C7670">
        <v>1</v>
      </c>
      <c r="D7670" t="s">
        <v>16670</v>
      </c>
      <c r="E7670" t="s">
        <v>32881</v>
      </c>
      <c r="F7670">
        <v>2</v>
      </c>
      <c r="G7670" t="s">
        <v>13</v>
      </c>
      <c r="H7670" t="s">
        <v>16671</v>
      </c>
      <c r="I7670" t="s">
        <v>30540</v>
      </c>
    </row>
    <row r="7671" spans="1:9">
      <c r="A7671" s="1">
        <f ca="1">RAND()</f>
        <v>0.78244338171533545</v>
      </c>
      <c r="B7671" s="1"/>
      <c r="C7671">
        <v>5</v>
      </c>
      <c r="D7671" t="s">
        <v>16668</v>
      </c>
      <c r="E7671" t="s">
        <v>32882</v>
      </c>
      <c r="F7671">
        <v>5</v>
      </c>
      <c r="G7671" t="s">
        <v>766</v>
      </c>
      <c r="H7671" t="s">
        <v>16669</v>
      </c>
      <c r="I7671" t="s">
        <v>30540</v>
      </c>
    </row>
    <row r="7672" spans="1:9">
      <c r="A7672" s="1">
        <f ca="1">RAND()</f>
        <v>3.5935458024040634E-2</v>
      </c>
      <c r="B7672" s="1"/>
      <c r="C7672">
        <v>3</v>
      </c>
      <c r="D7672" t="s">
        <v>16666</v>
      </c>
      <c r="E7672" t="s">
        <v>32882</v>
      </c>
      <c r="F7672">
        <v>2</v>
      </c>
      <c r="G7672" t="s">
        <v>10</v>
      </c>
      <c r="H7672" t="s">
        <v>16667</v>
      </c>
      <c r="I7672" t="s">
        <v>30540</v>
      </c>
    </row>
    <row r="7673" spans="1:9">
      <c r="A7673" s="1">
        <f ca="1">RAND()</f>
        <v>0.81237978403527722</v>
      </c>
      <c r="B7673" s="1"/>
      <c r="C7673">
        <v>2</v>
      </c>
      <c r="D7673" t="s">
        <v>16648</v>
      </c>
      <c r="E7673" t="s">
        <v>32883</v>
      </c>
      <c r="F7673">
        <v>5</v>
      </c>
      <c r="G7673" t="s">
        <v>2</v>
      </c>
      <c r="H7673" t="s">
        <v>16649</v>
      </c>
      <c r="I7673" t="s">
        <v>30540</v>
      </c>
    </row>
    <row r="7674" spans="1:9">
      <c r="A7674" s="1">
        <f ca="1">RAND()</f>
        <v>0.89721545774392863</v>
      </c>
      <c r="B7674" s="1"/>
      <c r="C7674">
        <v>17</v>
      </c>
      <c r="D7674" t="s">
        <v>16662</v>
      </c>
      <c r="E7674" t="s">
        <v>32883</v>
      </c>
      <c r="F7674">
        <v>5</v>
      </c>
      <c r="G7674" t="s">
        <v>13</v>
      </c>
      <c r="H7674" t="s">
        <v>16663</v>
      </c>
      <c r="I7674" t="s">
        <v>30540</v>
      </c>
    </row>
    <row r="7675" spans="1:9">
      <c r="A7675" s="1">
        <f ca="1">RAND()</f>
        <v>8.7153195696240693E-2</v>
      </c>
      <c r="B7675" s="1"/>
      <c r="C7675">
        <v>13</v>
      </c>
      <c r="D7675" t="s">
        <v>16658</v>
      </c>
      <c r="E7675" t="s">
        <v>32883</v>
      </c>
      <c r="F7675">
        <v>4</v>
      </c>
      <c r="G7675" t="s">
        <v>9</v>
      </c>
      <c r="H7675" t="s">
        <v>16659</v>
      </c>
      <c r="I7675" t="s">
        <v>30540</v>
      </c>
    </row>
    <row r="7676" spans="1:9">
      <c r="A7676" s="1">
        <f ca="1">RAND()</f>
        <v>0.52746785812591956</v>
      </c>
      <c r="B7676" s="1"/>
      <c r="C7676">
        <v>11</v>
      </c>
      <c r="D7676" t="s">
        <v>16656</v>
      </c>
      <c r="E7676" t="s">
        <v>32883</v>
      </c>
      <c r="F7676">
        <v>4</v>
      </c>
      <c r="G7676" t="s">
        <v>14</v>
      </c>
      <c r="H7676" t="s">
        <v>16657</v>
      </c>
      <c r="I7676" t="s">
        <v>30540</v>
      </c>
    </row>
    <row r="7677" spans="1:9">
      <c r="A7677" s="1">
        <f ca="1">RAND()</f>
        <v>0.20632077900805312</v>
      </c>
      <c r="B7677" s="1"/>
      <c r="C7677">
        <v>7</v>
      </c>
      <c r="D7677" t="s">
        <v>16654</v>
      </c>
      <c r="E7677" t="s">
        <v>32883</v>
      </c>
      <c r="F7677">
        <v>4</v>
      </c>
      <c r="G7677" t="s">
        <v>9</v>
      </c>
      <c r="H7677" t="s">
        <v>16655</v>
      </c>
      <c r="I7677" t="s">
        <v>30540</v>
      </c>
    </row>
    <row r="7678" spans="1:9">
      <c r="A7678" s="1">
        <f ca="1">RAND()</f>
        <v>0.2679384578262578</v>
      </c>
      <c r="B7678" s="1"/>
      <c r="C7678">
        <v>15</v>
      </c>
      <c r="D7678" t="s">
        <v>16660</v>
      </c>
      <c r="E7678" t="s">
        <v>32883</v>
      </c>
      <c r="F7678">
        <v>4</v>
      </c>
      <c r="G7678" t="s">
        <v>14</v>
      </c>
      <c r="H7678" t="s">
        <v>16661</v>
      </c>
      <c r="I7678" t="s">
        <v>30540</v>
      </c>
    </row>
    <row r="7679" spans="1:9">
      <c r="A7679" s="1">
        <f ca="1">RAND()</f>
        <v>0.75045074362663144</v>
      </c>
      <c r="B7679" s="1"/>
      <c r="C7679">
        <v>18</v>
      </c>
      <c r="D7679" t="s">
        <v>16664</v>
      </c>
      <c r="E7679" t="s">
        <v>32883</v>
      </c>
      <c r="F7679">
        <v>4</v>
      </c>
      <c r="G7679" t="s">
        <v>0</v>
      </c>
      <c r="H7679" t="s">
        <v>16665</v>
      </c>
      <c r="I7679" t="s">
        <v>30540</v>
      </c>
    </row>
    <row r="7680" spans="1:9">
      <c r="A7680" s="1">
        <f ca="1">RAND()</f>
        <v>0.7555747811266933</v>
      </c>
      <c r="B7680" s="1"/>
      <c r="C7680">
        <v>3</v>
      </c>
      <c r="D7680" t="s">
        <v>16650</v>
      </c>
      <c r="E7680" t="s">
        <v>32883</v>
      </c>
      <c r="F7680">
        <v>4</v>
      </c>
      <c r="G7680" t="s">
        <v>10</v>
      </c>
      <c r="H7680" t="s">
        <v>16651</v>
      </c>
      <c r="I7680" t="s">
        <v>30540</v>
      </c>
    </row>
    <row r="7681" spans="1:9">
      <c r="A7681" s="1">
        <f ca="1">RAND()</f>
        <v>4.392532432834928E-2</v>
      </c>
      <c r="B7681" s="1"/>
      <c r="C7681">
        <v>6</v>
      </c>
      <c r="D7681" t="s">
        <v>16652</v>
      </c>
      <c r="E7681" t="s">
        <v>32883</v>
      </c>
      <c r="F7681">
        <v>2</v>
      </c>
      <c r="G7681" t="s">
        <v>14</v>
      </c>
      <c r="H7681" t="s">
        <v>16653</v>
      </c>
      <c r="I7681" t="s">
        <v>30540</v>
      </c>
    </row>
    <row r="7682" spans="1:9">
      <c r="A7682" s="1">
        <f ca="1">RAND()</f>
        <v>0.32130234722911588</v>
      </c>
      <c r="B7682" s="1"/>
      <c r="C7682">
        <v>5</v>
      </c>
      <c r="D7682" t="s">
        <v>16644</v>
      </c>
      <c r="E7682" t="s">
        <v>32884</v>
      </c>
      <c r="F7682">
        <v>5</v>
      </c>
      <c r="G7682" t="s">
        <v>14</v>
      </c>
      <c r="H7682" t="s">
        <v>16645</v>
      </c>
      <c r="I7682" t="s">
        <v>30540</v>
      </c>
    </row>
    <row r="7683" spans="1:9">
      <c r="A7683" s="1">
        <f ca="1">RAND()</f>
        <v>0.52222091144281313</v>
      </c>
      <c r="B7683" s="1"/>
      <c r="C7683">
        <v>3</v>
      </c>
      <c r="D7683" t="s">
        <v>16642</v>
      </c>
      <c r="E7683" t="s">
        <v>32884</v>
      </c>
      <c r="F7683">
        <v>3</v>
      </c>
      <c r="G7683" t="s">
        <v>0</v>
      </c>
      <c r="H7683" t="s">
        <v>16643</v>
      </c>
      <c r="I7683" t="s">
        <v>30540</v>
      </c>
    </row>
    <row r="7684" spans="1:9">
      <c r="A7684" s="1">
        <f ca="1">RAND()</f>
        <v>0.67854947775878349</v>
      </c>
      <c r="B7684" s="1"/>
      <c r="C7684">
        <v>7</v>
      </c>
      <c r="D7684" t="s">
        <v>16646</v>
      </c>
      <c r="E7684" t="s">
        <v>32884</v>
      </c>
      <c r="F7684">
        <v>3</v>
      </c>
      <c r="G7684" t="s">
        <v>14</v>
      </c>
      <c r="H7684" t="s">
        <v>16647</v>
      </c>
      <c r="I7684" t="s">
        <v>30540</v>
      </c>
    </row>
    <row r="7685" spans="1:9">
      <c r="A7685" s="1">
        <f ca="1">RAND()</f>
        <v>0.85784933230119254</v>
      </c>
      <c r="B7685" s="1"/>
      <c r="C7685">
        <v>14</v>
      </c>
      <c r="D7685" t="s">
        <v>16636</v>
      </c>
      <c r="E7685" t="s">
        <v>32885</v>
      </c>
      <c r="F7685">
        <v>4</v>
      </c>
      <c r="G7685" t="s">
        <v>14</v>
      </c>
      <c r="H7685" t="s">
        <v>16637</v>
      </c>
      <c r="I7685" t="s">
        <v>30540</v>
      </c>
    </row>
    <row r="7686" spans="1:9">
      <c r="A7686" s="1">
        <f ca="1">RAND()</f>
        <v>0.26325454173036056</v>
      </c>
      <c r="B7686" s="1"/>
      <c r="C7686">
        <v>16</v>
      </c>
      <c r="D7686" t="s">
        <v>16638</v>
      </c>
      <c r="E7686" t="s">
        <v>32885</v>
      </c>
      <c r="F7686">
        <v>4</v>
      </c>
      <c r="G7686" t="s">
        <v>14</v>
      </c>
      <c r="H7686" t="s">
        <v>16639</v>
      </c>
      <c r="I7686" t="s">
        <v>30540</v>
      </c>
    </row>
    <row r="7687" spans="1:9">
      <c r="A7687" s="1">
        <f ca="1">RAND()</f>
        <v>0.41673083635067987</v>
      </c>
      <c r="B7687" s="1"/>
      <c r="C7687">
        <v>6</v>
      </c>
      <c r="D7687" t="s">
        <v>16630</v>
      </c>
      <c r="E7687" t="s">
        <v>32885</v>
      </c>
      <c r="F7687">
        <v>4</v>
      </c>
      <c r="G7687" t="s">
        <v>14</v>
      </c>
      <c r="H7687" t="s">
        <v>16631</v>
      </c>
      <c r="I7687" t="s">
        <v>30540</v>
      </c>
    </row>
    <row r="7688" spans="1:9">
      <c r="A7688" s="1">
        <f ca="1">RAND()</f>
        <v>0.28110307879170837</v>
      </c>
      <c r="B7688" s="1"/>
      <c r="C7688">
        <v>9</v>
      </c>
      <c r="D7688" t="s">
        <v>16634</v>
      </c>
      <c r="E7688" t="s">
        <v>32885</v>
      </c>
      <c r="F7688">
        <v>4</v>
      </c>
      <c r="G7688" t="s">
        <v>0</v>
      </c>
      <c r="H7688" t="s">
        <v>16635</v>
      </c>
      <c r="I7688" t="s">
        <v>30540</v>
      </c>
    </row>
    <row r="7689" spans="1:9">
      <c r="A7689" s="1">
        <f ca="1">RAND()</f>
        <v>0.76295080914349067</v>
      </c>
      <c r="B7689" s="1"/>
      <c r="C7689">
        <v>3</v>
      </c>
      <c r="D7689" t="s">
        <v>16628</v>
      </c>
      <c r="E7689" t="s">
        <v>32885</v>
      </c>
      <c r="F7689">
        <v>4</v>
      </c>
      <c r="G7689" t="s">
        <v>2</v>
      </c>
      <c r="H7689" t="s">
        <v>16629</v>
      </c>
      <c r="I7689" t="s">
        <v>30540</v>
      </c>
    </row>
    <row r="7690" spans="1:9">
      <c r="A7690" s="1">
        <f ca="1">RAND()</f>
        <v>0.46047352700786193</v>
      </c>
      <c r="B7690" s="1"/>
      <c r="C7690">
        <v>8</v>
      </c>
      <c r="D7690" t="s">
        <v>16632</v>
      </c>
      <c r="E7690" t="s">
        <v>32885</v>
      </c>
      <c r="F7690">
        <v>1</v>
      </c>
      <c r="G7690" t="s">
        <v>14</v>
      </c>
      <c r="H7690" t="s">
        <v>16633</v>
      </c>
      <c r="I7690" t="s">
        <v>30540</v>
      </c>
    </row>
    <row r="7691" spans="1:9">
      <c r="A7691" s="1">
        <f ca="1">RAND()</f>
        <v>0.15287706248415156</v>
      </c>
      <c r="B7691" s="1"/>
      <c r="C7691">
        <v>17</v>
      </c>
      <c r="D7691" t="s">
        <v>16640</v>
      </c>
      <c r="E7691" t="s">
        <v>32885</v>
      </c>
      <c r="F7691">
        <v>1</v>
      </c>
      <c r="G7691" t="s">
        <v>0</v>
      </c>
      <c r="H7691" t="s">
        <v>16641</v>
      </c>
      <c r="I7691" t="s">
        <v>30540</v>
      </c>
    </row>
    <row r="7692" spans="1:9">
      <c r="A7692" s="1">
        <f ca="1">RAND()</f>
        <v>0.97344160127253676</v>
      </c>
      <c r="B7692" s="1"/>
      <c r="C7692">
        <v>8</v>
      </c>
      <c r="D7692" t="s">
        <v>16620</v>
      </c>
      <c r="E7692" t="s">
        <v>32886</v>
      </c>
      <c r="F7692">
        <v>4</v>
      </c>
      <c r="G7692" t="s">
        <v>14</v>
      </c>
      <c r="H7692" t="s">
        <v>16621</v>
      </c>
      <c r="I7692" t="s">
        <v>30540</v>
      </c>
    </row>
    <row r="7693" spans="1:9">
      <c r="A7693" s="1">
        <f ca="1">RAND()</f>
        <v>0.30315649590399252</v>
      </c>
      <c r="B7693" s="1"/>
      <c r="C7693">
        <v>6</v>
      </c>
      <c r="D7693" t="s">
        <v>16618</v>
      </c>
      <c r="E7693" t="s">
        <v>32886</v>
      </c>
      <c r="F7693">
        <v>4</v>
      </c>
      <c r="G7693" t="s">
        <v>13</v>
      </c>
      <c r="H7693" t="s">
        <v>16619</v>
      </c>
      <c r="I7693" t="s">
        <v>30540</v>
      </c>
    </row>
    <row r="7694" spans="1:9">
      <c r="A7694" s="1">
        <f ca="1">RAND()</f>
        <v>0.63239264347938862</v>
      </c>
      <c r="B7694" s="1"/>
      <c r="C7694">
        <v>10</v>
      </c>
      <c r="D7694" t="s">
        <v>16622</v>
      </c>
      <c r="E7694" t="s">
        <v>32886</v>
      </c>
      <c r="F7694">
        <v>4</v>
      </c>
      <c r="G7694" t="s">
        <v>14</v>
      </c>
      <c r="H7694" t="s">
        <v>16623</v>
      </c>
      <c r="I7694" t="s">
        <v>30540</v>
      </c>
    </row>
    <row r="7695" spans="1:9">
      <c r="A7695" s="1">
        <f ca="1">RAND()</f>
        <v>0.73417867113517954</v>
      </c>
      <c r="B7695" s="1"/>
      <c r="C7695">
        <v>13</v>
      </c>
      <c r="D7695" t="s">
        <v>16624</v>
      </c>
      <c r="E7695" t="s">
        <v>32886</v>
      </c>
      <c r="F7695">
        <v>4</v>
      </c>
      <c r="G7695" t="s">
        <v>10</v>
      </c>
      <c r="H7695" t="s">
        <v>16625</v>
      </c>
      <c r="I7695" t="s">
        <v>30540</v>
      </c>
    </row>
    <row r="7696" spans="1:9">
      <c r="A7696" s="1">
        <f ca="1">RAND()</f>
        <v>8.5781347859449797E-2</v>
      </c>
      <c r="B7696" s="1"/>
      <c r="C7696">
        <v>18</v>
      </c>
      <c r="D7696" t="s">
        <v>16626</v>
      </c>
      <c r="E7696" t="s">
        <v>32886</v>
      </c>
      <c r="F7696">
        <v>4</v>
      </c>
      <c r="G7696" t="s">
        <v>10</v>
      </c>
      <c r="H7696" t="s">
        <v>16627</v>
      </c>
      <c r="I7696" t="s">
        <v>30540</v>
      </c>
    </row>
    <row r="7697" spans="1:9">
      <c r="A7697" s="1">
        <f ca="1">RAND()</f>
        <v>0.97665355004787002</v>
      </c>
      <c r="B7697" s="1"/>
      <c r="C7697">
        <v>2</v>
      </c>
      <c r="D7697" t="s">
        <v>16616</v>
      </c>
      <c r="E7697" t="s">
        <v>32886</v>
      </c>
      <c r="F7697">
        <v>4</v>
      </c>
      <c r="G7697" t="s">
        <v>10</v>
      </c>
      <c r="H7697" t="s">
        <v>16617</v>
      </c>
      <c r="I7697" t="s">
        <v>30540</v>
      </c>
    </row>
    <row r="7698" spans="1:9">
      <c r="A7698" s="1">
        <f ca="1">RAND()</f>
        <v>0.95378405514337583</v>
      </c>
      <c r="B7698" s="1"/>
      <c r="C7698">
        <v>18</v>
      </c>
      <c r="D7698" t="s">
        <v>16614</v>
      </c>
      <c r="E7698" t="s">
        <v>32887</v>
      </c>
      <c r="F7698">
        <v>4</v>
      </c>
      <c r="G7698" t="s">
        <v>775</v>
      </c>
      <c r="H7698" t="s">
        <v>16615</v>
      </c>
      <c r="I7698" t="s">
        <v>30540</v>
      </c>
    </row>
    <row r="7699" spans="1:9">
      <c r="A7699" s="1">
        <f ca="1">RAND()</f>
        <v>0.83591848761141274</v>
      </c>
      <c r="B7699" s="1"/>
      <c r="C7699">
        <v>15</v>
      </c>
      <c r="D7699" t="s">
        <v>16612</v>
      </c>
      <c r="E7699" t="s">
        <v>32887</v>
      </c>
      <c r="F7699">
        <v>4</v>
      </c>
      <c r="G7699" t="s">
        <v>1295</v>
      </c>
      <c r="H7699" t="s">
        <v>16613</v>
      </c>
      <c r="I7699" t="s">
        <v>30540</v>
      </c>
    </row>
    <row r="7700" spans="1:9">
      <c r="A7700" s="1">
        <f ca="1">RAND()</f>
        <v>0.23232521929612548</v>
      </c>
      <c r="B7700" s="1"/>
      <c r="C7700">
        <v>6</v>
      </c>
      <c r="D7700" t="s">
        <v>16610</v>
      </c>
      <c r="E7700" t="s">
        <v>32887</v>
      </c>
      <c r="F7700">
        <v>4</v>
      </c>
      <c r="G7700" t="s">
        <v>14</v>
      </c>
      <c r="H7700" t="s">
        <v>16611</v>
      </c>
      <c r="I7700" t="s">
        <v>30540</v>
      </c>
    </row>
    <row r="7701" spans="1:9">
      <c r="A7701" s="1">
        <f ca="1">RAND()</f>
        <v>0.38195607382342656</v>
      </c>
      <c r="B7701" s="1"/>
      <c r="C7701">
        <v>8</v>
      </c>
      <c r="D7701" t="s">
        <v>16602</v>
      </c>
      <c r="E7701" t="s">
        <v>32888</v>
      </c>
      <c r="F7701">
        <v>4</v>
      </c>
      <c r="G7701" t="s">
        <v>14</v>
      </c>
      <c r="H7701" t="s">
        <v>16603</v>
      </c>
      <c r="I7701" t="s">
        <v>30540</v>
      </c>
    </row>
    <row r="7702" spans="1:9">
      <c r="A7702" s="1">
        <f ca="1">RAND()</f>
        <v>2.535940691468308E-2</v>
      </c>
      <c r="B7702" s="1"/>
      <c r="C7702">
        <v>9</v>
      </c>
      <c r="D7702" t="s">
        <v>16604</v>
      </c>
      <c r="E7702" t="s">
        <v>32888</v>
      </c>
      <c r="F7702">
        <v>4</v>
      </c>
      <c r="G7702" t="s">
        <v>14</v>
      </c>
      <c r="H7702" t="s">
        <v>16605</v>
      </c>
      <c r="I7702" t="s">
        <v>30540</v>
      </c>
    </row>
    <row r="7703" spans="1:9">
      <c r="A7703" s="1">
        <f ca="1">RAND()</f>
        <v>0.92646780624040437</v>
      </c>
      <c r="B7703" s="1"/>
      <c r="C7703">
        <v>10</v>
      </c>
      <c r="D7703" t="s">
        <v>16606</v>
      </c>
      <c r="E7703" t="s">
        <v>32888</v>
      </c>
      <c r="F7703">
        <v>4</v>
      </c>
      <c r="G7703" t="s">
        <v>13</v>
      </c>
      <c r="H7703" t="s">
        <v>16607</v>
      </c>
      <c r="I7703" t="s">
        <v>30540</v>
      </c>
    </row>
    <row r="7704" spans="1:9">
      <c r="A7704" s="1">
        <f ca="1">RAND()</f>
        <v>0.25207192339743767</v>
      </c>
      <c r="B7704" s="1"/>
      <c r="C7704">
        <v>1</v>
      </c>
      <c r="D7704" t="s">
        <v>16598</v>
      </c>
      <c r="E7704" t="s">
        <v>32888</v>
      </c>
      <c r="F7704">
        <v>4</v>
      </c>
      <c r="G7704" t="s">
        <v>14</v>
      </c>
      <c r="H7704" t="s">
        <v>16599</v>
      </c>
      <c r="I7704" t="s">
        <v>30540</v>
      </c>
    </row>
    <row r="7705" spans="1:9">
      <c r="A7705" s="1">
        <f ca="1">RAND()</f>
        <v>0.81373648803613918</v>
      </c>
      <c r="B7705" s="1"/>
      <c r="C7705">
        <v>7</v>
      </c>
      <c r="D7705" t="s">
        <v>16600</v>
      </c>
      <c r="E7705" t="s">
        <v>32888</v>
      </c>
      <c r="F7705">
        <v>4</v>
      </c>
      <c r="G7705" t="s">
        <v>2</v>
      </c>
      <c r="H7705" t="s">
        <v>16601</v>
      </c>
      <c r="I7705" t="s">
        <v>30540</v>
      </c>
    </row>
    <row r="7706" spans="1:9">
      <c r="A7706" s="1">
        <f ca="1">RAND()</f>
        <v>0.33089941091861186</v>
      </c>
      <c r="B7706" s="1"/>
      <c r="C7706">
        <v>12</v>
      </c>
      <c r="D7706" t="s">
        <v>16608</v>
      </c>
      <c r="E7706" t="s">
        <v>32888</v>
      </c>
      <c r="F7706">
        <v>2</v>
      </c>
      <c r="G7706" t="s">
        <v>15</v>
      </c>
      <c r="H7706" t="s">
        <v>16609</v>
      </c>
      <c r="I7706" t="s">
        <v>30540</v>
      </c>
    </row>
    <row r="7707" spans="1:9">
      <c r="A7707" s="1">
        <f ca="1">RAND()</f>
        <v>0.6581666044847686</v>
      </c>
      <c r="B7707" s="1"/>
      <c r="C7707">
        <v>11</v>
      </c>
      <c r="D7707" t="s">
        <v>16596</v>
      </c>
      <c r="E7707" t="s">
        <v>32889</v>
      </c>
      <c r="F7707">
        <v>4</v>
      </c>
      <c r="G7707" t="s">
        <v>0</v>
      </c>
      <c r="H7707" t="s">
        <v>16597</v>
      </c>
      <c r="I7707" t="s">
        <v>30540</v>
      </c>
    </row>
    <row r="7708" spans="1:9">
      <c r="A7708" s="1">
        <f ca="1">RAND()</f>
        <v>0.845461186194718</v>
      </c>
      <c r="B7708" s="1"/>
      <c r="C7708">
        <v>1</v>
      </c>
      <c r="D7708" t="s">
        <v>16588</v>
      </c>
      <c r="E7708" t="s">
        <v>32889</v>
      </c>
      <c r="F7708">
        <v>4</v>
      </c>
      <c r="G7708" t="s">
        <v>10</v>
      </c>
      <c r="H7708" t="s">
        <v>16589</v>
      </c>
      <c r="I7708" t="s">
        <v>30540</v>
      </c>
    </row>
    <row r="7709" spans="1:9">
      <c r="A7709" s="1">
        <f ca="1">RAND()</f>
        <v>0.44374590835953553</v>
      </c>
      <c r="B7709" s="1"/>
      <c r="C7709">
        <v>5</v>
      </c>
      <c r="D7709" t="s">
        <v>16592</v>
      </c>
      <c r="E7709" t="s">
        <v>32889</v>
      </c>
      <c r="F7709">
        <v>4</v>
      </c>
      <c r="G7709" t="s">
        <v>14</v>
      </c>
      <c r="H7709" t="s">
        <v>16593</v>
      </c>
      <c r="I7709" t="s">
        <v>30540</v>
      </c>
    </row>
    <row r="7710" spans="1:9">
      <c r="A7710" s="1">
        <f ca="1">RAND()</f>
        <v>0.94575271923218218</v>
      </c>
      <c r="B7710" s="1"/>
      <c r="C7710">
        <v>7</v>
      </c>
      <c r="D7710" t="s">
        <v>16594</v>
      </c>
      <c r="E7710" t="s">
        <v>32889</v>
      </c>
      <c r="F7710">
        <v>4</v>
      </c>
      <c r="G7710" t="s">
        <v>14</v>
      </c>
      <c r="H7710" t="s">
        <v>16595</v>
      </c>
      <c r="I7710" t="s">
        <v>30540</v>
      </c>
    </row>
    <row r="7711" spans="1:9">
      <c r="A7711" s="1">
        <f ca="1">RAND()</f>
        <v>0.14240164768252073</v>
      </c>
      <c r="B7711" s="1"/>
      <c r="C7711">
        <v>3</v>
      </c>
      <c r="D7711" t="s">
        <v>16590</v>
      </c>
      <c r="E7711" t="s">
        <v>32889</v>
      </c>
      <c r="F7711">
        <v>4</v>
      </c>
      <c r="G7711" t="s">
        <v>2</v>
      </c>
      <c r="H7711" t="s">
        <v>16591</v>
      </c>
      <c r="I7711" t="s">
        <v>30540</v>
      </c>
    </row>
    <row r="7712" spans="1:9">
      <c r="A7712" s="1">
        <f ca="1">RAND()</f>
        <v>0.95034783004673307</v>
      </c>
      <c r="B7712" s="1"/>
      <c r="C7712">
        <v>3</v>
      </c>
      <c r="D7712" t="s">
        <v>16584</v>
      </c>
      <c r="E7712" t="s">
        <v>32890</v>
      </c>
      <c r="F7712">
        <v>4</v>
      </c>
      <c r="G7712" t="s">
        <v>14</v>
      </c>
      <c r="H7712" t="s">
        <v>16585</v>
      </c>
      <c r="I7712" t="s">
        <v>30540</v>
      </c>
    </row>
    <row r="7713" spans="1:9">
      <c r="A7713" s="1">
        <f ca="1">RAND()</f>
        <v>0.64013451286689682</v>
      </c>
      <c r="B7713" s="1"/>
      <c r="C7713">
        <v>16</v>
      </c>
      <c r="D7713" t="s">
        <v>16586</v>
      </c>
      <c r="E7713" t="s">
        <v>32890</v>
      </c>
      <c r="F7713">
        <v>4</v>
      </c>
      <c r="G7713" t="s">
        <v>14</v>
      </c>
      <c r="H7713" t="s">
        <v>16587</v>
      </c>
      <c r="I7713" t="s">
        <v>30540</v>
      </c>
    </row>
    <row r="7714" spans="1:9">
      <c r="A7714" s="1">
        <f ca="1">RAND()</f>
        <v>2.2242055215740852E-2</v>
      </c>
      <c r="B7714" s="1"/>
      <c r="C7714">
        <v>20</v>
      </c>
      <c r="D7714" t="s">
        <v>16582</v>
      </c>
      <c r="E7714" t="s">
        <v>32891</v>
      </c>
      <c r="F7714">
        <v>4</v>
      </c>
      <c r="G7714" t="s">
        <v>0</v>
      </c>
      <c r="H7714" t="s">
        <v>16583</v>
      </c>
      <c r="I7714" t="s">
        <v>30540</v>
      </c>
    </row>
    <row r="7715" spans="1:9">
      <c r="A7715" s="1">
        <f ca="1">RAND()</f>
        <v>0.11658101121954689</v>
      </c>
      <c r="B7715" s="1"/>
      <c r="C7715">
        <v>13</v>
      </c>
      <c r="D7715" t="s">
        <v>16580</v>
      </c>
      <c r="E7715" t="s">
        <v>32891</v>
      </c>
      <c r="F7715">
        <v>3</v>
      </c>
      <c r="G7715" t="s">
        <v>10</v>
      </c>
      <c r="H7715" t="s">
        <v>16581</v>
      </c>
      <c r="I7715" t="s">
        <v>30540</v>
      </c>
    </row>
    <row r="7716" spans="1:9">
      <c r="A7716" s="1">
        <f ca="1">RAND()</f>
        <v>0.44674383809367268</v>
      </c>
      <c r="B7716" s="1"/>
      <c r="C7716">
        <v>9</v>
      </c>
      <c r="D7716" t="s">
        <v>16578</v>
      </c>
      <c r="E7716" t="s">
        <v>32891</v>
      </c>
      <c r="F7716">
        <v>2</v>
      </c>
      <c r="G7716" t="s">
        <v>2</v>
      </c>
      <c r="H7716" t="s">
        <v>16579</v>
      </c>
      <c r="I7716" t="s">
        <v>30540</v>
      </c>
    </row>
    <row r="7717" spans="1:9">
      <c r="A7717" s="1">
        <f ca="1">RAND()</f>
        <v>0.56817421545980451</v>
      </c>
      <c r="B7717" s="1"/>
      <c r="C7717">
        <v>4</v>
      </c>
      <c r="D7717" t="s">
        <v>16568</v>
      </c>
      <c r="E7717" t="s">
        <v>32892</v>
      </c>
      <c r="F7717">
        <v>4</v>
      </c>
      <c r="G7717" t="s">
        <v>770</v>
      </c>
      <c r="H7717" t="s">
        <v>16569</v>
      </c>
      <c r="I7717" t="s">
        <v>30540</v>
      </c>
    </row>
    <row r="7718" spans="1:9">
      <c r="A7718" s="1">
        <f ca="1">RAND()</f>
        <v>0.51979162458665318</v>
      </c>
      <c r="B7718" s="1"/>
      <c r="C7718">
        <v>5</v>
      </c>
      <c r="D7718" t="s">
        <v>16570</v>
      </c>
      <c r="E7718" t="s">
        <v>32892</v>
      </c>
      <c r="F7718">
        <v>4</v>
      </c>
      <c r="G7718" t="s">
        <v>1431</v>
      </c>
      <c r="H7718" t="s">
        <v>16571</v>
      </c>
      <c r="I7718" t="s">
        <v>30540</v>
      </c>
    </row>
    <row r="7719" spans="1:9">
      <c r="A7719" s="1">
        <f ca="1">RAND()</f>
        <v>0.10530098990018355</v>
      </c>
      <c r="B7719" s="1"/>
      <c r="C7719">
        <v>19</v>
      </c>
      <c r="D7719" t="s">
        <v>16576</v>
      </c>
      <c r="E7719" t="s">
        <v>32892</v>
      </c>
      <c r="F7719">
        <v>4</v>
      </c>
      <c r="G7719" t="s">
        <v>14</v>
      </c>
      <c r="H7719" t="s">
        <v>16577</v>
      </c>
      <c r="I7719" t="s">
        <v>30540</v>
      </c>
    </row>
    <row r="7720" spans="1:9">
      <c r="A7720" s="1">
        <f ca="1">RAND()</f>
        <v>0.66802774271118648</v>
      </c>
      <c r="B7720" s="1"/>
      <c r="C7720">
        <v>11</v>
      </c>
      <c r="D7720" t="s">
        <v>16572</v>
      </c>
      <c r="E7720" t="s">
        <v>32892</v>
      </c>
      <c r="F7720">
        <v>4</v>
      </c>
      <c r="G7720" t="s">
        <v>775</v>
      </c>
      <c r="H7720" t="s">
        <v>16573</v>
      </c>
      <c r="I7720" t="s">
        <v>30540</v>
      </c>
    </row>
    <row r="7721" spans="1:9">
      <c r="A7721" s="1">
        <f ca="1">RAND()</f>
        <v>0.38992002354220234</v>
      </c>
      <c r="B7721" s="1"/>
      <c r="C7721">
        <v>15</v>
      </c>
      <c r="D7721" t="s">
        <v>16574</v>
      </c>
      <c r="E7721" t="s">
        <v>32892</v>
      </c>
      <c r="F7721">
        <v>4</v>
      </c>
      <c r="G7721" t="s">
        <v>3732</v>
      </c>
      <c r="H7721" t="s">
        <v>16575</v>
      </c>
      <c r="I7721" t="s">
        <v>30540</v>
      </c>
    </row>
    <row r="7722" spans="1:9">
      <c r="A7722" s="1">
        <f ca="1">RAND()</f>
        <v>0.57140875973514826</v>
      </c>
      <c r="B7722" s="1"/>
      <c r="C7722">
        <v>5</v>
      </c>
      <c r="D7722" t="s">
        <v>16556</v>
      </c>
      <c r="E7722" t="s">
        <v>32893</v>
      </c>
      <c r="F7722">
        <v>4</v>
      </c>
      <c r="G7722" t="s">
        <v>15</v>
      </c>
      <c r="H7722" t="s">
        <v>16557</v>
      </c>
      <c r="I7722" t="s">
        <v>30540</v>
      </c>
    </row>
    <row r="7723" spans="1:9">
      <c r="A7723" s="1">
        <f ca="1">RAND()</f>
        <v>0.72299681958081552</v>
      </c>
      <c r="B7723" s="1"/>
      <c r="C7723">
        <v>10</v>
      </c>
      <c r="D7723" t="s">
        <v>16562</v>
      </c>
      <c r="E7723" t="s">
        <v>32893</v>
      </c>
      <c r="F7723">
        <v>4</v>
      </c>
      <c r="G7723" t="s">
        <v>14</v>
      </c>
      <c r="H7723" t="s">
        <v>16563</v>
      </c>
      <c r="I7723" t="s">
        <v>30540</v>
      </c>
    </row>
    <row r="7724" spans="1:9">
      <c r="A7724" s="1">
        <f ca="1">RAND()</f>
        <v>0.78299787921756059</v>
      </c>
      <c r="B7724" s="1"/>
      <c r="C7724">
        <v>9</v>
      </c>
      <c r="D7724" t="s">
        <v>16560</v>
      </c>
      <c r="E7724" t="s">
        <v>32893</v>
      </c>
      <c r="F7724">
        <v>4</v>
      </c>
      <c r="G7724" t="s">
        <v>14</v>
      </c>
      <c r="H7724" t="s">
        <v>16561</v>
      </c>
      <c r="I7724" t="s">
        <v>30540</v>
      </c>
    </row>
    <row r="7725" spans="1:9">
      <c r="A7725" s="1">
        <f ca="1">RAND()</f>
        <v>0.35269337411056501</v>
      </c>
      <c r="B7725" s="1"/>
      <c r="C7725">
        <v>6</v>
      </c>
      <c r="D7725" t="s">
        <v>16558</v>
      </c>
      <c r="E7725" t="s">
        <v>32893</v>
      </c>
      <c r="F7725">
        <v>4</v>
      </c>
      <c r="G7725" t="s">
        <v>13</v>
      </c>
      <c r="H7725" t="s">
        <v>16559</v>
      </c>
      <c r="I7725" t="s">
        <v>30540</v>
      </c>
    </row>
    <row r="7726" spans="1:9">
      <c r="A7726" s="1">
        <f ca="1">RAND()</f>
        <v>0.80382880480100638</v>
      </c>
      <c r="B7726" s="1"/>
      <c r="C7726">
        <v>14</v>
      </c>
      <c r="D7726" t="s">
        <v>16566</v>
      </c>
      <c r="E7726" t="s">
        <v>32893</v>
      </c>
      <c r="F7726">
        <v>4</v>
      </c>
      <c r="G7726" t="s">
        <v>14</v>
      </c>
      <c r="H7726" t="s">
        <v>16567</v>
      </c>
      <c r="I7726" t="s">
        <v>30540</v>
      </c>
    </row>
    <row r="7727" spans="1:9">
      <c r="A7727" s="1">
        <f ca="1">RAND()</f>
        <v>0.36779663740605795</v>
      </c>
      <c r="B7727" s="1"/>
      <c r="C7727">
        <v>3</v>
      </c>
      <c r="D7727" t="s">
        <v>16554</v>
      </c>
      <c r="E7727" t="s">
        <v>32893</v>
      </c>
      <c r="F7727">
        <v>3</v>
      </c>
      <c r="G7727" t="s">
        <v>9</v>
      </c>
      <c r="H7727" t="s">
        <v>16555</v>
      </c>
      <c r="I7727" t="s">
        <v>30540</v>
      </c>
    </row>
    <row r="7728" spans="1:9">
      <c r="A7728" s="1">
        <f ca="1">RAND()</f>
        <v>0.80912567492003229</v>
      </c>
      <c r="B7728" s="1"/>
      <c r="C7728">
        <v>13</v>
      </c>
      <c r="D7728" t="s">
        <v>16564</v>
      </c>
      <c r="E7728" t="s">
        <v>32893</v>
      </c>
      <c r="F7728">
        <v>2</v>
      </c>
      <c r="G7728" t="s">
        <v>14</v>
      </c>
      <c r="H7728" t="s">
        <v>16565</v>
      </c>
      <c r="I7728" t="s">
        <v>30540</v>
      </c>
    </row>
    <row r="7729" spans="1:9">
      <c r="A7729" s="1">
        <f ca="1">RAND()</f>
        <v>0.79225620447124379</v>
      </c>
      <c r="B7729" s="1"/>
      <c r="C7729">
        <v>9</v>
      </c>
      <c r="D7729" t="s">
        <v>16544</v>
      </c>
      <c r="E7729" t="s">
        <v>32894</v>
      </c>
      <c r="F7729">
        <v>5</v>
      </c>
      <c r="G7729" t="s">
        <v>13</v>
      </c>
      <c r="H7729" t="s">
        <v>16545</v>
      </c>
      <c r="I7729" t="s">
        <v>30540</v>
      </c>
    </row>
    <row r="7730" spans="1:9">
      <c r="A7730" s="1">
        <f ca="1">RAND()</f>
        <v>0.6166567920350835</v>
      </c>
      <c r="B7730" s="1"/>
      <c r="C7730">
        <v>16</v>
      </c>
      <c r="D7730" t="s">
        <v>16550</v>
      </c>
      <c r="E7730" t="s">
        <v>32894</v>
      </c>
      <c r="F7730">
        <v>4</v>
      </c>
      <c r="G7730" t="s">
        <v>10</v>
      </c>
      <c r="H7730" t="s">
        <v>16551</v>
      </c>
      <c r="I7730" t="s">
        <v>30540</v>
      </c>
    </row>
    <row r="7731" spans="1:9">
      <c r="A7731" s="1">
        <f ca="1">RAND()</f>
        <v>0.13339004847486924</v>
      </c>
      <c r="B7731" s="1"/>
      <c r="C7731">
        <v>18</v>
      </c>
      <c r="D7731" t="s">
        <v>16552</v>
      </c>
      <c r="E7731" t="s">
        <v>32894</v>
      </c>
      <c r="F7731">
        <v>4</v>
      </c>
      <c r="G7731" t="s">
        <v>14</v>
      </c>
      <c r="H7731" t="s">
        <v>16553</v>
      </c>
      <c r="I7731" t="s">
        <v>30540</v>
      </c>
    </row>
    <row r="7732" spans="1:9">
      <c r="A7732" s="1">
        <f ca="1">RAND()</f>
        <v>0.75085786267153631</v>
      </c>
      <c r="B7732" s="1"/>
      <c r="C7732">
        <v>15</v>
      </c>
      <c r="D7732" t="s">
        <v>16548</v>
      </c>
      <c r="E7732" t="s">
        <v>32894</v>
      </c>
      <c r="F7732">
        <v>4</v>
      </c>
      <c r="G7732" t="s">
        <v>0</v>
      </c>
      <c r="H7732" t="s">
        <v>16549</v>
      </c>
      <c r="I7732" t="s">
        <v>30540</v>
      </c>
    </row>
    <row r="7733" spans="1:9">
      <c r="A7733" s="1">
        <f ca="1">RAND()</f>
        <v>0.4290975955777705</v>
      </c>
      <c r="B7733" s="1"/>
      <c r="C7733">
        <v>10</v>
      </c>
      <c r="D7733" t="s">
        <v>16546</v>
      </c>
      <c r="E7733" t="s">
        <v>32894</v>
      </c>
      <c r="F7733">
        <v>4</v>
      </c>
      <c r="G7733" t="s">
        <v>14</v>
      </c>
      <c r="H7733" t="s">
        <v>16547</v>
      </c>
      <c r="I7733" t="s">
        <v>30540</v>
      </c>
    </row>
    <row r="7734" spans="1:9">
      <c r="A7734" s="1">
        <f ca="1">RAND()</f>
        <v>0.38621140160734602</v>
      </c>
      <c r="B7734" s="1"/>
      <c r="C7734">
        <v>16</v>
      </c>
      <c r="D7734" t="s">
        <v>16542</v>
      </c>
      <c r="E7734" t="s">
        <v>32895</v>
      </c>
      <c r="F7734">
        <v>5</v>
      </c>
      <c r="G7734" t="s">
        <v>14</v>
      </c>
      <c r="H7734" t="s">
        <v>16543</v>
      </c>
      <c r="I7734" t="s">
        <v>30540</v>
      </c>
    </row>
    <row r="7735" spans="1:9">
      <c r="A7735" s="1">
        <f ca="1">RAND()</f>
        <v>0.20344024091143209</v>
      </c>
      <c r="B7735" s="1"/>
      <c r="C7735">
        <v>5</v>
      </c>
      <c r="D7735" t="s">
        <v>16536</v>
      </c>
      <c r="E7735" t="s">
        <v>32895</v>
      </c>
      <c r="F7735">
        <v>4</v>
      </c>
      <c r="G7735" t="s">
        <v>2</v>
      </c>
      <c r="H7735" t="s">
        <v>16537</v>
      </c>
      <c r="I7735" t="s">
        <v>30540</v>
      </c>
    </row>
    <row r="7736" spans="1:9">
      <c r="A7736" s="1">
        <f ca="1">RAND()</f>
        <v>0.78894060964267165</v>
      </c>
      <c r="B7736" s="1"/>
      <c r="C7736">
        <v>10</v>
      </c>
      <c r="D7736" t="s">
        <v>16540</v>
      </c>
      <c r="E7736" t="s">
        <v>32895</v>
      </c>
      <c r="F7736">
        <v>4</v>
      </c>
      <c r="G7736" t="s">
        <v>14</v>
      </c>
      <c r="H7736" t="s">
        <v>16541</v>
      </c>
      <c r="I7736" t="s">
        <v>30540</v>
      </c>
    </row>
    <row r="7737" spans="1:9">
      <c r="A7737" s="1">
        <f ca="1">RAND()</f>
        <v>0.39079130451756106</v>
      </c>
      <c r="B7737" s="1"/>
      <c r="C7737">
        <v>9</v>
      </c>
      <c r="D7737" t="s">
        <v>16538</v>
      </c>
      <c r="E7737" t="s">
        <v>32895</v>
      </c>
      <c r="F7737">
        <v>4</v>
      </c>
      <c r="G7737" t="s">
        <v>14</v>
      </c>
      <c r="H7737" t="s">
        <v>16539</v>
      </c>
      <c r="I7737" t="s">
        <v>30540</v>
      </c>
    </row>
    <row r="7738" spans="1:9">
      <c r="A7738" s="1">
        <f ca="1">RAND()</f>
        <v>1.6064892381067342E-2</v>
      </c>
      <c r="B7738" s="1"/>
      <c r="C7738">
        <v>17</v>
      </c>
      <c r="D7738" t="s">
        <v>16534</v>
      </c>
      <c r="E7738" t="s">
        <v>32896</v>
      </c>
      <c r="F7738">
        <v>4</v>
      </c>
      <c r="G7738" t="s">
        <v>13</v>
      </c>
      <c r="H7738" t="s">
        <v>16535</v>
      </c>
      <c r="I7738" t="s">
        <v>30540</v>
      </c>
    </row>
    <row r="7739" spans="1:9">
      <c r="A7739" s="1">
        <f ca="1">RAND()</f>
        <v>0.453674891230336</v>
      </c>
      <c r="B7739" s="1"/>
      <c r="C7739">
        <v>16</v>
      </c>
      <c r="D7739" t="s">
        <v>16532</v>
      </c>
      <c r="E7739" t="s">
        <v>32896</v>
      </c>
      <c r="F7739">
        <v>4</v>
      </c>
      <c r="G7739" t="s">
        <v>14</v>
      </c>
      <c r="H7739" t="s">
        <v>16533</v>
      </c>
      <c r="I7739" t="s">
        <v>30540</v>
      </c>
    </row>
    <row r="7740" spans="1:9">
      <c r="A7740" s="1">
        <f ca="1">RAND()</f>
        <v>0.15924374277624986</v>
      </c>
      <c r="B7740" s="1"/>
      <c r="C7740">
        <v>4</v>
      </c>
      <c r="D7740" t="s">
        <v>16528</v>
      </c>
      <c r="E7740" t="s">
        <v>32896</v>
      </c>
      <c r="F7740">
        <v>4</v>
      </c>
      <c r="G7740" t="s">
        <v>14</v>
      </c>
      <c r="H7740" t="s">
        <v>16529</v>
      </c>
      <c r="I7740" t="s">
        <v>30540</v>
      </c>
    </row>
    <row r="7741" spans="1:9">
      <c r="A7741" s="1">
        <f ca="1">RAND()</f>
        <v>0.90554894033917666</v>
      </c>
      <c r="B7741" s="1"/>
      <c r="C7741">
        <v>9</v>
      </c>
      <c r="D7741" t="s">
        <v>16530</v>
      </c>
      <c r="E7741" t="s">
        <v>32896</v>
      </c>
      <c r="F7741">
        <v>1</v>
      </c>
      <c r="G7741" t="s">
        <v>15</v>
      </c>
      <c r="H7741" t="s">
        <v>16531</v>
      </c>
      <c r="I7741" t="s">
        <v>30540</v>
      </c>
    </row>
    <row r="7742" spans="1:9">
      <c r="A7742" s="1">
        <f ca="1">RAND()</f>
        <v>6.3997459361164299E-2</v>
      </c>
      <c r="B7742" s="1"/>
      <c r="C7742">
        <v>7</v>
      </c>
      <c r="D7742" t="s">
        <v>16522</v>
      </c>
      <c r="E7742" t="s">
        <v>32897</v>
      </c>
      <c r="F7742">
        <v>5</v>
      </c>
      <c r="G7742" t="s">
        <v>9</v>
      </c>
      <c r="H7742" t="s">
        <v>16523</v>
      </c>
      <c r="I7742" t="s">
        <v>30540</v>
      </c>
    </row>
    <row r="7743" spans="1:9">
      <c r="A7743" s="1">
        <f ca="1">RAND()</f>
        <v>0.60792283216937371</v>
      </c>
      <c r="B7743" s="1"/>
      <c r="C7743">
        <v>1</v>
      </c>
      <c r="D7743" t="s">
        <v>16518</v>
      </c>
      <c r="E7743" t="s">
        <v>32897</v>
      </c>
      <c r="F7743">
        <v>4</v>
      </c>
      <c r="G7743" t="s">
        <v>0</v>
      </c>
      <c r="H7743" t="s">
        <v>16519</v>
      </c>
      <c r="I7743" t="s">
        <v>30540</v>
      </c>
    </row>
    <row r="7744" spans="1:9">
      <c r="A7744" s="1">
        <f ca="1">RAND()</f>
        <v>0.37459053781275409</v>
      </c>
      <c r="B7744" s="1"/>
      <c r="C7744">
        <v>4</v>
      </c>
      <c r="D7744" t="s">
        <v>16520</v>
      </c>
      <c r="E7744" t="s">
        <v>32897</v>
      </c>
      <c r="F7744">
        <v>4</v>
      </c>
      <c r="G7744" t="s">
        <v>14</v>
      </c>
      <c r="H7744" t="s">
        <v>16521</v>
      </c>
      <c r="I7744" t="s">
        <v>30540</v>
      </c>
    </row>
    <row r="7745" spans="1:9">
      <c r="A7745" s="1">
        <f ca="1">RAND()</f>
        <v>0.24446876008074669</v>
      </c>
      <c r="B7745" s="1"/>
      <c r="C7745">
        <v>8</v>
      </c>
      <c r="D7745" t="s">
        <v>16524</v>
      </c>
      <c r="E7745" t="s">
        <v>32897</v>
      </c>
      <c r="F7745">
        <v>2</v>
      </c>
      <c r="G7745" t="s">
        <v>14</v>
      </c>
      <c r="H7745" t="s">
        <v>16525</v>
      </c>
      <c r="I7745" t="s">
        <v>30540</v>
      </c>
    </row>
    <row r="7746" spans="1:9">
      <c r="A7746" s="1">
        <f ca="1">RAND()</f>
        <v>0.27894249235187751</v>
      </c>
      <c r="B7746" s="1"/>
      <c r="C7746">
        <v>13</v>
      </c>
      <c r="D7746" t="s">
        <v>16526</v>
      </c>
      <c r="E7746" t="s">
        <v>32897</v>
      </c>
      <c r="F7746">
        <v>1</v>
      </c>
      <c r="G7746" t="s">
        <v>14</v>
      </c>
      <c r="H7746" t="s">
        <v>16527</v>
      </c>
      <c r="I7746" t="s">
        <v>30540</v>
      </c>
    </row>
    <row r="7747" spans="1:9">
      <c r="A7747" s="1">
        <f ca="1">RAND()</f>
        <v>0.3668492949052804</v>
      </c>
      <c r="B7747" s="1"/>
      <c r="C7747">
        <v>12</v>
      </c>
      <c r="D7747" t="s">
        <v>16514</v>
      </c>
      <c r="E7747" t="s">
        <v>32898</v>
      </c>
      <c r="F7747">
        <v>5</v>
      </c>
      <c r="G7747" t="s">
        <v>1</v>
      </c>
      <c r="H7747" t="s">
        <v>16515</v>
      </c>
      <c r="I7747" t="s">
        <v>30540</v>
      </c>
    </row>
    <row r="7748" spans="1:9">
      <c r="A7748" s="1">
        <f ca="1">RAND()</f>
        <v>1.4287073974309061E-2</v>
      </c>
      <c r="B7748" s="1"/>
      <c r="C7748">
        <v>3</v>
      </c>
      <c r="D7748" t="s">
        <v>16508</v>
      </c>
      <c r="E7748" t="s">
        <v>32898</v>
      </c>
      <c r="F7748">
        <v>5</v>
      </c>
      <c r="G7748" t="s">
        <v>14</v>
      </c>
      <c r="H7748" t="s">
        <v>16509</v>
      </c>
      <c r="I7748" t="s">
        <v>30540</v>
      </c>
    </row>
    <row r="7749" spans="1:9">
      <c r="A7749" s="1">
        <f ca="1">RAND()</f>
        <v>0.92580320037242181</v>
      </c>
      <c r="B7749" s="1"/>
      <c r="C7749">
        <v>6</v>
      </c>
      <c r="D7749" t="s">
        <v>16510</v>
      </c>
      <c r="E7749" t="s">
        <v>32898</v>
      </c>
      <c r="F7749">
        <v>4</v>
      </c>
      <c r="G7749" t="s">
        <v>0</v>
      </c>
      <c r="H7749" t="s">
        <v>16511</v>
      </c>
      <c r="I7749" t="s">
        <v>30540</v>
      </c>
    </row>
    <row r="7750" spans="1:9">
      <c r="A7750" s="1">
        <f ca="1">RAND()</f>
        <v>0.81162451647043776</v>
      </c>
      <c r="B7750" s="1"/>
      <c r="C7750">
        <v>8</v>
      </c>
      <c r="D7750" t="s">
        <v>16512</v>
      </c>
      <c r="E7750" t="s">
        <v>32898</v>
      </c>
      <c r="F7750">
        <v>4</v>
      </c>
      <c r="G7750" t="s">
        <v>9</v>
      </c>
      <c r="H7750" t="s">
        <v>16513</v>
      </c>
      <c r="I7750" t="s">
        <v>30540</v>
      </c>
    </row>
    <row r="7751" spans="1:9">
      <c r="A7751" s="1">
        <f ca="1">RAND()</f>
        <v>0.38723750445133021</v>
      </c>
      <c r="B7751" s="1"/>
      <c r="C7751">
        <v>2</v>
      </c>
      <c r="D7751" t="s">
        <v>16506</v>
      </c>
      <c r="E7751" t="s">
        <v>32898</v>
      </c>
      <c r="F7751">
        <v>4</v>
      </c>
      <c r="G7751" t="s">
        <v>13</v>
      </c>
      <c r="H7751" t="s">
        <v>16507</v>
      </c>
      <c r="I7751" t="s">
        <v>30540</v>
      </c>
    </row>
    <row r="7752" spans="1:9">
      <c r="A7752" s="1">
        <f ca="1">RAND()</f>
        <v>0.59736970163879521</v>
      </c>
      <c r="B7752" s="1"/>
      <c r="C7752">
        <v>1</v>
      </c>
      <c r="D7752" t="s">
        <v>16504</v>
      </c>
      <c r="E7752" t="s">
        <v>32898</v>
      </c>
      <c r="F7752">
        <v>4</v>
      </c>
      <c r="G7752" t="s">
        <v>10</v>
      </c>
      <c r="H7752" t="s">
        <v>16505</v>
      </c>
      <c r="I7752" t="s">
        <v>30540</v>
      </c>
    </row>
    <row r="7753" spans="1:9">
      <c r="A7753" s="1">
        <f ca="1">RAND()</f>
        <v>8.1475351441804733E-2</v>
      </c>
      <c r="B7753" s="1"/>
      <c r="C7753">
        <v>14</v>
      </c>
      <c r="D7753" t="s">
        <v>16516</v>
      </c>
      <c r="E7753" t="s">
        <v>32898</v>
      </c>
      <c r="F7753">
        <v>2</v>
      </c>
      <c r="G7753" t="s">
        <v>14</v>
      </c>
      <c r="H7753" t="s">
        <v>16517</v>
      </c>
      <c r="I7753" t="s">
        <v>30540</v>
      </c>
    </row>
    <row r="7754" spans="1:9">
      <c r="A7754" s="1">
        <f ca="1">RAND()</f>
        <v>0.99951383997389243</v>
      </c>
      <c r="B7754" s="1"/>
      <c r="C7754">
        <v>7</v>
      </c>
      <c r="D7754" t="s">
        <v>16494</v>
      </c>
      <c r="E7754" t="s">
        <v>32899</v>
      </c>
      <c r="F7754">
        <v>4</v>
      </c>
      <c r="G7754" t="s">
        <v>1295</v>
      </c>
      <c r="H7754" t="s">
        <v>16495</v>
      </c>
      <c r="I7754" t="s">
        <v>30540</v>
      </c>
    </row>
    <row r="7755" spans="1:9">
      <c r="A7755" s="1">
        <f ca="1">RAND()</f>
        <v>0.18077267606714287</v>
      </c>
      <c r="B7755" s="1"/>
      <c r="C7755">
        <v>17</v>
      </c>
      <c r="D7755" t="s">
        <v>16502</v>
      </c>
      <c r="E7755" t="s">
        <v>32899</v>
      </c>
      <c r="F7755">
        <v>4</v>
      </c>
      <c r="G7755" t="s">
        <v>1295</v>
      </c>
      <c r="H7755" t="s">
        <v>16503</v>
      </c>
      <c r="I7755" t="s">
        <v>30540</v>
      </c>
    </row>
    <row r="7756" spans="1:9">
      <c r="A7756" s="1">
        <f ca="1">RAND()</f>
        <v>0.76645734429447199</v>
      </c>
      <c r="B7756" s="1"/>
      <c r="C7756">
        <v>1</v>
      </c>
      <c r="D7756" t="s">
        <v>16492</v>
      </c>
      <c r="E7756" t="s">
        <v>32899</v>
      </c>
      <c r="F7756">
        <v>4</v>
      </c>
      <c r="G7756" t="s">
        <v>2</v>
      </c>
      <c r="H7756" t="s">
        <v>16493</v>
      </c>
      <c r="I7756" t="s">
        <v>30540</v>
      </c>
    </row>
    <row r="7757" spans="1:9">
      <c r="A7757" s="1">
        <f ca="1">RAND()</f>
        <v>0.4856960259543035</v>
      </c>
      <c r="B7757" s="1"/>
      <c r="C7757">
        <v>8</v>
      </c>
      <c r="D7757" t="s">
        <v>16496</v>
      </c>
      <c r="E7757" t="s">
        <v>32899</v>
      </c>
      <c r="F7757">
        <v>3</v>
      </c>
      <c r="G7757" t="s">
        <v>1431</v>
      </c>
      <c r="H7757" t="s">
        <v>16497</v>
      </c>
      <c r="I7757" t="s">
        <v>30540</v>
      </c>
    </row>
    <row r="7758" spans="1:9">
      <c r="A7758" s="1">
        <f ca="1">RAND()</f>
        <v>5.8092194028972477E-3</v>
      </c>
      <c r="B7758" s="1"/>
      <c r="C7758">
        <v>12</v>
      </c>
      <c r="D7758" t="s">
        <v>16498</v>
      </c>
      <c r="E7758" t="s">
        <v>32899</v>
      </c>
      <c r="F7758">
        <v>2</v>
      </c>
      <c r="G7758" t="s">
        <v>14</v>
      </c>
      <c r="H7758" t="s">
        <v>16499</v>
      </c>
      <c r="I7758" t="s">
        <v>30540</v>
      </c>
    </row>
    <row r="7759" spans="1:9">
      <c r="A7759" s="1">
        <f ca="1">RAND()</f>
        <v>0.27300006688831591</v>
      </c>
      <c r="B7759" s="1"/>
      <c r="C7759">
        <v>13</v>
      </c>
      <c r="D7759" t="s">
        <v>16500</v>
      </c>
      <c r="E7759" t="s">
        <v>32899</v>
      </c>
      <c r="F7759">
        <v>2</v>
      </c>
      <c r="G7759" t="s">
        <v>775</v>
      </c>
      <c r="H7759" t="s">
        <v>16501</v>
      </c>
      <c r="I7759" t="s">
        <v>30540</v>
      </c>
    </row>
    <row r="7760" spans="1:9">
      <c r="A7760" s="1">
        <f ca="1">RAND()</f>
        <v>4.4780991253430602E-2</v>
      </c>
      <c r="B7760" s="1"/>
      <c r="C7760">
        <v>2</v>
      </c>
      <c r="D7760" t="s">
        <v>16480</v>
      </c>
      <c r="E7760" t="s">
        <v>32900</v>
      </c>
      <c r="F7760">
        <v>5</v>
      </c>
      <c r="G7760" t="s">
        <v>2</v>
      </c>
      <c r="H7760" t="s">
        <v>16481</v>
      </c>
      <c r="I7760" t="s">
        <v>30540</v>
      </c>
    </row>
    <row r="7761" spans="1:9">
      <c r="A7761" s="1">
        <f ca="1">RAND()</f>
        <v>0.80954004065539809</v>
      </c>
      <c r="B7761" s="1"/>
      <c r="C7761">
        <v>5</v>
      </c>
      <c r="D7761" t="s">
        <v>16484</v>
      </c>
      <c r="E7761" t="s">
        <v>32900</v>
      </c>
      <c r="F7761">
        <v>5</v>
      </c>
      <c r="G7761" t="s">
        <v>10</v>
      </c>
      <c r="H7761" t="s">
        <v>16485</v>
      </c>
      <c r="I7761" t="s">
        <v>30540</v>
      </c>
    </row>
    <row r="7762" spans="1:9">
      <c r="A7762" s="1">
        <f ca="1">RAND()</f>
        <v>4.2292472451336161E-2</v>
      </c>
      <c r="B7762" s="1"/>
      <c r="C7762">
        <v>12</v>
      </c>
      <c r="D7762" t="s">
        <v>16488</v>
      </c>
      <c r="E7762" t="s">
        <v>32900</v>
      </c>
      <c r="F7762">
        <v>4</v>
      </c>
      <c r="G7762" t="s">
        <v>0</v>
      </c>
      <c r="H7762" t="s">
        <v>16489</v>
      </c>
      <c r="I7762" t="s">
        <v>30540</v>
      </c>
    </row>
    <row r="7763" spans="1:9">
      <c r="A7763" s="1">
        <f ca="1">RAND()</f>
        <v>7.8957059186249845E-3</v>
      </c>
      <c r="B7763" s="1"/>
      <c r="C7763">
        <v>9</v>
      </c>
      <c r="D7763" t="s">
        <v>16486</v>
      </c>
      <c r="E7763" t="s">
        <v>32900</v>
      </c>
      <c r="F7763">
        <v>4</v>
      </c>
      <c r="G7763" t="s">
        <v>10</v>
      </c>
      <c r="H7763" t="s">
        <v>16487</v>
      </c>
      <c r="I7763" t="s">
        <v>30540</v>
      </c>
    </row>
    <row r="7764" spans="1:9">
      <c r="A7764" s="1">
        <f ca="1">RAND()</f>
        <v>0.63732437209021509</v>
      </c>
      <c r="B7764" s="1"/>
      <c r="C7764">
        <v>14</v>
      </c>
      <c r="D7764" t="s">
        <v>16490</v>
      </c>
      <c r="E7764" t="s">
        <v>32900</v>
      </c>
      <c r="F7764">
        <v>4</v>
      </c>
      <c r="G7764" t="s">
        <v>13</v>
      </c>
      <c r="H7764" t="s">
        <v>16491</v>
      </c>
      <c r="I7764" t="s">
        <v>30540</v>
      </c>
    </row>
    <row r="7765" spans="1:9">
      <c r="A7765" s="1">
        <f ca="1">RAND()</f>
        <v>0.86002607722231939</v>
      </c>
      <c r="B7765" s="1"/>
      <c r="C7765">
        <v>4</v>
      </c>
      <c r="D7765" t="s">
        <v>16482</v>
      </c>
      <c r="E7765" t="s">
        <v>32900</v>
      </c>
      <c r="F7765">
        <v>3</v>
      </c>
      <c r="G7765" t="s">
        <v>0</v>
      </c>
      <c r="H7765" t="s">
        <v>16483</v>
      </c>
      <c r="I7765" t="s">
        <v>30540</v>
      </c>
    </row>
    <row r="7766" spans="1:9">
      <c r="A7766" s="1">
        <f ca="1">RAND()</f>
        <v>0.91210890717733173</v>
      </c>
      <c r="B7766" s="1"/>
      <c r="C7766">
        <v>1</v>
      </c>
      <c r="D7766" t="s">
        <v>16470</v>
      </c>
      <c r="E7766" t="s">
        <v>32901</v>
      </c>
      <c r="F7766">
        <v>4</v>
      </c>
      <c r="G7766" t="s">
        <v>10</v>
      </c>
      <c r="H7766" t="s">
        <v>16471</v>
      </c>
      <c r="I7766" t="s">
        <v>30540</v>
      </c>
    </row>
    <row r="7767" spans="1:9">
      <c r="A7767" s="1">
        <f ca="1">RAND()</f>
        <v>0.7459998792398469</v>
      </c>
      <c r="B7767" s="1"/>
      <c r="C7767">
        <v>13</v>
      </c>
      <c r="D7767" t="s">
        <v>16476</v>
      </c>
      <c r="E7767" t="s">
        <v>32901</v>
      </c>
      <c r="F7767">
        <v>4</v>
      </c>
      <c r="G7767" t="s">
        <v>14</v>
      </c>
      <c r="H7767" t="s">
        <v>16477</v>
      </c>
      <c r="I7767" t="s">
        <v>30540</v>
      </c>
    </row>
    <row r="7768" spans="1:9">
      <c r="A7768" s="1">
        <f ca="1">RAND()</f>
        <v>0.55548459244109738</v>
      </c>
      <c r="B7768" s="1"/>
      <c r="C7768">
        <v>7</v>
      </c>
      <c r="D7768" t="s">
        <v>16472</v>
      </c>
      <c r="E7768" t="s">
        <v>32901</v>
      </c>
      <c r="F7768">
        <v>4</v>
      </c>
      <c r="G7768" t="s">
        <v>14</v>
      </c>
      <c r="H7768" t="s">
        <v>16473</v>
      </c>
      <c r="I7768" t="s">
        <v>30540</v>
      </c>
    </row>
    <row r="7769" spans="1:9">
      <c r="A7769" s="1">
        <f ca="1">RAND()</f>
        <v>0.28003200604928125</v>
      </c>
      <c r="B7769" s="1"/>
      <c r="C7769">
        <v>18</v>
      </c>
      <c r="D7769" t="s">
        <v>16478</v>
      </c>
      <c r="E7769" t="s">
        <v>32901</v>
      </c>
      <c r="F7769">
        <v>3</v>
      </c>
      <c r="G7769" t="s">
        <v>14</v>
      </c>
      <c r="H7769" t="s">
        <v>16479</v>
      </c>
      <c r="I7769" t="s">
        <v>30540</v>
      </c>
    </row>
    <row r="7770" spans="1:9">
      <c r="A7770" s="1">
        <f ca="1">RAND()</f>
        <v>0.56788728544289258</v>
      </c>
      <c r="B7770" s="1"/>
      <c r="C7770">
        <v>10</v>
      </c>
      <c r="D7770" t="s">
        <v>16474</v>
      </c>
      <c r="E7770" t="s">
        <v>32901</v>
      </c>
      <c r="F7770">
        <v>1</v>
      </c>
      <c r="G7770" t="s">
        <v>14</v>
      </c>
      <c r="H7770" t="s">
        <v>16475</v>
      </c>
      <c r="I7770" t="s">
        <v>30540</v>
      </c>
    </row>
    <row r="7771" spans="1:9">
      <c r="A7771" s="1">
        <f ca="1">RAND()</f>
        <v>0.81185895640601069</v>
      </c>
      <c r="B7771" s="1"/>
      <c r="C7771">
        <v>6</v>
      </c>
      <c r="D7771" t="s">
        <v>16464</v>
      </c>
      <c r="E7771" t="s">
        <v>32902</v>
      </c>
      <c r="F7771">
        <v>5</v>
      </c>
      <c r="G7771" t="s">
        <v>13</v>
      </c>
      <c r="H7771" t="s">
        <v>16465</v>
      </c>
      <c r="I7771" t="s">
        <v>30540</v>
      </c>
    </row>
    <row r="7772" spans="1:9">
      <c r="A7772" s="1">
        <f ca="1">RAND()</f>
        <v>0.27294143368845136</v>
      </c>
      <c r="B7772" s="1"/>
      <c r="C7772">
        <v>8</v>
      </c>
      <c r="D7772" t="s">
        <v>16466</v>
      </c>
      <c r="E7772" t="s">
        <v>32902</v>
      </c>
      <c r="F7772">
        <v>2</v>
      </c>
      <c r="G7772" t="s">
        <v>1</v>
      </c>
      <c r="H7772" t="s">
        <v>16467</v>
      </c>
      <c r="I7772" t="s">
        <v>30540</v>
      </c>
    </row>
    <row r="7773" spans="1:9">
      <c r="A7773" s="1">
        <f ca="1">RAND()</f>
        <v>8.0825108586077277E-2</v>
      </c>
      <c r="B7773" s="1"/>
      <c r="C7773">
        <v>14</v>
      </c>
      <c r="D7773" t="s">
        <v>16468</v>
      </c>
      <c r="E7773" t="s">
        <v>32902</v>
      </c>
      <c r="F7773">
        <v>2</v>
      </c>
      <c r="G7773" t="s">
        <v>14</v>
      </c>
      <c r="H7773" t="s">
        <v>16469</v>
      </c>
      <c r="I7773" t="s">
        <v>30540</v>
      </c>
    </row>
    <row r="7774" spans="1:9">
      <c r="A7774" s="1">
        <f ca="1">RAND()</f>
        <v>0.85895132526585172</v>
      </c>
      <c r="B7774" s="1"/>
      <c r="C7774">
        <v>9</v>
      </c>
      <c r="D7774" t="s">
        <v>16460</v>
      </c>
      <c r="E7774" t="s">
        <v>32903</v>
      </c>
      <c r="F7774">
        <v>4</v>
      </c>
      <c r="G7774" t="s">
        <v>14</v>
      </c>
      <c r="H7774" t="s">
        <v>16461</v>
      </c>
      <c r="I7774" t="s">
        <v>30540</v>
      </c>
    </row>
    <row r="7775" spans="1:9">
      <c r="A7775" s="1">
        <f ca="1">RAND()</f>
        <v>0.44749024436430473</v>
      </c>
      <c r="B7775" s="1"/>
      <c r="C7775">
        <v>10</v>
      </c>
      <c r="D7775" t="s">
        <v>16462</v>
      </c>
      <c r="E7775" t="s">
        <v>32903</v>
      </c>
      <c r="F7775">
        <v>4</v>
      </c>
      <c r="G7775" t="s">
        <v>10</v>
      </c>
      <c r="H7775" t="s">
        <v>16463</v>
      </c>
      <c r="I7775" t="s">
        <v>30540</v>
      </c>
    </row>
    <row r="7776" spans="1:9">
      <c r="A7776" s="1">
        <f ca="1">RAND()</f>
        <v>0.13893657782911883</v>
      </c>
      <c r="B7776" s="1"/>
      <c r="C7776">
        <v>8</v>
      </c>
      <c r="D7776" t="s">
        <v>16458</v>
      </c>
      <c r="E7776" t="s">
        <v>32903</v>
      </c>
      <c r="F7776">
        <v>3</v>
      </c>
      <c r="G7776" t="s">
        <v>10</v>
      </c>
      <c r="H7776" t="s">
        <v>16459</v>
      </c>
      <c r="I7776" t="s">
        <v>30540</v>
      </c>
    </row>
    <row r="7777" spans="1:9">
      <c r="A7777" s="1">
        <f ca="1">RAND()</f>
        <v>0.59112650050893056</v>
      </c>
      <c r="B7777" s="1"/>
      <c r="C7777">
        <v>2</v>
      </c>
      <c r="D7777" t="s">
        <v>16456</v>
      </c>
      <c r="E7777" t="s">
        <v>32903</v>
      </c>
      <c r="F7777">
        <v>2</v>
      </c>
      <c r="G7777" t="s">
        <v>10</v>
      </c>
      <c r="H7777" t="s">
        <v>16457</v>
      </c>
      <c r="I7777" t="s">
        <v>30540</v>
      </c>
    </row>
    <row r="7778" spans="1:9">
      <c r="A7778" s="1">
        <f ca="1">RAND()</f>
        <v>0.77005967842561618</v>
      </c>
      <c r="B7778" s="1"/>
      <c r="C7778">
        <v>18</v>
      </c>
      <c r="D7778" t="s">
        <v>16454</v>
      </c>
      <c r="E7778" t="s">
        <v>32904</v>
      </c>
      <c r="F7778">
        <v>4</v>
      </c>
      <c r="G7778" t="s">
        <v>765</v>
      </c>
      <c r="H7778" t="s">
        <v>16455</v>
      </c>
      <c r="I7778" t="s">
        <v>30540</v>
      </c>
    </row>
    <row r="7779" spans="1:9">
      <c r="A7779" s="1">
        <f ca="1">RAND()</f>
        <v>0.25090604268949934</v>
      </c>
      <c r="B7779" s="1"/>
      <c r="C7779">
        <v>1</v>
      </c>
      <c r="D7779" t="s">
        <v>16449</v>
      </c>
      <c r="E7779" t="s">
        <v>32904</v>
      </c>
      <c r="F7779">
        <v>4</v>
      </c>
      <c r="G7779" t="s">
        <v>16450</v>
      </c>
      <c r="H7779" t="s">
        <v>16451</v>
      </c>
      <c r="I7779" t="s">
        <v>30540</v>
      </c>
    </row>
    <row r="7780" spans="1:9">
      <c r="A7780" s="1">
        <f ca="1">RAND()</f>
        <v>0.11048804190693906</v>
      </c>
      <c r="B7780" s="1"/>
      <c r="C7780">
        <v>14</v>
      </c>
      <c r="D7780" t="s">
        <v>16452</v>
      </c>
      <c r="E7780" t="s">
        <v>32904</v>
      </c>
      <c r="F7780">
        <v>4</v>
      </c>
      <c r="G7780" t="s">
        <v>16025</v>
      </c>
      <c r="H7780" t="s">
        <v>16453</v>
      </c>
      <c r="I7780" t="s">
        <v>30540</v>
      </c>
    </row>
    <row r="7781" spans="1:9">
      <c r="A7781" s="1">
        <f ca="1">RAND()</f>
        <v>0.91058689048768471</v>
      </c>
      <c r="B7781" s="1"/>
      <c r="C7781">
        <v>13</v>
      </c>
      <c r="D7781" t="s">
        <v>16441</v>
      </c>
      <c r="E7781" t="s">
        <v>32905</v>
      </c>
      <c r="F7781">
        <v>5</v>
      </c>
      <c r="G7781" t="s">
        <v>14</v>
      </c>
      <c r="H7781" t="s">
        <v>16442</v>
      </c>
      <c r="I7781" t="s">
        <v>30540</v>
      </c>
    </row>
    <row r="7782" spans="1:9">
      <c r="A7782" s="1">
        <f ca="1">RAND()</f>
        <v>0.8673564352236095</v>
      </c>
      <c r="B7782" s="1"/>
      <c r="C7782">
        <v>15</v>
      </c>
      <c r="D7782" t="s">
        <v>16443</v>
      </c>
      <c r="E7782" t="s">
        <v>32905</v>
      </c>
      <c r="F7782">
        <v>4</v>
      </c>
      <c r="G7782" t="s">
        <v>14</v>
      </c>
      <c r="H7782" t="s">
        <v>16444</v>
      </c>
      <c r="I7782" t="s">
        <v>30540</v>
      </c>
    </row>
    <row r="7783" spans="1:9">
      <c r="A7783" s="1">
        <f ca="1">RAND()</f>
        <v>0.21687223081727569</v>
      </c>
      <c r="B7783" s="1"/>
      <c r="C7783">
        <v>16</v>
      </c>
      <c r="D7783" t="s">
        <v>16445</v>
      </c>
      <c r="E7783" t="s">
        <v>32905</v>
      </c>
      <c r="F7783">
        <v>4</v>
      </c>
      <c r="G7783" t="s">
        <v>13</v>
      </c>
      <c r="H7783" t="s">
        <v>16446</v>
      </c>
      <c r="I7783" t="s">
        <v>30540</v>
      </c>
    </row>
    <row r="7784" spans="1:9">
      <c r="A7784" s="1">
        <f ca="1">RAND()</f>
        <v>0.7599262813385057</v>
      </c>
      <c r="B7784" s="1"/>
      <c r="C7784">
        <v>10</v>
      </c>
      <c r="D7784" t="s">
        <v>16439</v>
      </c>
      <c r="E7784" t="s">
        <v>32905</v>
      </c>
      <c r="F7784">
        <v>4</v>
      </c>
      <c r="G7784" t="s">
        <v>14</v>
      </c>
      <c r="H7784" t="s">
        <v>16440</v>
      </c>
      <c r="I7784" t="s">
        <v>30540</v>
      </c>
    </row>
    <row r="7785" spans="1:9">
      <c r="A7785" s="1">
        <f ca="1">RAND()</f>
        <v>0.13240355054900133</v>
      </c>
      <c r="B7785" s="1"/>
      <c r="C7785">
        <v>17</v>
      </c>
      <c r="D7785" t="s">
        <v>16447</v>
      </c>
      <c r="E7785" t="s">
        <v>32905</v>
      </c>
      <c r="F7785">
        <v>4</v>
      </c>
      <c r="G7785" t="s">
        <v>9</v>
      </c>
      <c r="H7785" t="s">
        <v>16448</v>
      </c>
      <c r="I7785" t="s">
        <v>30540</v>
      </c>
    </row>
    <row r="7786" spans="1:9">
      <c r="A7786" s="1">
        <f ca="1">RAND()</f>
        <v>0.11775486951734671</v>
      </c>
      <c r="B7786" s="1"/>
      <c r="C7786">
        <v>3</v>
      </c>
      <c r="D7786" t="s">
        <v>16435</v>
      </c>
      <c r="E7786" t="s">
        <v>32906</v>
      </c>
      <c r="F7786">
        <v>5</v>
      </c>
      <c r="G7786" t="s">
        <v>10</v>
      </c>
      <c r="H7786" t="s">
        <v>16436</v>
      </c>
      <c r="I7786" t="s">
        <v>30540</v>
      </c>
    </row>
    <row r="7787" spans="1:9">
      <c r="A7787" s="1">
        <f ca="1">RAND()</f>
        <v>0.71149900004655064</v>
      </c>
      <c r="B7787" s="1"/>
      <c r="C7787">
        <v>6</v>
      </c>
      <c r="D7787" t="s">
        <v>16437</v>
      </c>
      <c r="E7787" t="s">
        <v>32906</v>
      </c>
      <c r="F7787">
        <v>4</v>
      </c>
      <c r="G7787" t="s">
        <v>14</v>
      </c>
      <c r="H7787" t="s">
        <v>16438</v>
      </c>
      <c r="I7787" t="s">
        <v>30540</v>
      </c>
    </row>
    <row r="7788" spans="1:9">
      <c r="A7788" s="1">
        <f ca="1">RAND()</f>
        <v>0.4863708048816171</v>
      </c>
      <c r="B7788" s="1"/>
      <c r="C7788">
        <v>5</v>
      </c>
      <c r="D7788" t="s">
        <v>16433</v>
      </c>
      <c r="E7788" t="s">
        <v>32907</v>
      </c>
      <c r="F7788">
        <v>3</v>
      </c>
      <c r="G7788" t="s">
        <v>13</v>
      </c>
      <c r="H7788" t="s">
        <v>16434</v>
      </c>
      <c r="I7788" t="s">
        <v>30540</v>
      </c>
    </row>
    <row r="7789" spans="1:9">
      <c r="A7789" s="1">
        <f ca="1">RAND()</f>
        <v>0.26491393669945063</v>
      </c>
      <c r="B7789" s="1"/>
      <c r="C7789">
        <v>1</v>
      </c>
      <c r="D7789" t="s">
        <v>16427</v>
      </c>
      <c r="E7789" t="s">
        <v>32908</v>
      </c>
      <c r="F7789">
        <v>4</v>
      </c>
      <c r="G7789" t="s">
        <v>10</v>
      </c>
      <c r="H7789" t="s">
        <v>16428</v>
      </c>
      <c r="I7789" t="s">
        <v>30540</v>
      </c>
    </row>
    <row r="7790" spans="1:9">
      <c r="A7790" s="1">
        <f ca="1">RAND()</f>
        <v>0.65940190570033375</v>
      </c>
      <c r="B7790" s="1"/>
      <c r="C7790">
        <v>10</v>
      </c>
      <c r="D7790" t="s">
        <v>16429</v>
      </c>
      <c r="E7790" t="s">
        <v>32908</v>
      </c>
      <c r="F7790">
        <v>4</v>
      </c>
      <c r="G7790" t="s">
        <v>14</v>
      </c>
      <c r="H7790" t="s">
        <v>16430</v>
      </c>
      <c r="I7790" t="s">
        <v>30540</v>
      </c>
    </row>
    <row r="7791" spans="1:9">
      <c r="A7791" s="1">
        <f ca="1">RAND()</f>
        <v>4.1695894100716946E-2</v>
      </c>
      <c r="B7791" s="1"/>
      <c r="C7791">
        <v>18</v>
      </c>
      <c r="D7791" t="s">
        <v>16431</v>
      </c>
      <c r="E7791" t="s">
        <v>32908</v>
      </c>
      <c r="F7791">
        <v>2</v>
      </c>
      <c r="G7791" t="s">
        <v>14</v>
      </c>
      <c r="H7791" t="s">
        <v>16432</v>
      </c>
      <c r="I7791" t="s">
        <v>30540</v>
      </c>
    </row>
    <row r="7792" spans="1:9">
      <c r="A7792" s="1">
        <f ca="1">RAND()</f>
        <v>0.78886059828853894</v>
      </c>
      <c r="B7792" s="1"/>
      <c r="C7792">
        <v>11</v>
      </c>
      <c r="D7792" t="s">
        <v>16423</v>
      </c>
      <c r="E7792" t="s">
        <v>32909</v>
      </c>
      <c r="F7792">
        <v>4</v>
      </c>
      <c r="G7792" t="s">
        <v>2</v>
      </c>
      <c r="H7792" t="s">
        <v>16424</v>
      </c>
      <c r="I7792" t="s">
        <v>30540</v>
      </c>
    </row>
    <row r="7793" spans="1:9">
      <c r="A7793" s="1">
        <f ca="1">RAND()</f>
        <v>0.68179726628259218</v>
      </c>
      <c r="B7793" s="1"/>
      <c r="C7793">
        <v>8</v>
      </c>
      <c r="D7793" t="s">
        <v>16421</v>
      </c>
      <c r="E7793" t="s">
        <v>32909</v>
      </c>
      <c r="F7793">
        <v>4</v>
      </c>
      <c r="G7793" t="s">
        <v>13</v>
      </c>
      <c r="H7793" t="s">
        <v>16422</v>
      </c>
      <c r="I7793" t="s">
        <v>30540</v>
      </c>
    </row>
    <row r="7794" spans="1:9">
      <c r="A7794" s="1">
        <f ca="1">RAND()</f>
        <v>6.1310934665836925E-2</v>
      </c>
      <c r="B7794" s="1"/>
      <c r="C7794">
        <v>4</v>
      </c>
      <c r="D7794" t="s">
        <v>16415</v>
      </c>
      <c r="E7794" t="s">
        <v>32909</v>
      </c>
      <c r="F7794">
        <v>4</v>
      </c>
      <c r="G7794" t="s">
        <v>1431</v>
      </c>
      <c r="H7794" t="s">
        <v>16416</v>
      </c>
      <c r="I7794" t="s">
        <v>30540</v>
      </c>
    </row>
    <row r="7795" spans="1:9">
      <c r="A7795" s="1">
        <f ca="1">RAND()</f>
        <v>0.40992236694160267</v>
      </c>
      <c r="B7795" s="1"/>
      <c r="C7795">
        <v>13</v>
      </c>
      <c r="D7795" t="s">
        <v>16425</v>
      </c>
      <c r="E7795" t="s">
        <v>32909</v>
      </c>
      <c r="F7795">
        <v>4</v>
      </c>
      <c r="G7795" t="s">
        <v>0</v>
      </c>
      <c r="H7795" t="s">
        <v>16426</v>
      </c>
      <c r="I7795" t="s">
        <v>30540</v>
      </c>
    </row>
    <row r="7796" spans="1:9">
      <c r="A7796" s="1">
        <f ca="1">RAND()</f>
        <v>0.14931179237948955</v>
      </c>
      <c r="B7796" s="1"/>
      <c r="C7796">
        <v>5</v>
      </c>
      <c r="D7796" t="s">
        <v>16417</v>
      </c>
      <c r="E7796" t="s">
        <v>32909</v>
      </c>
      <c r="F7796">
        <v>3</v>
      </c>
      <c r="G7796" t="s">
        <v>2</v>
      </c>
      <c r="H7796" t="s">
        <v>16418</v>
      </c>
      <c r="I7796" t="s">
        <v>30540</v>
      </c>
    </row>
    <row r="7797" spans="1:9">
      <c r="A7797" s="1">
        <f ca="1">RAND()</f>
        <v>0.19560557178806914</v>
      </c>
      <c r="B7797" s="1"/>
      <c r="C7797">
        <v>2</v>
      </c>
      <c r="D7797" t="s">
        <v>16413</v>
      </c>
      <c r="E7797" t="s">
        <v>32909</v>
      </c>
      <c r="F7797">
        <v>2</v>
      </c>
      <c r="G7797" t="s">
        <v>766</v>
      </c>
      <c r="H7797" t="s">
        <v>16414</v>
      </c>
      <c r="I7797" t="s">
        <v>30540</v>
      </c>
    </row>
    <row r="7798" spans="1:9">
      <c r="A7798" s="1">
        <f ca="1">RAND()</f>
        <v>0.84353792572669073</v>
      </c>
      <c r="B7798" s="1"/>
      <c r="C7798">
        <v>7</v>
      </c>
      <c r="D7798" t="s">
        <v>16419</v>
      </c>
      <c r="E7798" t="s">
        <v>32909</v>
      </c>
      <c r="F7798">
        <v>1</v>
      </c>
      <c r="G7798" t="s">
        <v>10</v>
      </c>
      <c r="H7798" t="s">
        <v>16420</v>
      </c>
      <c r="I7798" t="s">
        <v>30540</v>
      </c>
    </row>
    <row r="7799" spans="1:9">
      <c r="A7799" s="1">
        <f ca="1">RAND()</f>
        <v>8.3247230009209305E-2</v>
      </c>
      <c r="B7799" s="1"/>
      <c r="C7799">
        <v>13</v>
      </c>
      <c r="D7799" t="s">
        <v>16411</v>
      </c>
      <c r="E7799" t="s">
        <v>32910</v>
      </c>
      <c r="F7799">
        <v>5</v>
      </c>
      <c r="G7799" t="s">
        <v>14</v>
      </c>
      <c r="H7799" t="s">
        <v>16412</v>
      </c>
      <c r="I7799" t="s">
        <v>30540</v>
      </c>
    </row>
    <row r="7800" spans="1:9">
      <c r="A7800" s="1">
        <f ca="1">RAND()</f>
        <v>0.41349679776709236</v>
      </c>
      <c r="B7800" s="1"/>
      <c r="C7800">
        <v>11</v>
      </c>
      <c r="D7800" t="s">
        <v>16409</v>
      </c>
      <c r="E7800" t="s">
        <v>32910</v>
      </c>
      <c r="F7800">
        <v>3</v>
      </c>
      <c r="G7800" t="s">
        <v>14</v>
      </c>
      <c r="H7800" t="s">
        <v>16410</v>
      </c>
      <c r="I7800" t="s">
        <v>30540</v>
      </c>
    </row>
    <row r="7801" spans="1:9">
      <c r="A7801" s="1">
        <f ca="1">RAND()</f>
        <v>0.70489834214838221</v>
      </c>
      <c r="B7801" s="1"/>
      <c r="C7801">
        <v>8</v>
      </c>
      <c r="D7801" t="s">
        <v>16407</v>
      </c>
      <c r="E7801" t="s">
        <v>32910</v>
      </c>
      <c r="F7801">
        <v>2</v>
      </c>
      <c r="G7801" t="s">
        <v>14</v>
      </c>
      <c r="H7801" t="s">
        <v>16408</v>
      </c>
      <c r="I7801" t="s">
        <v>30540</v>
      </c>
    </row>
    <row r="7802" spans="1:9">
      <c r="A7802" s="1">
        <f ca="1">RAND()</f>
        <v>0.95852188662933968</v>
      </c>
      <c r="B7802" s="1"/>
      <c r="C7802">
        <v>5</v>
      </c>
      <c r="D7802" t="s">
        <v>16401</v>
      </c>
      <c r="E7802" t="s">
        <v>32911</v>
      </c>
      <c r="F7802">
        <v>5</v>
      </c>
      <c r="G7802" t="s">
        <v>0</v>
      </c>
      <c r="H7802" t="s">
        <v>16402</v>
      </c>
      <c r="I7802" t="s">
        <v>30540</v>
      </c>
    </row>
    <row r="7803" spans="1:9">
      <c r="A7803" s="1">
        <f ca="1">RAND()</f>
        <v>0.7909978867575469</v>
      </c>
      <c r="B7803" s="1"/>
      <c r="C7803">
        <v>2</v>
      </c>
      <c r="D7803" t="s">
        <v>16397</v>
      </c>
      <c r="E7803" t="s">
        <v>32911</v>
      </c>
      <c r="F7803">
        <v>4</v>
      </c>
      <c r="G7803" t="s">
        <v>9</v>
      </c>
      <c r="H7803" t="s">
        <v>16398</v>
      </c>
      <c r="I7803" t="s">
        <v>30540</v>
      </c>
    </row>
    <row r="7804" spans="1:9">
      <c r="A7804" s="1">
        <f ca="1">RAND()</f>
        <v>0.49734695333656609</v>
      </c>
      <c r="B7804" s="1"/>
      <c r="C7804">
        <v>7</v>
      </c>
      <c r="D7804" t="s">
        <v>16403</v>
      </c>
      <c r="E7804" t="s">
        <v>32911</v>
      </c>
      <c r="F7804">
        <v>3</v>
      </c>
      <c r="G7804" t="s">
        <v>14</v>
      </c>
      <c r="H7804" t="s">
        <v>16404</v>
      </c>
      <c r="I7804" t="s">
        <v>30540</v>
      </c>
    </row>
    <row r="7805" spans="1:9">
      <c r="A7805" s="1">
        <f ca="1">RAND()</f>
        <v>0.76955663301395727</v>
      </c>
      <c r="B7805" s="1"/>
      <c r="C7805">
        <v>4</v>
      </c>
      <c r="D7805" t="s">
        <v>16399</v>
      </c>
      <c r="E7805" t="s">
        <v>32911</v>
      </c>
      <c r="F7805">
        <v>2</v>
      </c>
      <c r="G7805" t="s">
        <v>13</v>
      </c>
      <c r="H7805" t="s">
        <v>16400</v>
      </c>
      <c r="I7805" t="s">
        <v>30540</v>
      </c>
    </row>
    <row r="7806" spans="1:9">
      <c r="A7806" s="1">
        <f ca="1">RAND()</f>
        <v>0.47379312822605257</v>
      </c>
      <c r="B7806" s="1"/>
      <c r="C7806">
        <v>8</v>
      </c>
      <c r="D7806" t="s">
        <v>16405</v>
      </c>
      <c r="E7806" t="s">
        <v>32911</v>
      </c>
      <c r="F7806">
        <v>0</v>
      </c>
      <c r="G7806" t="s">
        <v>14</v>
      </c>
      <c r="H7806" t="s">
        <v>16406</v>
      </c>
      <c r="I7806" t="s">
        <v>30540</v>
      </c>
    </row>
    <row r="7807" spans="1:9">
      <c r="A7807" s="1">
        <f ca="1">RAND()</f>
        <v>0.24526591593016722</v>
      </c>
      <c r="B7807" s="1"/>
      <c r="C7807">
        <v>9</v>
      </c>
      <c r="D7807" t="s">
        <v>16393</v>
      </c>
      <c r="E7807" t="s">
        <v>32912</v>
      </c>
      <c r="F7807">
        <v>4</v>
      </c>
      <c r="G7807" t="s">
        <v>14</v>
      </c>
      <c r="H7807" t="s">
        <v>16394</v>
      </c>
      <c r="I7807" t="s">
        <v>30540</v>
      </c>
    </row>
    <row r="7808" spans="1:9">
      <c r="A7808" s="1">
        <f ca="1">RAND()</f>
        <v>0.34934579166669855</v>
      </c>
      <c r="B7808" s="1"/>
      <c r="C7808">
        <v>10</v>
      </c>
      <c r="D7808" t="s">
        <v>16395</v>
      </c>
      <c r="E7808" t="s">
        <v>32912</v>
      </c>
      <c r="F7808">
        <v>2</v>
      </c>
      <c r="G7808" t="s">
        <v>14</v>
      </c>
      <c r="H7808" t="s">
        <v>16396</v>
      </c>
      <c r="I7808" t="s">
        <v>30540</v>
      </c>
    </row>
    <row r="7809" spans="1:9">
      <c r="A7809" s="1">
        <f ca="1">RAND()</f>
        <v>0.82436222684733984</v>
      </c>
      <c r="B7809" s="1"/>
      <c r="C7809">
        <v>1</v>
      </c>
      <c r="D7809" t="s">
        <v>16389</v>
      </c>
      <c r="E7809" t="s">
        <v>32912</v>
      </c>
      <c r="F7809">
        <v>2</v>
      </c>
      <c r="G7809" t="s">
        <v>14</v>
      </c>
      <c r="H7809" t="s">
        <v>16390</v>
      </c>
      <c r="I7809" t="s">
        <v>30540</v>
      </c>
    </row>
    <row r="7810" spans="1:9">
      <c r="A7810" s="1">
        <f ca="1">RAND()</f>
        <v>0.83006962129009354</v>
      </c>
      <c r="B7810" s="1"/>
      <c r="C7810">
        <v>3</v>
      </c>
      <c r="D7810" t="s">
        <v>16391</v>
      </c>
      <c r="E7810" t="s">
        <v>32912</v>
      </c>
      <c r="F7810">
        <v>2</v>
      </c>
      <c r="G7810" t="s">
        <v>13</v>
      </c>
      <c r="H7810" t="s">
        <v>16392</v>
      </c>
      <c r="I7810" t="s">
        <v>30540</v>
      </c>
    </row>
    <row r="7811" spans="1:9">
      <c r="A7811" s="1">
        <f ca="1">RAND()</f>
        <v>0.45193607479218001</v>
      </c>
      <c r="B7811" s="1"/>
      <c r="C7811">
        <v>16</v>
      </c>
      <c r="D7811" t="s">
        <v>16387</v>
      </c>
      <c r="E7811" t="s">
        <v>32913</v>
      </c>
      <c r="F7811">
        <v>4</v>
      </c>
      <c r="G7811" t="s">
        <v>13</v>
      </c>
      <c r="H7811" t="s">
        <v>16388</v>
      </c>
      <c r="I7811" t="s">
        <v>30540</v>
      </c>
    </row>
    <row r="7812" spans="1:9">
      <c r="A7812" s="1">
        <f ca="1">RAND()</f>
        <v>0.87179444968894571</v>
      </c>
      <c r="B7812" s="1"/>
      <c r="C7812">
        <v>13</v>
      </c>
      <c r="D7812" t="s">
        <v>16383</v>
      </c>
      <c r="E7812" t="s">
        <v>32913</v>
      </c>
      <c r="F7812">
        <v>4</v>
      </c>
      <c r="G7812" t="s">
        <v>14</v>
      </c>
      <c r="H7812" t="s">
        <v>16384</v>
      </c>
      <c r="I7812" t="s">
        <v>30540</v>
      </c>
    </row>
    <row r="7813" spans="1:9">
      <c r="A7813" s="1">
        <f ca="1">RAND()</f>
        <v>0.24208416010339384</v>
      </c>
      <c r="B7813" s="1"/>
      <c r="C7813">
        <v>15</v>
      </c>
      <c r="D7813" t="s">
        <v>16385</v>
      </c>
      <c r="E7813" t="s">
        <v>32913</v>
      </c>
      <c r="F7813">
        <v>2</v>
      </c>
      <c r="G7813" t="s">
        <v>0</v>
      </c>
      <c r="H7813" t="s">
        <v>16386</v>
      </c>
      <c r="I7813" t="s">
        <v>30540</v>
      </c>
    </row>
    <row r="7814" spans="1:9">
      <c r="A7814" s="1">
        <f ca="1">RAND()</f>
        <v>7.2179751903349909E-2</v>
      </c>
      <c r="B7814" s="1"/>
      <c r="C7814">
        <v>11</v>
      </c>
      <c r="D7814" t="s">
        <v>16381</v>
      </c>
      <c r="E7814" t="s">
        <v>32914</v>
      </c>
      <c r="F7814">
        <v>4</v>
      </c>
      <c r="G7814" t="s">
        <v>14</v>
      </c>
      <c r="H7814" t="s">
        <v>16382</v>
      </c>
      <c r="I7814" t="s">
        <v>30540</v>
      </c>
    </row>
    <row r="7815" spans="1:9">
      <c r="A7815" s="1">
        <f ca="1">RAND()</f>
        <v>0.69241335716253449</v>
      </c>
      <c r="B7815" s="1"/>
      <c r="C7815">
        <v>3</v>
      </c>
      <c r="D7815" t="s">
        <v>16375</v>
      </c>
      <c r="E7815" t="s">
        <v>32914</v>
      </c>
      <c r="F7815">
        <v>3</v>
      </c>
      <c r="G7815" t="s">
        <v>13</v>
      </c>
      <c r="H7815" t="s">
        <v>16376</v>
      </c>
      <c r="I7815" t="s">
        <v>30540</v>
      </c>
    </row>
    <row r="7816" spans="1:9">
      <c r="A7816" s="1">
        <f ca="1">RAND()</f>
        <v>0.75937851416884983</v>
      </c>
      <c r="B7816" s="1"/>
      <c r="C7816">
        <v>4</v>
      </c>
      <c r="D7816" t="s">
        <v>16377</v>
      </c>
      <c r="E7816" t="s">
        <v>32914</v>
      </c>
      <c r="F7816">
        <v>3</v>
      </c>
      <c r="G7816" t="s">
        <v>9</v>
      </c>
      <c r="H7816" t="s">
        <v>16378</v>
      </c>
      <c r="I7816" t="s">
        <v>30540</v>
      </c>
    </row>
    <row r="7817" spans="1:9">
      <c r="A7817" s="1">
        <f ca="1">RAND()</f>
        <v>1.7138727788870045E-2</v>
      </c>
      <c r="B7817" s="1"/>
      <c r="C7817">
        <v>10</v>
      </c>
      <c r="D7817" t="s">
        <v>16379</v>
      </c>
      <c r="E7817" t="s">
        <v>32914</v>
      </c>
      <c r="F7817">
        <v>3</v>
      </c>
      <c r="G7817" t="s">
        <v>13</v>
      </c>
      <c r="H7817" t="s">
        <v>16380</v>
      </c>
      <c r="I7817" t="s">
        <v>30540</v>
      </c>
    </row>
    <row r="7818" spans="1:9">
      <c r="A7818" s="1">
        <f ca="1">RAND()</f>
        <v>0.78798987197167492</v>
      </c>
      <c r="B7818" s="1"/>
      <c r="C7818">
        <v>10</v>
      </c>
      <c r="D7818" t="s">
        <v>16371</v>
      </c>
      <c r="E7818" t="s">
        <v>32915</v>
      </c>
      <c r="F7818">
        <v>5</v>
      </c>
      <c r="G7818" t="s">
        <v>9</v>
      </c>
      <c r="H7818" t="s">
        <v>16372</v>
      </c>
      <c r="I7818" t="s">
        <v>30540</v>
      </c>
    </row>
    <row r="7819" spans="1:9">
      <c r="A7819" s="1">
        <f ca="1">RAND()</f>
        <v>0.22635945415787506</v>
      </c>
      <c r="B7819" s="1"/>
      <c r="C7819">
        <v>17</v>
      </c>
      <c r="D7819" t="s">
        <v>16373</v>
      </c>
      <c r="E7819" t="s">
        <v>32915</v>
      </c>
      <c r="F7819">
        <v>4</v>
      </c>
      <c r="G7819" t="s">
        <v>14</v>
      </c>
      <c r="H7819" t="s">
        <v>16374</v>
      </c>
      <c r="I7819" t="s">
        <v>30540</v>
      </c>
    </row>
    <row r="7820" spans="1:9">
      <c r="A7820" s="1">
        <f ca="1">RAND()</f>
        <v>0.58806012652236506</v>
      </c>
      <c r="B7820" s="1"/>
      <c r="C7820">
        <v>4</v>
      </c>
      <c r="D7820" t="s">
        <v>16367</v>
      </c>
      <c r="E7820" t="s">
        <v>32916</v>
      </c>
      <c r="F7820">
        <v>5</v>
      </c>
      <c r="G7820" t="s">
        <v>14</v>
      </c>
      <c r="H7820" t="s">
        <v>16368</v>
      </c>
      <c r="I7820" t="s">
        <v>30540</v>
      </c>
    </row>
    <row r="7821" spans="1:9">
      <c r="A7821" s="1">
        <f ca="1">RAND()</f>
        <v>0.77451711488550912</v>
      </c>
      <c r="B7821" s="1"/>
      <c r="C7821">
        <v>11</v>
      </c>
      <c r="D7821" t="s">
        <v>16369</v>
      </c>
      <c r="E7821" t="s">
        <v>32916</v>
      </c>
      <c r="F7821">
        <v>4</v>
      </c>
      <c r="G7821" t="s">
        <v>14</v>
      </c>
      <c r="H7821" t="s">
        <v>16370</v>
      </c>
      <c r="I7821" t="s">
        <v>30540</v>
      </c>
    </row>
    <row r="7822" spans="1:9">
      <c r="A7822" s="1">
        <f ca="1">RAND()</f>
        <v>0.90300664947423026</v>
      </c>
      <c r="B7822" s="1"/>
      <c r="C7822">
        <v>14</v>
      </c>
      <c r="D7822" t="s">
        <v>16363</v>
      </c>
      <c r="E7822" t="s">
        <v>32917</v>
      </c>
      <c r="F7822">
        <v>4</v>
      </c>
      <c r="G7822" t="s">
        <v>14</v>
      </c>
      <c r="H7822" t="s">
        <v>16364</v>
      </c>
      <c r="I7822" t="s">
        <v>30540</v>
      </c>
    </row>
    <row r="7823" spans="1:9">
      <c r="A7823" s="1">
        <f ca="1">RAND()</f>
        <v>0.44064340662898238</v>
      </c>
      <c r="B7823" s="1"/>
      <c r="C7823">
        <v>9</v>
      </c>
      <c r="D7823" t="s">
        <v>16361</v>
      </c>
      <c r="E7823" t="s">
        <v>32917</v>
      </c>
      <c r="F7823">
        <v>4</v>
      </c>
      <c r="G7823" t="s">
        <v>10</v>
      </c>
      <c r="H7823" t="s">
        <v>16362</v>
      </c>
      <c r="I7823" t="s">
        <v>30540</v>
      </c>
    </row>
    <row r="7824" spans="1:9">
      <c r="A7824" s="1">
        <f ca="1">RAND()</f>
        <v>0.55205920322245883</v>
      </c>
      <c r="B7824" s="1"/>
      <c r="C7824">
        <v>8</v>
      </c>
      <c r="D7824" t="s">
        <v>16359</v>
      </c>
      <c r="E7824" t="s">
        <v>32917</v>
      </c>
      <c r="F7824">
        <v>4</v>
      </c>
      <c r="G7824" t="s">
        <v>14</v>
      </c>
      <c r="H7824" t="s">
        <v>16360</v>
      </c>
      <c r="I7824" t="s">
        <v>30540</v>
      </c>
    </row>
    <row r="7825" spans="1:9">
      <c r="A7825" s="1">
        <f ca="1">RAND()</f>
        <v>0.24933248422074639</v>
      </c>
      <c r="B7825" s="1"/>
      <c r="C7825">
        <v>19</v>
      </c>
      <c r="D7825" t="s">
        <v>16365</v>
      </c>
      <c r="E7825" t="s">
        <v>32917</v>
      </c>
      <c r="F7825">
        <v>4</v>
      </c>
      <c r="G7825" t="s">
        <v>14</v>
      </c>
      <c r="H7825" t="s">
        <v>16366</v>
      </c>
      <c r="I7825" t="s">
        <v>30540</v>
      </c>
    </row>
    <row r="7826" spans="1:9">
      <c r="A7826" s="1">
        <f ca="1">RAND()</f>
        <v>0.50381697532527181</v>
      </c>
      <c r="B7826" s="1"/>
      <c r="C7826">
        <v>2</v>
      </c>
      <c r="D7826" t="s">
        <v>16357</v>
      </c>
      <c r="E7826" t="s">
        <v>32917</v>
      </c>
      <c r="F7826">
        <v>4</v>
      </c>
      <c r="G7826" t="s">
        <v>10</v>
      </c>
      <c r="H7826" t="s">
        <v>16358</v>
      </c>
      <c r="I7826" t="s">
        <v>30540</v>
      </c>
    </row>
    <row r="7827" spans="1:9">
      <c r="A7827" s="1">
        <f ca="1">RAND()</f>
        <v>0.97006517721958874</v>
      </c>
      <c r="B7827" s="1"/>
      <c r="C7827">
        <v>11</v>
      </c>
      <c r="D7827" t="s">
        <v>16349</v>
      </c>
      <c r="E7827" t="s">
        <v>32918</v>
      </c>
      <c r="F7827">
        <v>5</v>
      </c>
      <c r="G7827" t="s">
        <v>13</v>
      </c>
      <c r="H7827" t="s">
        <v>16350</v>
      </c>
      <c r="I7827" t="s">
        <v>30540</v>
      </c>
    </row>
    <row r="7828" spans="1:9">
      <c r="A7828" s="1">
        <f ca="1">RAND()</f>
        <v>0.77134900528241268</v>
      </c>
      <c r="B7828" s="1"/>
      <c r="C7828">
        <v>18</v>
      </c>
      <c r="D7828" t="s">
        <v>16355</v>
      </c>
      <c r="E7828" t="s">
        <v>32918</v>
      </c>
      <c r="F7828">
        <v>4</v>
      </c>
      <c r="G7828" t="s">
        <v>3107</v>
      </c>
      <c r="H7828" t="s">
        <v>16356</v>
      </c>
      <c r="I7828" t="s">
        <v>30540</v>
      </c>
    </row>
    <row r="7829" spans="1:9">
      <c r="A7829" s="1">
        <f ca="1">RAND()</f>
        <v>2.6325615021410731E-2</v>
      </c>
      <c r="B7829" s="1"/>
      <c r="C7829">
        <v>16</v>
      </c>
      <c r="D7829" t="s">
        <v>16353</v>
      </c>
      <c r="E7829" t="s">
        <v>32918</v>
      </c>
      <c r="F7829">
        <v>4</v>
      </c>
      <c r="G7829" t="s">
        <v>1431</v>
      </c>
      <c r="H7829" t="s">
        <v>16354</v>
      </c>
      <c r="I7829" t="s">
        <v>30540</v>
      </c>
    </row>
    <row r="7830" spans="1:9">
      <c r="A7830" s="1">
        <f ca="1">RAND()</f>
        <v>0.2894143446440921</v>
      </c>
      <c r="B7830" s="1"/>
      <c r="C7830">
        <v>3</v>
      </c>
      <c r="D7830" t="s">
        <v>16347</v>
      </c>
      <c r="E7830" t="s">
        <v>32918</v>
      </c>
      <c r="F7830">
        <v>4</v>
      </c>
      <c r="G7830" t="s">
        <v>13</v>
      </c>
      <c r="H7830" t="s">
        <v>16348</v>
      </c>
      <c r="I7830" t="s">
        <v>30540</v>
      </c>
    </row>
    <row r="7831" spans="1:9">
      <c r="A7831" s="1">
        <f ca="1">RAND()</f>
        <v>0.52936692351421677</v>
      </c>
      <c r="B7831" s="1"/>
      <c r="C7831">
        <v>12</v>
      </c>
      <c r="D7831" t="s">
        <v>16351</v>
      </c>
      <c r="E7831" t="s">
        <v>32918</v>
      </c>
      <c r="F7831">
        <v>4</v>
      </c>
      <c r="G7831" t="s">
        <v>771</v>
      </c>
      <c r="H7831" t="s">
        <v>16352</v>
      </c>
      <c r="I7831" t="s">
        <v>30540</v>
      </c>
    </row>
    <row r="7832" spans="1:9">
      <c r="A7832" s="1">
        <f ca="1">RAND()</f>
        <v>0.69674869761694891</v>
      </c>
      <c r="B7832" s="1"/>
      <c r="C7832">
        <v>7</v>
      </c>
      <c r="D7832" t="s">
        <v>16339</v>
      </c>
      <c r="E7832" t="s">
        <v>32919</v>
      </c>
      <c r="F7832">
        <v>4</v>
      </c>
      <c r="G7832" t="s">
        <v>1</v>
      </c>
      <c r="H7832" t="s">
        <v>16340</v>
      </c>
      <c r="I7832" t="s">
        <v>30540</v>
      </c>
    </row>
    <row r="7833" spans="1:9">
      <c r="A7833" s="1">
        <f ca="1">RAND()</f>
        <v>0.349129738799144</v>
      </c>
      <c r="B7833" s="1"/>
      <c r="C7833">
        <v>11</v>
      </c>
      <c r="D7833" t="s">
        <v>16341</v>
      </c>
      <c r="E7833" t="s">
        <v>32919</v>
      </c>
      <c r="F7833">
        <v>4</v>
      </c>
      <c r="G7833" t="s">
        <v>14</v>
      </c>
      <c r="H7833" t="s">
        <v>16342</v>
      </c>
      <c r="I7833" t="s">
        <v>30540</v>
      </c>
    </row>
    <row r="7834" spans="1:9">
      <c r="A7834" s="1">
        <f ca="1">RAND()</f>
        <v>0.14449354839681539</v>
      </c>
      <c r="B7834" s="1"/>
      <c r="C7834">
        <v>3</v>
      </c>
      <c r="D7834" t="s">
        <v>16337</v>
      </c>
      <c r="E7834" t="s">
        <v>32919</v>
      </c>
      <c r="F7834">
        <v>4</v>
      </c>
      <c r="G7834" t="s">
        <v>9</v>
      </c>
      <c r="H7834" t="s">
        <v>16338</v>
      </c>
      <c r="I7834" t="s">
        <v>30540</v>
      </c>
    </row>
    <row r="7835" spans="1:9">
      <c r="A7835" s="1">
        <f ca="1">RAND()</f>
        <v>0.20786361454857194</v>
      </c>
      <c r="B7835" s="1"/>
      <c r="C7835">
        <v>16</v>
      </c>
      <c r="D7835" t="s">
        <v>16345</v>
      </c>
      <c r="E7835" t="s">
        <v>32919</v>
      </c>
      <c r="F7835">
        <v>4</v>
      </c>
      <c r="G7835" t="s">
        <v>14</v>
      </c>
      <c r="H7835" t="s">
        <v>16346</v>
      </c>
      <c r="I7835" t="s">
        <v>30540</v>
      </c>
    </row>
    <row r="7836" spans="1:9">
      <c r="A7836" s="1">
        <f ca="1">RAND()</f>
        <v>0.60533829762970393</v>
      </c>
      <c r="B7836" s="1"/>
      <c r="C7836">
        <v>14</v>
      </c>
      <c r="D7836" t="s">
        <v>16343</v>
      </c>
      <c r="E7836" t="s">
        <v>32919</v>
      </c>
      <c r="F7836">
        <v>3</v>
      </c>
      <c r="G7836" t="s">
        <v>9</v>
      </c>
      <c r="H7836" t="s">
        <v>16344</v>
      </c>
      <c r="I7836" t="s">
        <v>30540</v>
      </c>
    </row>
    <row r="7837" spans="1:9">
      <c r="A7837" s="1">
        <f ca="1">RAND()</f>
        <v>0.30727675242908281</v>
      </c>
      <c r="B7837" s="1"/>
      <c r="C7837">
        <v>8</v>
      </c>
      <c r="D7837" t="s">
        <v>16333</v>
      </c>
      <c r="E7837" t="s">
        <v>32920</v>
      </c>
      <c r="F7837">
        <v>4</v>
      </c>
      <c r="G7837" t="s">
        <v>14</v>
      </c>
      <c r="H7837" t="s">
        <v>16334</v>
      </c>
      <c r="I7837" t="s">
        <v>30540</v>
      </c>
    </row>
    <row r="7838" spans="1:9">
      <c r="A7838" s="1">
        <f ca="1">RAND()</f>
        <v>0.17707136975889115</v>
      </c>
      <c r="B7838" s="1"/>
      <c r="C7838">
        <v>15</v>
      </c>
      <c r="D7838" t="s">
        <v>16335</v>
      </c>
      <c r="E7838" t="s">
        <v>32920</v>
      </c>
      <c r="F7838">
        <v>2</v>
      </c>
      <c r="G7838" t="s">
        <v>14</v>
      </c>
      <c r="H7838" t="s">
        <v>16336</v>
      </c>
      <c r="I7838" t="s">
        <v>30540</v>
      </c>
    </row>
    <row r="7839" spans="1:9">
      <c r="A7839" s="1">
        <f ca="1">RAND()</f>
        <v>0.23866824060885805</v>
      </c>
      <c r="B7839" s="1"/>
      <c r="C7839">
        <v>6</v>
      </c>
      <c r="D7839" t="s">
        <v>16331</v>
      </c>
      <c r="E7839" t="s">
        <v>32920</v>
      </c>
      <c r="F7839">
        <v>1</v>
      </c>
      <c r="G7839" t="s">
        <v>0</v>
      </c>
      <c r="H7839" t="s">
        <v>16332</v>
      </c>
      <c r="I7839" t="s">
        <v>30540</v>
      </c>
    </row>
    <row r="7840" spans="1:9">
      <c r="A7840" s="1">
        <f ca="1">RAND()</f>
        <v>0.80610066355265664</v>
      </c>
      <c r="B7840" s="1"/>
      <c r="C7840">
        <v>7</v>
      </c>
      <c r="D7840" t="s">
        <v>16323</v>
      </c>
      <c r="E7840" t="s">
        <v>32921</v>
      </c>
      <c r="F7840">
        <v>4</v>
      </c>
      <c r="G7840" t="s">
        <v>0</v>
      </c>
      <c r="H7840" t="s">
        <v>16324</v>
      </c>
      <c r="I7840" t="s">
        <v>30540</v>
      </c>
    </row>
    <row r="7841" spans="1:9">
      <c r="A7841" s="1">
        <f ca="1">RAND()</f>
        <v>0.79713633374009063</v>
      </c>
      <c r="B7841" s="1"/>
      <c r="C7841">
        <v>12</v>
      </c>
      <c r="D7841" t="s">
        <v>16327</v>
      </c>
      <c r="E7841" t="s">
        <v>32921</v>
      </c>
      <c r="F7841">
        <v>4</v>
      </c>
      <c r="G7841" t="s">
        <v>10</v>
      </c>
      <c r="H7841" t="s">
        <v>16328</v>
      </c>
      <c r="I7841" t="s">
        <v>30540</v>
      </c>
    </row>
    <row r="7842" spans="1:9">
      <c r="A7842" s="1">
        <f ca="1">RAND()</f>
        <v>0.81012921759421164</v>
      </c>
      <c r="B7842" s="1"/>
      <c r="C7842">
        <v>11</v>
      </c>
      <c r="D7842" t="s">
        <v>16325</v>
      </c>
      <c r="E7842" t="s">
        <v>32921</v>
      </c>
      <c r="F7842">
        <v>3</v>
      </c>
      <c r="G7842" t="s">
        <v>0</v>
      </c>
      <c r="H7842" t="s">
        <v>16326</v>
      </c>
      <c r="I7842" t="s">
        <v>30540</v>
      </c>
    </row>
    <row r="7843" spans="1:9">
      <c r="A7843" s="1">
        <f ca="1">RAND()</f>
        <v>0.64152111198673456</v>
      </c>
      <c r="B7843" s="1"/>
      <c r="C7843">
        <v>13</v>
      </c>
      <c r="D7843" t="s">
        <v>16329</v>
      </c>
      <c r="E7843" t="s">
        <v>32921</v>
      </c>
      <c r="F7843">
        <v>2</v>
      </c>
      <c r="G7843" t="s">
        <v>10</v>
      </c>
      <c r="H7843" t="s">
        <v>16330</v>
      </c>
      <c r="I7843" t="s">
        <v>30540</v>
      </c>
    </row>
    <row r="7844" spans="1:9">
      <c r="A7844" s="1">
        <f ca="1">RAND()</f>
        <v>0.85146075488539386</v>
      </c>
      <c r="B7844" s="1"/>
      <c r="C7844">
        <v>4</v>
      </c>
      <c r="D7844" t="s">
        <v>16313</v>
      </c>
      <c r="E7844" t="s">
        <v>32922</v>
      </c>
      <c r="F7844">
        <v>4</v>
      </c>
      <c r="G7844" t="s">
        <v>14</v>
      </c>
      <c r="H7844" t="s">
        <v>16314</v>
      </c>
      <c r="I7844" t="s">
        <v>30540</v>
      </c>
    </row>
    <row r="7845" spans="1:9">
      <c r="A7845" s="1">
        <f ca="1">RAND()</f>
        <v>0.28395355960442259</v>
      </c>
      <c r="B7845" s="1"/>
      <c r="C7845">
        <v>18</v>
      </c>
      <c r="D7845" t="s">
        <v>16321</v>
      </c>
      <c r="E7845" t="s">
        <v>32922</v>
      </c>
      <c r="F7845">
        <v>4</v>
      </c>
      <c r="G7845" t="s">
        <v>14</v>
      </c>
      <c r="H7845" t="s">
        <v>16322</v>
      </c>
      <c r="I7845" t="s">
        <v>30540</v>
      </c>
    </row>
    <row r="7846" spans="1:9">
      <c r="A7846" s="1">
        <f ca="1">RAND()</f>
        <v>0.67432074359363348</v>
      </c>
      <c r="B7846" s="1"/>
      <c r="C7846">
        <v>7</v>
      </c>
      <c r="D7846" t="s">
        <v>16315</v>
      </c>
      <c r="E7846" t="s">
        <v>32922</v>
      </c>
      <c r="F7846">
        <v>4</v>
      </c>
      <c r="G7846" t="s">
        <v>13</v>
      </c>
      <c r="H7846" t="s">
        <v>16316</v>
      </c>
      <c r="I7846" t="s">
        <v>30540</v>
      </c>
    </row>
    <row r="7847" spans="1:9">
      <c r="A7847" s="1">
        <f ca="1">RAND()</f>
        <v>0.92735046993588111</v>
      </c>
      <c r="B7847" s="1"/>
      <c r="C7847">
        <v>12</v>
      </c>
      <c r="D7847" t="s">
        <v>16319</v>
      </c>
      <c r="E7847" t="s">
        <v>32922</v>
      </c>
      <c r="F7847">
        <v>2</v>
      </c>
      <c r="G7847" t="s">
        <v>14</v>
      </c>
      <c r="H7847" t="s">
        <v>16320</v>
      </c>
      <c r="I7847" t="s">
        <v>30540</v>
      </c>
    </row>
    <row r="7848" spans="1:9">
      <c r="A7848" s="1">
        <f ca="1">RAND()</f>
        <v>0.58137338090647162</v>
      </c>
      <c r="B7848" s="1"/>
      <c r="C7848">
        <v>3</v>
      </c>
      <c r="D7848" t="s">
        <v>16311</v>
      </c>
      <c r="E7848" t="s">
        <v>32922</v>
      </c>
      <c r="F7848">
        <v>2</v>
      </c>
      <c r="G7848" t="s">
        <v>15</v>
      </c>
      <c r="H7848" t="s">
        <v>16312</v>
      </c>
      <c r="I7848" t="s">
        <v>30540</v>
      </c>
    </row>
    <row r="7849" spans="1:9">
      <c r="A7849" s="1">
        <f ca="1">RAND()</f>
        <v>0.68238256077408233</v>
      </c>
      <c r="B7849" s="1"/>
      <c r="C7849">
        <v>10</v>
      </c>
      <c r="D7849" t="s">
        <v>16317</v>
      </c>
      <c r="E7849" t="s">
        <v>32922</v>
      </c>
      <c r="F7849">
        <v>2</v>
      </c>
      <c r="G7849" t="s">
        <v>2</v>
      </c>
      <c r="H7849" t="s">
        <v>16318</v>
      </c>
      <c r="I7849" t="s">
        <v>30540</v>
      </c>
    </row>
    <row r="7850" spans="1:9">
      <c r="A7850" s="1">
        <f ca="1">RAND()</f>
        <v>0.72571727383744888</v>
      </c>
      <c r="B7850" s="1"/>
      <c r="C7850">
        <v>6</v>
      </c>
      <c r="D7850" t="s">
        <v>16303</v>
      </c>
      <c r="E7850" t="s">
        <v>32923</v>
      </c>
      <c r="F7850">
        <v>5</v>
      </c>
      <c r="G7850" t="s">
        <v>2</v>
      </c>
      <c r="H7850" t="s">
        <v>16304</v>
      </c>
      <c r="I7850" t="s">
        <v>30540</v>
      </c>
    </row>
    <row r="7851" spans="1:9">
      <c r="A7851" s="1">
        <f ca="1">RAND()</f>
        <v>0.21778483152827266</v>
      </c>
      <c r="B7851" s="1"/>
      <c r="C7851">
        <v>17</v>
      </c>
      <c r="D7851" t="s">
        <v>16309</v>
      </c>
      <c r="E7851" t="s">
        <v>32923</v>
      </c>
      <c r="F7851">
        <v>4</v>
      </c>
      <c r="G7851" t="s">
        <v>775</v>
      </c>
      <c r="H7851" t="s">
        <v>16310</v>
      </c>
      <c r="I7851" t="s">
        <v>30540</v>
      </c>
    </row>
    <row r="7852" spans="1:9">
      <c r="A7852" s="1">
        <f ca="1">RAND()</f>
        <v>0.63329646291226183</v>
      </c>
      <c r="B7852" s="1"/>
      <c r="C7852">
        <v>2</v>
      </c>
      <c r="D7852" t="s">
        <v>16301</v>
      </c>
      <c r="E7852" t="s">
        <v>32923</v>
      </c>
      <c r="F7852">
        <v>4</v>
      </c>
      <c r="G7852" t="s">
        <v>1431</v>
      </c>
      <c r="H7852" t="s">
        <v>16302</v>
      </c>
      <c r="I7852" t="s">
        <v>30540</v>
      </c>
    </row>
    <row r="7853" spans="1:9">
      <c r="A7853" s="1">
        <f ca="1">RAND()</f>
        <v>0.54515264469072278</v>
      </c>
      <c r="B7853" s="1"/>
      <c r="C7853">
        <v>13</v>
      </c>
      <c r="D7853" t="s">
        <v>16307</v>
      </c>
      <c r="E7853" t="s">
        <v>32923</v>
      </c>
      <c r="F7853">
        <v>4</v>
      </c>
      <c r="G7853" t="s">
        <v>10</v>
      </c>
      <c r="H7853" t="s">
        <v>16308</v>
      </c>
      <c r="I7853" t="s">
        <v>30540</v>
      </c>
    </row>
    <row r="7854" spans="1:9">
      <c r="A7854" s="1">
        <f ca="1">RAND()</f>
        <v>0.77023975896373309</v>
      </c>
      <c r="B7854" s="1"/>
      <c r="C7854">
        <v>7</v>
      </c>
      <c r="D7854" t="s">
        <v>16305</v>
      </c>
      <c r="E7854" t="s">
        <v>32923</v>
      </c>
      <c r="F7854">
        <v>2</v>
      </c>
      <c r="G7854" t="s">
        <v>13</v>
      </c>
      <c r="H7854" t="s">
        <v>16306</v>
      </c>
      <c r="I7854" t="s">
        <v>30540</v>
      </c>
    </row>
    <row r="7855" spans="1:9">
      <c r="A7855" s="1">
        <f ca="1">RAND()</f>
        <v>0.84200380366699878</v>
      </c>
      <c r="B7855" s="1"/>
      <c r="C7855">
        <v>15</v>
      </c>
      <c r="D7855" t="s">
        <v>16295</v>
      </c>
      <c r="E7855" t="s">
        <v>32924</v>
      </c>
      <c r="F7855">
        <v>5</v>
      </c>
      <c r="G7855" t="s">
        <v>14</v>
      </c>
      <c r="H7855" t="s">
        <v>16296</v>
      </c>
      <c r="I7855" t="s">
        <v>30540</v>
      </c>
    </row>
    <row r="7856" spans="1:9">
      <c r="A7856" s="1">
        <f ca="1">RAND()</f>
        <v>0.21630448520439949</v>
      </c>
      <c r="B7856" s="1"/>
      <c r="C7856">
        <v>10</v>
      </c>
      <c r="D7856" t="s">
        <v>16291</v>
      </c>
      <c r="E7856" t="s">
        <v>32924</v>
      </c>
      <c r="F7856">
        <v>4</v>
      </c>
      <c r="G7856" t="s">
        <v>2</v>
      </c>
      <c r="H7856" t="s">
        <v>16292</v>
      </c>
      <c r="I7856" t="s">
        <v>30540</v>
      </c>
    </row>
    <row r="7857" spans="1:9">
      <c r="A7857" s="1">
        <f ca="1">RAND()</f>
        <v>0.47341620622538994</v>
      </c>
      <c r="B7857" s="1"/>
      <c r="C7857">
        <v>6</v>
      </c>
      <c r="D7857" t="s">
        <v>16287</v>
      </c>
      <c r="E7857" t="s">
        <v>32924</v>
      </c>
      <c r="F7857">
        <v>4</v>
      </c>
      <c r="G7857" t="s">
        <v>10</v>
      </c>
      <c r="H7857" t="s">
        <v>16288</v>
      </c>
      <c r="I7857" t="s">
        <v>30540</v>
      </c>
    </row>
    <row r="7858" spans="1:9">
      <c r="A7858" s="1">
        <f ca="1">RAND()</f>
        <v>0.11455805029691957</v>
      </c>
      <c r="B7858" s="1"/>
      <c r="C7858">
        <v>7</v>
      </c>
      <c r="D7858" t="s">
        <v>16289</v>
      </c>
      <c r="E7858" t="s">
        <v>32924</v>
      </c>
      <c r="F7858">
        <v>4</v>
      </c>
      <c r="G7858" t="s">
        <v>9</v>
      </c>
      <c r="H7858" t="s">
        <v>16290</v>
      </c>
      <c r="I7858" t="s">
        <v>30540</v>
      </c>
    </row>
    <row r="7859" spans="1:9">
      <c r="A7859" s="1">
        <f ca="1">RAND()</f>
        <v>0.14486955616475572</v>
      </c>
      <c r="B7859" s="1"/>
      <c r="C7859">
        <v>18</v>
      </c>
      <c r="D7859" t="s">
        <v>16299</v>
      </c>
      <c r="E7859" t="s">
        <v>32924</v>
      </c>
      <c r="F7859">
        <v>3</v>
      </c>
      <c r="G7859" t="s">
        <v>14</v>
      </c>
      <c r="H7859" t="s">
        <v>16300</v>
      </c>
      <c r="I7859" t="s">
        <v>30540</v>
      </c>
    </row>
    <row r="7860" spans="1:9">
      <c r="A7860" s="1">
        <f ca="1">RAND()</f>
        <v>0.29859199044730556</v>
      </c>
      <c r="B7860" s="1"/>
      <c r="C7860">
        <v>14</v>
      </c>
      <c r="D7860" t="s">
        <v>16293</v>
      </c>
      <c r="E7860" t="s">
        <v>32924</v>
      </c>
      <c r="F7860">
        <v>2</v>
      </c>
      <c r="G7860" t="s">
        <v>14</v>
      </c>
      <c r="H7860" t="s">
        <v>16294</v>
      </c>
      <c r="I7860" t="s">
        <v>30540</v>
      </c>
    </row>
    <row r="7861" spans="1:9">
      <c r="A7861" s="1">
        <f ca="1">RAND()</f>
        <v>0.50337789870133953</v>
      </c>
      <c r="B7861" s="1"/>
      <c r="C7861">
        <v>16</v>
      </c>
      <c r="D7861" t="s">
        <v>16297</v>
      </c>
      <c r="E7861" t="s">
        <v>32924</v>
      </c>
      <c r="F7861">
        <v>1</v>
      </c>
      <c r="G7861" t="s">
        <v>2</v>
      </c>
      <c r="H7861" t="s">
        <v>16298</v>
      </c>
      <c r="I7861" t="s">
        <v>30540</v>
      </c>
    </row>
    <row r="7862" spans="1:9">
      <c r="A7862" s="1">
        <f ca="1">RAND()</f>
        <v>0.94420822404817784</v>
      </c>
      <c r="B7862" s="1"/>
      <c r="C7862">
        <v>13</v>
      </c>
      <c r="D7862" t="s">
        <v>16285</v>
      </c>
      <c r="E7862" t="s">
        <v>32925</v>
      </c>
      <c r="F7862">
        <v>4</v>
      </c>
      <c r="G7862" t="s">
        <v>14</v>
      </c>
      <c r="H7862" t="s">
        <v>16286</v>
      </c>
      <c r="I7862" t="s">
        <v>30540</v>
      </c>
    </row>
    <row r="7863" spans="1:9">
      <c r="A7863" s="1">
        <f ca="1">RAND()</f>
        <v>0.81258802433495114</v>
      </c>
      <c r="B7863" s="1"/>
      <c r="C7863">
        <v>2</v>
      </c>
      <c r="D7863" t="s">
        <v>16275</v>
      </c>
      <c r="E7863" t="s">
        <v>32925</v>
      </c>
      <c r="F7863">
        <v>4</v>
      </c>
      <c r="G7863" t="s">
        <v>2</v>
      </c>
      <c r="H7863" t="s">
        <v>16276</v>
      </c>
      <c r="I7863" t="s">
        <v>30540</v>
      </c>
    </row>
    <row r="7864" spans="1:9">
      <c r="A7864" s="1">
        <f ca="1">RAND()</f>
        <v>0.74916616151312632</v>
      </c>
      <c r="B7864" s="1"/>
      <c r="C7864">
        <v>8</v>
      </c>
      <c r="D7864" t="s">
        <v>16277</v>
      </c>
      <c r="E7864" t="s">
        <v>32925</v>
      </c>
      <c r="F7864">
        <v>4</v>
      </c>
      <c r="G7864" t="s">
        <v>0</v>
      </c>
      <c r="H7864" t="s">
        <v>16278</v>
      </c>
      <c r="I7864" t="s">
        <v>30540</v>
      </c>
    </row>
    <row r="7865" spans="1:9">
      <c r="A7865" s="1">
        <f ca="1">RAND()</f>
        <v>3.9033882715455714E-4</v>
      </c>
      <c r="B7865" s="1"/>
      <c r="C7865">
        <v>9</v>
      </c>
      <c r="D7865" t="s">
        <v>16279</v>
      </c>
      <c r="E7865" t="s">
        <v>32925</v>
      </c>
      <c r="F7865">
        <v>4</v>
      </c>
      <c r="G7865" t="s">
        <v>0</v>
      </c>
      <c r="H7865" t="s">
        <v>16280</v>
      </c>
      <c r="I7865" t="s">
        <v>30540</v>
      </c>
    </row>
    <row r="7866" spans="1:9">
      <c r="A7866" s="1">
        <f ca="1">RAND()</f>
        <v>0.91154842403748704</v>
      </c>
      <c r="B7866" s="1"/>
      <c r="C7866">
        <v>12</v>
      </c>
      <c r="D7866" t="s">
        <v>16283</v>
      </c>
      <c r="E7866" t="s">
        <v>32925</v>
      </c>
      <c r="F7866">
        <v>4</v>
      </c>
      <c r="G7866" t="s">
        <v>14</v>
      </c>
      <c r="H7866" t="s">
        <v>16284</v>
      </c>
      <c r="I7866" t="s">
        <v>30540</v>
      </c>
    </row>
    <row r="7867" spans="1:9">
      <c r="A7867" s="1">
        <f ca="1">RAND()</f>
        <v>0.39132673579403243</v>
      </c>
      <c r="B7867" s="1"/>
      <c r="C7867">
        <v>10</v>
      </c>
      <c r="D7867" t="s">
        <v>16281</v>
      </c>
      <c r="E7867" t="s">
        <v>32925</v>
      </c>
      <c r="F7867">
        <v>4</v>
      </c>
      <c r="G7867" t="s">
        <v>14</v>
      </c>
      <c r="H7867" t="s">
        <v>16282</v>
      </c>
      <c r="I7867" t="s">
        <v>30540</v>
      </c>
    </row>
    <row r="7868" spans="1:9">
      <c r="A7868" s="1">
        <f ca="1">RAND()</f>
        <v>1.9558312622523721E-2</v>
      </c>
      <c r="B7868" s="1"/>
      <c r="C7868">
        <v>1</v>
      </c>
      <c r="D7868" t="s">
        <v>16273</v>
      </c>
      <c r="E7868" t="s">
        <v>32925</v>
      </c>
      <c r="F7868">
        <v>3</v>
      </c>
      <c r="G7868" t="s">
        <v>13</v>
      </c>
      <c r="H7868" t="s">
        <v>16274</v>
      </c>
      <c r="I7868" t="s">
        <v>30540</v>
      </c>
    </row>
    <row r="7869" spans="1:9">
      <c r="A7869" s="1">
        <f ca="1">RAND()</f>
        <v>0.3786198243133756</v>
      </c>
      <c r="B7869" s="1"/>
      <c r="C7869">
        <v>5</v>
      </c>
      <c r="D7869" t="s">
        <v>16263</v>
      </c>
      <c r="E7869" t="s">
        <v>32926</v>
      </c>
      <c r="F7869">
        <v>4</v>
      </c>
      <c r="G7869" t="s">
        <v>9</v>
      </c>
      <c r="H7869" t="s">
        <v>16264</v>
      </c>
      <c r="I7869" t="s">
        <v>30540</v>
      </c>
    </row>
    <row r="7870" spans="1:9">
      <c r="A7870" s="1">
        <f ca="1">RAND()</f>
        <v>0.48792278449288617</v>
      </c>
      <c r="B7870" s="1"/>
      <c r="C7870">
        <v>16</v>
      </c>
      <c r="D7870" t="s">
        <v>16271</v>
      </c>
      <c r="E7870" t="s">
        <v>32926</v>
      </c>
      <c r="F7870">
        <v>4</v>
      </c>
      <c r="G7870" t="s">
        <v>14</v>
      </c>
      <c r="H7870" t="s">
        <v>16272</v>
      </c>
      <c r="I7870" t="s">
        <v>30540</v>
      </c>
    </row>
    <row r="7871" spans="1:9">
      <c r="A7871" s="1">
        <f ca="1">RAND()</f>
        <v>0.13883304337207014</v>
      </c>
      <c r="B7871" s="1"/>
      <c r="C7871">
        <v>9</v>
      </c>
      <c r="D7871" t="s">
        <v>16267</v>
      </c>
      <c r="E7871" t="s">
        <v>32926</v>
      </c>
      <c r="F7871">
        <v>4</v>
      </c>
      <c r="G7871" t="s">
        <v>2</v>
      </c>
      <c r="H7871" t="s">
        <v>16268</v>
      </c>
      <c r="I7871" t="s">
        <v>30540</v>
      </c>
    </row>
    <row r="7872" spans="1:9">
      <c r="A7872" s="1">
        <f ca="1">RAND()</f>
        <v>6.9807838295466218E-2</v>
      </c>
      <c r="B7872" s="1"/>
      <c r="C7872">
        <v>6</v>
      </c>
      <c r="D7872" t="s">
        <v>16265</v>
      </c>
      <c r="E7872" t="s">
        <v>32926</v>
      </c>
      <c r="F7872">
        <v>4</v>
      </c>
      <c r="G7872" t="s">
        <v>2</v>
      </c>
      <c r="H7872" t="s">
        <v>16266</v>
      </c>
      <c r="I7872" t="s">
        <v>30540</v>
      </c>
    </row>
    <row r="7873" spans="1:9">
      <c r="A7873" s="1">
        <f ca="1">RAND()</f>
        <v>0.15515779533269014</v>
      </c>
      <c r="B7873" s="1"/>
      <c r="C7873">
        <v>13</v>
      </c>
      <c r="D7873" t="s">
        <v>16269</v>
      </c>
      <c r="E7873" t="s">
        <v>32926</v>
      </c>
      <c r="F7873">
        <v>2</v>
      </c>
      <c r="G7873" t="s">
        <v>14</v>
      </c>
      <c r="H7873" t="s">
        <v>16270</v>
      </c>
      <c r="I7873" t="s">
        <v>30540</v>
      </c>
    </row>
    <row r="7874" spans="1:9">
      <c r="A7874" s="1">
        <f ca="1">RAND()</f>
        <v>0.82752630249146431</v>
      </c>
      <c r="B7874" s="1"/>
      <c r="C7874">
        <v>4</v>
      </c>
      <c r="D7874" t="s">
        <v>16255</v>
      </c>
      <c r="E7874" t="s">
        <v>32927</v>
      </c>
      <c r="F7874">
        <v>5</v>
      </c>
      <c r="G7874" t="s">
        <v>10</v>
      </c>
      <c r="H7874" t="s">
        <v>16256</v>
      </c>
      <c r="I7874" t="s">
        <v>30540</v>
      </c>
    </row>
    <row r="7875" spans="1:9">
      <c r="A7875" s="1">
        <f ca="1">RAND()</f>
        <v>0.33708608942933127</v>
      </c>
      <c r="B7875" s="1"/>
      <c r="C7875">
        <v>2</v>
      </c>
      <c r="D7875" t="s">
        <v>16253</v>
      </c>
      <c r="E7875" t="s">
        <v>32927</v>
      </c>
      <c r="F7875">
        <v>4</v>
      </c>
      <c r="G7875" t="s">
        <v>14</v>
      </c>
      <c r="H7875" t="s">
        <v>16254</v>
      </c>
      <c r="I7875" t="s">
        <v>30540</v>
      </c>
    </row>
    <row r="7876" spans="1:9">
      <c r="A7876" s="1">
        <f ca="1">RAND()</f>
        <v>0.28854388114851981</v>
      </c>
      <c r="B7876" s="1"/>
      <c r="C7876">
        <v>1</v>
      </c>
      <c r="D7876" t="s">
        <v>16251</v>
      </c>
      <c r="E7876" t="s">
        <v>32927</v>
      </c>
      <c r="F7876">
        <v>4</v>
      </c>
      <c r="G7876" t="s">
        <v>14</v>
      </c>
      <c r="H7876" t="s">
        <v>16252</v>
      </c>
      <c r="I7876" t="s">
        <v>30540</v>
      </c>
    </row>
    <row r="7877" spans="1:9">
      <c r="A7877" s="1">
        <f ca="1">RAND()</f>
        <v>0.7619861465422455</v>
      </c>
      <c r="B7877" s="1"/>
      <c r="C7877">
        <v>12</v>
      </c>
      <c r="D7877" t="s">
        <v>16261</v>
      </c>
      <c r="E7877" t="s">
        <v>32927</v>
      </c>
      <c r="F7877">
        <v>4</v>
      </c>
      <c r="G7877" t="s">
        <v>14</v>
      </c>
      <c r="H7877" t="s">
        <v>16262</v>
      </c>
      <c r="I7877" t="s">
        <v>30540</v>
      </c>
    </row>
    <row r="7878" spans="1:9">
      <c r="A7878" s="1">
        <f ca="1">RAND()</f>
        <v>0.48868966189914975</v>
      </c>
      <c r="B7878" s="1"/>
      <c r="C7878">
        <v>11</v>
      </c>
      <c r="D7878" t="s">
        <v>16259</v>
      </c>
      <c r="E7878" t="s">
        <v>32927</v>
      </c>
      <c r="F7878">
        <v>4</v>
      </c>
      <c r="G7878" t="s">
        <v>14</v>
      </c>
      <c r="H7878" t="s">
        <v>16260</v>
      </c>
      <c r="I7878" t="s">
        <v>30540</v>
      </c>
    </row>
    <row r="7879" spans="1:9">
      <c r="A7879" s="1">
        <f ca="1">RAND()</f>
        <v>7.2796653857619575E-2</v>
      </c>
      <c r="B7879" s="1"/>
      <c r="C7879">
        <v>8</v>
      </c>
      <c r="D7879" t="s">
        <v>16257</v>
      </c>
      <c r="E7879" t="s">
        <v>32927</v>
      </c>
      <c r="F7879">
        <v>2</v>
      </c>
      <c r="G7879" t="s">
        <v>1</v>
      </c>
      <c r="H7879" t="s">
        <v>16258</v>
      </c>
      <c r="I7879" t="s">
        <v>30540</v>
      </c>
    </row>
    <row r="7880" spans="1:9">
      <c r="A7880" s="1">
        <f ca="1">RAND()</f>
        <v>0.33100950201553447</v>
      </c>
      <c r="B7880" s="1"/>
      <c r="C7880">
        <v>12</v>
      </c>
      <c r="D7880" t="s">
        <v>16247</v>
      </c>
      <c r="E7880" t="s">
        <v>32928</v>
      </c>
      <c r="F7880">
        <v>4</v>
      </c>
      <c r="G7880" t="s">
        <v>775</v>
      </c>
      <c r="H7880" t="s">
        <v>16248</v>
      </c>
      <c r="I7880" t="s">
        <v>30540</v>
      </c>
    </row>
    <row r="7881" spans="1:9">
      <c r="A7881" s="1">
        <f ca="1">RAND()</f>
        <v>0.37762233086596175</v>
      </c>
      <c r="B7881" s="1"/>
      <c r="C7881">
        <v>16</v>
      </c>
      <c r="D7881" t="s">
        <v>16249</v>
      </c>
      <c r="E7881" t="s">
        <v>32928</v>
      </c>
      <c r="F7881">
        <v>4</v>
      </c>
      <c r="G7881" t="s">
        <v>1295</v>
      </c>
      <c r="H7881" t="s">
        <v>16250</v>
      </c>
      <c r="I7881" t="s">
        <v>30540</v>
      </c>
    </row>
    <row r="7882" spans="1:9">
      <c r="A7882" s="1">
        <f ca="1">RAND()</f>
        <v>0.75812599852328322</v>
      </c>
      <c r="B7882" s="1"/>
      <c r="C7882">
        <v>4</v>
      </c>
      <c r="D7882" t="s">
        <v>16245</v>
      </c>
      <c r="E7882" t="s">
        <v>32928</v>
      </c>
      <c r="F7882">
        <v>2</v>
      </c>
      <c r="G7882" t="s">
        <v>1431</v>
      </c>
      <c r="H7882" t="s">
        <v>16246</v>
      </c>
      <c r="I7882" t="s">
        <v>30540</v>
      </c>
    </row>
    <row r="7883" spans="1:9">
      <c r="A7883" s="1">
        <f ca="1">RAND()</f>
        <v>0.93810945262492662</v>
      </c>
      <c r="B7883" s="1"/>
      <c r="C7883">
        <v>10</v>
      </c>
      <c r="D7883" t="s">
        <v>16241</v>
      </c>
      <c r="E7883" t="s">
        <v>32929</v>
      </c>
      <c r="F7883">
        <v>4</v>
      </c>
      <c r="G7883" t="s">
        <v>15</v>
      </c>
      <c r="H7883" t="s">
        <v>16242</v>
      </c>
      <c r="I7883" t="s">
        <v>30540</v>
      </c>
    </row>
    <row r="7884" spans="1:9">
      <c r="A7884" s="1">
        <f ca="1">RAND()</f>
        <v>0.36621661872557942</v>
      </c>
      <c r="B7884" s="1"/>
      <c r="C7884">
        <v>13</v>
      </c>
      <c r="D7884" t="s">
        <v>16243</v>
      </c>
      <c r="E7884" t="s">
        <v>32929</v>
      </c>
      <c r="F7884">
        <v>4</v>
      </c>
      <c r="G7884" t="s">
        <v>0</v>
      </c>
      <c r="H7884" t="s">
        <v>16244</v>
      </c>
      <c r="I7884" t="s">
        <v>30540</v>
      </c>
    </row>
    <row r="7885" spans="1:9">
      <c r="A7885" s="1">
        <f ca="1">RAND()</f>
        <v>0.14015936207343205</v>
      </c>
      <c r="B7885" s="1"/>
      <c r="C7885">
        <v>5</v>
      </c>
      <c r="D7885" t="s">
        <v>16239</v>
      </c>
      <c r="E7885" t="s">
        <v>32929</v>
      </c>
      <c r="F7885">
        <v>4</v>
      </c>
      <c r="G7885" t="s">
        <v>14</v>
      </c>
      <c r="H7885" t="s">
        <v>16240</v>
      </c>
      <c r="I7885" t="s">
        <v>30540</v>
      </c>
    </row>
    <row r="7886" spans="1:9">
      <c r="A7886" s="1">
        <f ca="1">RAND()</f>
        <v>0.20298461866298312</v>
      </c>
      <c r="B7886" s="1"/>
      <c r="C7886">
        <v>5</v>
      </c>
      <c r="D7886" t="s">
        <v>16219</v>
      </c>
      <c r="E7886" t="s">
        <v>32930</v>
      </c>
      <c r="F7886">
        <v>5</v>
      </c>
      <c r="G7886" t="s">
        <v>2</v>
      </c>
      <c r="H7886" t="s">
        <v>16220</v>
      </c>
      <c r="I7886" t="s">
        <v>30540</v>
      </c>
    </row>
    <row r="7887" spans="1:9">
      <c r="A7887" s="1">
        <f ca="1">RAND()</f>
        <v>0.69710989053050909</v>
      </c>
      <c r="B7887" s="1"/>
      <c r="C7887">
        <v>8</v>
      </c>
      <c r="D7887" t="s">
        <v>16223</v>
      </c>
      <c r="E7887" t="s">
        <v>32930</v>
      </c>
      <c r="F7887">
        <v>5</v>
      </c>
      <c r="G7887" t="s">
        <v>14</v>
      </c>
      <c r="H7887" t="s">
        <v>16224</v>
      </c>
      <c r="I7887" t="s">
        <v>30540</v>
      </c>
    </row>
    <row r="7888" spans="1:9">
      <c r="A7888" s="1">
        <f ca="1">RAND()</f>
        <v>5.3576124944280656E-2</v>
      </c>
      <c r="B7888" s="1"/>
      <c r="C7888">
        <v>17</v>
      </c>
      <c r="D7888" t="s">
        <v>16231</v>
      </c>
      <c r="E7888" t="s">
        <v>32930</v>
      </c>
      <c r="F7888">
        <v>4</v>
      </c>
      <c r="G7888" t="s">
        <v>14</v>
      </c>
      <c r="H7888" t="s">
        <v>16232</v>
      </c>
      <c r="I7888" t="s">
        <v>30540</v>
      </c>
    </row>
    <row r="7889" spans="1:9">
      <c r="A7889" s="1">
        <f ca="1">RAND()</f>
        <v>0.30926134711783226</v>
      </c>
      <c r="B7889" s="1"/>
      <c r="C7889">
        <v>9</v>
      </c>
      <c r="D7889" t="s">
        <v>16225</v>
      </c>
      <c r="E7889" t="s">
        <v>32930</v>
      </c>
      <c r="F7889">
        <v>4</v>
      </c>
      <c r="G7889" t="s">
        <v>9</v>
      </c>
      <c r="H7889" t="s">
        <v>16226</v>
      </c>
      <c r="I7889" t="s">
        <v>30540</v>
      </c>
    </row>
    <row r="7890" spans="1:9">
      <c r="A7890" s="1">
        <f ca="1">RAND()</f>
        <v>0.3663003322608932</v>
      </c>
      <c r="B7890" s="1"/>
      <c r="C7890">
        <v>20</v>
      </c>
      <c r="D7890" t="s">
        <v>16237</v>
      </c>
      <c r="E7890" t="s">
        <v>32930</v>
      </c>
      <c r="F7890">
        <v>4</v>
      </c>
      <c r="G7890" t="s">
        <v>10</v>
      </c>
      <c r="H7890" t="s">
        <v>16238</v>
      </c>
      <c r="I7890" t="s">
        <v>30540</v>
      </c>
    </row>
    <row r="7891" spans="1:9">
      <c r="A7891" s="1">
        <f ca="1">RAND()</f>
        <v>0.57882527458719024</v>
      </c>
      <c r="B7891" s="1"/>
      <c r="C7891">
        <v>6</v>
      </c>
      <c r="D7891" t="s">
        <v>16221</v>
      </c>
      <c r="E7891" t="s">
        <v>32930</v>
      </c>
      <c r="F7891">
        <v>4</v>
      </c>
      <c r="G7891" t="s">
        <v>15</v>
      </c>
      <c r="H7891" t="s">
        <v>16222</v>
      </c>
      <c r="I7891" t="s">
        <v>30540</v>
      </c>
    </row>
    <row r="7892" spans="1:9">
      <c r="A7892" s="1">
        <f ca="1">RAND()</f>
        <v>0.19421760966620061</v>
      </c>
      <c r="B7892" s="1"/>
      <c r="C7892">
        <v>18</v>
      </c>
      <c r="D7892" t="s">
        <v>16233</v>
      </c>
      <c r="E7892" t="s">
        <v>32930</v>
      </c>
      <c r="F7892">
        <v>4</v>
      </c>
      <c r="G7892" t="s">
        <v>14</v>
      </c>
      <c r="H7892" t="s">
        <v>16234</v>
      </c>
      <c r="I7892" t="s">
        <v>30540</v>
      </c>
    </row>
    <row r="7893" spans="1:9">
      <c r="A7893" s="1">
        <f ca="1">RAND()</f>
        <v>0.18740745577770923</v>
      </c>
      <c r="B7893" s="1"/>
      <c r="C7893">
        <v>14</v>
      </c>
      <c r="D7893" t="s">
        <v>16229</v>
      </c>
      <c r="E7893" t="s">
        <v>32930</v>
      </c>
      <c r="F7893">
        <v>4</v>
      </c>
      <c r="G7893" t="s">
        <v>9</v>
      </c>
      <c r="H7893" t="s">
        <v>16230</v>
      </c>
      <c r="I7893" t="s">
        <v>30540</v>
      </c>
    </row>
    <row r="7894" spans="1:9">
      <c r="A7894" s="1">
        <f ca="1">RAND()</f>
        <v>0.41326594479701473</v>
      </c>
      <c r="B7894" s="1"/>
      <c r="C7894">
        <v>12</v>
      </c>
      <c r="D7894" t="s">
        <v>16227</v>
      </c>
      <c r="E7894" t="s">
        <v>32930</v>
      </c>
      <c r="F7894">
        <v>4</v>
      </c>
      <c r="G7894" t="s">
        <v>14</v>
      </c>
      <c r="H7894" t="s">
        <v>16228</v>
      </c>
      <c r="I7894" t="s">
        <v>30540</v>
      </c>
    </row>
    <row r="7895" spans="1:9">
      <c r="A7895" s="1">
        <f ca="1">RAND()</f>
        <v>0.3497000405950087</v>
      </c>
      <c r="B7895" s="1"/>
      <c r="C7895">
        <v>19</v>
      </c>
      <c r="D7895" t="s">
        <v>16235</v>
      </c>
      <c r="E7895" t="s">
        <v>32930</v>
      </c>
      <c r="F7895">
        <v>2</v>
      </c>
      <c r="G7895" t="s">
        <v>10</v>
      </c>
      <c r="H7895" t="s">
        <v>16236</v>
      </c>
      <c r="I7895" t="s">
        <v>30540</v>
      </c>
    </row>
    <row r="7896" spans="1:9">
      <c r="A7896" s="1">
        <f ca="1">RAND()</f>
        <v>0.9086829459575575</v>
      </c>
      <c r="B7896" s="1"/>
      <c r="C7896">
        <v>1</v>
      </c>
      <c r="D7896" t="s">
        <v>16215</v>
      </c>
      <c r="E7896" t="s">
        <v>32930</v>
      </c>
      <c r="F7896">
        <v>2</v>
      </c>
      <c r="G7896" t="s">
        <v>13</v>
      </c>
      <c r="H7896" t="s">
        <v>16216</v>
      </c>
      <c r="I7896" t="s">
        <v>30540</v>
      </c>
    </row>
    <row r="7897" spans="1:9">
      <c r="A7897" s="1">
        <f ca="1">RAND()</f>
        <v>0.8633026619384595</v>
      </c>
      <c r="B7897" s="1"/>
      <c r="C7897">
        <v>2</v>
      </c>
      <c r="D7897" t="s">
        <v>16217</v>
      </c>
      <c r="E7897" t="s">
        <v>32930</v>
      </c>
      <c r="F7897">
        <v>2</v>
      </c>
      <c r="G7897" t="s">
        <v>14</v>
      </c>
      <c r="H7897" t="s">
        <v>16218</v>
      </c>
      <c r="I7897" t="s">
        <v>30540</v>
      </c>
    </row>
    <row r="7898" spans="1:9">
      <c r="A7898" s="1">
        <f ca="1">RAND()</f>
        <v>0.96508356267387851</v>
      </c>
      <c r="B7898" s="1"/>
      <c r="C7898">
        <v>20</v>
      </c>
      <c r="D7898" t="s">
        <v>16213</v>
      </c>
      <c r="E7898" t="s">
        <v>32931</v>
      </c>
      <c r="F7898">
        <v>5</v>
      </c>
      <c r="G7898" t="s">
        <v>14</v>
      </c>
      <c r="H7898" t="s">
        <v>16214</v>
      </c>
      <c r="I7898" t="s">
        <v>30540</v>
      </c>
    </row>
    <row r="7899" spans="1:9">
      <c r="A7899" s="1">
        <f ca="1">RAND()</f>
        <v>0.99122468584022405</v>
      </c>
      <c r="B7899" s="1"/>
      <c r="C7899">
        <v>12</v>
      </c>
      <c r="D7899" t="s">
        <v>16207</v>
      </c>
      <c r="E7899" t="s">
        <v>32931</v>
      </c>
      <c r="F7899">
        <v>5</v>
      </c>
      <c r="G7899" t="s">
        <v>14</v>
      </c>
      <c r="H7899" t="s">
        <v>16208</v>
      </c>
      <c r="I7899" t="s">
        <v>30540</v>
      </c>
    </row>
    <row r="7900" spans="1:9">
      <c r="A7900" s="1">
        <f ca="1">RAND()</f>
        <v>0.4099243755143761</v>
      </c>
      <c r="B7900" s="1"/>
      <c r="C7900">
        <v>13</v>
      </c>
      <c r="D7900" t="s">
        <v>16209</v>
      </c>
      <c r="E7900" t="s">
        <v>32931</v>
      </c>
      <c r="F7900">
        <v>4</v>
      </c>
      <c r="G7900" t="s">
        <v>14</v>
      </c>
      <c r="H7900" t="s">
        <v>16210</v>
      </c>
      <c r="I7900" t="s">
        <v>30540</v>
      </c>
    </row>
    <row r="7901" spans="1:9">
      <c r="A7901" s="1">
        <f ca="1">RAND()</f>
        <v>0.45675013267270304</v>
      </c>
      <c r="B7901" s="1"/>
      <c r="C7901">
        <v>9</v>
      </c>
      <c r="D7901" t="s">
        <v>16205</v>
      </c>
      <c r="E7901" t="s">
        <v>32931</v>
      </c>
      <c r="F7901">
        <v>4</v>
      </c>
      <c r="G7901" t="s">
        <v>14</v>
      </c>
      <c r="H7901" t="s">
        <v>16206</v>
      </c>
      <c r="I7901" t="s">
        <v>30540</v>
      </c>
    </row>
    <row r="7902" spans="1:9">
      <c r="A7902" s="1">
        <f ca="1">RAND()</f>
        <v>0.780974978927366</v>
      </c>
      <c r="B7902" s="1"/>
      <c r="C7902">
        <v>16</v>
      </c>
      <c r="D7902" t="s">
        <v>16211</v>
      </c>
      <c r="E7902" t="s">
        <v>32931</v>
      </c>
      <c r="F7902">
        <v>4</v>
      </c>
      <c r="G7902" t="s">
        <v>13</v>
      </c>
      <c r="H7902" t="s">
        <v>16212</v>
      </c>
      <c r="I7902" t="s">
        <v>30540</v>
      </c>
    </row>
    <row r="7903" spans="1:9">
      <c r="A7903" s="1">
        <f ca="1">RAND()</f>
        <v>0.44886238773854015</v>
      </c>
      <c r="B7903" s="1"/>
      <c r="C7903">
        <v>18</v>
      </c>
      <c r="D7903" t="s">
        <v>16201</v>
      </c>
      <c r="E7903" t="s">
        <v>32932</v>
      </c>
      <c r="F7903">
        <v>5</v>
      </c>
      <c r="G7903" t="s">
        <v>14</v>
      </c>
      <c r="H7903" t="s">
        <v>16202</v>
      </c>
      <c r="I7903" t="s">
        <v>30540</v>
      </c>
    </row>
    <row r="7904" spans="1:9">
      <c r="A7904" s="1">
        <f ca="1">RAND()</f>
        <v>0.56494475081925233</v>
      </c>
      <c r="B7904" s="1"/>
      <c r="C7904">
        <v>20</v>
      </c>
      <c r="D7904" t="s">
        <v>16203</v>
      </c>
      <c r="E7904" t="s">
        <v>32932</v>
      </c>
      <c r="F7904">
        <v>4</v>
      </c>
      <c r="G7904" t="s">
        <v>14</v>
      </c>
      <c r="H7904" t="s">
        <v>16204</v>
      </c>
      <c r="I7904" t="s">
        <v>30540</v>
      </c>
    </row>
    <row r="7905" spans="1:9">
      <c r="A7905" s="1">
        <f ca="1">RAND()</f>
        <v>0.75553937347485411</v>
      </c>
      <c r="B7905" s="1"/>
      <c r="C7905">
        <v>13</v>
      </c>
      <c r="D7905" t="s">
        <v>16195</v>
      </c>
      <c r="E7905" t="s">
        <v>32932</v>
      </c>
      <c r="F7905">
        <v>4</v>
      </c>
      <c r="G7905" t="s">
        <v>0</v>
      </c>
      <c r="H7905" t="s">
        <v>16196</v>
      </c>
      <c r="I7905" t="s">
        <v>30540</v>
      </c>
    </row>
    <row r="7906" spans="1:9">
      <c r="A7906" s="1">
        <f ca="1">RAND()</f>
        <v>0.74974776817519295</v>
      </c>
      <c r="B7906" s="1"/>
      <c r="C7906">
        <v>17</v>
      </c>
      <c r="D7906" t="s">
        <v>16199</v>
      </c>
      <c r="E7906" t="s">
        <v>32932</v>
      </c>
      <c r="F7906">
        <v>4</v>
      </c>
      <c r="G7906" t="s">
        <v>1</v>
      </c>
      <c r="H7906" t="s">
        <v>16200</v>
      </c>
      <c r="I7906" t="s">
        <v>30540</v>
      </c>
    </row>
    <row r="7907" spans="1:9">
      <c r="A7907" s="1">
        <f ca="1">RAND()</f>
        <v>6.5346204264785213E-2</v>
      </c>
      <c r="B7907" s="1"/>
      <c r="C7907">
        <v>3</v>
      </c>
      <c r="D7907" t="s">
        <v>16193</v>
      </c>
      <c r="E7907" t="s">
        <v>32932</v>
      </c>
      <c r="F7907">
        <v>4</v>
      </c>
      <c r="G7907" t="s">
        <v>14</v>
      </c>
      <c r="H7907" t="s">
        <v>16194</v>
      </c>
      <c r="I7907" t="s">
        <v>30540</v>
      </c>
    </row>
    <row r="7908" spans="1:9">
      <c r="A7908" s="1">
        <f ca="1">RAND()</f>
        <v>6.2010446746188053E-2</v>
      </c>
      <c r="B7908" s="1"/>
      <c r="C7908">
        <v>15</v>
      </c>
      <c r="D7908" t="s">
        <v>16197</v>
      </c>
      <c r="E7908" t="s">
        <v>32932</v>
      </c>
      <c r="F7908">
        <v>2</v>
      </c>
      <c r="G7908" t="s">
        <v>13</v>
      </c>
      <c r="H7908" t="s">
        <v>16198</v>
      </c>
      <c r="I7908" t="s">
        <v>30540</v>
      </c>
    </row>
    <row r="7909" spans="1:9">
      <c r="A7909" s="1">
        <f ca="1">RAND()</f>
        <v>1.745297385137079E-2</v>
      </c>
      <c r="B7909" s="1"/>
      <c r="C7909">
        <v>13</v>
      </c>
      <c r="D7909" t="s">
        <v>16185</v>
      </c>
      <c r="E7909" t="s">
        <v>32933</v>
      </c>
      <c r="F7909">
        <v>5</v>
      </c>
      <c r="G7909" t="s">
        <v>2226</v>
      </c>
      <c r="H7909" t="s">
        <v>16186</v>
      </c>
      <c r="I7909" t="s">
        <v>30540</v>
      </c>
    </row>
    <row r="7910" spans="1:9">
      <c r="A7910" s="1">
        <f ca="1">RAND()</f>
        <v>0.51686081248187188</v>
      </c>
      <c r="B7910" s="1"/>
      <c r="C7910">
        <v>1</v>
      </c>
      <c r="D7910" t="s">
        <v>16181</v>
      </c>
      <c r="E7910" t="s">
        <v>32933</v>
      </c>
      <c r="F7910">
        <v>5</v>
      </c>
      <c r="G7910" t="s">
        <v>10</v>
      </c>
      <c r="H7910" t="s">
        <v>16182</v>
      </c>
      <c r="I7910" t="s">
        <v>30540</v>
      </c>
    </row>
    <row r="7911" spans="1:9">
      <c r="A7911" s="1">
        <f ca="1">RAND()</f>
        <v>0.97924167433801157</v>
      </c>
      <c r="B7911" s="1"/>
      <c r="C7911">
        <v>19</v>
      </c>
      <c r="D7911" t="s">
        <v>16189</v>
      </c>
      <c r="E7911" t="s">
        <v>32933</v>
      </c>
      <c r="F7911">
        <v>5</v>
      </c>
      <c r="G7911" t="s">
        <v>13</v>
      </c>
      <c r="H7911" t="s">
        <v>16190</v>
      </c>
      <c r="I7911" t="s">
        <v>30540</v>
      </c>
    </row>
    <row r="7912" spans="1:9">
      <c r="A7912" s="1">
        <f ca="1">RAND()</f>
        <v>4.2481084795836455E-2</v>
      </c>
      <c r="B7912" s="1"/>
      <c r="C7912">
        <v>3</v>
      </c>
      <c r="D7912" t="s">
        <v>16183</v>
      </c>
      <c r="E7912" t="s">
        <v>32933</v>
      </c>
      <c r="F7912">
        <v>4</v>
      </c>
      <c r="G7912" t="s">
        <v>1431</v>
      </c>
      <c r="H7912" t="s">
        <v>16184</v>
      </c>
      <c r="I7912" t="s">
        <v>30540</v>
      </c>
    </row>
    <row r="7913" spans="1:9">
      <c r="A7913" s="1">
        <f ca="1">RAND()</f>
        <v>0.4355772806165249</v>
      </c>
      <c r="B7913" s="1"/>
      <c r="C7913">
        <v>14</v>
      </c>
      <c r="D7913" t="s">
        <v>16187</v>
      </c>
      <c r="E7913" t="s">
        <v>32933</v>
      </c>
      <c r="F7913">
        <v>4</v>
      </c>
      <c r="G7913" t="s">
        <v>14</v>
      </c>
      <c r="H7913" t="s">
        <v>16188</v>
      </c>
      <c r="I7913" t="s">
        <v>30540</v>
      </c>
    </row>
    <row r="7914" spans="1:9">
      <c r="A7914" s="1">
        <f ca="1">RAND()</f>
        <v>0.86265234044993766</v>
      </c>
      <c r="B7914" s="1"/>
      <c r="C7914">
        <v>20</v>
      </c>
      <c r="D7914" t="s">
        <v>16191</v>
      </c>
      <c r="E7914" t="s">
        <v>32933</v>
      </c>
      <c r="F7914">
        <v>4</v>
      </c>
      <c r="G7914" t="s">
        <v>2738</v>
      </c>
      <c r="H7914" t="s">
        <v>16192</v>
      </c>
      <c r="I7914" t="s">
        <v>30540</v>
      </c>
    </row>
    <row r="7915" spans="1:9">
      <c r="A7915" s="1">
        <f ca="1">RAND()</f>
        <v>0.10542241256222151</v>
      </c>
      <c r="B7915" s="1"/>
      <c r="C7915">
        <v>2</v>
      </c>
      <c r="D7915" t="s">
        <v>16171</v>
      </c>
      <c r="E7915" t="s">
        <v>32934</v>
      </c>
      <c r="F7915">
        <v>4</v>
      </c>
      <c r="G7915" t="s">
        <v>9</v>
      </c>
      <c r="H7915" t="s">
        <v>16172</v>
      </c>
      <c r="I7915" t="s">
        <v>30540</v>
      </c>
    </row>
    <row r="7916" spans="1:9">
      <c r="A7916" s="1">
        <f ca="1">RAND()</f>
        <v>0.4993806136070289</v>
      </c>
      <c r="B7916" s="1"/>
      <c r="C7916">
        <v>16</v>
      </c>
      <c r="D7916" t="s">
        <v>16179</v>
      </c>
      <c r="E7916" t="s">
        <v>32934</v>
      </c>
      <c r="F7916">
        <v>3</v>
      </c>
      <c r="G7916" t="s">
        <v>10</v>
      </c>
      <c r="H7916" t="s">
        <v>16180</v>
      </c>
      <c r="I7916" t="s">
        <v>30540</v>
      </c>
    </row>
    <row r="7917" spans="1:9">
      <c r="A7917" s="1">
        <f ca="1">RAND()</f>
        <v>0.97792137050582262</v>
      </c>
      <c r="B7917" s="1"/>
      <c r="C7917">
        <v>7</v>
      </c>
      <c r="D7917" t="s">
        <v>16173</v>
      </c>
      <c r="E7917" t="s">
        <v>32934</v>
      </c>
      <c r="F7917">
        <v>2</v>
      </c>
      <c r="G7917" t="s">
        <v>10</v>
      </c>
      <c r="H7917" t="s">
        <v>16174</v>
      </c>
      <c r="I7917" t="s">
        <v>30540</v>
      </c>
    </row>
    <row r="7918" spans="1:9">
      <c r="A7918" s="1">
        <f ca="1">RAND()</f>
        <v>0.23750914578602855</v>
      </c>
      <c r="B7918" s="1"/>
      <c r="C7918">
        <v>9</v>
      </c>
      <c r="D7918" t="s">
        <v>16175</v>
      </c>
      <c r="E7918" t="s">
        <v>32934</v>
      </c>
      <c r="F7918">
        <v>2</v>
      </c>
      <c r="G7918" t="s">
        <v>10</v>
      </c>
      <c r="H7918" t="s">
        <v>16176</v>
      </c>
      <c r="I7918" t="s">
        <v>30540</v>
      </c>
    </row>
    <row r="7919" spans="1:9">
      <c r="A7919" s="1">
        <f ca="1">RAND()</f>
        <v>0.57070385544154956</v>
      </c>
      <c r="B7919" s="1"/>
      <c r="C7919">
        <v>14</v>
      </c>
      <c r="D7919" t="s">
        <v>16177</v>
      </c>
      <c r="E7919" t="s">
        <v>32934</v>
      </c>
      <c r="F7919">
        <v>2</v>
      </c>
      <c r="G7919" t="s">
        <v>13</v>
      </c>
      <c r="H7919" t="s">
        <v>16178</v>
      </c>
      <c r="I7919" t="s">
        <v>30540</v>
      </c>
    </row>
    <row r="7920" spans="1:9">
      <c r="A7920" s="1">
        <f ca="1">RAND()</f>
        <v>0.99219123019577771</v>
      </c>
      <c r="B7920" s="1"/>
      <c r="C7920">
        <v>11</v>
      </c>
      <c r="D7920" t="s">
        <v>16167</v>
      </c>
      <c r="E7920" t="s">
        <v>32935</v>
      </c>
      <c r="F7920">
        <v>5</v>
      </c>
      <c r="G7920" t="s">
        <v>14</v>
      </c>
      <c r="H7920" t="s">
        <v>16168</v>
      </c>
      <c r="I7920" t="s">
        <v>30540</v>
      </c>
    </row>
    <row r="7921" spans="1:9">
      <c r="A7921" s="1">
        <f ca="1">RAND()</f>
        <v>0.22051107699441319</v>
      </c>
      <c r="B7921" s="1"/>
      <c r="C7921">
        <v>9</v>
      </c>
      <c r="D7921" t="s">
        <v>16165</v>
      </c>
      <c r="E7921" t="s">
        <v>32935</v>
      </c>
      <c r="F7921">
        <v>4</v>
      </c>
      <c r="G7921" t="s">
        <v>2</v>
      </c>
      <c r="H7921" t="s">
        <v>16166</v>
      </c>
      <c r="I7921" t="s">
        <v>30540</v>
      </c>
    </row>
    <row r="7922" spans="1:9">
      <c r="A7922" s="1">
        <f ca="1">RAND()</f>
        <v>0.99652849033055801</v>
      </c>
      <c r="B7922" s="1"/>
      <c r="C7922">
        <v>3</v>
      </c>
      <c r="D7922" t="s">
        <v>16161</v>
      </c>
      <c r="E7922" t="s">
        <v>32935</v>
      </c>
      <c r="F7922">
        <v>4</v>
      </c>
      <c r="G7922" t="s">
        <v>14</v>
      </c>
      <c r="H7922" t="s">
        <v>16162</v>
      </c>
      <c r="I7922" t="s">
        <v>30540</v>
      </c>
    </row>
    <row r="7923" spans="1:9">
      <c r="A7923" s="1">
        <f ca="1">RAND()</f>
        <v>0.90486544144003245</v>
      </c>
      <c r="B7923" s="1"/>
      <c r="C7923">
        <v>14</v>
      </c>
      <c r="D7923" t="s">
        <v>16169</v>
      </c>
      <c r="E7923" t="s">
        <v>32935</v>
      </c>
      <c r="F7923">
        <v>4</v>
      </c>
      <c r="G7923" t="s">
        <v>14</v>
      </c>
      <c r="H7923" t="s">
        <v>16170</v>
      </c>
      <c r="I7923" t="s">
        <v>30540</v>
      </c>
    </row>
    <row r="7924" spans="1:9">
      <c r="A7924" s="1">
        <f ca="1">RAND()</f>
        <v>0.89147934824666009</v>
      </c>
      <c r="B7924" s="1"/>
      <c r="C7924">
        <v>5</v>
      </c>
      <c r="D7924" t="s">
        <v>16163</v>
      </c>
      <c r="E7924" t="s">
        <v>32935</v>
      </c>
      <c r="F7924">
        <v>4</v>
      </c>
      <c r="G7924" t="s">
        <v>14</v>
      </c>
      <c r="H7924" t="s">
        <v>16164</v>
      </c>
      <c r="I7924" t="s">
        <v>30540</v>
      </c>
    </row>
    <row r="7925" spans="1:9">
      <c r="A7925" s="1">
        <f ca="1">RAND()</f>
        <v>0.42918938186478228</v>
      </c>
      <c r="B7925" s="1"/>
      <c r="C7925">
        <v>2</v>
      </c>
      <c r="D7925" t="s">
        <v>16159</v>
      </c>
      <c r="E7925" t="s">
        <v>32935</v>
      </c>
      <c r="F7925">
        <v>3</v>
      </c>
      <c r="G7925" t="s">
        <v>14</v>
      </c>
      <c r="H7925" t="s">
        <v>16160</v>
      </c>
      <c r="I7925" t="s">
        <v>30540</v>
      </c>
    </row>
    <row r="7926" spans="1:9">
      <c r="A7926" s="1">
        <f ca="1">RAND()</f>
        <v>0.68391939731209339</v>
      </c>
      <c r="B7926" s="1"/>
      <c r="C7926">
        <v>14</v>
      </c>
      <c r="D7926" t="s">
        <v>16153</v>
      </c>
      <c r="E7926" t="s">
        <v>32936</v>
      </c>
      <c r="F7926">
        <v>5</v>
      </c>
      <c r="G7926" t="s">
        <v>10</v>
      </c>
      <c r="H7926" t="s">
        <v>16154</v>
      </c>
      <c r="I7926" t="s">
        <v>30540</v>
      </c>
    </row>
    <row r="7927" spans="1:9">
      <c r="A7927" s="1">
        <f ca="1">RAND()</f>
        <v>0.92454772710123367</v>
      </c>
      <c r="B7927" s="1"/>
      <c r="C7927">
        <v>19</v>
      </c>
      <c r="D7927" t="s">
        <v>16157</v>
      </c>
      <c r="E7927" t="s">
        <v>32936</v>
      </c>
      <c r="F7927">
        <v>4</v>
      </c>
      <c r="G7927" t="s">
        <v>14</v>
      </c>
      <c r="H7927" t="s">
        <v>16158</v>
      </c>
      <c r="I7927" t="s">
        <v>30540</v>
      </c>
    </row>
    <row r="7928" spans="1:9">
      <c r="A7928" s="1">
        <f ca="1">RAND()</f>
        <v>0.29273421301658986</v>
      </c>
      <c r="B7928" s="1"/>
      <c r="C7928">
        <v>18</v>
      </c>
      <c r="D7928" t="s">
        <v>16155</v>
      </c>
      <c r="E7928" t="s">
        <v>32936</v>
      </c>
      <c r="F7928">
        <v>4</v>
      </c>
      <c r="G7928" t="s">
        <v>1</v>
      </c>
      <c r="H7928" t="s">
        <v>16156</v>
      </c>
      <c r="I7928" t="s">
        <v>30540</v>
      </c>
    </row>
    <row r="7929" spans="1:9">
      <c r="A7929" s="1">
        <f ca="1">RAND()</f>
        <v>0.78024040354043878</v>
      </c>
      <c r="B7929" s="1"/>
      <c r="C7929">
        <v>5</v>
      </c>
      <c r="D7929" t="s">
        <v>16151</v>
      </c>
      <c r="E7929" t="s">
        <v>32936</v>
      </c>
      <c r="F7929">
        <v>2</v>
      </c>
      <c r="G7929" t="s">
        <v>10</v>
      </c>
      <c r="H7929" t="s">
        <v>16152</v>
      </c>
      <c r="I7929" t="s">
        <v>30540</v>
      </c>
    </row>
    <row r="7930" spans="1:9">
      <c r="A7930" s="1">
        <f ca="1">RAND()</f>
        <v>0.68226342252752104</v>
      </c>
      <c r="B7930" s="1"/>
      <c r="C7930">
        <v>15</v>
      </c>
      <c r="D7930" t="s">
        <v>16147</v>
      </c>
      <c r="E7930" t="s">
        <v>32937</v>
      </c>
      <c r="F7930">
        <v>4</v>
      </c>
      <c r="G7930" t="s">
        <v>1426</v>
      </c>
      <c r="H7930" t="s">
        <v>16148</v>
      </c>
      <c r="I7930" t="s">
        <v>30540</v>
      </c>
    </row>
    <row r="7931" spans="1:9">
      <c r="A7931" s="1">
        <f ca="1">RAND()</f>
        <v>0.2491750897058278</v>
      </c>
      <c r="B7931" s="1"/>
      <c r="C7931">
        <v>18</v>
      </c>
      <c r="D7931" t="s">
        <v>16149</v>
      </c>
      <c r="E7931" t="s">
        <v>32937</v>
      </c>
      <c r="F7931">
        <v>3</v>
      </c>
      <c r="G7931" t="s">
        <v>14</v>
      </c>
      <c r="H7931" t="s">
        <v>16150</v>
      </c>
      <c r="I7931" t="s">
        <v>30540</v>
      </c>
    </row>
    <row r="7932" spans="1:9">
      <c r="A7932" s="1">
        <f ca="1">RAND()</f>
        <v>1.4148503271961488E-2</v>
      </c>
      <c r="B7932" s="1"/>
      <c r="C7932">
        <v>8</v>
      </c>
      <c r="D7932" t="s">
        <v>16141</v>
      </c>
      <c r="E7932" t="s">
        <v>32938</v>
      </c>
      <c r="F7932">
        <v>4</v>
      </c>
      <c r="G7932" t="s">
        <v>13</v>
      </c>
      <c r="H7932" t="s">
        <v>16142</v>
      </c>
      <c r="I7932" t="s">
        <v>30540</v>
      </c>
    </row>
    <row r="7933" spans="1:9">
      <c r="A7933" s="1">
        <f ca="1">RAND()</f>
        <v>0.5796066271192799</v>
      </c>
      <c r="B7933" s="1"/>
      <c r="C7933">
        <v>6</v>
      </c>
      <c r="D7933" t="s">
        <v>16139</v>
      </c>
      <c r="E7933" t="s">
        <v>32938</v>
      </c>
      <c r="F7933">
        <v>4</v>
      </c>
      <c r="G7933" t="s">
        <v>14</v>
      </c>
      <c r="H7933" t="s">
        <v>16140</v>
      </c>
      <c r="I7933" t="s">
        <v>30540</v>
      </c>
    </row>
    <row r="7934" spans="1:9">
      <c r="A7934" s="1">
        <f ca="1">RAND()</f>
        <v>4.7051427896527387E-2</v>
      </c>
      <c r="B7934" s="1"/>
      <c r="C7934">
        <v>13</v>
      </c>
      <c r="D7934" t="s">
        <v>16145</v>
      </c>
      <c r="E7934" t="s">
        <v>32938</v>
      </c>
      <c r="F7934">
        <v>4</v>
      </c>
      <c r="G7934" t="s">
        <v>14</v>
      </c>
      <c r="H7934" t="s">
        <v>16146</v>
      </c>
      <c r="I7934" t="s">
        <v>30540</v>
      </c>
    </row>
    <row r="7935" spans="1:9">
      <c r="A7935" s="1">
        <f ca="1">RAND()</f>
        <v>0.52997995189290059</v>
      </c>
      <c r="B7935" s="1"/>
      <c r="C7935">
        <v>12</v>
      </c>
      <c r="D7935" t="s">
        <v>16143</v>
      </c>
      <c r="E7935" t="s">
        <v>32938</v>
      </c>
      <c r="F7935">
        <v>2</v>
      </c>
      <c r="G7935" t="s">
        <v>14</v>
      </c>
      <c r="H7935" t="s">
        <v>16144</v>
      </c>
      <c r="I7935" t="s">
        <v>30540</v>
      </c>
    </row>
    <row r="7936" spans="1:9">
      <c r="A7936" s="1">
        <f ca="1">RAND()</f>
        <v>0.69206033084457907</v>
      </c>
      <c r="B7936" s="1"/>
      <c r="C7936">
        <v>6</v>
      </c>
      <c r="D7936" t="s">
        <v>16127</v>
      </c>
      <c r="E7936" t="s">
        <v>32939</v>
      </c>
      <c r="F7936">
        <v>5</v>
      </c>
      <c r="G7936" t="s">
        <v>10</v>
      </c>
      <c r="H7936" t="s">
        <v>16128</v>
      </c>
      <c r="I7936" t="s">
        <v>30540</v>
      </c>
    </row>
    <row r="7937" spans="1:9">
      <c r="A7937" s="1">
        <f ca="1">RAND()</f>
        <v>4.3048642684573313E-4</v>
      </c>
      <c r="B7937" s="1"/>
      <c r="C7937">
        <v>5</v>
      </c>
      <c r="D7937" t="s">
        <v>16125</v>
      </c>
      <c r="E7937" t="s">
        <v>32939</v>
      </c>
      <c r="F7937">
        <v>4</v>
      </c>
      <c r="G7937" t="s">
        <v>9</v>
      </c>
      <c r="H7937" t="s">
        <v>16126</v>
      </c>
      <c r="I7937" t="s">
        <v>30540</v>
      </c>
    </row>
    <row r="7938" spans="1:9">
      <c r="A7938" s="1">
        <f ca="1">RAND()</f>
        <v>0.2337764916974846</v>
      </c>
      <c r="B7938" s="1"/>
      <c r="C7938">
        <v>14</v>
      </c>
      <c r="D7938" t="s">
        <v>16133</v>
      </c>
      <c r="E7938" t="s">
        <v>32939</v>
      </c>
      <c r="F7938">
        <v>4</v>
      </c>
      <c r="G7938" t="s">
        <v>14</v>
      </c>
      <c r="H7938" t="s">
        <v>16134</v>
      </c>
      <c r="I7938" t="s">
        <v>30540</v>
      </c>
    </row>
    <row r="7939" spans="1:9">
      <c r="A7939" s="1">
        <f ca="1">RAND()</f>
        <v>0.69241691479814127</v>
      </c>
      <c r="B7939" s="1"/>
      <c r="C7939">
        <v>19</v>
      </c>
      <c r="D7939" t="s">
        <v>16137</v>
      </c>
      <c r="E7939" t="s">
        <v>32939</v>
      </c>
      <c r="F7939">
        <v>4</v>
      </c>
      <c r="G7939" t="s">
        <v>10</v>
      </c>
      <c r="H7939" t="s">
        <v>16138</v>
      </c>
      <c r="I7939" t="s">
        <v>30540</v>
      </c>
    </row>
    <row r="7940" spans="1:9">
      <c r="A7940" s="1">
        <f ca="1">RAND()</f>
        <v>0.76214219222016533</v>
      </c>
      <c r="B7940" s="1"/>
      <c r="C7940">
        <v>17</v>
      </c>
      <c r="D7940" t="s">
        <v>16135</v>
      </c>
      <c r="E7940" t="s">
        <v>32939</v>
      </c>
      <c r="F7940">
        <v>4</v>
      </c>
      <c r="G7940" t="s">
        <v>14</v>
      </c>
      <c r="H7940" t="s">
        <v>16136</v>
      </c>
      <c r="I7940" t="s">
        <v>30540</v>
      </c>
    </row>
    <row r="7941" spans="1:9">
      <c r="A7941" s="1">
        <f ca="1">RAND()</f>
        <v>0.34369234940301696</v>
      </c>
      <c r="B7941" s="1"/>
      <c r="C7941">
        <v>1</v>
      </c>
      <c r="D7941" t="s">
        <v>16123</v>
      </c>
      <c r="E7941" t="s">
        <v>32939</v>
      </c>
      <c r="F7941">
        <v>4</v>
      </c>
      <c r="G7941" t="s">
        <v>2</v>
      </c>
      <c r="H7941" t="s">
        <v>16124</v>
      </c>
      <c r="I7941" t="s">
        <v>30540</v>
      </c>
    </row>
    <row r="7942" spans="1:9">
      <c r="A7942" s="1">
        <f ca="1">RAND()</f>
        <v>0.66174928372882769</v>
      </c>
      <c r="B7942" s="1"/>
      <c r="C7942">
        <v>10</v>
      </c>
      <c r="D7942" t="s">
        <v>16131</v>
      </c>
      <c r="E7942" t="s">
        <v>32939</v>
      </c>
      <c r="F7942">
        <v>2</v>
      </c>
      <c r="G7942" t="s">
        <v>14</v>
      </c>
      <c r="H7942" t="s">
        <v>16132</v>
      </c>
      <c r="I7942" t="s">
        <v>30540</v>
      </c>
    </row>
    <row r="7943" spans="1:9">
      <c r="A7943" s="1">
        <f ca="1">RAND()</f>
        <v>0.76247532543096419</v>
      </c>
      <c r="B7943" s="1"/>
      <c r="C7943">
        <v>8</v>
      </c>
      <c r="D7943" t="s">
        <v>16129</v>
      </c>
      <c r="E7943" t="s">
        <v>32939</v>
      </c>
      <c r="F7943">
        <v>2</v>
      </c>
      <c r="G7943" t="s">
        <v>10</v>
      </c>
      <c r="H7943" t="s">
        <v>16130</v>
      </c>
      <c r="I7943" t="s">
        <v>30540</v>
      </c>
    </row>
    <row r="7944" spans="1:9">
      <c r="A7944" s="1">
        <f ca="1">RAND()</f>
        <v>0.15894792378168299</v>
      </c>
      <c r="B7944" s="1"/>
      <c r="C7944">
        <v>4</v>
      </c>
      <c r="D7944" t="s">
        <v>16113</v>
      </c>
      <c r="E7944" t="s">
        <v>32940</v>
      </c>
      <c r="F7944">
        <v>5</v>
      </c>
      <c r="G7944" t="s">
        <v>14</v>
      </c>
      <c r="H7944" t="s">
        <v>16114</v>
      </c>
      <c r="I7944" t="s">
        <v>30540</v>
      </c>
    </row>
    <row r="7945" spans="1:9">
      <c r="A7945" s="1">
        <f ca="1">RAND()</f>
        <v>0.94334099074890432</v>
      </c>
      <c r="B7945" s="1"/>
      <c r="C7945">
        <v>13</v>
      </c>
      <c r="D7945" t="s">
        <v>16119</v>
      </c>
      <c r="E7945" t="s">
        <v>32940</v>
      </c>
      <c r="F7945">
        <v>4</v>
      </c>
      <c r="G7945" t="s">
        <v>14</v>
      </c>
      <c r="H7945" t="s">
        <v>16120</v>
      </c>
      <c r="I7945" t="s">
        <v>30540</v>
      </c>
    </row>
    <row r="7946" spans="1:9">
      <c r="A7946" s="1">
        <f ca="1">RAND()</f>
        <v>0.44862214418732471</v>
      </c>
      <c r="B7946" s="1"/>
      <c r="C7946">
        <v>11</v>
      </c>
      <c r="D7946" t="s">
        <v>16117</v>
      </c>
      <c r="E7946" t="s">
        <v>32940</v>
      </c>
      <c r="F7946">
        <v>4</v>
      </c>
      <c r="G7946" t="s">
        <v>15</v>
      </c>
      <c r="H7946" t="s">
        <v>16118</v>
      </c>
      <c r="I7946" t="s">
        <v>30540</v>
      </c>
    </row>
    <row r="7947" spans="1:9">
      <c r="A7947" s="1">
        <f ca="1">RAND()</f>
        <v>0.59581976812189219</v>
      </c>
      <c r="B7947" s="1"/>
      <c r="C7947">
        <v>6</v>
      </c>
      <c r="D7947" t="s">
        <v>16115</v>
      </c>
      <c r="E7947" t="s">
        <v>32940</v>
      </c>
      <c r="F7947">
        <v>4</v>
      </c>
      <c r="G7947" t="s">
        <v>14</v>
      </c>
      <c r="H7947" t="s">
        <v>16116</v>
      </c>
      <c r="I7947" t="s">
        <v>30540</v>
      </c>
    </row>
    <row r="7948" spans="1:9">
      <c r="A7948" s="1">
        <f ca="1">RAND()</f>
        <v>0.22761429564352631</v>
      </c>
      <c r="B7948" s="1"/>
      <c r="C7948">
        <v>3</v>
      </c>
      <c r="D7948" t="s">
        <v>16111</v>
      </c>
      <c r="E7948" t="s">
        <v>32940</v>
      </c>
      <c r="F7948">
        <v>4</v>
      </c>
      <c r="G7948" t="s">
        <v>2</v>
      </c>
      <c r="H7948" t="s">
        <v>16112</v>
      </c>
      <c r="I7948" t="s">
        <v>30540</v>
      </c>
    </row>
    <row r="7949" spans="1:9">
      <c r="A7949" s="1">
        <f ca="1">RAND()</f>
        <v>0.90567003523110567</v>
      </c>
      <c r="B7949" s="1"/>
      <c r="C7949">
        <v>17</v>
      </c>
      <c r="D7949" t="s">
        <v>16121</v>
      </c>
      <c r="E7949" t="s">
        <v>32940</v>
      </c>
      <c r="F7949">
        <v>4</v>
      </c>
      <c r="G7949" t="s">
        <v>14</v>
      </c>
      <c r="H7949" t="s">
        <v>16122</v>
      </c>
      <c r="I7949" t="s">
        <v>30540</v>
      </c>
    </row>
    <row r="7950" spans="1:9">
      <c r="A7950" s="1">
        <f ca="1">RAND()</f>
        <v>0.29937012825575726</v>
      </c>
      <c r="B7950" s="1"/>
      <c r="C7950">
        <v>15</v>
      </c>
      <c r="D7950" t="s">
        <v>16107</v>
      </c>
      <c r="E7950" t="s">
        <v>32941</v>
      </c>
      <c r="F7950">
        <v>5</v>
      </c>
      <c r="G7950" t="s">
        <v>9</v>
      </c>
      <c r="H7950" t="s">
        <v>16108</v>
      </c>
      <c r="I7950" t="s">
        <v>30540</v>
      </c>
    </row>
    <row r="7951" spans="1:9">
      <c r="A7951" s="1">
        <f ca="1">RAND()</f>
        <v>0.56756117703338405</v>
      </c>
      <c r="B7951" s="1"/>
      <c r="C7951">
        <v>16</v>
      </c>
      <c r="D7951" t="s">
        <v>16109</v>
      </c>
      <c r="E7951" t="s">
        <v>32941</v>
      </c>
      <c r="F7951">
        <v>5</v>
      </c>
      <c r="G7951" t="s">
        <v>14</v>
      </c>
      <c r="H7951" t="s">
        <v>16110</v>
      </c>
      <c r="I7951" t="s">
        <v>30540</v>
      </c>
    </row>
    <row r="7952" spans="1:9">
      <c r="A7952" s="1">
        <f ca="1">RAND()</f>
        <v>0.1400869207939327</v>
      </c>
      <c r="B7952" s="1"/>
      <c r="C7952">
        <v>3</v>
      </c>
      <c r="D7952" t="s">
        <v>16101</v>
      </c>
      <c r="E7952" t="s">
        <v>32941</v>
      </c>
      <c r="F7952">
        <v>4</v>
      </c>
      <c r="G7952" t="s">
        <v>14</v>
      </c>
      <c r="H7952" t="s">
        <v>16102</v>
      </c>
      <c r="I7952" t="s">
        <v>30540</v>
      </c>
    </row>
    <row r="7953" spans="1:9">
      <c r="A7953" s="1">
        <f ca="1">RAND()</f>
        <v>0.46376952220937195</v>
      </c>
      <c r="B7953" s="1"/>
      <c r="C7953">
        <v>9</v>
      </c>
      <c r="D7953" t="s">
        <v>16103</v>
      </c>
      <c r="E7953" t="s">
        <v>32941</v>
      </c>
      <c r="F7953">
        <v>4</v>
      </c>
      <c r="G7953" t="s">
        <v>14</v>
      </c>
      <c r="H7953" t="s">
        <v>16104</v>
      </c>
      <c r="I7953" t="s">
        <v>30540</v>
      </c>
    </row>
    <row r="7954" spans="1:9">
      <c r="A7954" s="1">
        <f ca="1">RAND()</f>
        <v>0.304420815484436</v>
      </c>
      <c r="B7954" s="1"/>
      <c r="C7954">
        <v>14</v>
      </c>
      <c r="D7954" t="s">
        <v>16105</v>
      </c>
      <c r="E7954" t="s">
        <v>32941</v>
      </c>
      <c r="F7954">
        <v>4</v>
      </c>
      <c r="G7954" t="s">
        <v>14</v>
      </c>
      <c r="H7954" t="s">
        <v>16106</v>
      </c>
      <c r="I7954" t="s">
        <v>30540</v>
      </c>
    </row>
    <row r="7955" spans="1:9">
      <c r="A7955" s="1">
        <f ca="1">RAND()</f>
        <v>0.80590491160998445</v>
      </c>
      <c r="B7955" s="1"/>
      <c r="C7955">
        <v>13</v>
      </c>
      <c r="D7955" t="s">
        <v>16093</v>
      </c>
      <c r="E7955" t="s">
        <v>32942</v>
      </c>
      <c r="F7955">
        <v>5</v>
      </c>
      <c r="G7955" t="s">
        <v>14</v>
      </c>
      <c r="H7955" t="s">
        <v>16094</v>
      </c>
      <c r="I7955" t="s">
        <v>30540</v>
      </c>
    </row>
    <row r="7956" spans="1:9">
      <c r="A7956" s="1">
        <f ca="1">RAND()</f>
        <v>0.8647924647866172</v>
      </c>
      <c r="B7956" s="1"/>
      <c r="C7956">
        <v>20</v>
      </c>
      <c r="D7956" t="s">
        <v>16099</v>
      </c>
      <c r="E7956" t="s">
        <v>32942</v>
      </c>
      <c r="F7956">
        <v>4</v>
      </c>
      <c r="G7956" t="s">
        <v>13</v>
      </c>
      <c r="H7956" t="s">
        <v>16100</v>
      </c>
      <c r="I7956" t="s">
        <v>30540</v>
      </c>
    </row>
    <row r="7957" spans="1:9">
      <c r="A7957" s="1">
        <f ca="1">RAND()</f>
        <v>0.39947105172922137</v>
      </c>
      <c r="B7957" s="1"/>
      <c r="C7957">
        <v>16</v>
      </c>
      <c r="D7957" t="s">
        <v>16097</v>
      </c>
      <c r="E7957" t="s">
        <v>32942</v>
      </c>
      <c r="F7957">
        <v>4</v>
      </c>
      <c r="G7957" t="s">
        <v>775</v>
      </c>
      <c r="H7957" t="s">
        <v>16098</v>
      </c>
      <c r="I7957" t="s">
        <v>30540</v>
      </c>
    </row>
    <row r="7958" spans="1:9">
      <c r="A7958" s="1">
        <f ca="1">RAND()</f>
        <v>0.7374197074660005</v>
      </c>
      <c r="B7958" s="1"/>
      <c r="C7958">
        <v>8</v>
      </c>
      <c r="D7958" t="s">
        <v>16091</v>
      </c>
      <c r="E7958" t="s">
        <v>32942</v>
      </c>
      <c r="F7958">
        <v>4</v>
      </c>
      <c r="G7958" t="s">
        <v>15</v>
      </c>
      <c r="H7958" t="s">
        <v>16092</v>
      </c>
      <c r="I7958" t="s">
        <v>30540</v>
      </c>
    </row>
    <row r="7959" spans="1:9">
      <c r="A7959" s="1">
        <f ca="1">RAND()</f>
        <v>0.89523267621018732</v>
      </c>
      <c r="B7959" s="1"/>
      <c r="C7959">
        <v>3</v>
      </c>
      <c r="D7959" t="s">
        <v>16089</v>
      </c>
      <c r="E7959" t="s">
        <v>32942</v>
      </c>
      <c r="F7959">
        <v>4</v>
      </c>
      <c r="G7959" t="s">
        <v>762</v>
      </c>
      <c r="H7959" t="s">
        <v>16090</v>
      </c>
      <c r="I7959" t="s">
        <v>30540</v>
      </c>
    </row>
    <row r="7960" spans="1:9">
      <c r="A7960" s="1">
        <f ca="1">RAND()</f>
        <v>0.85434518801590276</v>
      </c>
      <c r="B7960" s="1"/>
      <c r="C7960">
        <v>14</v>
      </c>
      <c r="D7960" t="s">
        <v>16095</v>
      </c>
      <c r="E7960" t="s">
        <v>32942</v>
      </c>
      <c r="F7960">
        <v>2</v>
      </c>
      <c r="G7960" t="s">
        <v>14</v>
      </c>
      <c r="H7960" t="s">
        <v>16096</v>
      </c>
      <c r="I7960" t="s">
        <v>30540</v>
      </c>
    </row>
    <row r="7961" spans="1:9">
      <c r="A7961" s="1">
        <f ca="1">RAND()</f>
        <v>1.5179384922476724E-2</v>
      </c>
      <c r="B7961" s="1"/>
      <c r="C7961">
        <v>3</v>
      </c>
      <c r="D7961" t="s">
        <v>16081</v>
      </c>
      <c r="E7961" t="s">
        <v>32943</v>
      </c>
      <c r="F7961">
        <v>4</v>
      </c>
      <c r="G7961" t="s">
        <v>15</v>
      </c>
      <c r="H7961" t="s">
        <v>16082</v>
      </c>
      <c r="I7961" t="s">
        <v>30540</v>
      </c>
    </row>
    <row r="7962" spans="1:9">
      <c r="A7962" s="1">
        <f ca="1">RAND()</f>
        <v>0.41130158915974835</v>
      </c>
      <c r="B7962" s="1"/>
      <c r="C7962">
        <v>5</v>
      </c>
      <c r="D7962" t="s">
        <v>16083</v>
      </c>
      <c r="E7962" t="s">
        <v>32943</v>
      </c>
      <c r="F7962">
        <v>4</v>
      </c>
      <c r="G7962" t="s">
        <v>9</v>
      </c>
      <c r="H7962" t="s">
        <v>16084</v>
      </c>
      <c r="I7962" t="s">
        <v>30540</v>
      </c>
    </row>
    <row r="7963" spans="1:9">
      <c r="A7963" s="1">
        <f ca="1">RAND()</f>
        <v>0.64643592560703855</v>
      </c>
      <c r="B7963" s="1"/>
      <c r="C7963">
        <v>11</v>
      </c>
      <c r="D7963" t="s">
        <v>16087</v>
      </c>
      <c r="E7963" t="s">
        <v>32943</v>
      </c>
      <c r="F7963">
        <v>3</v>
      </c>
      <c r="G7963" t="s">
        <v>14</v>
      </c>
      <c r="H7963" t="s">
        <v>16088</v>
      </c>
      <c r="I7963" t="s">
        <v>30540</v>
      </c>
    </row>
    <row r="7964" spans="1:9">
      <c r="A7964" s="1">
        <f ca="1">RAND()</f>
        <v>4.2460413282254694E-2</v>
      </c>
      <c r="B7964" s="1"/>
      <c r="C7964">
        <v>9</v>
      </c>
      <c r="D7964" t="s">
        <v>16085</v>
      </c>
      <c r="E7964" t="s">
        <v>32943</v>
      </c>
      <c r="F7964">
        <v>2</v>
      </c>
      <c r="G7964" t="s">
        <v>14</v>
      </c>
      <c r="H7964" t="s">
        <v>16086</v>
      </c>
      <c r="I7964" t="s">
        <v>30540</v>
      </c>
    </row>
    <row r="7965" spans="1:9">
      <c r="A7965" s="1">
        <f ca="1">RAND()</f>
        <v>0.63568424444279337</v>
      </c>
      <c r="B7965" s="1"/>
      <c r="C7965">
        <v>2</v>
      </c>
      <c r="D7965" t="s">
        <v>16069</v>
      </c>
      <c r="E7965" t="s">
        <v>32944</v>
      </c>
      <c r="F7965">
        <v>5</v>
      </c>
      <c r="G7965" t="s">
        <v>10</v>
      </c>
      <c r="H7965" t="s">
        <v>16070</v>
      </c>
      <c r="I7965" t="s">
        <v>30540</v>
      </c>
    </row>
    <row r="7966" spans="1:9">
      <c r="A7966" s="1">
        <f ca="1">RAND()</f>
        <v>0.90670961138286776</v>
      </c>
      <c r="B7966" s="1"/>
      <c r="C7966">
        <v>3</v>
      </c>
      <c r="D7966" t="s">
        <v>16071</v>
      </c>
      <c r="E7966" t="s">
        <v>32944</v>
      </c>
      <c r="F7966">
        <v>5</v>
      </c>
      <c r="G7966" t="s">
        <v>9</v>
      </c>
      <c r="H7966" t="s">
        <v>16072</v>
      </c>
      <c r="I7966" t="s">
        <v>30540</v>
      </c>
    </row>
    <row r="7967" spans="1:9">
      <c r="A7967" s="1">
        <f ca="1">RAND()</f>
        <v>0.2982362984100575</v>
      </c>
      <c r="B7967" s="1"/>
      <c r="C7967">
        <v>12</v>
      </c>
      <c r="D7967" t="s">
        <v>16075</v>
      </c>
      <c r="E7967" t="s">
        <v>32944</v>
      </c>
      <c r="F7967">
        <v>5</v>
      </c>
      <c r="G7967" t="s">
        <v>14</v>
      </c>
      <c r="H7967" t="s">
        <v>16076</v>
      </c>
      <c r="I7967" t="s">
        <v>30540</v>
      </c>
    </row>
    <row r="7968" spans="1:9">
      <c r="A7968" s="1">
        <f ca="1">RAND()</f>
        <v>0.37049252853703274</v>
      </c>
      <c r="B7968" s="1"/>
      <c r="C7968">
        <v>1</v>
      </c>
      <c r="D7968" t="s">
        <v>16067</v>
      </c>
      <c r="E7968" t="s">
        <v>32944</v>
      </c>
      <c r="F7968">
        <v>4</v>
      </c>
      <c r="G7968" t="s">
        <v>10</v>
      </c>
      <c r="H7968" t="s">
        <v>16068</v>
      </c>
      <c r="I7968" t="s">
        <v>30540</v>
      </c>
    </row>
    <row r="7969" spans="1:9">
      <c r="A7969" s="1">
        <f ca="1">RAND()</f>
        <v>0.13487156421913471</v>
      </c>
      <c r="B7969" s="1"/>
      <c r="C7969">
        <v>16</v>
      </c>
      <c r="D7969" t="s">
        <v>16079</v>
      </c>
      <c r="E7969" t="s">
        <v>32944</v>
      </c>
      <c r="F7969">
        <v>4</v>
      </c>
      <c r="G7969" t="s">
        <v>14</v>
      </c>
      <c r="H7969" t="s">
        <v>16080</v>
      </c>
      <c r="I7969" t="s">
        <v>30540</v>
      </c>
    </row>
    <row r="7970" spans="1:9">
      <c r="A7970" s="1">
        <f ca="1">RAND()</f>
        <v>0.26457979967910994</v>
      </c>
      <c r="B7970" s="1"/>
      <c r="C7970">
        <v>15</v>
      </c>
      <c r="D7970" t="s">
        <v>16077</v>
      </c>
      <c r="E7970" t="s">
        <v>32944</v>
      </c>
      <c r="F7970">
        <v>4</v>
      </c>
      <c r="G7970" t="s">
        <v>14</v>
      </c>
      <c r="H7970" t="s">
        <v>16078</v>
      </c>
      <c r="I7970" t="s">
        <v>30540</v>
      </c>
    </row>
    <row r="7971" spans="1:9">
      <c r="A7971" s="1">
        <f ca="1">RAND()</f>
        <v>0.16949004941337698</v>
      </c>
      <c r="B7971" s="1"/>
      <c r="C7971">
        <v>6</v>
      </c>
      <c r="D7971" t="s">
        <v>16073</v>
      </c>
      <c r="E7971" t="s">
        <v>32944</v>
      </c>
      <c r="F7971">
        <v>3</v>
      </c>
      <c r="G7971" t="s">
        <v>0</v>
      </c>
      <c r="H7971" t="s">
        <v>16074</v>
      </c>
      <c r="I7971" t="s">
        <v>30540</v>
      </c>
    </row>
    <row r="7972" spans="1:9">
      <c r="A7972" s="1">
        <f ca="1">RAND()</f>
        <v>0.38781102078522345</v>
      </c>
      <c r="B7972" s="1"/>
      <c r="C7972">
        <v>9</v>
      </c>
      <c r="D7972" t="s">
        <v>16065</v>
      </c>
      <c r="E7972" t="s">
        <v>32945</v>
      </c>
      <c r="F7972">
        <v>4</v>
      </c>
      <c r="G7972" t="s">
        <v>14</v>
      </c>
      <c r="H7972" t="s">
        <v>16066</v>
      </c>
      <c r="I7972" t="s">
        <v>30540</v>
      </c>
    </row>
    <row r="7973" spans="1:9">
      <c r="A7973" s="1">
        <f ca="1">RAND()</f>
        <v>0.70255842510643263</v>
      </c>
      <c r="B7973" s="1"/>
      <c r="C7973">
        <v>10</v>
      </c>
      <c r="D7973" t="s">
        <v>16063</v>
      </c>
      <c r="E7973" t="s">
        <v>32946</v>
      </c>
      <c r="F7973">
        <v>5</v>
      </c>
      <c r="G7973" t="s">
        <v>14</v>
      </c>
      <c r="H7973" t="s">
        <v>16064</v>
      </c>
      <c r="I7973" t="s">
        <v>30540</v>
      </c>
    </row>
    <row r="7974" spans="1:9">
      <c r="A7974" s="1">
        <f ca="1">RAND()</f>
        <v>0.50570425751014358</v>
      </c>
      <c r="B7974" s="1"/>
      <c r="C7974">
        <v>7</v>
      </c>
      <c r="D7974" t="s">
        <v>16061</v>
      </c>
      <c r="E7974" t="s">
        <v>32946</v>
      </c>
      <c r="F7974">
        <v>4</v>
      </c>
      <c r="G7974" t="s">
        <v>1</v>
      </c>
      <c r="H7974" t="s">
        <v>16062</v>
      </c>
      <c r="I7974" t="s">
        <v>30540</v>
      </c>
    </row>
    <row r="7975" spans="1:9">
      <c r="A7975" s="1">
        <f ca="1">RAND()</f>
        <v>0.8313533469348604</v>
      </c>
      <c r="B7975" s="1"/>
      <c r="C7975">
        <v>1</v>
      </c>
      <c r="D7975" t="s">
        <v>16057</v>
      </c>
      <c r="E7975" t="s">
        <v>32946</v>
      </c>
      <c r="F7975">
        <v>4</v>
      </c>
      <c r="G7975" t="s">
        <v>14</v>
      </c>
      <c r="H7975" t="s">
        <v>16058</v>
      </c>
      <c r="I7975" t="s">
        <v>30540</v>
      </c>
    </row>
    <row r="7976" spans="1:9">
      <c r="A7976" s="1">
        <f ca="1">RAND()</f>
        <v>0.53659641651071111</v>
      </c>
      <c r="B7976" s="1"/>
      <c r="C7976">
        <v>5</v>
      </c>
      <c r="D7976" t="s">
        <v>16059</v>
      </c>
      <c r="E7976" t="s">
        <v>32946</v>
      </c>
      <c r="F7976">
        <v>4</v>
      </c>
      <c r="G7976" t="s">
        <v>14</v>
      </c>
      <c r="H7976" t="s">
        <v>16060</v>
      </c>
      <c r="I7976" t="s">
        <v>30540</v>
      </c>
    </row>
    <row r="7977" spans="1:9">
      <c r="A7977" s="1">
        <f ca="1">RAND()</f>
        <v>0.87368076472456313</v>
      </c>
      <c r="B7977" s="1"/>
      <c r="C7977">
        <v>16</v>
      </c>
      <c r="D7977" t="s">
        <v>16055</v>
      </c>
      <c r="E7977" t="s">
        <v>32947</v>
      </c>
      <c r="F7977">
        <v>5</v>
      </c>
      <c r="G7977" t="s">
        <v>10</v>
      </c>
      <c r="H7977" t="s">
        <v>16056</v>
      </c>
      <c r="I7977" t="s">
        <v>30540</v>
      </c>
    </row>
    <row r="7978" spans="1:9">
      <c r="A7978" s="1">
        <f ca="1">RAND()</f>
        <v>0.91730695158222608</v>
      </c>
      <c r="B7978" s="1"/>
      <c r="C7978">
        <v>9</v>
      </c>
      <c r="D7978" t="s">
        <v>16053</v>
      </c>
      <c r="E7978" t="s">
        <v>32947</v>
      </c>
      <c r="F7978">
        <v>4</v>
      </c>
      <c r="G7978" t="s">
        <v>10</v>
      </c>
      <c r="H7978" t="s">
        <v>16054</v>
      </c>
      <c r="I7978" t="s">
        <v>30540</v>
      </c>
    </row>
    <row r="7979" spans="1:9">
      <c r="A7979" s="1">
        <f ca="1">RAND()</f>
        <v>0.69914421400619731</v>
      </c>
      <c r="B7979" s="1"/>
      <c r="C7979">
        <v>2</v>
      </c>
      <c r="D7979" t="s">
        <v>16051</v>
      </c>
      <c r="E7979" t="s">
        <v>32947</v>
      </c>
      <c r="F7979">
        <v>4</v>
      </c>
      <c r="G7979" t="s">
        <v>1295</v>
      </c>
      <c r="H7979" t="s">
        <v>16052</v>
      </c>
      <c r="I7979" t="s">
        <v>30540</v>
      </c>
    </row>
    <row r="7980" spans="1:9">
      <c r="A7980" s="1">
        <f ca="1">RAND()</f>
        <v>0.4622188250589343</v>
      </c>
      <c r="B7980" s="1"/>
      <c r="C7980">
        <v>6</v>
      </c>
      <c r="D7980" t="s">
        <v>16049</v>
      </c>
      <c r="E7980" t="s">
        <v>32948</v>
      </c>
      <c r="F7980">
        <v>4</v>
      </c>
      <c r="G7980" t="s">
        <v>14</v>
      </c>
      <c r="H7980" t="s">
        <v>16050</v>
      </c>
      <c r="I7980" t="s">
        <v>30540</v>
      </c>
    </row>
    <row r="7981" spans="1:9">
      <c r="A7981" s="1">
        <f ca="1">RAND()</f>
        <v>0.61858007575064966</v>
      </c>
      <c r="B7981" s="1"/>
      <c r="C7981">
        <v>2</v>
      </c>
      <c r="D7981" t="s">
        <v>16047</v>
      </c>
      <c r="E7981" t="s">
        <v>32948</v>
      </c>
      <c r="F7981">
        <v>4</v>
      </c>
      <c r="G7981" t="s">
        <v>9</v>
      </c>
      <c r="H7981" t="s">
        <v>16048</v>
      </c>
      <c r="I7981" t="s">
        <v>30540</v>
      </c>
    </row>
    <row r="7982" spans="1:9">
      <c r="A7982" s="1">
        <f ca="1">RAND()</f>
        <v>0.49352868038207642</v>
      </c>
      <c r="B7982" s="1"/>
      <c r="C7982">
        <v>6</v>
      </c>
      <c r="D7982" t="s">
        <v>16041</v>
      </c>
      <c r="E7982" t="s">
        <v>32949</v>
      </c>
      <c r="F7982">
        <v>5</v>
      </c>
      <c r="G7982" t="s">
        <v>9</v>
      </c>
      <c r="H7982" t="s">
        <v>16042</v>
      </c>
      <c r="I7982" t="s">
        <v>30540</v>
      </c>
    </row>
    <row r="7983" spans="1:9">
      <c r="A7983" s="1">
        <f ca="1">RAND()</f>
        <v>0.13809488298110151</v>
      </c>
      <c r="B7983" s="1"/>
      <c r="C7983">
        <v>9</v>
      </c>
      <c r="D7983" t="s">
        <v>16045</v>
      </c>
      <c r="E7983" t="s">
        <v>32949</v>
      </c>
      <c r="F7983">
        <v>4</v>
      </c>
      <c r="G7983" t="s">
        <v>14</v>
      </c>
      <c r="H7983" t="s">
        <v>16046</v>
      </c>
      <c r="I7983" t="s">
        <v>30540</v>
      </c>
    </row>
    <row r="7984" spans="1:9">
      <c r="A7984" s="1">
        <f ca="1">RAND()</f>
        <v>0.83758405499045285</v>
      </c>
      <c r="B7984" s="1"/>
      <c r="C7984">
        <v>7</v>
      </c>
      <c r="D7984" t="s">
        <v>16043</v>
      </c>
      <c r="E7984" t="s">
        <v>32949</v>
      </c>
      <c r="F7984">
        <v>3</v>
      </c>
      <c r="G7984" t="s">
        <v>14</v>
      </c>
      <c r="H7984" t="s">
        <v>16044</v>
      </c>
      <c r="I7984" t="s">
        <v>30540</v>
      </c>
    </row>
    <row r="7985" spans="1:9">
      <c r="A7985" s="1">
        <f ca="1">RAND()</f>
        <v>0.25102748107525152</v>
      </c>
      <c r="B7985" s="1"/>
      <c r="C7985">
        <v>11</v>
      </c>
      <c r="D7985" t="s">
        <v>16039</v>
      </c>
      <c r="E7985" t="s">
        <v>32950</v>
      </c>
      <c r="F7985">
        <v>4</v>
      </c>
      <c r="G7985" t="s">
        <v>13</v>
      </c>
      <c r="H7985" t="s">
        <v>16040</v>
      </c>
      <c r="I7985" t="s">
        <v>30540</v>
      </c>
    </row>
    <row r="7986" spans="1:9">
      <c r="A7986" s="1">
        <f ca="1">RAND()</f>
        <v>0.34087393996175042</v>
      </c>
      <c r="B7986" s="1"/>
      <c r="C7986">
        <v>9</v>
      </c>
      <c r="D7986" t="s">
        <v>16037</v>
      </c>
      <c r="E7986" t="s">
        <v>32950</v>
      </c>
      <c r="F7986">
        <v>4</v>
      </c>
      <c r="G7986" t="s">
        <v>14</v>
      </c>
      <c r="H7986" t="s">
        <v>16038</v>
      </c>
      <c r="I7986" t="s">
        <v>30540</v>
      </c>
    </row>
    <row r="7987" spans="1:9">
      <c r="A7987" s="1">
        <f ca="1">RAND()</f>
        <v>7.1110069923918995E-2</v>
      </c>
      <c r="B7987" s="1"/>
      <c r="C7987">
        <v>5</v>
      </c>
      <c r="D7987" t="s">
        <v>16035</v>
      </c>
      <c r="E7987" t="s">
        <v>32950</v>
      </c>
      <c r="F7987">
        <v>3</v>
      </c>
      <c r="G7987" t="s">
        <v>0</v>
      </c>
      <c r="H7987" t="s">
        <v>16036</v>
      </c>
      <c r="I7987" t="s">
        <v>30540</v>
      </c>
    </row>
    <row r="7988" spans="1:9">
      <c r="A7988" s="1">
        <f ca="1">RAND()</f>
        <v>0.25193571008700866</v>
      </c>
      <c r="B7988" s="1"/>
      <c r="C7988">
        <v>18</v>
      </c>
      <c r="D7988" t="s">
        <v>16033</v>
      </c>
      <c r="E7988" t="s">
        <v>32951</v>
      </c>
      <c r="F7988">
        <v>4</v>
      </c>
      <c r="G7988" t="s">
        <v>14</v>
      </c>
      <c r="H7988" t="s">
        <v>16034</v>
      </c>
      <c r="I7988" t="s">
        <v>30540</v>
      </c>
    </row>
    <row r="7989" spans="1:9">
      <c r="A7989" s="1">
        <f ca="1">RAND()</f>
        <v>0.87422198444699406</v>
      </c>
      <c r="B7989" s="1"/>
      <c r="C7989">
        <v>9</v>
      </c>
      <c r="D7989" t="s">
        <v>16029</v>
      </c>
      <c r="E7989" t="s">
        <v>32951</v>
      </c>
      <c r="F7989">
        <v>2</v>
      </c>
      <c r="G7989" t="s">
        <v>9</v>
      </c>
      <c r="H7989" t="s">
        <v>16030</v>
      </c>
      <c r="I7989" t="s">
        <v>30540</v>
      </c>
    </row>
    <row r="7990" spans="1:9">
      <c r="A7990" s="1">
        <f ca="1">RAND()</f>
        <v>0.41108178712379573</v>
      </c>
      <c r="B7990" s="1"/>
      <c r="C7990">
        <v>12</v>
      </c>
      <c r="D7990" t="s">
        <v>16031</v>
      </c>
      <c r="E7990" t="s">
        <v>32951</v>
      </c>
      <c r="F7990">
        <v>2</v>
      </c>
      <c r="G7990" t="s">
        <v>14</v>
      </c>
      <c r="H7990" t="s">
        <v>16032</v>
      </c>
      <c r="I7990" t="s">
        <v>30540</v>
      </c>
    </row>
    <row r="7991" spans="1:9">
      <c r="A7991" s="1">
        <f ca="1">RAND()</f>
        <v>0.21131187496107007</v>
      </c>
      <c r="B7991" s="1"/>
      <c r="C7991">
        <v>7</v>
      </c>
      <c r="D7991" t="s">
        <v>16026</v>
      </c>
      <c r="E7991" t="s">
        <v>32952</v>
      </c>
      <c r="F7991">
        <v>5</v>
      </c>
      <c r="G7991" t="s">
        <v>16027</v>
      </c>
      <c r="H7991" t="s">
        <v>16028</v>
      </c>
      <c r="I7991" t="s">
        <v>30540</v>
      </c>
    </row>
    <row r="7992" spans="1:9">
      <c r="A7992" s="1">
        <f ca="1">RAND()</f>
        <v>0.29164652597492191</v>
      </c>
      <c r="B7992" s="1"/>
      <c r="C7992">
        <v>12</v>
      </c>
      <c r="D7992" t="s">
        <v>16023</v>
      </c>
      <c r="E7992" t="s">
        <v>32953</v>
      </c>
      <c r="F7992">
        <v>5</v>
      </c>
      <c r="G7992" t="s">
        <v>13</v>
      </c>
      <c r="H7992" t="s">
        <v>16024</v>
      </c>
      <c r="I7992" t="s">
        <v>30540</v>
      </c>
    </row>
    <row r="7993" spans="1:9">
      <c r="A7993" s="1">
        <f ca="1">RAND()</f>
        <v>6.9284527061905798E-3</v>
      </c>
      <c r="B7993" s="1"/>
      <c r="C7993">
        <v>11</v>
      </c>
      <c r="D7993" t="s">
        <v>16021</v>
      </c>
      <c r="E7993" t="s">
        <v>32953</v>
      </c>
      <c r="F7993">
        <v>4</v>
      </c>
      <c r="G7993" t="s">
        <v>14</v>
      </c>
      <c r="H7993" t="s">
        <v>16022</v>
      </c>
      <c r="I7993" t="s">
        <v>30540</v>
      </c>
    </row>
    <row r="7994" spans="1:9">
      <c r="A7994" s="1">
        <f ca="1">RAND()</f>
        <v>0.26103143765061776</v>
      </c>
      <c r="B7994" s="1"/>
      <c r="C7994">
        <v>7</v>
      </c>
      <c r="D7994" t="s">
        <v>16019</v>
      </c>
      <c r="E7994" t="s">
        <v>32953</v>
      </c>
      <c r="F7994">
        <v>4</v>
      </c>
      <c r="G7994" t="s">
        <v>14</v>
      </c>
      <c r="H7994" t="s">
        <v>16020</v>
      </c>
      <c r="I7994" t="s">
        <v>30540</v>
      </c>
    </row>
    <row r="7995" spans="1:9">
      <c r="A7995" s="1">
        <f ca="1">RAND()</f>
        <v>3.0123611888333013E-3</v>
      </c>
      <c r="B7995" s="1"/>
      <c r="C7995">
        <v>3</v>
      </c>
      <c r="D7995" t="s">
        <v>16017</v>
      </c>
      <c r="E7995" t="s">
        <v>32953</v>
      </c>
      <c r="F7995">
        <v>2</v>
      </c>
      <c r="G7995" t="s">
        <v>0</v>
      </c>
      <c r="H7995" t="s">
        <v>16018</v>
      </c>
      <c r="I7995" t="s">
        <v>30540</v>
      </c>
    </row>
    <row r="7996" spans="1:9">
      <c r="A7996" s="1">
        <f ca="1">RAND()</f>
        <v>0.68794383363186684</v>
      </c>
      <c r="B7996" s="1"/>
      <c r="C7996">
        <v>11</v>
      </c>
      <c r="D7996" t="s">
        <v>16011</v>
      </c>
      <c r="E7996" t="s">
        <v>32954</v>
      </c>
      <c r="F7996">
        <v>4</v>
      </c>
      <c r="G7996" t="s">
        <v>10</v>
      </c>
      <c r="H7996" t="s">
        <v>16012</v>
      </c>
      <c r="I7996" t="s">
        <v>30540</v>
      </c>
    </row>
    <row r="7997" spans="1:9">
      <c r="A7997" s="1">
        <f ca="1">RAND()</f>
        <v>0.94580187785811065</v>
      </c>
      <c r="B7997" s="1"/>
      <c r="C7997">
        <v>10</v>
      </c>
      <c r="D7997" t="s">
        <v>16009</v>
      </c>
      <c r="E7997" t="s">
        <v>32954</v>
      </c>
      <c r="F7997">
        <v>4</v>
      </c>
      <c r="G7997" t="s">
        <v>15</v>
      </c>
      <c r="H7997" t="s">
        <v>16010</v>
      </c>
      <c r="I7997" t="s">
        <v>30540</v>
      </c>
    </row>
    <row r="7998" spans="1:9">
      <c r="A7998" s="1">
        <f ca="1">RAND()</f>
        <v>0.47736274769243503</v>
      </c>
      <c r="B7998" s="1"/>
      <c r="C7998">
        <v>17</v>
      </c>
      <c r="D7998" t="s">
        <v>16013</v>
      </c>
      <c r="E7998" t="s">
        <v>32954</v>
      </c>
      <c r="F7998">
        <v>2</v>
      </c>
      <c r="G7998" t="s">
        <v>10</v>
      </c>
      <c r="H7998" t="s">
        <v>16014</v>
      </c>
      <c r="I7998" t="s">
        <v>30540</v>
      </c>
    </row>
    <row r="7999" spans="1:9">
      <c r="A7999" s="1">
        <f ca="1">RAND()</f>
        <v>0.44303174627364228</v>
      </c>
      <c r="B7999" s="1"/>
      <c r="C7999">
        <v>18</v>
      </c>
      <c r="D7999" t="s">
        <v>16015</v>
      </c>
      <c r="E7999" t="s">
        <v>32954</v>
      </c>
      <c r="F7999">
        <v>2</v>
      </c>
      <c r="G7999" t="s">
        <v>1295</v>
      </c>
      <c r="H7999" t="s">
        <v>16016</v>
      </c>
      <c r="I7999" t="s">
        <v>30540</v>
      </c>
    </row>
    <row r="8000" spans="1:9">
      <c r="A8000" s="1">
        <f ca="1">RAND()</f>
        <v>1.5857740287430144E-2</v>
      </c>
      <c r="B8000" s="1"/>
      <c r="C8000">
        <v>7</v>
      </c>
      <c r="D8000" t="s">
        <v>16007</v>
      </c>
      <c r="E8000" t="s">
        <v>32955</v>
      </c>
      <c r="F8000">
        <v>4</v>
      </c>
      <c r="G8000" t="s">
        <v>14</v>
      </c>
      <c r="H8000" t="s">
        <v>16008</v>
      </c>
      <c r="I8000" t="s">
        <v>30540</v>
      </c>
    </row>
    <row r="8001" spans="1:9">
      <c r="A8001" s="1">
        <f ca="1">RAND()</f>
        <v>0.55865178301664986</v>
      </c>
      <c r="B8001" s="1"/>
      <c r="C8001">
        <v>5</v>
      </c>
      <c r="D8001" t="s">
        <v>16003</v>
      </c>
      <c r="E8001" t="s">
        <v>32955</v>
      </c>
      <c r="F8001">
        <v>4</v>
      </c>
      <c r="G8001" t="s">
        <v>1</v>
      </c>
      <c r="H8001" t="s">
        <v>16004</v>
      </c>
      <c r="I8001" t="s">
        <v>30540</v>
      </c>
    </row>
    <row r="8002" spans="1:9">
      <c r="A8002" s="1">
        <f ca="1">RAND()</f>
        <v>0.11690492824268428</v>
      </c>
      <c r="B8002" s="1"/>
      <c r="C8002">
        <v>6</v>
      </c>
      <c r="D8002" t="s">
        <v>16005</v>
      </c>
      <c r="E8002" t="s">
        <v>32955</v>
      </c>
      <c r="F8002">
        <v>4</v>
      </c>
      <c r="G8002" t="s">
        <v>0</v>
      </c>
      <c r="H8002" t="s">
        <v>16006</v>
      </c>
      <c r="I8002" t="s">
        <v>30540</v>
      </c>
    </row>
    <row r="8003" spans="1:9">
      <c r="A8003" s="1">
        <f ca="1">RAND()</f>
        <v>0.39182507294705371</v>
      </c>
      <c r="B8003" s="1"/>
      <c r="C8003">
        <v>1</v>
      </c>
      <c r="D8003" t="s">
        <v>15991</v>
      </c>
      <c r="E8003" t="s">
        <v>32956</v>
      </c>
      <c r="F8003">
        <v>5</v>
      </c>
      <c r="G8003" t="s">
        <v>10</v>
      </c>
      <c r="H8003" t="s">
        <v>15992</v>
      </c>
      <c r="I8003" t="s">
        <v>30540</v>
      </c>
    </row>
    <row r="8004" spans="1:9">
      <c r="A8004" s="1">
        <f ca="1">RAND()</f>
        <v>0.72380117658992638</v>
      </c>
      <c r="B8004" s="1"/>
      <c r="C8004">
        <v>4</v>
      </c>
      <c r="D8004" t="s">
        <v>15993</v>
      </c>
      <c r="E8004" t="s">
        <v>32956</v>
      </c>
      <c r="F8004">
        <v>4</v>
      </c>
      <c r="G8004" t="s">
        <v>14</v>
      </c>
      <c r="H8004" t="s">
        <v>15994</v>
      </c>
      <c r="I8004" t="s">
        <v>30540</v>
      </c>
    </row>
    <row r="8005" spans="1:9">
      <c r="A8005" s="1">
        <f ca="1">RAND()</f>
        <v>0.32470516831697893</v>
      </c>
      <c r="B8005" s="1"/>
      <c r="C8005">
        <v>16</v>
      </c>
      <c r="D8005" t="s">
        <v>15997</v>
      </c>
      <c r="E8005" t="s">
        <v>32956</v>
      </c>
      <c r="F8005">
        <v>4</v>
      </c>
      <c r="G8005" t="s">
        <v>2</v>
      </c>
      <c r="H8005" t="s">
        <v>15998</v>
      </c>
      <c r="I8005" t="s">
        <v>30540</v>
      </c>
    </row>
    <row r="8006" spans="1:9">
      <c r="A8006" s="1">
        <f ca="1">RAND()</f>
        <v>0.98468844029709879</v>
      </c>
      <c r="B8006" s="1"/>
      <c r="C8006">
        <v>17</v>
      </c>
      <c r="D8006" t="s">
        <v>15999</v>
      </c>
      <c r="E8006" t="s">
        <v>32956</v>
      </c>
      <c r="F8006">
        <v>4</v>
      </c>
      <c r="G8006" t="s">
        <v>13</v>
      </c>
      <c r="H8006" t="s">
        <v>16000</v>
      </c>
      <c r="I8006" t="s">
        <v>30540</v>
      </c>
    </row>
    <row r="8007" spans="1:9">
      <c r="A8007" s="1">
        <f ca="1">RAND()</f>
        <v>0.70071570584299092</v>
      </c>
      <c r="B8007" s="1"/>
      <c r="C8007">
        <v>7</v>
      </c>
      <c r="D8007" t="s">
        <v>15995</v>
      </c>
      <c r="E8007" t="s">
        <v>32956</v>
      </c>
      <c r="F8007">
        <v>3</v>
      </c>
      <c r="G8007" t="s">
        <v>0</v>
      </c>
      <c r="H8007" t="s">
        <v>15996</v>
      </c>
      <c r="I8007" t="s">
        <v>30540</v>
      </c>
    </row>
    <row r="8008" spans="1:9">
      <c r="A8008" s="1">
        <f ca="1">RAND()</f>
        <v>0.89477240046616568</v>
      </c>
      <c r="B8008" s="1"/>
      <c r="C8008">
        <v>18</v>
      </c>
      <c r="D8008" t="s">
        <v>16001</v>
      </c>
      <c r="E8008" t="s">
        <v>32956</v>
      </c>
      <c r="F8008">
        <v>2</v>
      </c>
      <c r="G8008" t="s">
        <v>9</v>
      </c>
      <c r="H8008" t="s">
        <v>16002</v>
      </c>
      <c r="I8008" t="s">
        <v>30540</v>
      </c>
    </row>
    <row r="8009" spans="1:9">
      <c r="A8009" s="1">
        <f ca="1">RAND()</f>
        <v>0.72722658623129655</v>
      </c>
      <c r="B8009" s="1"/>
      <c r="C8009">
        <v>4</v>
      </c>
      <c r="D8009" t="s">
        <v>15981</v>
      </c>
      <c r="E8009" t="s">
        <v>32957</v>
      </c>
      <c r="F8009">
        <v>6</v>
      </c>
      <c r="G8009" t="s">
        <v>15</v>
      </c>
      <c r="H8009" t="s">
        <v>15982</v>
      </c>
      <c r="I8009" t="s">
        <v>30540</v>
      </c>
    </row>
    <row r="8010" spans="1:9">
      <c r="A8010" s="1">
        <f ca="1">RAND()</f>
        <v>0.83086158285660061</v>
      </c>
      <c r="B8010" s="1"/>
      <c r="C8010">
        <v>13</v>
      </c>
      <c r="D8010" t="s">
        <v>15989</v>
      </c>
      <c r="E8010" t="s">
        <v>32957</v>
      </c>
      <c r="F8010">
        <v>5</v>
      </c>
      <c r="G8010" t="s">
        <v>769</v>
      </c>
      <c r="H8010" t="s">
        <v>15990</v>
      </c>
      <c r="I8010" t="s">
        <v>30540</v>
      </c>
    </row>
    <row r="8011" spans="1:9">
      <c r="A8011" s="1">
        <f ca="1">RAND()</f>
        <v>0.63716050224823761</v>
      </c>
      <c r="B8011" s="1"/>
      <c r="C8011">
        <v>7</v>
      </c>
      <c r="D8011" t="s">
        <v>15985</v>
      </c>
      <c r="E8011" t="s">
        <v>32957</v>
      </c>
      <c r="F8011">
        <v>5</v>
      </c>
      <c r="G8011" t="s">
        <v>14</v>
      </c>
      <c r="H8011" t="s">
        <v>15986</v>
      </c>
      <c r="I8011" t="s">
        <v>30540</v>
      </c>
    </row>
    <row r="8012" spans="1:9">
      <c r="A8012" s="1">
        <f ca="1">RAND()</f>
        <v>0.42112358520018833</v>
      </c>
      <c r="B8012" s="1"/>
      <c r="C8012">
        <v>2</v>
      </c>
      <c r="D8012" t="s">
        <v>15979</v>
      </c>
      <c r="E8012" t="s">
        <v>32957</v>
      </c>
      <c r="F8012">
        <v>4</v>
      </c>
      <c r="G8012" t="s">
        <v>2229</v>
      </c>
      <c r="H8012" t="s">
        <v>15980</v>
      </c>
      <c r="I8012" t="s">
        <v>30540</v>
      </c>
    </row>
    <row r="8013" spans="1:9">
      <c r="A8013" s="1">
        <f ca="1">RAND()</f>
        <v>0.39901514833502516</v>
      </c>
      <c r="B8013" s="1"/>
      <c r="C8013">
        <v>1</v>
      </c>
      <c r="D8013" t="s">
        <v>15977</v>
      </c>
      <c r="E8013" t="s">
        <v>32957</v>
      </c>
      <c r="F8013">
        <v>4</v>
      </c>
      <c r="G8013" t="s">
        <v>2229</v>
      </c>
      <c r="H8013" t="s">
        <v>15978</v>
      </c>
      <c r="I8013" t="s">
        <v>30540</v>
      </c>
    </row>
    <row r="8014" spans="1:9">
      <c r="A8014" s="1">
        <f ca="1">RAND()</f>
        <v>0.57791776017473795</v>
      </c>
      <c r="B8014" s="1"/>
      <c r="C8014">
        <v>6</v>
      </c>
      <c r="D8014" t="s">
        <v>15983</v>
      </c>
      <c r="E8014" t="s">
        <v>32957</v>
      </c>
      <c r="F8014">
        <v>4</v>
      </c>
      <c r="G8014" t="s">
        <v>14</v>
      </c>
      <c r="H8014" t="s">
        <v>15984</v>
      </c>
      <c r="I8014" t="s">
        <v>30540</v>
      </c>
    </row>
    <row r="8015" spans="1:9">
      <c r="A8015" s="1">
        <f ca="1">RAND()</f>
        <v>0.5711603343478473</v>
      </c>
      <c r="B8015" s="1"/>
      <c r="C8015">
        <v>11</v>
      </c>
      <c r="D8015" t="s">
        <v>15987</v>
      </c>
      <c r="E8015" t="s">
        <v>32957</v>
      </c>
      <c r="F8015">
        <v>4</v>
      </c>
      <c r="G8015" t="s">
        <v>3732</v>
      </c>
      <c r="H8015" t="s">
        <v>15988</v>
      </c>
      <c r="I8015" t="s">
        <v>30540</v>
      </c>
    </row>
    <row r="8016" spans="1:9">
      <c r="A8016" s="1">
        <f ca="1">RAND()</f>
        <v>0.70867914470206128</v>
      </c>
      <c r="B8016" s="1"/>
      <c r="C8016">
        <v>6</v>
      </c>
      <c r="D8016" t="s">
        <v>15975</v>
      </c>
      <c r="E8016" t="s">
        <v>32958</v>
      </c>
      <c r="F8016">
        <v>5</v>
      </c>
      <c r="G8016" t="s">
        <v>10</v>
      </c>
      <c r="H8016" t="s">
        <v>15976</v>
      </c>
      <c r="I8016" t="s">
        <v>30540</v>
      </c>
    </row>
    <row r="8017" spans="1:9">
      <c r="A8017" s="1">
        <f ca="1">RAND()</f>
        <v>0.63241717628832861</v>
      </c>
      <c r="B8017" s="1"/>
      <c r="C8017">
        <v>3</v>
      </c>
      <c r="D8017" t="s">
        <v>15973</v>
      </c>
      <c r="E8017" t="s">
        <v>32958</v>
      </c>
      <c r="F8017">
        <v>4</v>
      </c>
      <c r="G8017" t="s">
        <v>10</v>
      </c>
      <c r="H8017" t="s">
        <v>15974</v>
      </c>
      <c r="I8017" t="s">
        <v>30540</v>
      </c>
    </row>
    <row r="8018" spans="1:9">
      <c r="A8018" s="1">
        <f ca="1">RAND()</f>
        <v>0.71564806316968888</v>
      </c>
      <c r="B8018" s="1"/>
      <c r="C8018">
        <v>14</v>
      </c>
      <c r="D8018" t="s">
        <v>15971</v>
      </c>
      <c r="E8018" t="s">
        <v>32959</v>
      </c>
      <c r="F8018">
        <v>4</v>
      </c>
      <c r="G8018" t="s">
        <v>10</v>
      </c>
      <c r="H8018" t="s">
        <v>15972</v>
      </c>
      <c r="I8018" t="s">
        <v>30540</v>
      </c>
    </row>
    <row r="8019" spans="1:9">
      <c r="A8019" s="1">
        <f ca="1">RAND()</f>
        <v>0.55043020492544747</v>
      </c>
      <c r="B8019" s="1"/>
      <c r="C8019">
        <v>1</v>
      </c>
      <c r="D8019" t="s">
        <v>15965</v>
      </c>
      <c r="E8019" t="s">
        <v>32959</v>
      </c>
      <c r="F8019">
        <v>4</v>
      </c>
      <c r="G8019" t="s">
        <v>9</v>
      </c>
      <c r="H8019" t="s">
        <v>15966</v>
      </c>
      <c r="I8019" t="s">
        <v>30540</v>
      </c>
    </row>
    <row r="8020" spans="1:9">
      <c r="A8020" s="1">
        <f ca="1">RAND()</f>
        <v>0.69340174133635857</v>
      </c>
      <c r="B8020" s="1"/>
      <c r="C8020">
        <v>4</v>
      </c>
      <c r="D8020" t="s">
        <v>15967</v>
      </c>
      <c r="E8020" t="s">
        <v>32959</v>
      </c>
      <c r="F8020">
        <v>4</v>
      </c>
      <c r="G8020" t="s">
        <v>10</v>
      </c>
      <c r="H8020" t="s">
        <v>15968</v>
      </c>
      <c r="I8020" t="s">
        <v>30540</v>
      </c>
    </row>
    <row r="8021" spans="1:9">
      <c r="A8021" s="1">
        <f ca="1">RAND()</f>
        <v>0.16046129138629683</v>
      </c>
      <c r="B8021" s="1"/>
      <c r="C8021">
        <v>12</v>
      </c>
      <c r="D8021" t="s">
        <v>15969</v>
      </c>
      <c r="E8021" t="s">
        <v>32959</v>
      </c>
      <c r="F8021">
        <v>2</v>
      </c>
      <c r="G8021" t="s">
        <v>10</v>
      </c>
      <c r="H8021" t="s">
        <v>15970</v>
      </c>
      <c r="I8021" t="s">
        <v>30540</v>
      </c>
    </row>
    <row r="8022" spans="1:9">
      <c r="A8022" s="1">
        <f ca="1">RAND()</f>
        <v>0.33457870740887152</v>
      </c>
      <c r="B8022" s="1"/>
      <c r="C8022">
        <v>14</v>
      </c>
      <c r="D8022" t="s">
        <v>15961</v>
      </c>
      <c r="E8022" t="s">
        <v>32960</v>
      </c>
      <c r="F8022">
        <v>5</v>
      </c>
      <c r="G8022" t="s">
        <v>9</v>
      </c>
      <c r="H8022" t="s">
        <v>15962</v>
      </c>
      <c r="I8022" t="s">
        <v>30540</v>
      </c>
    </row>
    <row r="8023" spans="1:9">
      <c r="A8023" s="1">
        <f ca="1">RAND()</f>
        <v>0.15155925327490871</v>
      </c>
      <c r="B8023" s="1"/>
      <c r="C8023">
        <v>5</v>
      </c>
      <c r="D8023" t="s">
        <v>15955</v>
      </c>
      <c r="E8023" t="s">
        <v>32960</v>
      </c>
      <c r="F8023">
        <v>5</v>
      </c>
      <c r="G8023" t="s">
        <v>15</v>
      </c>
      <c r="H8023" t="s">
        <v>15956</v>
      </c>
      <c r="I8023" t="s">
        <v>30540</v>
      </c>
    </row>
    <row r="8024" spans="1:9">
      <c r="A8024" s="1">
        <f ca="1">RAND()</f>
        <v>0.65600726723541114</v>
      </c>
      <c r="B8024" s="1"/>
      <c r="C8024">
        <v>11</v>
      </c>
      <c r="D8024" t="s">
        <v>15959</v>
      </c>
      <c r="E8024" t="s">
        <v>32960</v>
      </c>
      <c r="F8024">
        <v>4</v>
      </c>
      <c r="G8024" t="s">
        <v>14</v>
      </c>
      <c r="H8024" t="s">
        <v>15960</v>
      </c>
      <c r="I8024" t="s">
        <v>30540</v>
      </c>
    </row>
    <row r="8025" spans="1:9">
      <c r="A8025" s="1">
        <f ca="1">RAND()</f>
        <v>0.95391816175897881</v>
      </c>
      <c r="B8025" s="1"/>
      <c r="C8025">
        <v>17</v>
      </c>
      <c r="D8025" t="s">
        <v>15963</v>
      </c>
      <c r="E8025" t="s">
        <v>32960</v>
      </c>
      <c r="F8025">
        <v>4</v>
      </c>
      <c r="G8025" t="s">
        <v>14</v>
      </c>
      <c r="H8025" t="s">
        <v>15964</v>
      </c>
      <c r="I8025" t="s">
        <v>30540</v>
      </c>
    </row>
    <row r="8026" spans="1:9">
      <c r="A8026" s="1">
        <f ca="1">RAND()</f>
        <v>0.63715478618671106</v>
      </c>
      <c r="B8026" s="1"/>
      <c r="C8026">
        <v>7</v>
      </c>
      <c r="D8026" t="s">
        <v>15957</v>
      </c>
      <c r="E8026" t="s">
        <v>32960</v>
      </c>
      <c r="F8026">
        <v>4</v>
      </c>
      <c r="G8026" t="s">
        <v>14</v>
      </c>
      <c r="H8026" t="s">
        <v>15958</v>
      </c>
      <c r="I8026" t="s">
        <v>30540</v>
      </c>
    </row>
    <row r="8027" spans="1:9">
      <c r="A8027" s="1">
        <f ca="1">RAND()</f>
        <v>0.99128195981732192</v>
      </c>
      <c r="B8027" s="1"/>
      <c r="C8027">
        <v>7</v>
      </c>
      <c r="D8027" t="s">
        <v>15947</v>
      </c>
      <c r="E8027" t="s">
        <v>32961</v>
      </c>
      <c r="F8027">
        <v>5</v>
      </c>
      <c r="G8027" t="s">
        <v>13</v>
      </c>
      <c r="H8027" t="s">
        <v>15948</v>
      </c>
      <c r="I8027" t="s">
        <v>30540</v>
      </c>
    </row>
    <row r="8028" spans="1:9">
      <c r="A8028" s="1">
        <f ca="1">RAND()</f>
        <v>0.6674294652028181</v>
      </c>
      <c r="B8028" s="1"/>
      <c r="C8028">
        <v>12</v>
      </c>
      <c r="D8028" t="s">
        <v>15949</v>
      </c>
      <c r="E8028" t="s">
        <v>32961</v>
      </c>
      <c r="F8028">
        <v>5</v>
      </c>
      <c r="G8028" t="s">
        <v>0</v>
      </c>
      <c r="H8028" t="s">
        <v>15950</v>
      </c>
      <c r="I8028" t="s">
        <v>30540</v>
      </c>
    </row>
    <row r="8029" spans="1:9">
      <c r="A8029" s="1">
        <f ca="1">RAND()</f>
        <v>0.8644990750174224</v>
      </c>
      <c r="B8029" s="1"/>
      <c r="C8029">
        <v>17</v>
      </c>
      <c r="D8029" t="s">
        <v>15953</v>
      </c>
      <c r="E8029" t="s">
        <v>32961</v>
      </c>
      <c r="F8029">
        <v>5</v>
      </c>
      <c r="G8029" t="s">
        <v>2</v>
      </c>
      <c r="H8029" t="s">
        <v>15954</v>
      </c>
      <c r="I8029" t="s">
        <v>30540</v>
      </c>
    </row>
    <row r="8030" spans="1:9">
      <c r="A8030" s="1">
        <f ca="1">RAND()</f>
        <v>0.45336123974692388</v>
      </c>
      <c r="B8030" s="1"/>
      <c r="C8030">
        <v>15</v>
      </c>
      <c r="D8030" t="s">
        <v>15951</v>
      </c>
      <c r="E8030" t="s">
        <v>32961</v>
      </c>
      <c r="F8030">
        <v>5</v>
      </c>
      <c r="G8030" t="s">
        <v>2</v>
      </c>
      <c r="H8030" t="s">
        <v>15952</v>
      </c>
      <c r="I8030" t="s">
        <v>30540</v>
      </c>
    </row>
    <row r="8031" spans="1:9">
      <c r="A8031" s="1">
        <f ca="1">RAND()</f>
        <v>0.77569769895609231</v>
      </c>
      <c r="B8031" s="1"/>
      <c r="C8031">
        <v>9</v>
      </c>
      <c r="D8031" t="s">
        <v>15941</v>
      </c>
      <c r="E8031" t="s">
        <v>32962</v>
      </c>
      <c r="F8031">
        <v>5</v>
      </c>
      <c r="G8031" t="s">
        <v>762</v>
      </c>
      <c r="H8031" t="s">
        <v>15942</v>
      </c>
      <c r="I8031" t="s">
        <v>30540</v>
      </c>
    </row>
    <row r="8032" spans="1:9">
      <c r="A8032" s="1">
        <f ca="1">RAND()</f>
        <v>0.70314847184682228</v>
      </c>
      <c r="B8032" s="1"/>
      <c r="C8032">
        <v>15</v>
      </c>
      <c r="D8032" t="s">
        <v>15945</v>
      </c>
      <c r="E8032" t="s">
        <v>32962</v>
      </c>
      <c r="F8032">
        <v>5</v>
      </c>
      <c r="G8032" t="s">
        <v>1431</v>
      </c>
      <c r="H8032" t="s">
        <v>15946</v>
      </c>
      <c r="I8032" t="s">
        <v>30540</v>
      </c>
    </row>
    <row r="8033" spans="1:9">
      <c r="A8033" s="1">
        <f ca="1">RAND()</f>
        <v>0.70543807755788512</v>
      </c>
      <c r="B8033" s="1"/>
      <c r="C8033">
        <v>10</v>
      </c>
      <c r="D8033" t="s">
        <v>15943</v>
      </c>
      <c r="E8033" t="s">
        <v>32962</v>
      </c>
      <c r="F8033">
        <v>5</v>
      </c>
      <c r="G8033" t="s">
        <v>775</v>
      </c>
      <c r="H8033" t="s">
        <v>15944</v>
      </c>
      <c r="I8033" t="s">
        <v>30540</v>
      </c>
    </row>
    <row r="8034" spans="1:9">
      <c r="A8034" s="1">
        <f ca="1">RAND()</f>
        <v>0.23586942744440442</v>
      </c>
      <c r="B8034" s="1"/>
      <c r="C8034">
        <v>5</v>
      </c>
      <c r="D8034" t="s">
        <v>15939</v>
      </c>
      <c r="E8034" t="s">
        <v>32962</v>
      </c>
      <c r="F8034">
        <v>4</v>
      </c>
      <c r="G8034" t="s">
        <v>3732</v>
      </c>
      <c r="H8034" t="s">
        <v>15940</v>
      </c>
      <c r="I8034" t="s">
        <v>30540</v>
      </c>
    </row>
    <row r="8035" spans="1:9">
      <c r="A8035" s="1">
        <f ca="1">RAND()</f>
        <v>0.37630799855687902</v>
      </c>
      <c r="B8035" s="1"/>
      <c r="C8035">
        <v>7</v>
      </c>
      <c r="D8035" t="s">
        <v>15933</v>
      </c>
      <c r="E8035" t="s">
        <v>32963</v>
      </c>
      <c r="F8035">
        <v>4</v>
      </c>
      <c r="G8035" t="s">
        <v>0</v>
      </c>
      <c r="H8035" t="s">
        <v>15934</v>
      </c>
      <c r="I8035" t="s">
        <v>30540</v>
      </c>
    </row>
    <row r="8036" spans="1:9">
      <c r="A8036" s="1">
        <f ca="1">RAND()</f>
        <v>0.15197890084285315</v>
      </c>
      <c r="B8036" s="1"/>
      <c r="C8036">
        <v>12</v>
      </c>
      <c r="D8036" t="s">
        <v>15937</v>
      </c>
      <c r="E8036" t="s">
        <v>32963</v>
      </c>
      <c r="F8036">
        <v>4</v>
      </c>
      <c r="G8036" t="s">
        <v>14</v>
      </c>
      <c r="H8036" t="s">
        <v>15938</v>
      </c>
      <c r="I8036" t="s">
        <v>30540</v>
      </c>
    </row>
    <row r="8037" spans="1:9">
      <c r="A8037" s="1">
        <f ca="1">RAND()</f>
        <v>0.95818102922155723</v>
      </c>
      <c r="B8037" s="1"/>
      <c r="C8037">
        <v>10</v>
      </c>
      <c r="D8037" t="s">
        <v>15935</v>
      </c>
      <c r="E8037" t="s">
        <v>32963</v>
      </c>
      <c r="F8037">
        <v>4</v>
      </c>
      <c r="G8037" t="s">
        <v>14</v>
      </c>
      <c r="H8037" t="s">
        <v>15936</v>
      </c>
      <c r="I8037" t="s">
        <v>30540</v>
      </c>
    </row>
    <row r="8038" spans="1:9">
      <c r="A8038" s="1">
        <f ca="1">RAND()</f>
        <v>0.87278440153472714</v>
      </c>
      <c r="B8038" s="1"/>
      <c r="C8038">
        <v>4</v>
      </c>
      <c r="D8038" t="s">
        <v>15931</v>
      </c>
      <c r="E8038" t="s">
        <v>32963</v>
      </c>
      <c r="F8038">
        <v>4</v>
      </c>
      <c r="G8038" t="s">
        <v>15</v>
      </c>
      <c r="H8038" t="s">
        <v>15932</v>
      </c>
      <c r="I8038" t="s">
        <v>30540</v>
      </c>
    </row>
    <row r="8039" spans="1:9">
      <c r="A8039" s="1">
        <f ca="1">RAND()</f>
        <v>0.98875207130319676</v>
      </c>
      <c r="B8039" s="1"/>
      <c r="C8039">
        <v>9</v>
      </c>
      <c r="D8039" t="s">
        <v>15921</v>
      </c>
      <c r="E8039" t="s">
        <v>32964</v>
      </c>
      <c r="F8039">
        <v>5</v>
      </c>
      <c r="G8039" t="s">
        <v>13</v>
      </c>
      <c r="H8039" t="s">
        <v>15922</v>
      </c>
      <c r="I8039" t="s">
        <v>30540</v>
      </c>
    </row>
    <row r="8040" spans="1:9">
      <c r="A8040" s="1">
        <f ca="1">RAND()</f>
        <v>0.85375330307070485</v>
      </c>
      <c r="B8040" s="1"/>
      <c r="C8040">
        <v>15</v>
      </c>
      <c r="D8040" t="s">
        <v>15925</v>
      </c>
      <c r="E8040" t="s">
        <v>32964</v>
      </c>
      <c r="F8040">
        <v>5</v>
      </c>
      <c r="G8040" t="s">
        <v>2</v>
      </c>
      <c r="H8040" t="s">
        <v>15926</v>
      </c>
      <c r="I8040" t="s">
        <v>30540</v>
      </c>
    </row>
    <row r="8041" spans="1:9">
      <c r="A8041" s="1">
        <f ca="1">RAND()</f>
        <v>0.91970642104353539</v>
      </c>
      <c r="B8041" s="1"/>
      <c r="C8041">
        <v>1</v>
      </c>
      <c r="D8041" t="s">
        <v>15915</v>
      </c>
      <c r="E8041" t="s">
        <v>32964</v>
      </c>
      <c r="F8041">
        <v>4</v>
      </c>
      <c r="G8041" t="s">
        <v>10</v>
      </c>
      <c r="H8041" t="s">
        <v>15916</v>
      </c>
      <c r="I8041" t="s">
        <v>30540</v>
      </c>
    </row>
    <row r="8042" spans="1:9">
      <c r="A8042" s="1">
        <f ca="1">RAND()</f>
        <v>0.41012252960939577</v>
      </c>
      <c r="B8042" s="1"/>
      <c r="C8042">
        <v>18</v>
      </c>
      <c r="D8042" t="s">
        <v>15927</v>
      </c>
      <c r="E8042" t="s">
        <v>32964</v>
      </c>
      <c r="F8042">
        <v>4</v>
      </c>
      <c r="G8042" t="s">
        <v>14</v>
      </c>
      <c r="H8042" t="s">
        <v>15928</v>
      </c>
      <c r="I8042" t="s">
        <v>30540</v>
      </c>
    </row>
    <row r="8043" spans="1:9">
      <c r="A8043" s="1">
        <f ca="1">RAND()</f>
        <v>0.2639570483247512</v>
      </c>
      <c r="B8043" s="1"/>
      <c r="C8043">
        <v>5</v>
      </c>
      <c r="D8043" t="s">
        <v>15917</v>
      </c>
      <c r="E8043" t="s">
        <v>32964</v>
      </c>
      <c r="F8043">
        <v>4</v>
      </c>
      <c r="G8043" t="s">
        <v>10</v>
      </c>
      <c r="H8043" t="s">
        <v>15918</v>
      </c>
      <c r="I8043" t="s">
        <v>30540</v>
      </c>
    </row>
    <row r="8044" spans="1:9">
      <c r="A8044" s="1">
        <f ca="1">RAND()</f>
        <v>9.452637905939798E-2</v>
      </c>
      <c r="B8044" s="1"/>
      <c r="C8044">
        <v>10</v>
      </c>
      <c r="D8044" t="s">
        <v>15923</v>
      </c>
      <c r="E8044" t="s">
        <v>32964</v>
      </c>
      <c r="F8044">
        <v>4</v>
      </c>
      <c r="G8044" t="s">
        <v>14</v>
      </c>
      <c r="H8044" t="s">
        <v>15924</v>
      </c>
      <c r="I8044" t="s">
        <v>30540</v>
      </c>
    </row>
    <row r="8045" spans="1:9">
      <c r="A8045" s="1">
        <f ca="1">RAND()</f>
        <v>7.2474524549203889E-2</v>
      </c>
      <c r="B8045" s="1"/>
      <c r="C8045">
        <v>8</v>
      </c>
      <c r="D8045" t="s">
        <v>15919</v>
      </c>
      <c r="E8045" t="s">
        <v>32964</v>
      </c>
      <c r="F8045">
        <v>4</v>
      </c>
      <c r="G8045" t="s">
        <v>0</v>
      </c>
      <c r="H8045" t="s">
        <v>15920</v>
      </c>
      <c r="I8045" t="s">
        <v>30540</v>
      </c>
    </row>
    <row r="8046" spans="1:9">
      <c r="A8046" s="1">
        <f ca="1">RAND()</f>
        <v>0.5798210110856522</v>
      </c>
      <c r="B8046" s="1"/>
      <c r="C8046">
        <v>19</v>
      </c>
      <c r="D8046" t="s">
        <v>15929</v>
      </c>
      <c r="E8046" t="s">
        <v>32964</v>
      </c>
      <c r="F8046">
        <v>1</v>
      </c>
      <c r="G8046" t="s">
        <v>14</v>
      </c>
      <c r="H8046" t="s">
        <v>15930</v>
      </c>
      <c r="I8046" t="s">
        <v>30540</v>
      </c>
    </row>
    <row r="8047" spans="1:9">
      <c r="A8047" s="1">
        <f ca="1">RAND()</f>
        <v>0.14553833964816454</v>
      </c>
      <c r="B8047" s="1"/>
      <c r="C8047">
        <v>13</v>
      </c>
      <c r="D8047" t="s">
        <v>15913</v>
      </c>
      <c r="E8047" t="s">
        <v>32965</v>
      </c>
      <c r="F8047">
        <v>4</v>
      </c>
      <c r="G8047" t="s">
        <v>10</v>
      </c>
      <c r="H8047" t="s">
        <v>15914</v>
      </c>
      <c r="I8047" t="s">
        <v>30540</v>
      </c>
    </row>
    <row r="8048" spans="1:9">
      <c r="A8048" s="1">
        <f ca="1">RAND()</f>
        <v>0.81416444633282314</v>
      </c>
      <c r="B8048" s="1"/>
      <c r="C8048">
        <v>4</v>
      </c>
      <c r="D8048" t="s">
        <v>15909</v>
      </c>
      <c r="E8048" t="s">
        <v>32965</v>
      </c>
      <c r="F8048">
        <v>4</v>
      </c>
      <c r="G8048" t="s">
        <v>0</v>
      </c>
      <c r="H8048" t="s">
        <v>15910</v>
      </c>
      <c r="I8048" t="s">
        <v>30540</v>
      </c>
    </row>
    <row r="8049" spans="1:9">
      <c r="A8049" s="1">
        <f ca="1">RAND()</f>
        <v>0.41573666976340651</v>
      </c>
      <c r="B8049" s="1"/>
      <c r="C8049">
        <v>9</v>
      </c>
      <c r="D8049" t="s">
        <v>15911</v>
      </c>
      <c r="E8049" t="s">
        <v>32965</v>
      </c>
      <c r="F8049">
        <v>2</v>
      </c>
      <c r="G8049" t="s">
        <v>10</v>
      </c>
      <c r="H8049" t="s">
        <v>15912</v>
      </c>
      <c r="I8049" t="s">
        <v>30540</v>
      </c>
    </row>
    <row r="8050" spans="1:9">
      <c r="A8050" s="1">
        <f ca="1">RAND()</f>
        <v>0.79882465498055633</v>
      </c>
      <c r="B8050" s="1"/>
      <c r="C8050">
        <v>17</v>
      </c>
      <c r="D8050" t="s">
        <v>15905</v>
      </c>
      <c r="E8050" t="s">
        <v>32966</v>
      </c>
      <c r="F8050">
        <v>4</v>
      </c>
      <c r="G8050" t="s">
        <v>14</v>
      </c>
      <c r="H8050" t="s">
        <v>15906</v>
      </c>
      <c r="I8050" t="s">
        <v>30540</v>
      </c>
    </row>
    <row r="8051" spans="1:9">
      <c r="A8051" s="1">
        <f ca="1">RAND()</f>
        <v>0.39529765362697944</v>
      </c>
      <c r="B8051" s="1"/>
      <c r="C8051">
        <v>13</v>
      </c>
      <c r="D8051" t="s">
        <v>15903</v>
      </c>
      <c r="E8051" t="s">
        <v>32966</v>
      </c>
      <c r="F8051">
        <v>4</v>
      </c>
      <c r="G8051" t="s">
        <v>1</v>
      </c>
      <c r="H8051" t="s">
        <v>15904</v>
      </c>
      <c r="I8051" t="s">
        <v>30540</v>
      </c>
    </row>
    <row r="8052" spans="1:9">
      <c r="A8052" s="1">
        <f ca="1">RAND()</f>
        <v>0.84461177636329443</v>
      </c>
      <c r="B8052" s="1"/>
      <c r="C8052">
        <v>18</v>
      </c>
      <c r="D8052" t="s">
        <v>15907</v>
      </c>
      <c r="E8052" t="s">
        <v>32966</v>
      </c>
      <c r="F8052">
        <v>2</v>
      </c>
      <c r="G8052" t="s">
        <v>9</v>
      </c>
      <c r="H8052" t="s">
        <v>15908</v>
      </c>
      <c r="I8052" t="s">
        <v>30540</v>
      </c>
    </row>
    <row r="8053" spans="1:9">
      <c r="A8053" s="1">
        <f ca="1">RAND()</f>
        <v>0.86238802856199714</v>
      </c>
      <c r="B8053" s="1"/>
      <c r="C8053">
        <v>14</v>
      </c>
      <c r="D8053" t="s">
        <v>15899</v>
      </c>
      <c r="E8053" t="s">
        <v>32967</v>
      </c>
      <c r="F8053">
        <v>4</v>
      </c>
      <c r="G8053" t="s">
        <v>2</v>
      </c>
      <c r="H8053" t="s">
        <v>15900</v>
      </c>
      <c r="I8053" t="s">
        <v>30540</v>
      </c>
    </row>
    <row r="8054" spans="1:9">
      <c r="A8054" s="1">
        <f ca="1">RAND()</f>
        <v>1.5081032996122623E-2</v>
      </c>
      <c r="B8054" s="1"/>
      <c r="C8054">
        <v>10</v>
      </c>
      <c r="D8054" t="s">
        <v>15897</v>
      </c>
      <c r="E8054" t="s">
        <v>32967</v>
      </c>
      <c r="F8054">
        <v>4</v>
      </c>
      <c r="G8054" t="s">
        <v>3732</v>
      </c>
      <c r="H8054" t="s">
        <v>15898</v>
      </c>
      <c r="I8054" t="s">
        <v>30540</v>
      </c>
    </row>
    <row r="8055" spans="1:9">
      <c r="A8055" s="1">
        <f ca="1">RAND()</f>
        <v>0.25852938368690936</v>
      </c>
      <c r="B8055" s="1"/>
      <c r="C8055">
        <v>4</v>
      </c>
      <c r="D8055" t="s">
        <v>15895</v>
      </c>
      <c r="E8055" t="s">
        <v>32967</v>
      </c>
      <c r="F8055">
        <v>4</v>
      </c>
      <c r="G8055" t="s">
        <v>1431</v>
      </c>
      <c r="H8055" t="s">
        <v>15896</v>
      </c>
      <c r="I8055" t="s">
        <v>30540</v>
      </c>
    </row>
    <row r="8056" spans="1:9">
      <c r="A8056" s="1">
        <f ca="1">RAND()</f>
        <v>0.89888337678427377</v>
      </c>
      <c r="B8056" s="1"/>
      <c r="C8056">
        <v>19</v>
      </c>
      <c r="D8056" t="s">
        <v>15901</v>
      </c>
      <c r="E8056" t="s">
        <v>32967</v>
      </c>
      <c r="F8056">
        <v>4</v>
      </c>
      <c r="G8056" t="s">
        <v>14</v>
      </c>
      <c r="H8056" t="s">
        <v>15902</v>
      </c>
      <c r="I8056" t="s">
        <v>30540</v>
      </c>
    </row>
    <row r="8057" spans="1:9">
      <c r="A8057" s="1">
        <f ca="1">RAND()</f>
        <v>0.35913165844820549</v>
      </c>
      <c r="B8057" s="1"/>
      <c r="C8057">
        <v>11</v>
      </c>
      <c r="D8057" t="s">
        <v>15893</v>
      </c>
      <c r="E8057" t="s">
        <v>32968</v>
      </c>
      <c r="F8057">
        <v>5</v>
      </c>
      <c r="G8057" t="s">
        <v>13</v>
      </c>
      <c r="H8057" t="s">
        <v>15894</v>
      </c>
      <c r="I8057" t="s">
        <v>30540</v>
      </c>
    </row>
    <row r="8058" spans="1:9">
      <c r="A8058" s="1">
        <f ca="1">RAND()</f>
        <v>0.50476064435834334</v>
      </c>
      <c r="B8058" s="1"/>
      <c r="C8058">
        <v>10</v>
      </c>
      <c r="D8058" t="s">
        <v>15891</v>
      </c>
      <c r="E8058" t="s">
        <v>32968</v>
      </c>
      <c r="F8058">
        <v>4</v>
      </c>
      <c r="G8058" t="s">
        <v>14</v>
      </c>
      <c r="H8058" t="s">
        <v>15892</v>
      </c>
      <c r="I8058" t="s">
        <v>30540</v>
      </c>
    </row>
    <row r="8059" spans="1:9">
      <c r="A8059" s="1">
        <f ca="1">RAND()</f>
        <v>0.53831556078627663</v>
      </c>
      <c r="B8059" s="1"/>
      <c r="C8059">
        <v>9</v>
      </c>
      <c r="D8059" t="s">
        <v>15889</v>
      </c>
      <c r="E8059" t="s">
        <v>32968</v>
      </c>
      <c r="F8059">
        <v>2</v>
      </c>
      <c r="G8059" t="s">
        <v>14</v>
      </c>
      <c r="H8059" t="s">
        <v>15890</v>
      </c>
      <c r="I8059" t="s">
        <v>30540</v>
      </c>
    </row>
    <row r="8060" spans="1:9">
      <c r="A8060" s="1">
        <f ca="1">RAND()</f>
        <v>0.44113449624610146</v>
      </c>
      <c r="B8060" s="1"/>
      <c r="C8060">
        <v>15</v>
      </c>
      <c r="D8060" t="s">
        <v>15887</v>
      </c>
      <c r="E8060" t="s">
        <v>32969</v>
      </c>
      <c r="F8060">
        <v>4</v>
      </c>
      <c r="G8060" t="s">
        <v>14</v>
      </c>
      <c r="H8060" t="s">
        <v>15888</v>
      </c>
      <c r="I8060" t="s">
        <v>30540</v>
      </c>
    </row>
    <row r="8061" spans="1:9">
      <c r="A8061" s="1">
        <f ca="1">RAND()</f>
        <v>0.87647710071467089</v>
      </c>
      <c r="B8061" s="1"/>
      <c r="C8061">
        <v>13</v>
      </c>
      <c r="D8061" t="s">
        <v>15885</v>
      </c>
      <c r="E8061" t="s">
        <v>32969</v>
      </c>
      <c r="F8061">
        <v>4</v>
      </c>
      <c r="G8061" t="s">
        <v>13</v>
      </c>
      <c r="H8061" t="s">
        <v>15886</v>
      </c>
      <c r="I8061" t="s">
        <v>30540</v>
      </c>
    </row>
    <row r="8062" spans="1:9">
      <c r="A8062" s="1">
        <f ca="1">RAND()</f>
        <v>0.13294910621505862</v>
      </c>
      <c r="B8062" s="1"/>
      <c r="C8062">
        <v>3</v>
      </c>
      <c r="D8062" t="s">
        <v>15881</v>
      </c>
      <c r="E8062" t="s">
        <v>32969</v>
      </c>
      <c r="F8062">
        <v>4</v>
      </c>
      <c r="G8062" t="s">
        <v>15</v>
      </c>
      <c r="H8062" t="s">
        <v>15882</v>
      </c>
      <c r="I8062" t="s">
        <v>30540</v>
      </c>
    </row>
    <row r="8063" spans="1:9">
      <c r="A8063" s="1">
        <f ca="1">RAND()</f>
        <v>0.79317896862921189</v>
      </c>
      <c r="B8063" s="1"/>
      <c r="C8063">
        <v>10</v>
      </c>
      <c r="D8063" t="s">
        <v>15883</v>
      </c>
      <c r="E8063" t="s">
        <v>32969</v>
      </c>
      <c r="F8063">
        <v>4</v>
      </c>
      <c r="G8063" t="s">
        <v>14</v>
      </c>
      <c r="H8063" t="s">
        <v>15884</v>
      </c>
      <c r="I8063" t="s">
        <v>30540</v>
      </c>
    </row>
    <row r="8064" spans="1:9">
      <c r="A8064" s="1">
        <f ca="1">RAND()</f>
        <v>0.22594304940710408</v>
      </c>
      <c r="B8064" s="1"/>
      <c r="C8064">
        <v>18</v>
      </c>
      <c r="D8064" t="s">
        <v>15879</v>
      </c>
      <c r="E8064" t="s">
        <v>32970</v>
      </c>
      <c r="F8064">
        <v>4</v>
      </c>
      <c r="G8064" t="s">
        <v>14</v>
      </c>
      <c r="H8064" t="s">
        <v>15880</v>
      </c>
      <c r="I8064" t="s">
        <v>30540</v>
      </c>
    </row>
    <row r="8065" spans="1:9">
      <c r="A8065" s="1">
        <f ca="1">RAND()</f>
        <v>0.56905951213415262</v>
      </c>
      <c r="B8065" s="1"/>
      <c r="C8065">
        <v>2</v>
      </c>
      <c r="D8065" t="s">
        <v>15871</v>
      </c>
      <c r="E8065" t="s">
        <v>32970</v>
      </c>
      <c r="F8065">
        <v>4</v>
      </c>
      <c r="G8065" t="s">
        <v>13</v>
      </c>
      <c r="H8065" t="s">
        <v>15872</v>
      </c>
      <c r="I8065" t="s">
        <v>30540</v>
      </c>
    </row>
    <row r="8066" spans="1:9">
      <c r="A8066" s="1">
        <f ca="1">RAND()</f>
        <v>7.4346888098430153E-2</v>
      </c>
      <c r="B8066" s="1"/>
      <c r="C8066">
        <v>14</v>
      </c>
      <c r="D8066" t="s">
        <v>15877</v>
      </c>
      <c r="E8066" t="s">
        <v>32970</v>
      </c>
      <c r="F8066">
        <v>3</v>
      </c>
      <c r="G8066" t="s">
        <v>14</v>
      </c>
      <c r="H8066" t="s">
        <v>15878</v>
      </c>
      <c r="I8066" t="s">
        <v>30540</v>
      </c>
    </row>
    <row r="8067" spans="1:9">
      <c r="A8067" s="1">
        <f ca="1">RAND()</f>
        <v>0.89674858850370642</v>
      </c>
      <c r="B8067" s="1"/>
      <c r="C8067">
        <v>8</v>
      </c>
      <c r="D8067" t="s">
        <v>15875</v>
      </c>
      <c r="E8067" t="s">
        <v>32970</v>
      </c>
      <c r="F8067">
        <v>3</v>
      </c>
      <c r="G8067" t="s">
        <v>14</v>
      </c>
      <c r="H8067" t="s">
        <v>15876</v>
      </c>
      <c r="I8067" t="s">
        <v>30540</v>
      </c>
    </row>
    <row r="8068" spans="1:9">
      <c r="A8068" s="1">
        <f ca="1">RAND()</f>
        <v>0.26104774376502327</v>
      </c>
      <c r="B8068" s="1"/>
      <c r="C8068">
        <v>7</v>
      </c>
      <c r="D8068" t="s">
        <v>15873</v>
      </c>
      <c r="E8068" t="s">
        <v>32970</v>
      </c>
      <c r="F8068">
        <v>2</v>
      </c>
      <c r="G8068" t="s">
        <v>14</v>
      </c>
      <c r="H8068" t="s">
        <v>15874</v>
      </c>
      <c r="I8068" t="s">
        <v>30540</v>
      </c>
    </row>
    <row r="8069" spans="1:9">
      <c r="A8069" s="1">
        <f ca="1">RAND()</f>
        <v>2.5582496940793287E-2</v>
      </c>
      <c r="B8069" s="1"/>
      <c r="C8069">
        <v>11</v>
      </c>
      <c r="D8069" t="s">
        <v>15865</v>
      </c>
      <c r="E8069" t="s">
        <v>32971</v>
      </c>
      <c r="F8069">
        <v>5</v>
      </c>
      <c r="G8069" t="s">
        <v>13</v>
      </c>
      <c r="H8069" t="s">
        <v>15866</v>
      </c>
      <c r="I8069" t="s">
        <v>30540</v>
      </c>
    </row>
    <row r="8070" spans="1:9">
      <c r="A8070" s="1">
        <f ca="1">RAND()</f>
        <v>0.43548166914260078</v>
      </c>
      <c r="B8070" s="1"/>
      <c r="C8070">
        <v>1</v>
      </c>
      <c r="D8070" t="s">
        <v>15861</v>
      </c>
      <c r="E8070" t="s">
        <v>32971</v>
      </c>
      <c r="F8070">
        <v>4</v>
      </c>
      <c r="G8070" t="s">
        <v>10</v>
      </c>
      <c r="H8070" t="s">
        <v>15862</v>
      </c>
      <c r="I8070" t="s">
        <v>30540</v>
      </c>
    </row>
    <row r="8071" spans="1:9">
      <c r="A8071" s="1">
        <f ca="1">RAND()</f>
        <v>5.6696047274914507E-2</v>
      </c>
      <c r="B8071" s="1"/>
      <c r="C8071">
        <v>13</v>
      </c>
      <c r="D8071" t="s">
        <v>15867</v>
      </c>
      <c r="E8071" t="s">
        <v>32971</v>
      </c>
      <c r="F8071">
        <v>4</v>
      </c>
      <c r="G8071" t="s">
        <v>2</v>
      </c>
      <c r="H8071" t="s">
        <v>15868</v>
      </c>
      <c r="I8071" t="s">
        <v>30540</v>
      </c>
    </row>
    <row r="8072" spans="1:9">
      <c r="A8072" s="1">
        <f ca="1">RAND()</f>
        <v>5.876760225453026E-2</v>
      </c>
      <c r="B8072" s="1"/>
      <c r="C8072">
        <v>19</v>
      </c>
      <c r="D8072" t="s">
        <v>15869</v>
      </c>
      <c r="E8072" t="s">
        <v>32971</v>
      </c>
      <c r="F8072">
        <v>2</v>
      </c>
      <c r="G8072" t="s">
        <v>14</v>
      </c>
      <c r="H8072" t="s">
        <v>15870</v>
      </c>
      <c r="I8072" t="s">
        <v>30540</v>
      </c>
    </row>
    <row r="8073" spans="1:9">
      <c r="A8073" s="1">
        <f ca="1">RAND()</f>
        <v>0.24707868629113949</v>
      </c>
      <c r="B8073" s="1"/>
      <c r="C8073">
        <v>9</v>
      </c>
      <c r="D8073" t="s">
        <v>15863</v>
      </c>
      <c r="E8073" t="s">
        <v>32971</v>
      </c>
      <c r="F8073">
        <v>2</v>
      </c>
      <c r="G8073" t="s">
        <v>13</v>
      </c>
      <c r="H8073" t="s">
        <v>15864</v>
      </c>
      <c r="I8073" t="s">
        <v>30540</v>
      </c>
    </row>
    <row r="8074" spans="1:9">
      <c r="A8074" s="1">
        <f ca="1">RAND()</f>
        <v>0.3842173953010084</v>
      </c>
      <c r="B8074" s="1"/>
      <c r="C8074">
        <v>18</v>
      </c>
      <c r="D8074" t="s">
        <v>15857</v>
      </c>
      <c r="E8074" t="s">
        <v>32972</v>
      </c>
      <c r="F8074">
        <v>5</v>
      </c>
      <c r="G8074" t="s">
        <v>774</v>
      </c>
      <c r="H8074" t="s">
        <v>15858</v>
      </c>
      <c r="I8074" t="s">
        <v>30540</v>
      </c>
    </row>
    <row r="8075" spans="1:9">
      <c r="A8075" s="1">
        <f ca="1">RAND()</f>
        <v>0.9261404070275745</v>
      </c>
      <c r="B8075" s="1"/>
      <c r="C8075">
        <v>13</v>
      </c>
      <c r="D8075" t="s">
        <v>15853</v>
      </c>
      <c r="E8075" t="s">
        <v>32972</v>
      </c>
      <c r="F8075">
        <v>5</v>
      </c>
      <c r="G8075" t="s">
        <v>14</v>
      </c>
      <c r="H8075" t="s">
        <v>15854</v>
      </c>
      <c r="I8075" t="s">
        <v>30540</v>
      </c>
    </row>
    <row r="8076" spans="1:9">
      <c r="A8076" s="1">
        <f ca="1">RAND()</f>
        <v>0.98922082848297721</v>
      </c>
      <c r="B8076" s="1"/>
      <c r="C8076">
        <v>11</v>
      </c>
      <c r="D8076" t="s">
        <v>15851</v>
      </c>
      <c r="E8076" t="s">
        <v>32972</v>
      </c>
      <c r="F8076">
        <v>5</v>
      </c>
      <c r="G8076" t="s">
        <v>1</v>
      </c>
      <c r="H8076" t="s">
        <v>15852</v>
      </c>
      <c r="I8076" t="s">
        <v>30540</v>
      </c>
    </row>
    <row r="8077" spans="1:9">
      <c r="A8077" s="1">
        <f ca="1">RAND()</f>
        <v>2.7329408147105494E-2</v>
      </c>
      <c r="B8077" s="1"/>
      <c r="C8077">
        <v>1</v>
      </c>
      <c r="D8077" t="s">
        <v>15845</v>
      </c>
      <c r="E8077" t="s">
        <v>32972</v>
      </c>
      <c r="F8077">
        <v>4</v>
      </c>
      <c r="G8077" t="s">
        <v>1431</v>
      </c>
      <c r="H8077" t="s">
        <v>15846</v>
      </c>
      <c r="I8077" t="s">
        <v>30540</v>
      </c>
    </row>
    <row r="8078" spans="1:9">
      <c r="A8078" s="1">
        <f ca="1">RAND()</f>
        <v>0.28781165751826132</v>
      </c>
      <c r="B8078" s="1"/>
      <c r="C8078">
        <v>8</v>
      </c>
      <c r="D8078" t="s">
        <v>15849</v>
      </c>
      <c r="E8078" t="s">
        <v>32972</v>
      </c>
      <c r="F8078">
        <v>4</v>
      </c>
      <c r="G8078" t="s">
        <v>3732</v>
      </c>
      <c r="H8078" t="s">
        <v>15850</v>
      </c>
      <c r="I8078" t="s">
        <v>30540</v>
      </c>
    </row>
    <row r="8079" spans="1:9">
      <c r="A8079" s="1">
        <f ca="1">RAND()</f>
        <v>0.62069482573939938</v>
      </c>
      <c r="B8079" s="1"/>
      <c r="C8079">
        <v>7</v>
      </c>
      <c r="D8079" t="s">
        <v>15847</v>
      </c>
      <c r="E8079" t="s">
        <v>32972</v>
      </c>
      <c r="F8079">
        <v>2</v>
      </c>
      <c r="G8079" t="s">
        <v>1295</v>
      </c>
      <c r="H8079" t="s">
        <v>15848</v>
      </c>
      <c r="I8079" t="s">
        <v>30540</v>
      </c>
    </row>
    <row r="8080" spans="1:9">
      <c r="A8080" s="1">
        <f ca="1">RAND()</f>
        <v>0.65972616642024717</v>
      </c>
      <c r="B8080" s="1"/>
      <c r="C8080">
        <v>17</v>
      </c>
      <c r="D8080" t="s">
        <v>15855</v>
      </c>
      <c r="E8080" t="s">
        <v>32972</v>
      </c>
      <c r="F8080">
        <v>2</v>
      </c>
      <c r="G8080" t="s">
        <v>3107</v>
      </c>
      <c r="H8080" t="s">
        <v>15856</v>
      </c>
      <c r="I8080" t="s">
        <v>30540</v>
      </c>
    </row>
    <row r="8081" spans="1:9">
      <c r="A8081" s="1">
        <f ca="1">RAND()</f>
        <v>0.85597340386471943</v>
      </c>
      <c r="B8081" s="1"/>
      <c r="C8081">
        <v>20</v>
      </c>
      <c r="D8081" t="s">
        <v>15859</v>
      </c>
      <c r="E8081" t="s">
        <v>32972</v>
      </c>
      <c r="F8081">
        <v>2</v>
      </c>
      <c r="G8081" t="s">
        <v>766</v>
      </c>
      <c r="H8081" t="s">
        <v>15860</v>
      </c>
      <c r="I8081" t="s">
        <v>30540</v>
      </c>
    </row>
    <row r="8082" spans="1:9">
      <c r="A8082" s="1">
        <f ca="1">RAND()</f>
        <v>0.96030232099368151</v>
      </c>
      <c r="B8082" s="1"/>
      <c r="C8082">
        <v>3</v>
      </c>
      <c r="D8082" t="s">
        <v>15829</v>
      </c>
      <c r="E8082" t="s">
        <v>32973</v>
      </c>
      <c r="F8082">
        <v>5</v>
      </c>
      <c r="G8082" t="s">
        <v>10</v>
      </c>
      <c r="H8082" t="s">
        <v>15830</v>
      </c>
      <c r="I8082" t="s">
        <v>30540</v>
      </c>
    </row>
    <row r="8083" spans="1:9">
      <c r="A8083" s="1">
        <f ca="1">RAND()</f>
        <v>0.78400013385226719</v>
      </c>
      <c r="B8083" s="1"/>
      <c r="C8083">
        <v>16</v>
      </c>
      <c r="D8083" t="s">
        <v>15839</v>
      </c>
      <c r="E8083" t="s">
        <v>32973</v>
      </c>
      <c r="F8083">
        <v>5</v>
      </c>
      <c r="G8083" t="s">
        <v>14</v>
      </c>
      <c r="H8083" t="s">
        <v>15840</v>
      </c>
      <c r="I8083" t="s">
        <v>30540</v>
      </c>
    </row>
    <row r="8084" spans="1:9">
      <c r="A8084" s="1">
        <f ca="1">RAND()</f>
        <v>0.6896022490216086</v>
      </c>
      <c r="B8084" s="1"/>
      <c r="C8084">
        <v>14</v>
      </c>
      <c r="D8084" t="s">
        <v>15835</v>
      </c>
      <c r="E8084" t="s">
        <v>32973</v>
      </c>
      <c r="F8084">
        <v>4</v>
      </c>
      <c r="G8084" t="s">
        <v>14</v>
      </c>
      <c r="H8084" t="s">
        <v>15836</v>
      </c>
      <c r="I8084" t="s">
        <v>30540</v>
      </c>
    </row>
    <row r="8085" spans="1:9">
      <c r="A8085" s="1">
        <f ca="1">RAND()</f>
        <v>3.2840862515338576E-2</v>
      </c>
      <c r="B8085" s="1"/>
      <c r="C8085">
        <v>18</v>
      </c>
      <c r="D8085" t="s">
        <v>15843</v>
      </c>
      <c r="E8085" t="s">
        <v>32973</v>
      </c>
      <c r="F8085">
        <v>4</v>
      </c>
      <c r="G8085" t="s">
        <v>14</v>
      </c>
      <c r="H8085" t="s">
        <v>15844</v>
      </c>
      <c r="I8085" t="s">
        <v>30540</v>
      </c>
    </row>
    <row r="8086" spans="1:9">
      <c r="A8086" s="1">
        <f ca="1">RAND()</f>
        <v>0.88076635219933042</v>
      </c>
      <c r="B8086" s="1"/>
      <c r="C8086">
        <v>4</v>
      </c>
      <c r="D8086" t="s">
        <v>15831</v>
      </c>
      <c r="E8086" t="s">
        <v>32973</v>
      </c>
      <c r="F8086">
        <v>4</v>
      </c>
      <c r="G8086" t="s">
        <v>15</v>
      </c>
      <c r="H8086" t="s">
        <v>15832</v>
      </c>
      <c r="I8086" t="s">
        <v>30540</v>
      </c>
    </row>
    <row r="8087" spans="1:9">
      <c r="A8087" s="1">
        <f ca="1">RAND()</f>
        <v>0.65663759166065472</v>
      </c>
      <c r="B8087" s="1"/>
      <c r="C8087">
        <v>17</v>
      </c>
      <c r="D8087" t="s">
        <v>15841</v>
      </c>
      <c r="E8087" t="s">
        <v>32973</v>
      </c>
      <c r="F8087">
        <v>4</v>
      </c>
      <c r="G8087" t="s">
        <v>14</v>
      </c>
      <c r="H8087" t="s">
        <v>15842</v>
      </c>
      <c r="I8087" t="s">
        <v>30540</v>
      </c>
    </row>
    <row r="8088" spans="1:9">
      <c r="A8088" s="1">
        <f ca="1">RAND()</f>
        <v>0.92664330848772136</v>
      </c>
      <c r="B8088" s="1"/>
      <c r="C8088">
        <v>2</v>
      </c>
      <c r="D8088" t="s">
        <v>15827</v>
      </c>
      <c r="E8088" t="s">
        <v>32973</v>
      </c>
      <c r="F8088">
        <v>4</v>
      </c>
      <c r="G8088" t="s">
        <v>10</v>
      </c>
      <c r="H8088" t="s">
        <v>15828</v>
      </c>
      <c r="I8088" t="s">
        <v>30540</v>
      </c>
    </row>
    <row r="8089" spans="1:9">
      <c r="A8089" s="1">
        <f ca="1">RAND()</f>
        <v>2.1757809563864305E-2</v>
      </c>
      <c r="B8089" s="1"/>
      <c r="C8089">
        <v>15</v>
      </c>
      <c r="D8089" t="s">
        <v>15837</v>
      </c>
      <c r="E8089" t="s">
        <v>32973</v>
      </c>
      <c r="F8089">
        <v>2</v>
      </c>
      <c r="G8089" t="s">
        <v>14</v>
      </c>
      <c r="H8089" t="s">
        <v>15838</v>
      </c>
      <c r="I8089" t="s">
        <v>30540</v>
      </c>
    </row>
    <row r="8090" spans="1:9">
      <c r="A8090" s="1">
        <f ca="1">RAND()</f>
        <v>7.2052619471262735E-2</v>
      </c>
      <c r="B8090" s="1"/>
      <c r="C8090">
        <v>6</v>
      </c>
      <c r="D8090" t="s">
        <v>15833</v>
      </c>
      <c r="E8090" t="s">
        <v>32973</v>
      </c>
      <c r="F8090">
        <v>2</v>
      </c>
      <c r="G8090" t="s">
        <v>10</v>
      </c>
      <c r="H8090" t="s">
        <v>15834</v>
      </c>
      <c r="I8090" t="s">
        <v>30540</v>
      </c>
    </row>
    <row r="8091" spans="1:9">
      <c r="A8091" s="1">
        <f ca="1">RAND()</f>
        <v>0.78585102277131591</v>
      </c>
      <c r="B8091" s="1"/>
      <c r="C8091">
        <v>3</v>
      </c>
      <c r="D8091" t="s">
        <v>15823</v>
      </c>
      <c r="E8091" t="s">
        <v>32974</v>
      </c>
      <c r="F8091">
        <v>5</v>
      </c>
      <c r="G8091" t="s">
        <v>13</v>
      </c>
      <c r="H8091" t="s">
        <v>15824</v>
      </c>
      <c r="I8091" t="s">
        <v>30540</v>
      </c>
    </row>
    <row r="8092" spans="1:9">
      <c r="A8092" s="1">
        <f ca="1">RAND()</f>
        <v>0.22760287451164318</v>
      </c>
      <c r="B8092" s="1"/>
      <c r="C8092">
        <v>2</v>
      </c>
      <c r="D8092" t="s">
        <v>15821</v>
      </c>
      <c r="E8092" t="s">
        <v>32974</v>
      </c>
      <c r="F8092">
        <v>4</v>
      </c>
      <c r="G8092" t="s">
        <v>14</v>
      </c>
      <c r="H8092" t="s">
        <v>15822</v>
      </c>
      <c r="I8092" t="s">
        <v>30540</v>
      </c>
    </row>
    <row r="8093" spans="1:9">
      <c r="A8093" s="1">
        <f ca="1">RAND()</f>
        <v>0.8406946377969049</v>
      </c>
      <c r="B8093" s="1"/>
      <c r="C8093">
        <v>18</v>
      </c>
      <c r="D8093" t="s">
        <v>15825</v>
      </c>
      <c r="E8093" t="s">
        <v>32974</v>
      </c>
      <c r="F8093">
        <v>2</v>
      </c>
      <c r="G8093" t="s">
        <v>14</v>
      </c>
      <c r="H8093" t="s">
        <v>15826</v>
      </c>
      <c r="I8093" t="s">
        <v>30540</v>
      </c>
    </row>
    <row r="8094" spans="1:9">
      <c r="A8094" s="1">
        <f ca="1">RAND()</f>
        <v>5.6804890782087503E-2</v>
      </c>
      <c r="B8094" s="1"/>
      <c r="C8094">
        <v>16</v>
      </c>
      <c r="D8094" t="s">
        <v>15817</v>
      </c>
      <c r="E8094" t="s">
        <v>32975</v>
      </c>
      <c r="F8094">
        <v>4</v>
      </c>
      <c r="G8094" t="s">
        <v>2</v>
      </c>
      <c r="H8094" t="s">
        <v>15818</v>
      </c>
      <c r="I8094" t="s">
        <v>30540</v>
      </c>
    </row>
    <row r="8095" spans="1:9">
      <c r="A8095" s="1">
        <f ca="1">RAND()</f>
        <v>0.56626465305707629</v>
      </c>
      <c r="B8095" s="1"/>
      <c r="C8095">
        <v>11</v>
      </c>
      <c r="D8095" t="s">
        <v>15815</v>
      </c>
      <c r="E8095" t="s">
        <v>32975</v>
      </c>
      <c r="F8095">
        <v>4</v>
      </c>
      <c r="G8095" t="s">
        <v>13</v>
      </c>
      <c r="H8095" t="s">
        <v>15816</v>
      </c>
      <c r="I8095" t="s">
        <v>30540</v>
      </c>
    </row>
    <row r="8096" spans="1:9">
      <c r="A8096" s="1">
        <f ca="1">RAND()</f>
        <v>0.12520666427503857</v>
      </c>
      <c r="B8096" s="1"/>
      <c r="C8096">
        <v>7</v>
      </c>
      <c r="D8096" t="s">
        <v>15813</v>
      </c>
      <c r="E8096" t="s">
        <v>32975</v>
      </c>
      <c r="F8096">
        <v>4</v>
      </c>
      <c r="G8096" t="s">
        <v>14</v>
      </c>
      <c r="H8096" t="s">
        <v>15814</v>
      </c>
      <c r="I8096" t="s">
        <v>30540</v>
      </c>
    </row>
    <row r="8097" spans="1:9">
      <c r="A8097" s="1">
        <f ca="1">RAND()</f>
        <v>0.60671027423971213</v>
      </c>
      <c r="B8097" s="1"/>
      <c r="C8097">
        <v>1</v>
      </c>
      <c r="D8097" t="s">
        <v>15807</v>
      </c>
      <c r="E8097" t="s">
        <v>32975</v>
      </c>
      <c r="F8097">
        <v>4</v>
      </c>
      <c r="G8097" t="s">
        <v>10</v>
      </c>
      <c r="H8097" t="s">
        <v>15808</v>
      </c>
      <c r="I8097" t="s">
        <v>30540</v>
      </c>
    </row>
    <row r="8098" spans="1:9">
      <c r="A8098" s="1">
        <f ca="1">RAND()</f>
        <v>0.93900145131086044</v>
      </c>
      <c r="B8098" s="1"/>
      <c r="C8098">
        <v>4</v>
      </c>
      <c r="D8098" t="s">
        <v>15809</v>
      </c>
      <c r="E8098" t="s">
        <v>32975</v>
      </c>
      <c r="F8098">
        <v>3</v>
      </c>
      <c r="G8098" t="s">
        <v>14</v>
      </c>
      <c r="H8098" t="s">
        <v>15810</v>
      </c>
      <c r="I8098" t="s">
        <v>30540</v>
      </c>
    </row>
    <row r="8099" spans="1:9">
      <c r="A8099" s="1">
        <f ca="1">RAND()</f>
        <v>0.23871517370387818</v>
      </c>
      <c r="B8099" s="1"/>
      <c r="C8099">
        <v>19</v>
      </c>
      <c r="D8099" t="s">
        <v>15819</v>
      </c>
      <c r="E8099" t="s">
        <v>32975</v>
      </c>
      <c r="F8099">
        <v>2</v>
      </c>
      <c r="G8099" t="s">
        <v>14</v>
      </c>
      <c r="H8099" t="s">
        <v>15820</v>
      </c>
      <c r="I8099" t="s">
        <v>30540</v>
      </c>
    </row>
    <row r="8100" spans="1:9">
      <c r="A8100" s="1">
        <f ca="1">RAND()</f>
        <v>0.46740726612705985</v>
      </c>
      <c r="B8100" s="1"/>
      <c r="C8100">
        <v>6</v>
      </c>
      <c r="D8100" t="s">
        <v>15811</v>
      </c>
      <c r="E8100" t="s">
        <v>32975</v>
      </c>
      <c r="F8100">
        <v>2</v>
      </c>
      <c r="G8100" t="s">
        <v>1</v>
      </c>
      <c r="H8100" t="s">
        <v>15812</v>
      </c>
      <c r="I8100" t="s">
        <v>30540</v>
      </c>
    </row>
    <row r="8101" spans="1:9">
      <c r="A8101" s="1">
        <f ca="1">RAND()</f>
        <v>4.4638180152023699E-2</v>
      </c>
      <c r="B8101" s="1"/>
      <c r="C8101">
        <v>6</v>
      </c>
      <c r="D8101" t="s">
        <v>15799</v>
      </c>
      <c r="E8101" t="s">
        <v>32976</v>
      </c>
      <c r="F8101">
        <v>5</v>
      </c>
      <c r="G8101" t="s">
        <v>10</v>
      </c>
      <c r="H8101" t="s">
        <v>15800</v>
      </c>
      <c r="I8101" t="s">
        <v>30540</v>
      </c>
    </row>
    <row r="8102" spans="1:9">
      <c r="A8102" s="1">
        <f ca="1">RAND()</f>
        <v>0.27712706888567062</v>
      </c>
      <c r="B8102" s="1"/>
      <c r="C8102">
        <v>13</v>
      </c>
      <c r="D8102" t="s">
        <v>15803</v>
      </c>
      <c r="E8102" t="s">
        <v>32976</v>
      </c>
      <c r="F8102">
        <v>4</v>
      </c>
      <c r="G8102" t="s">
        <v>15</v>
      </c>
      <c r="H8102" t="s">
        <v>15804</v>
      </c>
      <c r="I8102" t="s">
        <v>30540</v>
      </c>
    </row>
    <row r="8103" spans="1:9">
      <c r="A8103" s="1">
        <f ca="1">RAND()</f>
        <v>0.51954650083228127</v>
      </c>
      <c r="B8103" s="1"/>
      <c r="C8103">
        <v>1</v>
      </c>
      <c r="D8103" t="s">
        <v>15797</v>
      </c>
      <c r="E8103" t="s">
        <v>32976</v>
      </c>
      <c r="F8103">
        <v>4</v>
      </c>
      <c r="G8103" t="s">
        <v>775</v>
      </c>
      <c r="H8103" t="s">
        <v>15798</v>
      </c>
      <c r="I8103" t="s">
        <v>30540</v>
      </c>
    </row>
    <row r="8104" spans="1:9">
      <c r="A8104" s="1">
        <f ca="1">RAND()</f>
        <v>0.77630740403026155</v>
      </c>
      <c r="B8104" s="1"/>
      <c r="C8104">
        <v>7</v>
      </c>
      <c r="D8104" t="s">
        <v>15801</v>
      </c>
      <c r="E8104" t="s">
        <v>32976</v>
      </c>
      <c r="F8104">
        <v>4</v>
      </c>
      <c r="G8104" t="s">
        <v>15</v>
      </c>
      <c r="H8104" t="s">
        <v>15802</v>
      </c>
      <c r="I8104" t="s">
        <v>30540</v>
      </c>
    </row>
    <row r="8105" spans="1:9">
      <c r="A8105" s="1">
        <f ca="1">RAND()</f>
        <v>0.4462852430844636</v>
      </c>
      <c r="B8105" s="1"/>
      <c r="C8105">
        <v>17</v>
      </c>
      <c r="D8105" t="s">
        <v>15805</v>
      </c>
      <c r="E8105" t="s">
        <v>32976</v>
      </c>
      <c r="F8105">
        <v>3</v>
      </c>
      <c r="G8105" t="s">
        <v>14</v>
      </c>
      <c r="H8105" t="s">
        <v>15806</v>
      </c>
      <c r="I8105" t="s">
        <v>30540</v>
      </c>
    </row>
    <row r="8106" spans="1:9">
      <c r="A8106" s="1">
        <f ca="1">RAND()</f>
        <v>0.60313009511173976</v>
      </c>
      <c r="B8106" s="1"/>
      <c r="C8106">
        <v>9</v>
      </c>
      <c r="D8106" t="s">
        <v>15793</v>
      </c>
      <c r="E8106" t="s">
        <v>32977</v>
      </c>
      <c r="F8106">
        <v>4</v>
      </c>
      <c r="G8106" t="s">
        <v>13</v>
      </c>
      <c r="H8106" t="s">
        <v>15794</v>
      </c>
      <c r="I8106" t="s">
        <v>30540</v>
      </c>
    </row>
    <row r="8107" spans="1:9">
      <c r="A8107" s="1">
        <f ca="1">RAND()</f>
        <v>8.8177480418765608E-2</v>
      </c>
      <c r="B8107" s="1"/>
      <c r="C8107">
        <v>5</v>
      </c>
      <c r="D8107" t="s">
        <v>15787</v>
      </c>
      <c r="E8107" t="s">
        <v>32977</v>
      </c>
      <c r="F8107">
        <v>4</v>
      </c>
      <c r="G8107" t="s">
        <v>10</v>
      </c>
      <c r="H8107" t="s">
        <v>15788</v>
      </c>
      <c r="I8107" t="s">
        <v>30540</v>
      </c>
    </row>
    <row r="8108" spans="1:9">
      <c r="A8108" s="1">
        <f ca="1">RAND()</f>
        <v>0.21666455269811802</v>
      </c>
      <c r="B8108" s="1"/>
      <c r="C8108">
        <v>2</v>
      </c>
      <c r="D8108" t="s">
        <v>15785</v>
      </c>
      <c r="E8108" t="s">
        <v>32977</v>
      </c>
      <c r="F8108">
        <v>4</v>
      </c>
      <c r="G8108" t="s">
        <v>15</v>
      </c>
      <c r="H8108" t="s">
        <v>15786</v>
      </c>
      <c r="I8108" t="s">
        <v>30540</v>
      </c>
    </row>
    <row r="8109" spans="1:9">
      <c r="A8109" s="1">
        <f ca="1">RAND()</f>
        <v>0.88099645645196389</v>
      </c>
      <c r="B8109" s="1"/>
      <c r="C8109">
        <v>12</v>
      </c>
      <c r="D8109" t="s">
        <v>15795</v>
      </c>
      <c r="E8109" t="s">
        <v>32977</v>
      </c>
      <c r="F8109">
        <v>3</v>
      </c>
      <c r="G8109" t="s">
        <v>14</v>
      </c>
      <c r="H8109" t="s">
        <v>15796</v>
      </c>
      <c r="I8109" t="s">
        <v>30540</v>
      </c>
    </row>
    <row r="8110" spans="1:9">
      <c r="A8110" s="1">
        <f ca="1">RAND()</f>
        <v>0.87668970779993871</v>
      </c>
      <c r="B8110" s="1"/>
      <c r="C8110">
        <v>8</v>
      </c>
      <c r="D8110" t="s">
        <v>15791</v>
      </c>
      <c r="E8110" t="s">
        <v>32977</v>
      </c>
      <c r="F8110">
        <v>3</v>
      </c>
      <c r="G8110" t="s">
        <v>14</v>
      </c>
      <c r="H8110" t="s">
        <v>15792</v>
      </c>
      <c r="I8110" t="s">
        <v>30540</v>
      </c>
    </row>
    <row r="8111" spans="1:9">
      <c r="A8111" s="1">
        <f ca="1">RAND()</f>
        <v>1.4718840512679132E-2</v>
      </c>
      <c r="B8111" s="1"/>
      <c r="C8111">
        <v>6</v>
      </c>
      <c r="D8111" t="s">
        <v>15789</v>
      </c>
      <c r="E8111" t="s">
        <v>32977</v>
      </c>
      <c r="F8111">
        <v>3</v>
      </c>
      <c r="G8111" t="s">
        <v>13</v>
      </c>
      <c r="H8111" t="s">
        <v>15790</v>
      </c>
      <c r="I8111" t="s">
        <v>30540</v>
      </c>
    </row>
    <row r="8112" spans="1:9">
      <c r="A8112" s="1">
        <f ca="1">RAND()</f>
        <v>0.54931788099443335</v>
      </c>
      <c r="B8112" s="1"/>
      <c r="C8112">
        <v>1</v>
      </c>
      <c r="D8112" t="s">
        <v>15767</v>
      </c>
      <c r="E8112" t="s">
        <v>32978</v>
      </c>
      <c r="F8112">
        <v>5</v>
      </c>
      <c r="G8112" t="s">
        <v>2</v>
      </c>
      <c r="H8112" t="s">
        <v>15768</v>
      </c>
      <c r="I8112" t="s">
        <v>30540</v>
      </c>
    </row>
    <row r="8113" spans="1:9">
      <c r="A8113" s="1">
        <f ca="1">RAND()</f>
        <v>0.88081934276084728</v>
      </c>
      <c r="B8113" s="1"/>
      <c r="C8113">
        <v>8</v>
      </c>
      <c r="D8113" t="s">
        <v>15773</v>
      </c>
      <c r="E8113" t="s">
        <v>32978</v>
      </c>
      <c r="F8113">
        <v>5</v>
      </c>
      <c r="G8113" t="s">
        <v>14</v>
      </c>
      <c r="H8113" t="s">
        <v>15774</v>
      </c>
      <c r="I8113" t="s">
        <v>30540</v>
      </c>
    </row>
    <row r="8114" spans="1:9">
      <c r="A8114" s="1">
        <f ca="1">RAND()</f>
        <v>0.56686613039935663</v>
      </c>
      <c r="B8114" s="1"/>
      <c r="C8114">
        <v>9</v>
      </c>
      <c r="D8114" t="s">
        <v>15775</v>
      </c>
      <c r="E8114" t="s">
        <v>32978</v>
      </c>
      <c r="F8114">
        <v>4</v>
      </c>
      <c r="G8114" t="s">
        <v>14</v>
      </c>
      <c r="H8114" t="s">
        <v>15776</v>
      </c>
      <c r="I8114" t="s">
        <v>30540</v>
      </c>
    </row>
    <row r="8115" spans="1:9">
      <c r="A8115" s="1">
        <f ca="1">RAND()</f>
        <v>0.28216042619685044</v>
      </c>
      <c r="B8115" s="1"/>
      <c r="C8115">
        <v>14</v>
      </c>
      <c r="D8115" t="s">
        <v>15779</v>
      </c>
      <c r="E8115" t="s">
        <v>32978</v>
      </c>
      <c r="F8115">
        <v>4</v>
      </c>
      <c r="G8115" t="s">
        <v>14</v>
      </c>
      <c r="H8115" t="s">
        <v>15780</v>
      </c>
      <c r="I8115" t="s">
        <v>30540</v>
      </c>
    </row>
    <row r="8116" spans="1:9">
      <c r="A8116" s="1">
        <f ca="1">RAND()</f>
        <v>0.12065021936460485</v>
      </c>
      <c r="B8116" s="1"/>
      <c r="C8116">
        <v>3</v>
      </c>
      <c r="D8116" t="s">
        <v>15769</v>
      </c>
      <c r="E8116" t="s">
        <v>32978</v>
      </c>
      <c r="F8116">
        <v>4</v>
      </c>
      <c r="G8116" t="s">
        <v>9</v>
      </c>
      <c r="H8116" t="s">
        <v>15770</v>
      </c>
      <c r="I8116" t="s">
        <v>30540</v>
      </c>
    </row>
    <row r="8117" spans="1:9">
      <c r="A8117" s="1">
        <f ca="1">RAND()</f>
        <v>0.53936001483696761</v>
      </c>
      <c r="B8117" s="1"/>
      <c r="C8117">
        <v>16</v>
      </c>
      <c r="D8117" t="s">
        <v>15781</v>
      </c>
      <c r="E8117" t="s">
        <v>32978</v>
      </c>
      <c r="F8117">
        <v>4</v>
      </c>
      <c r="G8117" t="s">
        <v>14</v>
      </c>
      <c r="H8117" t="s">
        <v>15782</v>
      </c>
      <c r="I8117" t="s">
        <v>30540</v>
      </c>
    </row>
    <row r="8118" spans="1:9">
      <c r="A8118" s="1">
        <f ca="1">RAND()</f>
        <v>5.9326650957111537E-2</v>
      </c>
      <c r="B8118" s="1"/>
      <c r="C8118">
        <v>10</v>
      </c>
      <c r="D8118" t="s">
        <v>15777</v>
      </c>
      <c r="E8118" t="s">
        <v>32978</v>
      </c>
      <c r="F8118">
        <v>4</v>
      </c>
      <c r="G8118" t="s">
        <v>1</v>
      </c>
      <c r="H8118" t="s">
        <v>15778</v>
      </c>
      <c r="I8118" t="s">
        <v>30540</v>
      </c>
    </row>
    <row r="8119" spans="1:9">
      <c r="A8119" s="1">
        <f ca="1">RAND()</f>
        <v>0.69670240616736856</v>
      </c>
      <c r="B8119" s="1"/>
      <c r="C8119">
        <v>17</v>
      </c>
      <c r="D8119" t="s">
        <v>15783</v>
      </c>
      <c r="E8119" t="s">
        <v>32978</v>
      </c>
      <c r="F8119">
        <v>2</v>
      </c>
      <c r="G8119" t="s">
        <v>1</v>
      </c>
      <c r="H8119" t="s">
        <v>15784</v>
      </c>
      <c r="I8119" t="s">
        <v>30540</v>
      </c>
    </row>
    <row r="8120" spans="1:9">
      <c r="A8120" s="1">
        <f ca="1">RAND()</f>
        <v>0.33940481937096978</v>
      </c>
      <c r="B8120" s="1"/>
      <c r="C8120">
        <v>6</v>
      </c>
      <c r="D8120" t="s">
        <v>15771</v>
      </c>
      <c r="E8120" t="s">
        <v>32978</v>
      </c>
      <c r="F8120">
        <v>2</v>
      </c>
      <c r="G8120" t="s">
        <v>1</v>
      </c>
      <c r="H8120" t="s">
        <v>15772</v>
      </c>
      <c r="I8120" t="s">
        <v>30540</v>
      </c>
    </row>
    <row r="8121" spans="1:9">
      <c r="A8121" s="1">
        <f ca="1">RAND()</f>
        <v>0.83298810102415211</v>
      </c>
      <c r="B8121" s="1"/>
      <c r="C8121">
        <v>4</v>
      </c>
      <c r="D8121" t="s">
        <v>15753</v>
      </c>
      <c r="E8121" t="s">
        <v>32979</v>
      </c>
      <c r="F8121">
        <v>4</v>
      </c>
      <c r="G8121" t="s">
        <v>2</v>
      </c>
      <c r="H8121" t="s">
        <v>15754</v>
      </c>
      <c r="I8121" t="s">
        <v>30540</v>
      </c>
    </row>
    <row r="8122" spans="1:9">
      <c r="A8122" s="1">
        <f ca="1">RAND()</f>
        <v>4.759827862525623E-2</v>
      </c>
      <c r="B8122" s="1"/>
      <c r="C8122">
        <v>15</v>
      </c>
      <c r="D8122" t="s">
        <v>15763</v>
      </c>
      <c r="E8122" t="s">
        <v>32979</v>
      </c>
      <c r="F8122">
        <v>4</v>
      </c>
      <c r="G8122" t="s">
        <v>14</v>
      </c>
      <c r="H8122" t="s">
        <v>15764</v>
      </c>
      <c r="I8122" t="s">
        <v>30540</v>
      </c>
    </row>
    <row r="8123" spans="1:9">
      <c r="A8123" s="1">
        <f ca="1">RAND()</f>
        <v>0.21261467403943668</v>
      </c>
      <c r="B8123" s="1"/>
      <c r="C8123">
        <v>5</v>
      </c>
      <c r="D8123" t="s">
        <v>15755</v>
      </c>
      <c r="E8123" t="s">
        <v>32979</v>
      </c>
      <c r="F8123">
        <v>4</v>
      </c>
      <c r="G8123" t="s">
        <v>10</v>
      </c>
      <c r="H8123" t="s">
        <v>15756</v>
      </c>
      <c r="I8123" t="s">
        <v>30540</v>
      </c>
    </row>
    <row r="8124" spans="1:9">
      <c r="A8124" s="1">
        <f ca="1">RAND()</f>
        <v>0.79955441673047112</v>
      </c>
      <c r="B8124" s="1"/>
      <c r="C8124">
        <v>17</v>
      </c>
      <c r="D8124" t="s">
        <v>15765</v>
      </c>
      <c r="E8124" t="s">
        <v>32979</v>
      </c>
      <c r="F8124">
        <v>4</v>
      </c>
      <c r="G8124" t="s">
        <v>14</v>
      </c>
      <c r="H8124" t="s">
        <v>15766</v>
      </c>
      <c r="I8124" t="s">
        <v>30540</v>
      </c>
    </row>
    <row r="8125" spans="1:9">
      <c r="A8125" s="1">
        <f ca="1">RAND()</f>
        <v>0.57272410540939278</v>
      </c>
      <c r="B8125" s="1"/>
      <c r="C8125">
        <v>14</v>
      </c>
      <c r="D8125" t="s">
        <v>15761</v>
      </c>
      <c r="E8125" t="s">
        <v>32979</v>
      </c>
      <c r="F8125">
        <v>3</v>
      </c>
      <c r="G8125" t="s">
        <v>14</v>
      </c>
      <c r="H8125" t="s">
        <v>15762</v>
      </c>
      <c r="I8125" t="s">
        <v>30540</v>
      </c>
    </row>
    <row r="8126" spans="1:9">
      <c r="A8126" s="1">
        <f ca="1">RAND()</f>
        <v>0.18410276933055936</v>
      </c>
      <c r="B8126" s="1"/>
      <c r="C8126">
        <v>13</v>
      </c>
      <c r="D8126" t="s">
        <v>15759</v>
      </c>
      <c r="E8126" t="s">
        <v>32979</v>
      </c>
      <c r="F8126">
        <v>3</v>
      </c>
      <c r="G8126" t="s">
        <v>13</v>
      </c>
      <c r="H8126" t="s">
        <v>15760</v>
      </c>
      <c r="I8126" t="s">
        <v>30540</v>
      </c>
    </row>
    <row r="8127" spans="1:9">
      <c r="A8127" s="1">
        <f ca="1">RAND()</f>
        <v>0.78635696051445736</v>
      </c>
      <c r="B8127" s="1"/>
      <c r="C8127">
        <v>9</v>
      </c>
      <c r="D8127" t="s">
        <v>15757</v>
      </c>
      <c r="E8127" t="s">
        <v>32979</v>
      </c>
      <c r="F8127">
        <v>2</v>
      </c>
      <c r="G8127" t="s">
        <v>14</v>
      </c>
      <c r="H8127" t="s">
        <v>15758</v>
      </c>
      <c r="I8127" t="s">
        <v>30540</v>
      </c>
    </row>
    <row r="8128" spans="1:9">
      <c r="A8128" s="1">
        <f ca="1">RAND()</f>
        <v>0.5303396900051377</v>
      </c>
      <c r="B8128" s="1"/>
      <c r="C8128">
        <v>3</v>
      </c>
      <c r="D8128" t="s">
        <v>15749</v>
      </c>
      <c r="E8128" t="s">
        <v>32980</v>
      </c>
      <c r="F8128">
        <v>5</v>
      </c>
      <c r="G8128" t="s">
        <v>14</v>
      </c>
      <c r="H8128" t="s">
        <v>15750</v>
      </c>
      <c r="I8128" t="s">
        <v>30540</v>
      </c>
    </row>
    <row r="8129" spans="1:9">
      <c r="A8129" s="1">
        <f ca="1">RAND()</f>
        <v>0.76731905287303537</v>
      </c>
      <c r="B8129" s="1"/>
      <c r="C8129">
        <v>10</v>
      </c>
      <c r="D8129" t="s">
        <v>15751</v>
      </c>
      <c r="E8129" t="s">
        <v>32980</v>
      </c>
      <c r="F8129">
        <v>2</v>
      </c>
      <c r="G8129" t="s">
        <v>14</v>
      </c>
      <c r="H8129" t="s">
        <v>15752</v>
      </c>
      <c r="I8129" t="s">
        <v>30540</v>
      </c>
    </row>
    <row r="8130" spans="1:9">
      <c r="A8130" s="1">
        <f ca="1">RAND()</f>
        <v>0.73156982355580513</v>
      </c>
      <c r="B8130" s="1"/>
      <c r="C8130">
        <v>8</v>
      </c>
      <c r="D8130" t="s">
        <v>15743</v>
      </c>
      <c r="E8130" t="s">
        <v>32981</v>
      </c>
      <c r="F8130">
        <v>4</v>
      </c>
      <c r="G8130" t="s">
        <v>14</v>
      </c>
      <c r="H8130" t="s">
        <v>15744</v>
      </c>
      <c r="I8130" t="s">
        <v>30540</v>
      </c>
    </row>
    <row r="8131" spans="1:9">
      <c r="A8131" s="1">
        <f ca="1">RAND()</f>
        <v>0.83334429869901527</v>
      </c>
      <c r="B8131" s="1"/>
      <c r="C8131">
        <v>15</v>
      </c>
      <c r="D8131" t="s">
        <v>15747</v>
      </c>
      <c r="E8131" t="s">
        <v>32981</v>
      </c>
      <c r="F8131">
        <v>4</v>
      </c>
      <c r="G8131" t="s">
        <v>13</v>
      </c>
      <c r="H8131" t="s">
        <v>15748</v>
      </c>
      <c r="I8131" t="s">
        <v>30540</v>
      </c>
    </row>
    <row r="8132" spans="1:9">
      <c r="A8132" s="1">
        <f ca="1">RAND()</f>
        <v>0.5999533331372896</v>
      </c>
      <c r="B8132" s="1"/>
      <c r="C8132">
        <v>10</v>
      </c>
      <c r="D8132" t="s">
        <v>15745</v>
      </c>
      <c r="E8132" t="s">
        <v>32981</v>
      </c>
      <c r="F8132">
        <v>2</v>
      </c>
      <c r="G8132" t="s">
        <v>1</v>
      </c>
      <c r="H8132" t="s">
        <v>15746</v>
      </c>
      <c r="I8132" t="s">
        <v>30540</v>
      </c>
    </row>
    <row r="8133" spans="1:9">
      <c r="A8133" s="1">
        <f ca="1">RAND()</f>
        <v>0.20101692062271137</v>
      </c>
      <c r="B8133" s="1"/>
      <c r="C8133">
        <v>5</v>
      </c>
      <c r="D8133" t="s">
        <v>15741</v>
      </c>
      <c r="E8133" t="s">
        <v>32981</v>
      </c>
      <c r="F8133">
        <v>2</v>
      </c>
      <c r="G8133" t="s">
        <v>766</v>
      </c>
      <c r="H8133" t="s">
        <v>15742</v>
      </c>
      <c r="I8133" t="s">
        <v>30540</v>
      </c>
    </row>
    <row r="8134" spans="1:9">
      <c r="A8134" s="1">
        <f ca="1">RAND()</f>
        <v>0.13999771734233324</v>
      </c>
      <c r="B8134" s="1"/>
      <c r="C8134">
        <v>9</v>
      </c>
      <c r="D8134" t="s">
        <v>15737</v>
      </c>
      <c r="E8134" t="s">
        <v>32982</v>
      </c>
      <c r="F8134">
        <v>5</v>
      </c>
      <c r="G8134" t="s">
        <v>14</v>
      </c>
      <c r="H8134" t="s">
        <v>15738</v>
      </c>
      <c r="I8134" t="s">
        <v>30540</v>
      </c>
    </row>
    <row r="8135" spans="1:9">
      <c r="A8135" s="1">
        <f ca="1">RAND()</f>
        <v>0.61786376341413685</v>
      </c>
      <c r="B8135" s="1"/>
      <c r="C8135">
        <v>4</v>
      </c>
      <c r="D8135" t="s">
        <v>15735</v>
      </c>
      <c r="E8135" t="s">
        <v>32982</v>
      </c>
      <c r="F8135">
        <v>4</v>
      </c>
      <c r="G8135" t="s">
        <v>14</v>
      </c>
      <c r="H8135" t="s">
        <v>15736</v>
      </c>
      <c r="I8135" t="s">
        <v>30540</v>
      </c>
    </row>
    <row r="8136" spans="1:9">
      <c r="A8136" s="1">
        <f ca="1">RAND()</f>
        <v>0.21035146005366179</v>
      </c>
      <c r="B8136" s="1"/>
      <c r="C8136">
        <v>13</v>
      </c>
      <c r="D8136" t="s">
        <v>15739</v>
      </c>
      <c r="E8136" t="s">
        <v>32982</v>
      </c>
      <c r="F8136">
        <v>4</v>
      </c>
      <c r="G8136" t="s">
        <v>13</v>
      </c>
      <c r="H8136" t="s">
        <v>15740</v>
      </c>
      <c r="I8136" t="s">
        <v>30540</v>
      </c>
    </row>
    <row r="8137" spans="1:9">
      <c r="A8137" s="1">
        <f ca="1">RAND()</f>
        <v>4.3578207319262763E-2</v>
      </c>
      <c r="B8137" s="1"/>
      <c r="C8137">
        <v>2</v>
      </c>
      <c r="D8137" t="s">
        <v>15733</v>
      </c>
      <c r="E8137" t="s">
        <v>32982</v>
      </c>
      <c r="F8137">
        <v>3</v>
      </c>
      <c r="G8137" t="s">
        <v>14</v>
      </c>
      <c r="H8137" t="s">
        <v>15734</v>
      </c>
      <c r="I8137" t="s">
        <v>30540</v>
      </c>
    </row>
    <row r="8138" spans="1:9">
      <c r="A8138" s="1">
        <f ca="1">RAND()</f>
        <v>0.76544054606653744</v>
      </c>
      <c r="B8138" s="1"/>
      <c r="C8138">
        <v>16</v>
      </c>
      <c r="D8138" t="s">
        <v>15729</v>
      </c>
      <c r="E8138" t="s">
        <v>32983</v>
      </c>
      <c r="F8138">
        <v>4</v>
      </c>
      <c r="G8138" t="s">
        <v>0</v>
      </c>
      <c r="H8138" t="s">
        <v>15730</v>
      </c>
      <c r="I8138" t="s">
        <v>30540</v>
      </c>
    </row>
    <row r="8139" spans="1:9">
      <c r="A8139" s="1">
        <f ca="1">RAND()</f>
        <v>0.85073282557571239</v>
      </c>
      <c r="B8139" s="1"/>
      <c r="C8139">
        <v>13</v>
      </c>
      <c r="D8139" t="s">
        <v>15725</v>
      </c>
      <c r="E8139" t="s">
        <v>32983</v>
      </c>
      <c r="F8139">
        <v>4</v>
      </c>
      <c r="G8139" t="s">
        <v>13</v>
      </c>
      <c r="H8139" t="s">
        <v>15726</v>
      </c>
      <c r="I8139" t="s">
        <v>30540</v>
      </c>
    </row>
    <row r="8140" spans="1:9">
      <c r="A8140" s="1">
        <f ca="1">RAND()</f>
        <v>0.88338156746084739</v>
      </c>
      <c r="B8140" s="1"/>
      <c r="C8140">
        <v>15</v>
      </c>
      <c r="D8140" t="s">
        <v>15727</v>
      </c>
      <c r="E8140" t="s">
        <v>32983</v>
      </c>
      <c r="F8140">
        <v>4</v>
      </c>
      <c r="G8140" t="s">
        <v>0</v>
      </c>
      <c r="H8140" t="s">
        <v>15728</v>
      </c>
      <c r="I8140" t="s">
        <v>30540</v>
      </c>
    </row>
    <row r="8141" spans="1:9">
      <c r="A8141" s="1">
        <f ca="1">RAND()</f>
        <v>0.87398818565977976</v>
      </c>
      <c r="B8141" s="1"/>
      <c r="C8141">
        <v>10</v>
      </c>
      <c r="D8141" t="s">
        <v>15723</v>
      </c>
      <c r="E8141" t="s">
        <v>32983</v>
      </c>
      <c r="F8141">
        <v>4</v>
      </c>
      <c r="G8141" t="s">
        <v>14</v>
      </c>
      <c r="H8141" t="s">
        <v>15724</v>
      </c>
      <c r="I8141" t="s">
        <v>30540</v>
      </c>
    </row>
    <row r="8142" spans="1:9">
      <c r="A8142" s="1">
        <f ca="1">RAND()</f>
        <v>0.84596244979860846</v>
      </c>
      <c r="B8142" s="1"/>
      <c r="C8142">
        <v>17</v>
      </c>
      <c r="D8142" t="s">
        <v>15731</v>
      </c>
      <c r="E8142" t="s">
        <v>32983</v>
      </c>
      <c r="F8142">
        <v>4</v>
      </c>
      <c r="G8142" t="s">
        <v>1</v>
      </c>
      <c r="H8142" t="s">
        <v>15732</v>
      </c>
      <c r="I8142" t="s">
        <v>30540</v>
      </c>
    </row>
    <row r="8143" spans="1:9">
      <c r="A8143" s="1">
        <f ca="1">RAND()</f>
        <v>5.8347525508570475E-2</v>
      </c>
      <c r="B8143" s="1"/>
      <c r="C8143">
        <v>2</v>
      </c>
      <c r="D8143" t="s">
        <v>15719</v>
      </c>
      <c r="E8143" t="s">
        <v>32983</v>
      </c>
      <c r="F8143">
        <v>2</v>
      </c>
      <c r="G8143" t="s">
        <v>1</v>
      </c>
      <c r="H8143" t="s">
        <v>15720</v>
      </c>
      <c r="I8143" t="s">
        <v>30540</v>
      </c>
    </row>
    <row r="8144" spans="1:9">
      <c r="A8144" s="1">
        <f ca="1">RAND()</f>
        <v>0.45456335934860059</v>
      </c>
      <c r="B8144" s="1"/>
      <c r="C8144">
        <v>7</v>
      </c>
      <c r="D8144" t="s">
        <v>15721</v>
      </c>
      <c r="E8144" t="s">
        <v>32983</v>
      </c>
      <c r="F8144">
        <v>1</v>
      </c>
      <c r="G8144" t="s">
        <v>9</v>
      </c>
      <c r="H8144" t="s">
        <v>15722</v>
      </c>
      <c r="I8144" t="s">
        <v>30540</v>
      </c>
    </row>
    <row r="8145" spans="1:9">
      <c r="A8145" s="1">
        <f ca="1">RAND()</f>
        <v>0.93831577272321731</v>
      </c>
      <c r="B8145" s="1"/>
      <c r="C8145">
        <v>17</v>
      </c>
      <c r="D8145" t="s">
        <v>15717</v>
      </c>
      <c r="E8145" t="s">
        <v>32984</v>
      </c>
      <c r="F8145">
        <v>5</v>
      </c>
      <c r="G8145" t="s">
        <v>14</v>
      </c>
      <c r="H8145" t="s">
        <v>15718</v>
      </c>
      <c r="I8145" t="s">
        <v>30540</v>
      </c>
    </row>
    <row r="8146" spans="1:9">
      <c r="A8146" s="1">
        <f ca="1">RAND()</f>
        <v>1.2970447374749616E-2</v>
      </c>
      <c r="B8146" s="1"/>
      <c r="C8146">
        <v>14</v>
      </c>
      <c r="D8146" t="s">
        <v>15711</v>
      </c>
      <c r="E8146" t="s">
        <v>32984</v>
      </c>
      <c r="F8146">
        <v>5</v>
      </c>
      <c r="G8146" t="s">
        <v>2</v>
      </c>
      <c r="H8146" t="s">
        <v>15712</v>
      </c>
      <c r="I8146" t="s">
        <v>30540</v>
      </c>
    </row>
    <row r="8147" spans="1:9">
      <c r="A8147" s="1">
        <f ca="1">RAND()</f>
        <v>0.55729055818304685</v>
      </c>
      <c r="B8147" s="1"/>
      <c r="C8147">
        <v>15</v>
      </c>
      <c r="D8147" t="s">
        <v>15713</v>
      </c>
      <c r="E8147" t="s">
        <v>32984</v>
      </c>
      <c r="F8147">
        <v>4</v>
      </c>
      <c r="G8147" t="s">
        <v>14</v>
      </c>
      <c r="H8147" t="s">
        <v>15714</v>
      </c>
      <c r="I8147" t="s">
        <v>30540</v>
      </c>
    </row>
    <row r="8148" spans="1:9">
      <c r="A8148" s="1">
        <f ca="1">RAND()</f>
        <v>1.0381171776443487E-2</v>
      </c>
      <c r="B8148" s="1"/>
      <c r="C8148">
        <v>16</v>
      </c>
      <c r="D8148" t="s">
        <v>15715</v>
      </c>
      <c r="E8148" t="s">
        <v>32984</v>
      </c>
      <c r="F8148">
        <v>4</v>
      </c>
      <c r="G8148" t="s">
        <v>2</v>
      </c>
      <c r="H8148" t="s">
        <v>15716</v>
      </c>
      <c r="I8148" t="s">
        <v>30540</v>
      </c>
    </row>
    <row r="8149" spans="1:9">
      <c r="A8149" s="1">
        <f ca="1">RAND()</f>
        <v>0.75084976789930213</v>
      </c>
      <c r="B8149" s="1"/>
      <c r="C8149">
        <v>6</v>
      </c>
      <c r="D8149" t="s">
        <v>15705</v>
      </c>
      <c r="E8149" t="s">
        <v>32984</v>
      </c>
      <c r="F8149">
        <v>4</v>
      </c>
      <c r="G8149" t="s">
        <v>1</v>
      </c>
      <c r="H8149" t="s">
        <v>15706</v>
      </c>
      <c r="I8149" t="s">
        <v>30540</v>
      </c>
    </row>
    <row r="8150" spans="1:9">
      <c r="A8150" s="1">
        <f ca="1">RAND()</f>
        <v>0.87060943086889997</v>
      </c>
      <c r="B8150" s="1"/>
      <c r="C8150">
        <v>11</v>
      </c>
      <c r="D8150" t="s">
        <v>15709</v>
      </c>
      <c r="E8150" t="s">
        <v>32984</v>
      </c>
      <c r="F8150">
        <v>2</v>
      </c>
      <c r="G8150" t="s">
        <v>14</v>
      </c>
      <c r="H8150" t="s">
        <v>15710</v>
      </c>
      <c r="I8150" t="s">
        <v>30540</v>
      </c>
    </row>
    <row r="8151" spans="1:9">
      <c r="A8151" s="1">
        <f ca="1">RAND()</f>
        <v>0.9199113369186519</v>
      </c>
      <c r="B8151" s="1"/>
      <c r="C8151">
        <v>10</v>
      </c>
      <c r="D8151" t="s">
        <v>15707</v>
      </c>
      <c r="E8151" t="s">
        <v>32984</v>
      </c>
      <c r="F8151">
        <v>2</v>
      </c>
      <c r="G8151" t="s">
        <v>14</v>
      </c>
      <c r="H8151" t="s">
        <v>15708</v>
      </c>
      <c r="I8151" t="s">
        <v>30540</v>
      </c>
    </row>
    <row r="8152" spans="1:9">
      <c r="A8152" s="1">
        <f ca="1">RAND()</f>
        <v>0.86845612620822343</v>
      </c>
      <c r="B8152" s="1"/>
      <c r="C8152">
        <v>5</v>
      </c>
      <c r="D8152" t="s">
        <v>15701</v>
      </c>
      <c r="E8152" t="s">
        <v>32985</v>
      </c>
      <c r="F8152">
        <v>4</v>
      </c>
      <c r="G8152" t="s">
        <v>2</v>
      </c>
      <c r="H8152" t="s">
        <v>15702</v>
      </c>
      <c r="I8152" t="s">
        <v>30540</v>
      </c>
    </row>
    <row r="8153" spans="1:9">
      <c r="A8153" s="1">
        <f ca="1">RAND()</f>
        <v>0.76314104332148314</v>
      </c>
      <c r="B8153" s="1"/>
      <c r="C8153">
        <v>14</v>
      </c>
      <c r="D8153" t="s">
        <v>15703</v>
      </c>
      <c r="E8153" t="s">
        <v>32985</v>
      </c>
      <c r="F8153">
        <v>4</v>
      </c>
      <c r="G8153" t="s">
        <v>14</v>
      </c>
      <c r="H8153" t="s">
        <v>15704</v>
      </c>
      <c r="I8153" t="s">
        <v>30540</v>
      </c>
    </row>
    <row r="8154" spans="1:9">
      <c r="A8154" s="1">
        <f ca="1">RAND()</f>
        <v>0.70558927621439926</v>
      </c>
      <c r="B8154" s="1"/>
      <c r="C8154">
        <v>3</v>
      </c>
      <c r="D8154" t="s">
        <v>15699</v>
      </c>
      <c r="E8154" t="s">
        <v>32985</v>
      </c>
      <c r="F8154">
        <v>3</v>
      </c>
      <c r="G8154" t="s">
        <v>14</v>
      </c>
      <c r="H8154" t="s">
        <v>15700</v>
      </c>
      <c r="I8154" t="s">
        <v>30540</v>
      </c>
    </row>
    <row r="8155" spans="1:9">
      <c r="A8155" s="1">
        <f ca="1">RAND()</f>
        <v>0.70220919932514392</v>
      </c>
      <c r="B8155" s="1"/>
      <c r="C8155">
        <v>3</v>
      </c>
      <c r="D8155" t="s">
        <v>15691</v>
      </c>
      <c r="E8155" t="s">
        <v>32986</v>
      </c>
      <c r="F8155">
        <v>5</v>
      </c>
      <c r="G8155" t="s">
        <v>775</v>
      </c>
      <c r="H8155" t="s">
        <v>15692</v>
      </c>
      <c r="I8155" t="s">
        <v>30540</v>
      </c>
    </row>
    <row r="8156" spans="1:9">
      <c r="A8156" s="1">
        <f ca="1">RAND()</f>
        <v>0.69580891652094101</v>
      </c>
      <c r="B8156" s="1"/>
      <c r="C8156">
        <v>8</v>
      </c>
      <c r="D8156" t="s">
        <v>15693</v>
      </c>
      <c r="E8156" t="s">
        <v>32986</v>
      </c>
      <c r="F8156">
        <v>5</v>
      </c>
      <c r="G8156" t="s">
        <v>1431</v>
      </c>
      <c r="H8156" t="s">
        <v>15694</v>
      </c>
      <c r="I8156" t="s">
        <v>30540</v>
      </c>
    </row>
    <row r="8157" spans="1:9">
      <c r="A8157" s="1">
        <f ca="1">RAND()</f>
        <v>2.5244014419362193E-2</v>
      </c>
      <c r="B8157" s="1"/>
      <c r="C8157">
        <v>17</v>
      </c>
      <c r="D8157" t="s">
        <v>15695</v>
      </c>
      <c r="E8157" t="s">
        <v>32986</v>
      </c>
      <c r="F8157">
        <v>4</v>
      </c>
      <c r="G8157" t="s">
        <v>14</v>
      </c>
      <c r="H8157" t="s">
        <v>15696</v>
      </c>
      <c r="I8157" t="s">
        <v>30540</v>
      </c>
    </row>
    <row r="8158" spans="1:9">
      <c r="A8158" s="1">
        <f ca="1">RAND()</f>
        <v>0.84682637306019404</v>
      </c>
      <c r="B8158" s="1"/>
      <c r="C8158">
        <v>18</v>
      </c>
      <c r="D8158" t="s">
        <v>15697</v>
      </c>
      <c r="E8158" t="s">
        <v>32986</v>
      </c>
      <c r="F8158">
        <v>2</v>
      </c>
      <c r="G8158" t="s">
        <v>14</v>
      </c>
      <c r="H8158" t="s">
        <v>15698</v>
      </c>
      <c r="I8158" t="s">
        <v>30540</v>
      </c>
    </row>
    <row r="8159" spans="1:9">
      <c r="A8159" s="1">
        <f ca="1">RAND()</f>
        <v>3.7414533392581495E-2</v>
      </c>
      <c r="B8159" s="1"/>
      <c r="C8159">
        <v>14</v>
      </c>
      <c r="D8159" t="s">
        <v>15687</v>
      </c>
      <c r="E8159" t="s">
        <v>32987</v>
      </c>
      <c r="F8159">
        <v>5</v>
      </c>
      <c r="G8159" t="s">
        <v>14</v>
      </c>
      <c r="H8159" t="s">
        <v>15688</v>
      </c>
      <c r="I8159" t="s">
        <v>30540</v>
      </c>
    </row>
    <row r="8160" spans="1:9">
      <c r="A8160" s="1">
        <f ca="1">RAND()</f>
        <v>0.86517964574786821</v>
      </c>
      <c r="B8160" s="1"/>
      <c r="C8160">
        <v>8</v>
      </c>
      <c r="D8160" t="s">
        <v>15685</v>
      </c>
      <c r="E8160" t="s">
        <v>32987</v>
      </c>
      <c r="F8160">
        <v>4</v>
      </c>
      <c r="G8160" t="s">
        <v>0</v>
      </c>
      <c r="H8160" t="s">
        <v>15686</v>
      </c>
      <c r="I8160" t="s">
        <v>30540</v>
      </c>
    </row>
    <row r="8161" spans="1:9">
      <c r="A8161" s="1">
        <f ca="1">RAND()</f>
        <v>0.24455594396802227</v>
      </c>
      <c r="B8161" s="1"/>
      <c r="C8161">
        <v>16</v>
      </c>
      <c r="D8161" t="s">
        <v>15689</v>
      </c>
      <c r="E8161" t="s">
        <v>32987</v>
      </c>
      <c r="F8161">
        <v>4</v>
      </c>
      <c r="G8161" t="s">
        <v>13</v>
      </c>
      <c r="H8161" t="s">
        <v>15690</v>
      </c>
      <c r="I8161" t="s">
        <v>30540</v>
      </c>
    </row>
    <row r="8162" spans="1:9">
      <c r="A8162" s="1">
        <f ca="1">RAND()</f>
        <v>0.59875586147211657</v>
      </c>
      <c r="B8162" s="1"/>
      <c r="C8162">
        <v>6</v>
      </c>
      <c r="D8162" t="s">
        <v>15683</v>
      </c>
      <c r="E8162" t="s">
        <v>32987</v>
      </c>
      <c r="F8162">
        <v>4</v>
      </c>
      <c r="G8162" t="s">
        <v>14</v>
      </c>
      <c r="H8162" t="s">
        <v>15684</v>
      </c>
      <c r="I8162" t="s">
        <v>30540</v>
      </c>
    </row>
    <row r="8163" spans="1:9">
      <c r="A8163" s="1">
        <f ca="1">RAND()</f>
        <v>0.71944626213679996</v>
      </c>
      <c r="B8163" s="1"/>
      <c r="C8163">
        <v>6</v>
      </c>
      <c r="D8163" t="s">
        <v>15673</v>
      </c>
      <c r="E8163" t="s">
        <v>32988</v>
      </c>
      <c r="F8163">
        <v>5</v>
      </c>
      <c r="G8163" t="s">
        <v>15</v>
      </c>
      <c r="H8163" t="s">
        <v>15674</v>
      </c>
      <c r="I8163" t="s">
        <v>30540</v>
      </c>
    </row>
    <row r="8164" spans="1:9">
      <c r="A8164" s="1">
        <f ca="1">RAND()</f>
        <v>0.35549745044745795</v>
      </c>
      <c r="B8164" s="1"/>
      <c r="C8164">
        <v>5</v>
      </c>
      <c r="D8164" t="s">
        <v>15671</v>
      </c>
      <c r="E8164" t="s">
        <v>32988</v>
      </c>
      <c r="F8164">
        <v>4</v>
      </c>
      <c r="G8164" t="s">
        <v>10</v>
      </c>
      <c r="H8164" t="s">
        <v>15672</v>
      </c>
      <c r="I8164" t="s">
        <v>30540</v>
      </c>
    </row>
    <row r="8165" spans="1:9">
      <c r="A8165" s="1">
        <f ca="1">RAND()</f>
        <v>0.31030287782551014</v>
      </c>
      <c r="B8165" s="1"/>
      <c r="C8165">
        <v>3</v>
      </c>
      <c r="D8165" t="s">
        <v>15669</v>
      </c>
      <c r="E8165" t="s">
        <v>32988</v>
      </c>
      <c r="F8165">
        <v>4</v>
      </c>
      <c r="G8165" t="s">
        <v>10</v>
      </c>
      <c r="H8165" t="s">
        <v>15670</v>
      </c>
      <c r="I8165" t="s">
        <v>30540</v>
      </c>
    </row>
    <row r="8166" spans="1:9">
      <c r="A8166" s="1">
        <f ca="1">RAND()</f>
        <v>0.44381588268912675</v>
      </c>
      <c r="B8166" s="1"/>
      <c r="C8166">
        <v>18</v>
      </c>
      <c r="D8166" t="s">
        <v>15679</v>
      </c>
      <c r="E8166" t="s">
        <v>32988</v>
      </c>
      <c r="F8166">
        <v>4</v>
      </c>
      <c r="G8166" t="s">
        <v>14</v>
      </c>
      <c r="H8166" t="s">
        <v>15680</v>
      </c>
      <c r="I8166" t="s">
        <v>30540</v>
      </c>
    </row>
    <row r="8167" spans="1:9">
      <c r="A8167" s="1">
        <f ca="1">RAND()</f>
        <v>0.83764887375266373</v>
      </c>
      <c r="B8167" s="1"/>
      <c r="C8167">
        <v>10</v>
      </c>
      <c r="D8167" t="s">
        <v>15675</v>
      </c>
      <c r="E8167" t="s">
        <v>32988</v>
      </c>
      <c r="F8167">
        <v>4</v>
      </c>
      <c r="G8167" t="s">
        <v>13</v>
      </c>
      <c r="H8167" t="s">
        <v>15676</v>
      </c>
      <c r="I8167" t="s">
        <v>30540</v>
      </c>
    </row>
    <row r="8168" spans="1:9">
      <c r="A8168" s="1">
        <f ca="1">RAND()</f>
        <v>9.2164547416508258E-2</v>
      </c>
      <c r="B8168" s="1"/>
      <c r="C8168">
        <v>2</v>
      </c>
      <c r="D8168" t="s">
        <v>15667</v>
      </c>
      <c r="E8168" t="s">
        <v>32988</v>
      </c>
      <c r="F8168">
        <v>2</v>
      </c>
      <c r="G8168" t="s">
        <v>10</v>
      </c>
      <c r="H8168" t="s">
        <v>15668</v>
      </c>
      <c r="I8168" t="s">
        <v>30540</v>
      </c>
    </row>
    <row r="8169" spans="1:9">
      <c r="A8169" s="1">
        <f ca="1">RAND()</f>
        <v>0.86216144803922867</v>
      </c>
      <c r="B8169" s="1"/>
      <c r="C8169">
        <v>20</v>
      </c>
      <c r="D8169" t="s">
        <v>15681</v>
      </c>
      <c r="E8169" t="s">
        <v>32988</v>
      </c>
      <c r="F8169">
        <v>1</v>
      </c>
      <c r="G8169" t="s">
        <v>2</v>
      </c>
      <c r="H8169" t="s">
        <v>15682</v>
      </c>
      <c r="I8169" t="s">
        <v>30540</v>
      </c>
    </row>
    <row r="8170" spans="1:9">
      <c r="A8170" s="1">
        <f ca="1">RAND()</f>
        <v>0.3928159544490023</v>
      </c>
      <c r="B8170" s="1"/>
      <c r="C8170">
        <v>12</v>
      </c>
      <c r="D8170" t="s">
        <v>15677</v>
      </c>
      <c r="E8170" t="s">
        <v>32988</v>
      </c>
      <c r="F8170">
        <v>1</v>
      </c>
      <c r="G8170" t="s">
        <v>9</v>
      </c>
      <c r="H8170" t="s">
        <v>15678</v>
      </c>
      <c r="I8170" t="s">
        <v>30540</v>
      </c>
    </row>
    <row r="8171" spans="1:9">
      <c r="A8171" s="1">
        <f ca="1">RAND()</f>
        <v>0.49256366909217886</v>
      </c>
      <c r="B8171" s="1"/>
      <c r="C8171">
        <v>14</v>
      </c>
      <c r="D8171" t="s">
        <v>15661</v>
      </c>
      <c r="E8171" t="s">
        <v>32989</v>
      </c>
      <c r="F8171">
        <v>4</v>
      </c>
      <c r="G8171" t="s">
        <v>13</v>
      </c>
      <c r="H8171" t="s">
        <v>15662</v>
      </c>
      <c r="I8171" t="s">
        <v>30540</v>
      </c>
    </row>
    <row r="8172" spans="1:9">
      <c r="A8172" s="1">
        <f ca="1">RAND()</f>
        <v>9.3286015430758207E-2</v>
      </c>
      <c r="B8172" s="1"/>
      <c r="C8172">
        <v>15</v>
      </c>
      <c r="D8172" t="s">
        <v>15663</v>
      </c>
      <c r="E8172" t="s">
        <v>32989</v>
      </c>
      <c r="F8172">
        <v>4</v>
      </c>
      <c r="G8172" t="s">
        <v>13</v>
      </c>
      <c r="H8172" t="s">
        <v>15664</v>
      </c>
      <c r="I8172" t="s">
        <v>30540</v>
      </c>
    </row>
    <row r="8173" spans="1:9">
      <c r="A8173" s="1">
        <f ca="1">RAND()</f>
        <v>0.96520877749673317</v>
      </c>
      <c r="B8173" s="1"/>
      <c r="C8173">
        <v>5</v>
      </c>
      <c r="D8173" t="s">
        <v>15657</v>
      </c>
      <c r="E8173" t="s">
        <v>32989</v>
      </c>
      <c r="F8173">
        <v>4</v>
      </c>
      <c r="G8173" t="s">
        <v>14</v>
      </c>
      <c r="H8173" t="s">
        <v>15658</v>
      </c>
      <c r="I8173" t="s">
        <v>30540</v>
      </c>
    </row>
    <row r="8174" spans="1:9">
      <c r="A8174" s="1">
        <f ca="1">RAND()</f>
        <v>0.90635122294212533</v>
      </c>
      <c r="B8174" s="1"/>
      <c r="C8174">
        <v>10</v>
      </c>
      <c r="D8174" t="s">
        <v>15659</v>
      </c>
      <c r="E8174" t="s">
        <v>32989</v>
      </c>
      <c r="F8174">
        <v>4</v>
      </c>
      <c r="G8174" t="s">
        <v>14</v>
      </c>
      <c r="H8174" t="s">
        <v>15660</v>
      </c>
      <c r="I8174" t="s">
        <v>30540</v>
      </c>
    </row>
    <row r="8175" spans="1:9">
      <c r="A8175" s="1">
        <f ca="1">RAND()</f>
        <v>0.95120218665754241</v>
      </c>
      <c r="B8175" s="1"/>
      <c r="C8175">
        <v>16</v>
      </c>
      <c r="D8175" t="s">
        <v>15665</v>
      </c>
      <c r="E8175" t="s">
        <v>32989</v>
      </c>
      <c r="F8175">
        <v>1</v>
      </c>
      <c r="G8175" t="s">
        <v>2</v>
      </c>
      <c r="H8175" t="s">
        <v>15666</v>
      </c>
      <c r="I8175" t="s">
        <v>30540</v>
      </c>
    </row>
    <row r="8176" spans="1:9">
      <c r="A8176" s="1">
        <f ca="1">RAND()</f>
        <v>0.90486569120724725</v>
      </c>
      <c r="B8176" s="1"/>
      <c r="C8176">
        <v>16</v>
      </c>
      <c r="D8176" t="s">
        <v>15653</v>
      </c>
      <c r="E8176" t="s">
        <v>32990</v>
      </c>
      <c r="F8176">
        <v>5</v>
      </c>
      <c r="G8176" t="s">
        <v>10</v>
      </c>
      <c r="H8176" t="s">
        <v>15654</v>
      </c>
      <c r="I8176" t="s">
        <v>30540</v>
      </c>
    </row>
    <row r="8177" spans="1:9">
      <c r="A8177" s="1">
        <f ca="1">RAND()</f>
        <v>0.34465341773344171</v>
      </c>
      <c r="B8177" s="1"/>
      <c r="C8177">
        <v>10</v>
      </c>
      <c r="D8177" t="s">
        <v>15651</v>
      </c>
      <c r="E8177" t="s">
        <v>32990</v>
      </c>
      <c r="F8177">
        <v>4</v>
      </c>
      <c r="G8177" t="s">
        <v>10</v>
      </c>
      <c r="H8177" t="s">
        <v>15652</v>
      </c>
      <c r="I8177" t="s">
        <v>30540</v>
      </c>
    </row>
    <row r="8178" spans="1:9">
      <c r="A8178" s="1">
        <f ca="1">RAND()</f>
        <v>0.41195847338503522</v>
      </c>
      <c r="B8178" s="1"/>
      <c r="C8178">
        <v>18</v>
      </c>
      <c r="D8178" t="s">
        <v>15655</v>
      </c>
      <c r="E8178" t="s">
        <v>32990</v>
      </c>
      <c r="F8178">
        <v>4</v>
      </c>
      <c r="G8178" t="s">
        <v>10</v>
      </c>
      <c r="H8178" t="s">
        <v>15656</v>
      </c>
      <c r="I8178" t="s">
        <v>30540</v>
      </c>
    </row>
    <row r="8179" spans="1:9">
      <c r="A8179" s="1">
        <f ca="1">RAND()</f>
        <v>5.93804360614133E-2</v>
      </c>
      <c r="B8179" s="1"/>
      <c r="C8179">
        <v>2</v>
      </c>
      <c r="D8179" t="s">
        <v>15639</v>
      </c>
      <c r="E8179" t="s">
        <v>32991</v>
      </c>
      <c r="F8179">
        <v>5</v>
      </c>
      <c r="G8179" t="s">
        <v>762</v>
      </c>
      <c r="H8179" t="s">
        <v>15640</v>
      </c>
      <c r="I8179" t="s">
        <v>30540</v>
      </c>
    </row>
    <row r="8180" spans="1:9">
      <c r="A8180" s="1">
        <f ca="1">RAND()</f>
        <v>0.3704839413703187</v>
      </c>
      <c r="B8180" s="1"/>
      <c r="C8180">
        <v>4</v>
      </c>
      <c r="D8180" t="s">
        <v>15643</v>
      </c>
      <c r="E8180" t="s">
        <v>32991</v>
      </c>
      <c r="F8180">
        <v>5</v>
      </c>
      <c r="G8180" t="s">
        <v>13</v>
      </c>
      <c r="H8180" t="s">
        <v>15644</v>
      </c>
      <c r="I8180" t="s">
        <v>30540</v>
      </c>
    </row>
    <row r="8181" spans="1:9">
      <c r="A8181" s="1">
        <f ca="1">RAND()</f>
        <v>0.66074604009765836</v>
      </c>
      <c r="B8181" s="1"/>
      <c r="C8181">
        <v>3</v>
      </c>
      <c r="D8181" t="s">
        <v>15641</v>
      </c>
      <c r="E8181" t="s">
        <v>32991</v>
      </c>
      <c r="F8181">
        <v>4</v>
      </c>
      <c r="G8181" t="s">
        <v>2</v>
      </c>
      <c r="H8181" t="s">
        <v>15642</v>
      </c>
      <c r="I8181" t="s">
        <v>30540</v>
      </c>
    </row>
    <row r="8182" spans="1:9">
      <c r="A8182" s="1">
        <f ca="1">RAND()</f>
        <v>0.74920394351361452</v>
      </c>
      <c r="B8182" s="1"/>
      <c r="C8182">
        <v>18</v>
      </c>
      <c r="D8182" t="s">
        <v>15649</v>
      </c>
      <c r="E8182" t="s">
        <v>32991</v>
      </c>
      <c r="F8182">
        <v>4</v>
      </c>
      <c r="G8182" t="s">
        <v>766</v>
      </c>
      <c r="H8182" t="s">
        <v>15650</v>
      </c>
      <c r="I8182" t="s">
        <v>30540</v>
      </c>
    </row>
    <row r="8183" spans="1:9">
      <c r="A8183" s="1">
        <f ca="1">RAND()</f>
        <v>0.5671850767893053</v>
      </c>
      <c r="B8183" s="1"/>
      <c r="C8183">
        <v>16</v>
      </c>
      <c r="D8183" t="s">
        <v>15647</v>
      </c>
      <c r="E8183" t="s">
        <v>32991</v>
      </c>
      <c r="F8183">
        <v>2</v>
      </c>
      <c r="G8183" t="s">
        <v>2738</v>
      </c>
      <c r="H8183" t="s">
        <v>15648</v>
      </c>
      <c r="I8183" t="s">
        <v>30540</v>
      </c>
    </row>
    <row r="8184" spans="1:9">
      <c r="A8184" s="1">
        <f ca="1">RAND()</f>
        <v>0.89193127832657559</v>
      </c>
      <c r="B8184" s="1"/>
      <c r="C8184">
        <v>12</v>
      </c>
      <c r="D8184" t="s">
        <v>15645</v>
      </c>
      <c r="E8184" t="s">
        <v>32991</v>
      </c>
      <c r="F8184">
        <v>2</v>
      </c>
      <c r="G8184" t="s">
        <v>10</v>
      </c>
      <c r="H8184" t="s">
        <v>15646</v>
      </c>
      <c r="I8184" t="s">
        <v>30540</v>
      </c>
    </row>
    <row r="8185" spans="1:9">
      <c r="A8185" s="1">
        <f ca="1">RAND()</f>
        <v>0.8487150469597744</v>
      </c>
      <c r="B8185" s="1"/>
      <c r="C8185">
        <v>12</v>
      </c>
      <c r="D8185" t="s">
        <v>15637</v>
      </c>
      <c r="E8185" t="s">
        <v>32992</v>
      </c>
      <c r="F8185">
        <v>4</v>
      </c>
      <c r="G8185" t="s">
        <v>13</v>
      </c>
      <c r="H8185" t="s">
        <v>15638</v>
      </c>
      <c r="I8185" t="s">
        <v>30540</v>
      </c>
    </row>
    <row r="8186" spans="1:9">
      <c r="A8186" s="1">
        <f ca="1">RAND()</f>
        <v>0.28730737395984651</v>
      </c>
      <c r="B8186" s="1"/>
      <c r="C8186">
        <v>11</v>
      </c>
      <c r="D8186" t="s">
        <v>15635</v>
      </c>
      <c r="E8186" t="s">
        <v>32992</v>
      </c>
      <c r="F8186">
        <v>4</v>
      </c>
      <c r="G8186" t="s">
        <v>14</v>
      </c>
      <c r="H8186" t="s">
        <v>15636</v>
      </c>
      <c r="I8186" t="s">
        <v>30540</v>
      </c>
    </row>
    <row r="8187" spans="1:9">
      <c r="A8187" s="1">
        <f ca="1">RAND()</f>
        <v>9.8069455918166293E-2</v>
      </c>
      <c r="B8187" s="1"/>
      <c r="C8187">
        <v>7</v>
      </c>
      <c r="D8187" t="s">
        <v>15633</v>
      </c>
      <c r="E8187" t="s">
        <v>32992</v>
      </c>
      <c r="F8187">
        <v>4</v>
      </c>
      <c r="G8187" t="s">
        <v>1</v>
      </c>
      <c r="H8187" t="s">
        <v>15634</v>
      </c>
      <c r="I8187" t="s">
        <v>30540</v>
      </c>
    </row>
    <row r="8188" spans="1:9">
      <c r="A8188" s="1">
        <f ca="1">RAND()</f>
        <v>0.15094600855288143</v>
      </c>
      <c r="B8188" s="1"/>
      <c r="C8188">
        <v>12</v>
      </c>
      <c r="D8188" t="s">
        <v>15627</v>
      </c>
      <c r="E8188" t="s">
        <v>32993</v>
      </c>
      <c r="F8188">
        <v>5</v>
      </c>
      <c r="G8188" t="s">
        <v>15</v>
      </c>
      <c r="H8188" t="s">
        <v>15628</v>
      </c>
      <c r="I8188" t="s">
        <v>30540</v>
      </c>
    </row>
    <row r="8189" spans="1:9">
      <c r="A8189" s="1">
        <f ca="1">RAND()</f>
        <v>0.22521764355156315</v>
      </c>
      <c r="B8189" s="1"/>
      <c r="C8189">
        <v>7</v>
      </c>
      <c r="D8189" t="s">
        <v>15623</v>
      </c>
      <c r="E8189" t="s">
        <v>32993</v>
      </c>
      <c r="F8189">
        <v>4</v>
      </c>
      <c r="G8189" t="s">
        <v>1</v>
      </c>
      <c r="H8189" t="s">
        <v>15624</v>
      </c>
      <c r="I8189" t="s">
        <v>30540</v>
      </c>
    </row>
    <row r="8190" spans="1:9">
      <c r="A8190" s="1">
        <f ca="1">RAND()</f>
        <v>0.64930793471891379</v>
      </c>
      <c r="B8190" s="1"/>
      <c r="C8190">
        <v>18</v>
      </c>
      <c r="D8190" t="s">
        <v>15631</v>
      </c>
      <c r="E8190" t="s">
        <v>32993</v>
      </c>
      <c r="F8190">
        <v>4</v>
      </c>
      <c r="G8190" t="s">
        <v>10</v>
      </c>
      <c r="H8190" t="s">
        <v>15632</v>
      </c>
      <c r="I8190" t="s">
        <v>30540</v>
      </c>
    </row>
    <row r="8191" spans="1:9">
      <c r="A8191" s="1">
        <f ca="1">RAND()</f>
        <v>0.22163463662772032</v>
      </c>
      <c r="B8191" s="1"/>
      <c r="C8191">
        <v>5</v>
      </c>
      <c r="D8191" t="s">
        <v>15621</v>
      </c>
      <c r="E8191" t="s">
        <v>32993</v>
      </c>
      <c r="F8191">
        <v>4</v>
      </c>
      <c r="G8191" t="s">
        <v>14</v>
      </c>
      <c r="H8191" t="s">
        <v>15622</v>
      </c>
      <c r="I8191" t="s">
        <v>30540</v>
      </c>
    </row>
    <row r="8192" spans="1:9">
      <c r="A8192" s="1">
        <f ca="1">RAND()</f>
        <v>0.92715117745808262</v>
      </c>
      <c r="B8192" s="1"/>
      <c r="C8192">
        <v>4</v>
      </c>
      <c r="D8192" t="s">
        <v>15619</v>
      </c>
      <c r="E8192" t="s">
        <v>32993</v>
      </c>
      <c r="F8192">
        <v>4</v>
      </c>
      <c r="G8192" t="s">
        <v>10</v>
      </c>
      <c r="H8192" t="s">
        <v>15620</v>
      </c>
      <c r="I8192" t="s">
        <v>30540</v>
      </c>
    </row>
    <row r="8193" spans="1:9">
      <c r="A8193" s="1">
        <f ca="1">RAND()</f>
        <v>0.79275814217510654</v>
      </c>
      <c r="B8193" s="1"/>
      <c r="C8193">
        <v>9</v>
      </c>
      <c r="D8193" t="s">
        <v>15625</v>
      </c>
      <c r="E8193" t="s">
        <v>32993</v>
      </c>
      <c r="F8193">
        <v>4</v>
      </c>
      <c r="G8193" t="s">
        <v>0</v>
      </c>
      <c r="H8193" t="s">
        <v>15626</v>
      </c>
      <c r="I8193" t="s">
        <v>30540</v>
      </c>
    </row>
    <row r="8194" spans="1:9">
      <c r="A8194" s="1">
        <f ca="1">RAND()</f>
        <v>0.86087789912049395</v>
      </c>
      <c r="B8194" s="1"/>
      <c r="C8194">
        <v>14</v>
      </c>
      <c r="D8194" t="s">
        <v>15629</v>
      </c>
      <c r="E8194" t="s">
        <v>32993</v>
      </c>
      <c r="F8194">
        <v>1</v>
      </c>
      <c r="G8194" t="s">
        <v>10</v>
      </c>
      <c r="H8194" t="s">
        <v>15630</v>
      </c>
      <c r="I8194" t="s">
        <v>30540</v>
      </c>
    </row>
    <row r="8195" spans="1:9">
      <c r="A8195" s="1">
        <f ca="1">RAND()</f>
        <v>0.93880920199084716</v>
      </c>
      <c r="B8195" s="1"/>
      <c r="C8195">
        <v>2</v>
      </c>
      <c r="D8195" t="s">
        <v>15603</v>
      </c>
      <c r="E8195" t="s">
        <v>32994</v>
      </c>
      <c r="F8195">
        <v>4</v>
      </c>
      <c r="G8195" t="s">
        <v>13</v>
      </c>
      <c r="H8195" t="s">
        <v>15604</v>
      </c>
      <c r="I8195" t="s">
        <v>30540</v>
      </c>
    </row>
    <row r="8196" spans="1:9">
      <c r="A8196" s="1">
        <f ca="1">RAND()</f>
        <v>0.93712728565853032</v>
      </c>
      <c r="B8196" s="1"/>
      <c r="C8196">
        <v>11</v>
      </c>
      <c r="D8196" t="s">
        <v>15609</v>
      </c>
      <c r="E8196" t="s">
        <v>32994</v>
      </c>
      <c r="F8196">
        <v>4</v>
      </c>
      <c r="G8196" t="s">
        <v>14</v>
      </c>
      <c r="H8196" t="s">
        <v>15610</v>
      </c>
      <c r="I8196" t="s">
        <v>30540</v>
      </c>
    </row>
    <row r="8197" spans="1:9">
      <c r="A8197" s="1">
        <f ca="1">RAND()</f>
        <v>0.10172041107089669</v>
      </c>
      <c r="B8197" s="1"/>
      <c r="C8197">
        <v>12</v>
      </c>
      <c r="D8197" t="s">
        <v>15611</v>
      </c>
      <c r="E8197" t="s">
        <v>32994</v>
      </c>
      <c r="F8197">
        <v>4</v>
      </c>
      <c r="G8197" t="s">
        <v>14</v>
      </c>
      <c r="H8197" t="s">
        <v>15612</v>
      </c>
      <c r="I8197" t="s">
        <v>30540</v>
      </c>
    </row>
    <row r="8198" spans="1:9">
      <c r="A8198" s="1">
        <f ca="1">RAND()</f>
        <v>0.71882410786926232</v>
      </c>
      <c r="B8198" s="1"/>
      <c r="C8198">
        <v>7</v>
      </c>
      <c r="D8198" t="s">
        <v>15605</v>
      </c>
      <c r="E8198" t="s">
        <v>32994</v>
      </c>
      <c r="F8198">
        <v>4</v>
      </c>
      <c r="G8198" t="s">
        <v>2</v>
      </c>
      <c r="H8198" t="s">
        <v>15606</v>
      </c>
      <c r="I8198" t="s">
        <v>30540</v>
      </c>
    </row>
    <row r="8199" spans="1:9">
      <c r="A8199" s="1">
        <f ca="1">RAND()</f>
        <v>0.40675351520630609</v>
      </c>
      <c r="B8199" s="1"/>
      <c r="C8199">
        <v>10</v>
      </c>
      <c r="D8199" t="s">
        <v>15607</v>
      </c>
      <c r="E8199" t="s">
        <v>32994</v>
      </c>
      <c r="F8199">
        <v>4</v>
      </c>
      <c r="G8199" t="s">
        <v>0</v>
      </c>
      <c r="H8199" t="s">
        <v>15608</v>
      </c>
      <c r="I8199" t="s">
        <v>30540</v>
      </c>
    </row>
    <row r="8200" spans="1:9">
      <c r="A8200" s="1">
        <f ca="1">RAND()</f>
        <v>0.14203202349920074</v>
      </c>
      <c r="B8200" s="1"/>
      <c r="C8200">
        <v>17</v>
      </c>
      <c r="D8200" t="s">
        <v>15615</v>
      </c>
      <c r="E8200" t="s">
        <v>32994</v>
      </c>
      <c r="F8200">
        <v>4</v>
      </c>
      <c r="G8200" t="s">
        <v>14</v>
      </c>
      <c r="H8200" t="s">
        <v>15616</v>
      </c>
      <c r="I8200" t="s">
        <v>30540</v>
      </c>
    </row>
    <row r="8201" spans="1:9">
      <c r="A8201" s="1">
        <f ca="1">RAND()</f>
        <v>0.20841849822725333</v>
      </c>
      <c r="B8201" s="1"/>
      <c r="C8201">
        <v>19</v>
      </c>
      <c r="D8201" t="s">
        <v>15617</v>
      </c>
      <c r="E8201" t="s">
        <v>32994</v>
      </c>
      <c r="F8201">
        <v>4</v>
      </c>
      <c r="G8201" t="s">
        <v>14</v>
      </c>
      <c r="H8201" t="s">
        <v>15618</v>
      </c>
      <c r="I8201" t="s">
        <v>30540</v>
      </c>
    </row>
    <row r="8202" spans="1:9">
      <c r="A8202" s="1">
        <f ca="1">RAND()</f>
        <v>0.85865791856597506</v>
      </c>
      <c r="B8202" s="1"/>
      <c r="C8202">
        <v>15</v>
      </c>
      <c r="D8202" t="s">
        <v>15613</v>
      </c>
      <c r="E8202" t="s">
        <v>32994</v>
      </c>
      <c r="F8202">
        <v>1</v>
      </c>
      <c r="G8202" t="s">
        <v>0</v>
      </c>
      <c r="H8202" t="s">
        <v>15614</v>
      </c>
      <c r="I8202" t="s">
        <v>30540</v>
      </c>
    </row>
    <row r="8203" spans="1:9">
      <c r="A8203" s="1">
        <f ca="1">RAND()</f>
        <v>0.4714514089015065</v>
      </c>
      <c r="B8203" s="1"/>
      <c r="C8203">
        <v>9</v>
      </c>
      <c r="D8203" t="s">
        <v>15593</v>
      </c>
      <c r="E8203" t="s">
        <v>32995</v>
      </c>
      <c r="F8203">
        <v>5</v>
      </c>
      <c r="G8203" t="s">
        <v>14</v>
      </c>
      <c r="H8203" t="s">
        <v>15594</v>
      </c>
      <c r="I8203" t="s">
        <v>30540</v>
      </c>
    </row>
    <row r="8204" spans="1:9">
      <c r="A8204" s="1">
        <f ca="1">RAND()</f>
        <v>0.7227672369980479</v>
      </c>
      <c r="B8204" s="1"/>
      <c r="C8204">
        <v>11</v>
      </c>
      <c r="D8204" t="s">
        <v>15595</v>
      </c>
      <c r="E8204" t="s">
        <v>32995</v>
      </c>
      <c r="F8204">
        <v>5</v>
      </c>
      <c r="G8204" t="s">
        <v>0</v>
      </c>
      <c r="H8204" t="s">
        <v>15596</v>
      </c>
      <c r="I8204" t="s">
        <v>30540</v>
      </c>
    </row>
    <row r="8205" spans="1:9">
      <c r="A8205" s="1">
        <f ca="1">RAND()</f>
        <v>0.25971142817209703</v>
      </c>
      <c r="B8205" s="1"/>
      <c r="C8205">
        <v>20</v>
      </c>
      <c r="D8205" t="s">
        <v>15601</v>
      </c>
      <c r="E8205" t="s">
        <v>32995</v>
      </c>
      <c r="F8205">
        <v>4</v>
      </c>
      <c r="G8205" t="s">
        <v>14</v>
      </c>
      <c r="H8205" t="s">
        <v>15602</v>
      </c>
      <c r="I8205" t="s">
        <v>30540</v>
      </c>
    </row>
    <row r="8206" spans="1:9">
      <c r="A8206" s="1">
        <f ca="1">RAND()</f>
        <v>0.80895050700121607</v>
      </c>
      <c r="B8206" s="1"/>
      <c r="C8206">
        <v>2</v>
      </c>
      <c r="D8206" t="s">
        <v>15589</v>
      </c>
      <c r="E8206" t="s">
        <v>32995</v>
      </c>
      <c r="F8206">
        <v>4</v>
      </c>
      <c r="G8206" t="s">
        <v>14</v>
      </c>
      <c r="H8206" t="s">
        <v>15590</v>
      </c>
      <c r="I8206" t="s">
        <v>30540</v>
      </c>
    </row>
    <row r="8207" spans="1:9">
      <c r="A8207" s="1">
        <f ca="1">RAND()</f>
        <v>0.79984035701036105</v>
      </c>
      <c r="B8207" s="1"/>
      <c r="C8207">
        <v>16</v>
      </c>
      <c r="D8207" t="s">
        <v>15597</v>
      </c>
      <c r="E8207" t="s">
        <v>32995</v>
      </c>
      <c r="F8207">
        <v>4</v>
      </c>
      <c r="G8207" t="s">
        <v>14</v>
      </c>
      <c r="H8207" t="s">
        <v>15598</v>
      </c>
      <c r="I8207" t="s">
        <v>30540</v>
      </c>
    </row>
    <row r="8208" spans="1:9">
      <c r="A8208" s="1">
        <f ca="1">RAND()</f>
        <v>0.35129415119052698</v>
      </c>
      <c r="B8208" s="1"/>
      <c r="C8208">
        <v>1</v>
      </c>
      <c r="D8208" t="s">
        <v>15587</v>
      </c>
      <c r="E8208" t="s">
        <v>32995</v>
      </c>
      <c r="F8208">
        <v>4</v>
      </c>
      <c r="G8208" t="s">
        <v>10</v>
      </c>
      <c r="H8208" t="s">
        <v>15588</v>
      </c>
      <c r="I8208" t="s">
        <v>30540</v>
      </c>
    </row>
    <row r="8209" spans="1:9">
      <c r="A8209" s="1">
        <f ca="1">RAND()</f>
        <v>0.55266445233184225</v>
      </c>
      <c r="B8209" s="1"/>
      <c r="C8209">
        <v>8</v>
      </c>
      <c r="D8209" t="s">
        <v>15591</v>
      </c>
      <c r="E8209" t="s">
        <v>32995</v>
      </c>
      <c r="F8209">
        <v>2</v>
      </c>
      <c r="G8209" t="s">
        <v>14</v>
      </c>
      <c r="H8209" t="s">
        <v>15592</v>
      </c>
      <c r="I8209" t="s">
        <v>30540</v>
      </c>
    </row>
    <row r="8210" spans="1:9">
      <c r="A8210" s="1">
        <f ca="1">RAND()</f>
        <v>0.53615457420621893</v>
      </c>
      <c r="B8210" s="1"/>
      <c r="C8210">
        <v>19</v>
      </c>
      <c r="D8210" t="s">
        <v>15599</v>
      </c>
      <c r="E8210" t="s">
        <v>32995</v>
      </c>
      <c r="F8210">
        <v>2</v>
      </c>
      <c r="G8210" t="s">
        <v>15</v>
      </c>
      <c r="H8210" t="s">
        <v>15600</v>
      </c>
      <c r="I8210" t="s">
        <v>30540</v>
      </c>
    </row>
    <row r="8211" spans="1:9">
      <c r="A8211" s="1">
        <f ca="1">RAND()</f>
        <v>0.84579532888440201</v>
      </c>
      <c r="B8211" s="1"/>
      <c r="C8211">
        <v>17</v>
      </c>
      <c r="D8211" t="s">
        <v>15585</v>
      </c>
      <c r="E8211" t="s">
        <v>32996</v>
      </c>
      <c r="F8211">
        <v>5</v>
      </c>
      <c r="G8211" t="s">
        <v>14</v>
      </c>
      <c r="H8211" t="s">
        <v>15586</v>
      </c>
      <c r="I8211" t="s">
        <v>30540</v>
      </c>
    </row>
    <row r="8212" spans="1:9">
      <c r="A8212" s="1">
        <f ca="1">RAND()</f>
        <v>0.20353720310104984</v>
      </c>
      <c r="B8212" s="1"/>
      <c r="C8212">
        <v>9</v>
      </c>
      <c r="D8212" t="s">
        <v>15583</v>
      </c>
      <c r="E8212" t="s">
        <v>32996</v>
      </c>
      <c r="F8212">
        <v>4</v>
      </c>
      <c r="G8212" t="s">
        <v>2</v>
      </c>
      <c r="H8212" t="s">
        <v>15584</v>
      </c>
      <c r="I8212" t="s">
        <v>30540</v>
      </c>
    </row>
    <row r="8213" spans="1:9">
      <c r="A8213" s="1">
        <f ca="1">RAND()</f>
        <v>0.41145826878935854</v>
      </c>
      <c r="B8213" s="1"/>
      <c r="C8213">
        <v>1</v>
      </c>
      <c r="D8213" t="s">
        <v>15581</v>
      </c>
      <c r="E8213" t="s">
        <v>32996</v>
      </c>
      <c r="F8213">
        <v>2</v>
      </c>
      <c r="G8213" t="s">
        <v>766</v>
      </c>
      <c r="H8213" t="s">
        <v>15582</v>
      </c>
      <c r="I8213" t="s">
        <v>30540</v>
      </c>
    </row>
    <row r="8214" spans="1:9">
      <c r="A8214" s="1">
        <f ca="1">RAND()</f>
        <v>0.47110522545009037</v>
      </c>
      <c r="B8214" s="1"/>
      <c r="C8214">
        <v>17</v>
      </c>
      <c r="D8214" t="s">
        <v>15579</v>
      </c>
      <c r="E8214" t="s">
        <v>32997</v>
      </c>
      <c r="F8214">
        <v>4</v>
      </c>
      <c r="G8214" t="s">
        <v>14</v>
      </c>
      <c r="H8214" t="s">
        <v>15580</v>
      </c>
      <c r="I8214" t="s">
        <v>30540</v>
      </c>
    </row>
    <row r="8215" spans="1:9">
      <c r="A8215" s="1">
        <f ca="1">RAND()</f>
        <v>0.60921741614687597</v>
      </c>
      <c r="B8215" s="1"/>
      <c r="C8215">
        <v>6</v>
      </c>
      <c r="D8215" t="s">
        <v>15571</v>
      </c>
      <c r="E8215" t="s">
        <v>32997</v>
      </c>
      <c r="F8215">
        <v>4</v>
      </c>
      <c r="G8215" t="s">
        <v>13</v>
      </c>
      <c r="H8215" t="s">
        <v>15572</v>
      </c>
      <c r="I8215" t="s">
        <v>30540</v>
      </c>
    </row>
    <row r="8216" spans="1:9">
      <c r="A8216" s="1">
        <f ca="1">RAND()</f>
        <v>0.19847171506921779</v>
      </c>
      <c r="B8216" s="1"/>
      <c r="C8216">
        <v>13</v>
      </c>
      <c r="D8216" t="s">
        <v>15575</v>
      </c>
      <c r="E8216" t="s">
        <v>32997</v>
      </c>
      <c r="F8216">
        <v>4</v>
      </c>
      <c r="G8216" t="s">
        <v>0</v>
      </c>
      <c r="H8216" t="s">
        <v>15576</v>
      </c>
      <c r="I8216" t="s">
        <v>30540</v>
      </c>
    </row>
    <row r="8217" spans="1:9">
      <c r="A8217" s="1">
        <f ca="1">RAND()</f>
        <v>0.80778591600911231</v>
      </c>
      <c r="B8217" s="1"/>
      <c r="C8217">
        <v>9</v>
      </c>
      <c r="D8217" t="s">
        <v>15573</v>
      </c>
      <c r="E8217" t="s">
        <v>32997</v>
      </c>
      <c r="F8217">
        <v>4</v>
      </c>
      <c r="G8217" t="s">
        <v>14</v>
      </c>
      <c r="H8217" t="s">
        <v>15574</v>
      </c>
      <c r="I8217" t="s">
        <v>30540</v>
      </c>
    </row>
    <row r="8218" spans="1:9">
      <c r="A8218" s="1">
        <f ca="1">RAND()</f>
        <v>0.29201356170502502</v>
      </c>
      <c r="B8218" s="1"/>
      <c r="C8218">
        <v>15</v>
      </c>
      <c r="D8218" t="s">
        <v>15577</v>
      </c>
      <c r="E8218" t="s">
        <v>32997</v>
      </c>
      <c r="F8218">
        <v>4</v>
      </c>
      <c r="G8218" t="s">
        <v>13</v>
      </c>
      <c r="H8218" t="s">
        <v>15578</v>
      </c>
      <c r="I8218" t="s">
        <v>30540</v>
      </c>
    </row>
    <row r="8219" spans="1:9">
      <c r="A8219" s="1">
        <f ca="1">RAND()</f>
        <v>0.18736929178115569</v>
      </c>
      <c r="B8219" s="1"/>
      <c r="C8219">
        <v>5</v>
      </c>
      <c r="D8219" t="s">
        <v>15559</v>
      </c>
      <c r="E8219" t="s">
        <v>32998</v>
      </c>
      <c r="F8219">
        <v>4</v>
      </c>
      <c r="G8219" t="s">
        <v>14</v>
      </c>
      <c r="H8219" t="s">
        <v>15560</v>
      </c>
      <c r="I8219" t="s">
        <v>30540</v>
      </c>
    </row>
    <row r="8220" spans="1:9">
      <c r="A8220" s="1">
        <f ca="1">RAND()</f>
        <v>0.51796161296903187</v>
      </c>
      <c r="B8220" s="1"/>
      <c r="C8220">
        <v>6</v>
      </c>
      <c r="D8220" t="s">
        <v>15561</v>
      </c>
      <c r="E8220" t="s">
        <v>32998</v>
      </c>
      <c r="F8220">
        <v>4</v>
      </c>
      <c r="G8220" t="s">
        <v>14</v>
      </c>
      <c r="H8220" t="s">
        <v>15562</v>
      </c>
      <c r="I8220" t="s">
        <v>30540</v>
      </c>
    </row>
    <row r="8221" spans="1:9">
      <c r="A8221" s="1">
        <f ca="1">RAND()</f>
        <v>0.97924533028905625</v>
      </c>
      <c r="B8221" s="1"/>
      <c r="C8221">
        <v>9</v>
      </c>
      <c r="D8221" t="s">
        <v>15563</v>
      </c>
      <c r="E8221" t="s">
        <v>32998</v>
      </c>
      <c r="F8221">
        <v>4</v>
      </c>
      <c r="G8221" t="s">
        <v>1</v>
      </c>
      <c r="H8221" t="s">
        <v>15564</v>
      </c>
      <c r="I8221" t="s">
        <v>30540</v>
      </c>
    </row>
    <row r="8222" spans="1:9">
      <c r="A8222" s="1">
        <f ca="1">RAND()</f>
        <v>0.49327183983219236</v>
      </c>
      <c r="B8222" s="1"/>
      <c r="C8222">
        <v>18</v>
      </c>
      <c r="D8222" t="s">
        <v>15567</v>
      </c>
      <c r="E8222" t="s">
        <v>32998</v>
      </c>
      <c r="F8222">
        <v>4</v>
      </c>
      <c r="G8222" t="s">
        <v>0</v>
      </c>
      <c r="H8222" t="s">
        <v>15568</v>
      </c>
      <c r="I8222" t="s">
        <v>30540</v>
      </c>
    </row>
    <row r="8223" spans="1:9">
      <c r="A8223" s="1">
        <f ca="1">RAND()</f>
        <v>0.24418328473913131</v>
      </c>
      <c r="B8223" s="1"/>
      <c r="C8223">
        <v>19</v>
      </c>
      <c r="D8223" t="s">
        <v>15569</v>
      </c>
      <c r="E8223" t="s">
        <v>32998</v>
      </c>
      <c r="F8223">
        <v>4</v>
      </c>
      <c r="G8223" t="s">
        <v>2</v>
      </c>
      <c r="H8223" t="s">
        <v>15570</v>
      </c>
      <c r="I8223" t="s">
        <v>30540</v>
      </c>
    </row>
    <row r="8224" spans="1:9">
      <c r="A8224" s="1">
        <f ca="1">RAND()</f>
        <v>0.9428301332025214</v>
      </c>
      <c r="B8224" s="1"/>
      <c r="C8224">
        <v>1</v>
      </c>
      <c r="D8224" t="s">
        <v>15557</v>
      </c>
      <c r="E8224" t="s">
        <v>32998</v>
      </c>
      <c r="F8224">
        <v>4</v>
      </c>
      <c r="G8224" t="s">
        <v>10</v>
      </c>
      <c r="H8224" t="s">
        <v>15558</v>
      </c>
      <c r="I8224" t="s">
        <v>30540</v>
      </c>
    </row>
    <row r="8225" spans="1:9">
      <c r="A8225" s="1">
        <f ca="1">RAND()</f>
        <v>0.81174377208565607</v>
      </c>
      <c r="B8225" s="1"/>
      <c r="C8225">
        <v>16</v>
      </c>
      <c r="D8225" t="s">
        <v>15565</v>
      </c>
      <c r="E8225" t="s">
        <v>32998</v>
      </c>
      <c r="F8225">
        <v>2</v>
      </c>
      <c r="G8225" t="s">
        <v>14</v>
      </c>
      <c r="H8225" t="s">
        <v>15566</v>
      </c>
      <c r="I8225" t="s">
        <v>30540</v>
      </c>
    </row>
    <row r="8226" spans="1:9">
      <c r="A8226" s="1">
        <f ca="1">RAND()</f>
        <v>0.28055304580018325</v>
      </c>
      <c r="B8226" s="1"/>
      <c r="C8226">
        <v>14</v>
      </c>
      <c r="D8226" t="s">
        <v>15551</v>
      </c>
      <c r="E8226" t="s">
        <v>32999</v>
      </c>
      <c r="F8226">
        <v>5</v>
      </c>
      <c r="G8226" t="s">
        <v>13</v>
      </c>
      <c r="H8226" t="s">
        <v>15552</v>
      </c>
      <c r="I8226" t="s">
        <v>30540</v>
      </c>
    </row>
    <row r="8227" spans="1:9">
      <c r="A8227" s="1">
        <f ca="1">RAND()</f>
        <v>0.76657754398355515</v>
      </c>
      <c r="B8227" s="1"/>
      <c r="C8227">
        <v>13</v>
      </c>
      <c r="D8227" t="s">
        <v>15549</v>
      </c>
      <c r="E8227" t="s">
        <v>32999</v>
      </c>
      <c r="F8227">
        <v>5</v>
      </c>
      <c r="G8227" t="s">
        <v>0</v>
      </c>
      <c r="H8227" t="s">
        <v>15550</v>
      </c>
      <c r="I8227" t="s">
        <v>30540</v>
      </c>
    </row>
    <row r="8228" spans="1:9">
      <c r="A8228" s="1">
        <f ca="1">RAND()</f>
        <v>3.9974207530351857E-2</v>
      </c>
      <c r="B8228" s="1"/>
      <c r="C8228">
        <v>5</v>
      </c>
      <c r="D8228" t="s">
        <v>15545</v>
      </c>
      <c r="E8228" t="s">
        <v>32999</v>
      </c>
      <c r="F8228">
        <v>5</v>
      </c>
      <c r="G8228" t="s">
        <v>2</v>
      </c>
      <c r="H8228" t="s">
        <v>15546</v>
      </c>
      <c r="I8228" t="s">
        <v>30540</v>
      </c>
    </row>
    <row r="8229" spans="1:9">
      <c r="A8229" s="1">
        <f ca="1">RAND()</f>
        <v>0.53347424322518289</v>
      </c>
      <c r="B8229" s="1"/>
      <c r="C8229">
        <v>6</v>
      </c>
      <c r="D8229" t="s">
        <v>15547</v>
      </c>
      <c r="E8229" t="s">
        <v>32999</v>
      </c>
      <c r="F8229">
        <v>4</v>
      </c>
      <c r="G8229" t="s">
        <v>15</v>
      </c>
      <c r="H8229" t="s">
        <v>15548</v>
      </c>
      <c r="I8229" t="s">
        <v>30540</v>
      </c>
    </row>
    <row r="8230" spans="1:9">
      <c r="A8230" s="1">
        <f ca="1">RAND()</f>
        <v>0.11763283532787583</v>
      </c>
      <c r="B8230" s="1"/>
      <c r="C8230">
        <v>16</v>
      </c>
      <c r="D8230" t="s">
        <v>15553</v>
      </c>
      <c r="E8230" t="s">
        <v>32999</v>
      </c>
      <c r="F8230">
        <v>2</v>
      </c>
      <c r="G8230" t="s">
        <v>2</v>
      </c>
      <c r="H8230" t="s">
        <v>15554</v>
      </c>
      <c r="I8230" t="s">
        <v>30540</v>
      </c>
    </row>
    <row r="8231" spans="1:9">
      <c r="A8231" s="1">
        <f ca="1">RAND()</f>
        <v>0.82960516965950704</v>
      </c>
      <c r="B8231" s="1"/>
      <c r="C8231">
        <v>18</v>
      </c>
      <c r="D8231" t="s">
        <v>15555</v>
      </c>
      <c r="E8231" t="s">
        <v>32999</v>
      </c>
      <c r="F8231">
        <v>1</v>
      </c>
      <c r="G8231" t="s">
        <v>14</v>
      </c>
      <c r="H8231" t="s">
        <v>15556</v>
      </c>
      <c r="I8231" t="s">
        <v>30540</v>
      </c>
    </row>
    <row r="8232" spans="1:9">
      <c r="A8232" s="1">
        <f ca="1">RAND()</f>
        <v>0.90900404259274548</v>
      </c>
      <c r="B8232" s="1"/>
      <c r="C8232">
        <v>7</v>
      </c>
      <c r="D8232" t="s">
        <v>15535</v>
      </c>
      <c r="E8232" t="s">
        <v>33000</v>
      </c>
      <c r="F8232">
        <v>4</v>
      </c>
      <c r="G8232" t="s">
        <v>10</v>
      </c>
      <c r="H8232" t="s">
        <v>15536</v>
      </c>
      <c r="I8232" t="s">
        <v>30540</v>
      </c>
    </row>
    <row r="8233" spans="1:9">
      <c r="A8233" s="1">
        <f ca="1">RAND()</f>
        <v>0.39617737011256648</v>
      </c>
      <c r="B8233" s="1"/>
      <c r="C8233">
        <v>13</v>
      </c>
      <c r="D8233" t="s">
        <v>15539</v>
      </c>
      <c r="E8233" t="s">
        <v>33000</v>
      </c>
      <c r="F8233">
        <v>4</v>
      </c>
      <c r="G8233" t="s">
        <v>14</v>
      </c>
      <c r="H8233" t="s">
        <v>15540</v>
      </c>
      <c r="I8233" t="s">
        <v>30540</v>
      </c>
    </row>
    <row r="8234" spans="1:9">
      <c r="A8234" s="1">
        <f ca="1">RAND()</f>
        <v>0.75473032743083523</v>
      </c>
      <c r="B8234" s="1"/>
      <c r="C8234">
        <v>15</v>
      </c>
      <c r="D8234" t="s">
        <v>15541</v>
      </c>
      <c r="E8234" t="s">
        <v>33000</v>
      </c>
      <c r="F8234">
        <v>3</v>
      </c>
      <c r="G8234" t="s">
        <v>1</v>
      </c>
      <c r="H8234" t="s">
        <v>15542</v>
      </c>
      <c r="I8234" t="s">
        <v>30540</v>
      </c>
    </row>
    <row r="8235" spans="1:9">
      <c r="A8235" s="1">
        <f ca="1">RAND()</f>
        <v>0.83835206374708204</v>
      </c>
      <c r="B8235" s="1"/>
      <c r="C8235">
        <v>16</v>
      </c>
      <c r="D8235" t="s">
        <v>15543</v>
      </c>
      <c r="E8235" t="s">
        <v>33000</v>
      </c>
      <c r="F8235">
        <v>2</v>
      </c>
      <c r="G8235" t="s">
        <v>0</v>
      </c>
      <c r="H8235" t="s">
        <v>15544</v>
      </c>
      <c r="I8235" t="s">
        <v>30540</v>
      </c>
    </row>
    <row r="8236" spans="1:9">
      <c r="A8236" s="1">
        <f ca="1">RAND()</f>
        <v>0.98081188428991939</v>
      </c>
      <c r="B8236" s="1"/>
      <c r="C8236">
        <v>10</v>
      </c>
      <c r="D8236" t="s">
        <v>15537</v>
      </c>
      <c r="E8236" t="s">
        <v>33000</v>
      </c>
      <c r="F8236">
        <v>2</v>
      </c>
      <c r="G8236" t="s">
        <v>13</v>
      </c>
      <c r="H8236" t="s">
        <v>15538</v>
      </c>
      <c r="I8236" t="s">
        <v>30540</v>
      </c>
    </row>
    <row r="8237" spans="1:9">
      <c r="A8237" s="1">
        <f ca="1">RAND()</f>
        <v>4.2813491440285678E-2</v>
      </c>
      <c r="B8237" s="1"/>
      <c r="C8237">
        <v>5</v>
      </c>
      <c r="D8237" t="s">
        <v>15533</v>
      </c>
      <c r="E8237" t="s">
        <v>33000</v>
      </c>
      <c r="F8237">
        <v>2</v>
      </c>
      <c r="G8237" t="s">
        <v>14</v>
      </c>
      <c r="H8237" t="s">
        <v>15534</v>
      </c>
      <c r="I8237" t="s">
        <v>30540</v>
      </c>
    </row>
    <row r="8238" spans="1:9">
      <c r="A8238" s="1">
        <f ca="1">RAND()</f>
        <v>0.11201987595657481</v>
      </c>
      <c r="B8238" s="1"/>
      <c r="C8238">
        <v>2</v>
      </c>
      <c r="D8238" t="s">
        <v>15519</v>
      </c>
      <c r="E8238" t="s">
        <v>33001</v>
      </c>
      <c r="F8238">
        <v>5</v>
      </c>
      <c r="G8238" t="s">
        <v>762</v>
      </c>
      <c r="H8238" t="s">
        <v>15520</v>
      </c>
      <c r="I8238" t="s">
        <v>30540</v>
      </c>
    </row>
    <row r="8239" spans="1:9">
      <c r="A8239" s="1">
        <f ca="1">RAND()</f>
        <v>0.83432255909202979</v>
      </c>
      <c r="B8239" s="1"/>
      <c r="C8239">
        <v>13</v>
      </c>
      <c r="D8239" t="s">
        <v>15525</v>
      </c>
      <c r="E8239" t="s">
        <v>33001</v>
      </c>
      <c r="F8239">
        <v>5</v>
      </c>
      <c r="G8239" t="s">
        <v>775</v>
      </c>
      <c r="H8239" t="s">
        <v>15526</v>
      </c>
      <c r="I8239" t="s">
        <v>30540</v>
      </c>
    </row>
    <row r="8240" spans="1:9">
      <c r="A8240" s="1">
        <f ca="1">RAND()</f>
        <v>0.7726532383440522</v>
      </c>
      <c r="B8240" s="1"/>
      <c r="C8240">
        <v>15</v>
      </c>
      <c r="D8240" t="s">
        <v>15527</v>
      </c>
      <c r="E8240" t="s">
        <v>33001</v>
      </c>
      <c r="F8240">
        <v>5</v>
      </c>
      <c r="G8240" t="s">
        <v>14</v>
      </c>
      <c r="H8240" t="s">
        <v>15528</v>
      </c>
      <c r="I8240" t="s">
        <v>30540</v>
      </c>
    </row>
    <row r="8241" spans="1:9">
      <c r="A8241" s="1">
        <f ca="1">RAND()</f>
        <v>0.25744820502776555</v>
      </c>
      <c r="B8241" s="1"/>
      <c r="C8241">
        <v>11</v>
      </c>
      <c r="D8241" t="s">
        <v>15523</v>
      </c>
      <c r="E8241" t="s">
        <v>33001</v>
      </c>
      <c r="F8241">
        <v>4</v>
      </c>
      <c r="G8241" t="s">
        <v>3732</v>
      </c>
      <c r="H8241" t="s">
        <v>15524</v>
      </c>
      <c r="I8241" t="s">
        <v>30540</v>
      </c>
    </row>
    <row r="8242" spans="1:9">
      <c r="A8242" s="1">
        <f ca="1">RAND()</f>
        <v>0.71901373296778692</v>
      </c>
      <c r="B8242" s="1"/>
      <c r="C8242">
        <v>16</v>
      </c>
      <c r="D8242" t="s">
        <v>15529</v>
      </c>
      <c r="E8242" t="s">
        <v>33001</v>
      </c>
      <c r="F8242">
        <v>4</v>
      </c>
      <c r="G8242" t="s">
        <v>775</v>
      </c>
      <c r="H8242" t="s">
        <v>15530</v>
      </c>
      <c r="I8242" t="s">
        <v>30540</v>
      </c>
    </row>
    <row r="8243" spans="1:9">
      <c r="A8243" s="1">
        <f ca="1">RAND()</f>
        <v>0.95373566733646176</v>
      </c>
      <c r="B8243" s="1"/>
      <c r="C8243">
        <v>19</v>
      </c>
      <c r="D8243" t="s">
        <v>15531</v>
      </c>
      <c r="E8243" t="s">
        <v>33001</v>
      </c>
      <c r="F8243">
        <v>4</v>
      </c>
      <c r="G8243" t="s">
        <v>1431</v>
      </c>
      <c r="H8243" t="s">
        <v>15532</v>
      </c>
      <c r="I8243" t="s">
        <v>30540</v>
      </c>
    </row>
    <row r="8244" spans="1:9">
      <c r="A8244" s="1">
        <f ca="1">RAND()</f>
        <v>0.28411874703330664</v>
      </c>
      <c r="B8244" s="1"/>
      <c r="C8244">
        <v>9</v>
      </c>
      <c r="D8244" t="s">
        <v>15521</v>
      </c>
      <c r="E8244" t="s">
        <v>33001</v>
      </c>
      <c r="F8244">
        <v>2</v>
      </c>
      <c r="G8244" t="s">
        <v>14</v>
      </c>
      <c r="H8244" t="s">
        <v>15522</v>
      </c>
      <c r="I8244" t="s">
        <v>30540</v>
      </c>
    </row>
    <row r="8245" spans="1:9">
      <c r="A8245" s="1">
        <f ca="1">RAND()</f>
        <v>8.5667984686300436E-2</v>
      </c>
      <c r="B8245" s="1"/>
      <c r="C8245">
        <v>7</v>
      </c>
      <c r="D8245" t="s">
        <v>15511</v>
      </c>
      <c r="E8245" t="s">
        <v>33002</v>
      </c>
      <c r="F8245">
        <v>5</v>
      </c>
      <c r="G8245" t="s">
        <v>9</v>
      </c>
      <c r="H8245" t="s">
        <v>15512</v>
      </c>
      <c r="I8245" t="s">
        <v>30540</v>
      </c>
    </row>
    <row r="8246" spans="1:9">
      <c r="A8246" s="1">
        <f ca="1">RAND()</f>
        <v>0.72181613659896382</v>
      </c>
      <c r="B8246" s="1"/>
      <c r="C8246">
        <v>1</v>
      </c>
      <c r="D8246" t="s">
        <v>15507</v>
      </c>
      <c r="E8246" t="s">
        <v>33002</v>
      </c>
      <c r="F8246">
        <v>4</v>
      </c>
      <c r="G8246" t="s">
        <v>10</v>
      </c>
      <c r="H8246" t="s">
        <v>15508</v>
      </c>
      <c r="I8246" t="s">
        <v>30540</v>
      </c>
    </row>
    <row r="8247" spans="1:9">
      <c r="A8247" s="1">
        <f ca="1">RAND()</f>
        <v>0.37030153693340584</v>
      </c>
      <c r="B8247" s="1"/>
      <c r="C8247">
        <v>3</v>
      </c>
      <c r="D8247" t="s">
        <v>15509</v>
      </c>
      <c r="E8247" t="s">
        <v>33002</v>
      </c>
      <c r="F8247">
        <v>4</v>
      </c>
      <c r="G8247" t="s">
        <v>13</v>
      </c>
      <c r="H8247" t="s">
        <v>15510</v>
      </c>
      <c r="I8247" t="s">
        <v>30540</v>
      </c>
    </row>
    <row r="8248" spans="1:9">
      <c r="A8248" s="1">
        <f ca="1">RAND()</f>
        <v>8.5154631508401302E-2</v>
      </c>
      <c r="B8248" s="1"/>
      <c r="C8248">
        <v>12</v>
      </c>
      <c r="D8248" t="s">
        <v>15515</v>
      </c>
      <c r="E8248" t="s">
        <v>33002</v>
      </c>
      <c r="F8248">
        <v>4</v>
      </c>
      <c r="G8248" t="s">
        <v>2</v>
      </c>
      <c r="H8248" t="s">
        <v>15516</v>
      </c>
      <c r="I8248" t="s">
        <v>30540</v>
      </c>
    </row>
    <row r="8249" spans="1:9">
      <c r="A8249" s="1">
        <f ca="1">RAND()</f>
        <v>0.29459214995221406</v>
      </c>
      <c r="B8249" s="1"/>
      <c r="C8249">
        <v>13</v>
      </c>
      <c r="D8249" t="s">
        <v>15517</v>
      </c>
      <c r="E8249" t="s">
        <v>33002</v>
      </c>
      <c r="F8249">
        <v>4</v>
      </c>
      <c r="G8249" t="s">
        <v>14</v>
      </c>
      <c r="H8249" t="s">
        <v>15518</v>
      </c>
      <c r="I8249" t="s">
        <v>30540</v>
      </c>
    </row>
    <row r="8250" spans="1:9">
      <c r="A8250" s="1">
        <f ca="1">RAND()</f>
        <v>0.24114040153667005</v>
      </c>
      <c r="B8250" s="1"/>
      <c r="C8250">
        <v>8</v>
      </c>
      <c r="D8250" t="s">
        <v>15513</v>
      </c>
      <c r="E8250" t="s">
        <v>33002</v>
      </c>
      <c r="F8250">
        <v>2</v>
      </c>
      <c r="G8250" t="s">
        <v>13</v>
      </c>
      <c r="H8250" t="s">
        <v>15514</v>
      </c>
      <c r="I8250" t="s">
        <v>30540</v>
      </c>
    </row>
    <row r="8251" spans="1:9">
      <c r="A8251" s="1">
        <f ca="1">RAND()</f>
        <v>0.85618784780698021</v>
      </c>
      <c r="B8251" s="1"/>
      <c r="C8251">
        <v>14</v>
      </c>
      <c r="D8251" t="s">
        <v>15505</v>
      </c>
      <c r="E8251" t="s">
        <v>33003</v>
      </c>
      <c r="F8251">
        <v>5</v>
      </c>
      <c r="G8251" t="s">
        <v>0</v>
      </c>
      <c r="H8251" t="s">
        <v>15506</v>
      </c>
      <c r="I8251" t="s">
        <v>30540</v>
      </c>
    </row>
    <row r="8252" spans="1:9">
      <c r="A8252" s="1">
        <f ca="1">RAND()</f>
        <v>3.6248990499866185E-2</v>
      </c>
      <c r="B8252" s="1"/>
      <c r="C8252">
        <v>12</v>
      </c>
      <c r="D8252" t="s">
        <v>15501</v>
      </c>
      <c r="E8252" t="s">
        <v>33003</v>
      </c>
      <c r="F8252">
        <v>5</v>
      </c>
      <c r="G8252" t="s">
        <v>0</v>
      </c>
      <c r="H8252" t="s">
        <v>15502</v>
      </c>
      <c r="I8252" t="s">
        <v>30540</v>
      </c>
    </row>
    <row r="8253" spans="1:9">
      <c r="A8253" s="1">
        <f ca="1">RAND()</f>
        <v>0.85374007110317629</v>
      </c>
      <c r="B8253" s="1"/>
      <c r="C8253">
        <v>10</v>
      </c>
      <c r="D8253" t="s">
        <v>15499</v>
      </c>
      <c r="E8253" t="s">
        <v>33003</v>
      </c>
      <c r="F8253">
        <v>4</v>
      </c>
      <c r="G8253" t="s">
        <v>14</v>
      </c>
      <c r="H8253" t="s">
        <v>15500</v>
      </c>
      <c r="I8253" t="s">
        <v>30540</v>
      </c>
    </row>
    <row r="8254" spans="1:9">
      <c r="A8254" s="1">
        <f ca="1">RAND()</f>
        <v>4.8695419125130979E-2</v>
      </c>
      <c r="B8254" s="1"/>
      <c r="C8254">
        <v>2</v>
      </c>
      <c r="D8254" t="s">
        <v>15493</v>
      </c>
      <c r="E8254" t="s">
        <v>33003</v>
      </c>
      <c r="F8254">
        <v>4</v>
      </c>
      <c r="G8254" t="s">
        <v>13</v>
      </c>
      <c r="H8254" t="s">
        <v>15494</v>
      </c>
      <c r="I8254" t="s">
        <v>30540</v>
      </c>
    </row>
    <row r="8255" spans="1:9">
      <c r="A8255" s="1">
        <f ca="1">RAND()</f>
        <v>0.70790057668226825</v>
      </c>
      <c r="B8255" s="1"/>
      <c r="C8255">
        <v>13</v>
      </c>
      <c r="D8255" t="s">
        <v>15503</v>
      </c>
      <c r="E8255" t="s">
        <v>33003</v>
      </c>
      <c r="F8255">
        <v>4</v>
      </c>
      <c r="G8255" t="s">
        <v>14</v>
      </c>
      <c r="H8255" t="s">
        <v>15504</v>
      </c>
      <c r="I8255" t="s">
        <v>30540</v>
      </c>
    </row>
    <row r="8256" spans="1:9">
      <c r="A8256" s="1">
        <f ca="1">RAND()</f>
        <v>0.38380293147109312</v>
      </c>
      <c r="B8256" s="1"/>
      <c r="C8256">
        <v>4</v>
      </c>
      <c r="D8256" t="s">
        <v>15495</v>
      </c>
      <c r="E8256" t="s">
        <v>33003</v>
      </c>
      <c r="F8256">
        <v>4</v>
      </c>
      <c r="G8256" t="s">
        <v>14</v>
      </c>
      <c r="H8256" t="s">
        <v>15496</v>
      </c>
      <c r="I8256" t="s">
        <v>30540</v>
      </c>
    </row>
    <row r="8257" spans="1:9">
      <c r="A8257" s="1">
        <f ca="1">RAND()</f>
        <v>0.8205767921208611</v>
      </c>
      <c r="B8257" s="1"/>
      <c r="C8257">
        <v>6</v>
      </c>
      <c r="D8257" t="s">
        <v>15497</v>
      </c>
      <c r="E8257" t="s">
        <v>33003</v>
      </c>
      <c r="F8257">
        <v>3</v>
      </c>
      <c r="G8257" t="s">
        <v>13</v>
      </c>
      <c r="H8257" t="s">
        <v>15498</v>
      </c>
      <c r="I8257" t="s">
        <v>30540</v>
      </c>
    </row>
    <row r="8258" spans="1:9">
      <c r="A8258" s="1">
        <f ca="1">RAND()</f>
        <v>0.81882023365890289</v>
      </c>
      <c r="B8258" s="1"/>
      <c r="C8258">
        <v>3</v>
      </c>
      <c r="D8258" t="s">
        <v>15481</v>
      </c>
      <c r="E8258" t="s">
        <v>33004</v>
      </c>
      <c r="F8258">
        <v>5</v>
      </c>
      <c r="G8258" t="s">
        <v>10</v>
      </c>
      <c r="H8258" t="s">
        <v>15482</v>
      </c>
      <c r="I8258" t="s">
        <v>30540</v>
      </c>
    </row>
    <row r="8259" spans="1:9">
      <c r="A8259" s="1">
        <f ca="1">RAND()</f>
        <v>0.91901897556396839</v>
      </c>
      <c r="B8259" s="1"/>
      <c r="C8259">
        <v>18</v>
      </c>
      <c r="D8259" t="s">
        <v>15491</v>
      </c>
      <c r="E8259" t="s">
        <v>33004</v>
      </c>
      <c r="F8259">
        <v>5</v>
      </c>
      <c r="G8259" t="s">
        <v>1</v>
      </c>
      <c r="H8259" t="s">
        <v>15492</v>
      </c>
      <c r="I8259" t="s">
        <v>30540</v>
      </c>
    </row>
    <row r="8260" spans="1:9">
      <c r="A8260" s="1">
        <f ca="1">RAND()</f>
        <v>0.37954752975928541</v>
      </c>
      <c r="B8260" s="1"/>
      <c r="C8260">
        <v>1</v>
      </c>
      <c r="D8260" t="s">
        <v>15477</v>
      </c>
      <c r="E8260" t="s">
        <v>33004</v>
      </c>
      <c r="F8260">
        <v>5</v>
      </c>
      <c r="G8260" t="s">
        <v>10</v>
      </c>
      <c r="H8260" t="s">
        <v>15478</v>
      </c>
      <c r="I8260" t="s">
        <v>30540</v>
      </c>
    </row>
    <row r="8261" spans="1:9">
      <c r="A8261" s="1">
        <f ca="1">RAND()</f>
        <v>0.98084299192959479</v>
      </c>
      <c r="B8261" s="1"/>
      <c r="C8261">
        <v>5</v>
      </c>
      <c r="D8261" t="s">
        <v>15483</v>
      </c>
      <c r="E8261" t="s">
        <v>33004</v>
      </c>
      <c r="F8261">
        <v>4</v>
      </c>
      <c r="G8261" t="s">
        <v>1</v>
      </c>
      <c r="H8261" t="s">
        <v>15484</v>
      </c>
      <c r="I8261" t="s">
        <v>30540</v>
      </c>
    </row>
    <row r="8262" spans="1:9">
      <c r="A8262" s="1">
        <f ca="1">RAND()</f>
        <v>0.88453239028225328</v>
      </c>
      <c r="B8262" s="1"/>
      <c r="C8262">
        <v>9</v>
      </c>
      <c r="D8262" t="s">
        <v>15487</v>
      </c>
      <c r="E8262" t="s">
        <v>33004</v>
      </c>
      <c r="F8262">
        <v>4</v>
      </c>
      <c r="G8262" t="s">
        <v>14</v>
      </c>
      <c r="H8262" t="s">
        <v>15488</v>
      </c>
      <c r="I8262" t="s">
        <v>30540</v>
      </c>
    </row>
    <row r="8263" spans="1:9">
      <c r="A8263" s="1">
        <f ca="1">RAND()</f>
        <v>0.83866575898862838</v>
      </c>
      <c r="B8263" s="1"/>
      <c r="C8263">
        <v>10</v>
      </c>
      <c r="D8263" t="s">
        <v>15489</v>
      </c>
      <c r="E8263" t="s">
        <v>33004</v>
      </c>
      <c r="F8263">
        <v>4</v>
      </c>
      <c r="G8263" t="s">
        <v>2</v>
      </c>
      <c r="H8263" t="s">
        <v>15490</v>
      </c>
      <c r="I8263" t="s">
        <v>30540</v>
      </c>
    </row>
    <row r="8264" spans="1:9">
      <c r="A8264" s="1">
        <f ca="1">RAND()</f>
        <v>0.79840378420053959</v>
      </c>
      <c r="B8264" s="1"/>
      <c r="C8264">
        <v>6</v>
      </c>
      <c r="D8264" t="s">
        <v>15485</v>
      </c>
      <c r="E8264" t="s">
        <v>33004</v>
      </c>
      <c r="F8264">
        <v>4</v>
      </c>
      <c r="G8264" t="s">
        <v>14</v>
      </c>
      <c r="H8264" t="s">
        <v>15486</v>
      </c>
      <c r="I8264" t="s">
        <v>30540</v>
      </c>
    </row>
    <row r="8265" spans="1:9">
      <c r="A8265" s="1">
        <f ca="1">RAND()</f>
        <v>0.71743255090606661</v>
      </c>
      <c r="B8265" s="1"/>
      <c r="C8265">
        <v>2</v>
      </c>
      <c r="D8265" t="s">
        <v>15479</v>
      </c>
      <c r="E8265" t="s">
        <v>33004</v>
      </c>
      <c r="F8265">
        <v>4</v>
      </c>
      <c r="G8265" t="s">
        <v>14</v>
      </c>
      <c r="H8265" t="s">
        <v>15480</v>
      </c>
      <c r="I8265" t="s">
        <v>30540</v>
      </c>
    </row>
    <row r="8266" spans="1:9">
      <c r="A8266" s="1">
        <f ca="1">RAND()</f>
        <v>1.2643668259393115E-2</v>
      </c>
      <c r="B8266" s="1"/>
      <c r="C8266">
        <v>8</v>
      </c>
      <c r="D8266" t="s">
        <v>15473</v>
      </c>
      <c r="E8266" t="s">
        <v>33005</v>
      </c>
      <c r="F8266">
        <v>4</v>
      </c>
      <c r="G8266" t="s">
        <v>3732</v>
      </c>
      <c r="H8266" t="s">
        <v>15474</v>
      </c>
      <c r="I8266" t="s">
        <v>30540</v>
      </c>
    </row>
    <row r="8267" spans="1:9">
      <c r="A8267" s="1">
        <f ca="1">RAND()</f>
        <v>0.77020536271494855</v>
      </c>
      <c r="B8267" s="1"/>
      <c r="C8267">
        <v>3</v>
      </c>
      <c r="D8267" t="s">
        <v>15467</v>
      </c>
      <c r="E8267" t="s">
        <v>33005</v>
      </c>
      <c r="F8267">
        <v>4</v>
      </c>
      <c r="G8267" t="s">
        <v>762</v>
      </c>
      <c r="H8267" t="s">
        <v>15468</v>
      </c>
      <c r="I8267" t="s">
        <v>30540</v>
      </c>
    </row>
    <row r="8268" spans="1:9">
      <c r="A8268" s="1">
        <f ca="1">RAND()</f>
        <v>0.21275711431867883</v>
      </c>
      <c r="B8268" s="1"/>
      <c r="C8268">
        <v>5</v>
      </c>
      <c r="D8268" t="s">
        <v>15469</v>
      </c>
      <c r="E8268" t="s">
        <v>33005</v>
      </c>
      <c r="F8268">
        <v>4</v>
      </c>
      <c r="G8268" t="s">
        <v>2738</v>
      </c>
      <c r="H8268" t="s">
        <v>15470</v>
      </c>
      <c r="I8268" t="s">
        <v>30540</v>
      </c>
    </row>
    <row r="8269" spans="1:9">
      <c r="A8269" s="1">
        <f ca="1">RAND()</f>
        <v>0.73080488541365873</v>
      </c>
      <c r="B8269" s="1"/>
      <c r="C8269">
        <v>11</v>
      </c>
      <c r="D8269" t="s">
        <v>15475</v>
      </c>
      <c r="E8269" t="s">
        <v>33005</v>
      </c>
      <c r="F8269">
        <v>2</v>
      </c>
      <c r="G8269" t="s">
        <v>10</v>
      </c>
      <c r="H8269" t="s">
        <v>15476</v>
      </c>
      <c r="I8269" t="s">
        <v>30540</v>
      </c>
    </row>
    <row r="8270" spans="1:9">
      <c r="A8270" s="1">
        <f ca="1">RAND()</f>
        <v>0.35867552642710454</v>
      </c>
      <c r="B8270" s="1"/>
      <c r="C8270">
        <v>6</v>
      </c>
      <c r="D8270" t="s">
        <v>15471</v>
      </c>
      <c r="E8270" t="s">
        <v>33005</v>
      </c>
      <c r="F8270">
        <v>2</v>
      </c>
      <c r="G8270" t="s">
        <v>10</v>
      </c>
      <c r="H8270" t="s">
        <v>15472</v>
      </c>
      <c r="I8270" t="s">
        <v>30540</v>
      </c>
    </row>
    <row r="8271" spans="1:9">
      <c r="A8271" s="1">
        <f ca="1">RAND()</f>
        <v>0.58394478660181903</v>
      </c>
      <c r="B8271" s="1"/>
      <c r="C8271">
        <v>3</v>
      </c>
      <c r="D8271" t="s">
        <v>15457</v>
      </c>
      <c r="E8271" t="s">
        <v>33006</v>
      </c>
      <c r="F8271">
        <v>5</v>
      </c>
      <c r="G8271" t="s">
        <v>2</v>
      </c>
      <c r="H8271" t="s">
        <v>15458</v>
      </c>
      <c r="I8271" t="s">
        <v>30540</v>
      </c>
    </row>
    <row r="8272" spans="1:9">
      <c r="A8272" s="1">
        <f ca="1">RAND()</f>
        <v>0.90174512779210592</v>
      </c>
      <c r="B8272" s="1"/>
      <c r="C8272">
        <v>8</v>
      </c>
      <c r="D8272" t="s">
        <v>15461</v>
      </c>
      <c r="E8272" t="s">
        <v>33006</v>
      </c>
      <c r="F8272">
        <v>4</v>
      </c>
      <c r="G8272" t="s">
        <v>14</v>
      </c>
      <c r="H8272" t="s">
        <v>15462</v>
      </c>
      <c r="I8272" t="s">
        <v>30540</v>
      </c>
    </row>
    <row r="8273" spans="1:9">
      <c r="A8273" s="1">
        <f ca="1">RAND()</f>
        <v>0.19879382517891053</v>
      </c>
      <c r="B8273" s="1"/>
      <c r="C8273">
        <v>6</v>
      </c>
      <c r="D8273" t="s">
        <v>15459</v>
      </c>
      <c r="E8273" t="s">
        <v>33006</v>
      </c>
      <c r="F8273">
        <v>4</v>
      </c>
      <c r="G8273" t="s">
        <v>14</v>
      </c>
      <c r="H8273" t="s">
        <v>15460</v>
      </c>
      <c r="I8273" t="s">
        <v>30540</v>
      </c>
    </row>
    <row r="8274" spans="1:9">
      <c r="A8274" s="1">
        <f ca="1">RAND()</f>
        <v>0.64611940165601889</v>
      </c>
      <c r="B8274" s="1"/>
      <c r="C8274">
        <v>11</v>
      </c>
      <c r="D8274" t="s">
        <v>15465</v>
      </c>
      <c r="E8274" t="s">
        <v>33006</v>
      </c>
      <c r="F8274">
        <v>4</v>
      </c>
      <c r="G8274" t="s">
        <v>13</v>
      </c>
      <c r="H8274" t="s">
        <v>15466</v>
      </c>
      <c r="I8274" t="s">
        <v>30540</v>
      </c>
    </row>
    <row r="8275" spans="1:9">
      <c r="A8275" s="1">
        <f ca="1">RAND()</f>
        <v>0.89289276071282497</v>
      </c>
      <c r="B8275" s="1"/>
      <c r="C8275">
        <v>10</v>
      </c>
      <c r="D8275" t="s">
        <v>15463</v>
      </c>
      <c r="E8275" t="s">
        <v>33006</v>
      </c>
      <c r="F8275">
        <v>2</v>
      </c>
      <c r="G8275" t="s">
        <v>1</v>
      </c>
      <c r="H8275" t="s">
        <v>15464</v>
      </c>
      <c r="I8275" t="s">
        <v>30540</v>
      </c>
    </row>
    <row r="8276" spans="1:9">
      <c r="A8276" s="1">
        <f ca="1">RAND()</f>
        <v>0.94218665787261835</v>
      </c>
      <c r="B8276" s="1"/>
      <c r="C8276">
        <v>14</v>
      </c>
      <c r="D8276" t="s">
        <v>15455</v>
      </c>
      <c r="E8276" t="s">
        <v>33007</v>
      </c>
      <c r="F8276">
        <v>4</v>
      </c>
      <c r="G8276" t="s">
        <v>14</v>
      </c>
      <c r="H8276" t="s">
        <v>15456</v>
      </c>
      <c r="I8276" t="s">
        <v>30540</v>
      </c>
    </row>
    <row r="8277" spans="1:9">
      <c r="A8277" s="1">
        <f ca="1">RAND()</f>
        <v>0.78385826816383442</v>
      </c>
      <c r="B8277" s="1"/>
      <c r="C8277">
        <v>7</v>
      </c>
      <c r="D8277" t="s">
        <v>15451</v>
      </c>
      <c r="E8277" t="s">
        <v>33007</v>
      </c>
      <c r="F8277">
        <v>4</v>
      </c>
      <c r="G8277" t="s">
        <v>0</v>
      </c>
      <c r="H8277" t="s">
        <v>15452</v>
      </c>
      <c r="I8277" t="s">
        <v>30540</v>
      </c>
    </row>
    <row r="8278" spans="1:9">
      <c r="A8278" s="1">
        <f ca="1">RAND()</f>
        <v>0.41039943398506751</v>
      </c>
      <c r="B8278" s="1"/>
      <c r="C8278">
        <v>13</v>
      </c>
      <c r="D8278" t="s">
        <v>15453</v>
      </c>
      <c r="E8278" t="s">
        <v>33007</v>
      </c>
      <c r="F8278">
        <v>4</v>
      </c>
      <c r="G8278" t="s">
        <v>2</v>
      </c>
      <c r="H8278" t="s">
        <v>15454</v>
      </c>
      <c r="I8278" t="s">
        <v>30540</v>
      </c>
    </row>
    <row r="8279" spans="1:9">
      <c r="A8279" s="1">
        <f ca="1">RAND()</f>
        <v>0.48269122975878531</v>
      </c>
      <c r="B8279" s="1"/>
      <c r="C8279">
        <v>3</v>
      </c>
      <c r="D8279" t="s">
        <v>15447</v>
      </c>
      <c r="E8279" t="s">
        <v>33007</v>
      </c>
      <c r="F8279">
        <v>2</v>
      </c>
      <c r="G8279" t="s">
        <v>14</v>
      </c>
      <c r="H8279" t="s">
        <v>15448</v>
      </c>
      <c r="I8279" t="s">
        <v>30540</v>
      </c>
    </row>
    <row r="8280" spans="1:9">
      <c r="A8280" s="1">
        <f ca="1">RAND()</f>
        <v>0.88436469569623632</v>
      </c>
      <c r="B8280" s="1"/>
      <c r="C8280">
        <v>6</v>
      </c>
      <c r="D8280" t="s">
        <v>15449</v>
      </c>
      <c r="E8280" t="s">
        <v>33007</v>
      </c>
      <c r="F8280">
        <v>2</v>
      </c>
      <c r="G8280" t="s">
        <v>13</v>
      </c>
      <c r="H8280" t="s">
        <v>15450</v>
      </c>
      <c r="I8280" t="s">
        <v>30540</v>
      </c>
    </row>
    <row r="8281" spans="1:9">
      <c r="A8281" s="1">
        <f ca="1">RAND()</f>
        <v>0.22021019605022418</v>
      </c>
      <c r="B8281" s="1"/>
      <c r="C8281">
        <v>7</v>
      </c>
      <c r="D8281" t="s">
        <v>15435</v>
      </c>
      <c r="E8281" t="s">
        <v>33008</v>
      </c>
      <c r="F8281">
        <v>5</v>
      </c>
      <c r="G8281" t="s">
        <v>14</v>
      </c>
      <c r="H8281" t="s">
        <v>15436</v>
      </c>
      <c r="I8281" t="s">
        <v>30540</v>
      </c>
    </row>
    <row r="8282" spans="1:9">
      <c r="A8282" s="1">
        <f ca="1">RAND()</f>
        <v>0.76522348356526182</v>
      </c>
      <c r="B8282" s="1"/>
      <c r="C8282">
        <v>13</v>
      </c>
      <c r="D8282" t="s">
        <v>15443</v>
      </c>
      <c r="E8282" t="s">
        <v>33008</v>
      </c>
      <c r="F8282">
        <v>4</v>
      </c>
      <c r="G8282" t="s">
        <v>15</v>
      </c>
      <c r="H8282" t="s">
        <v>15444</v>
      </c>
      <c r="I8282" t="s">
        <v>30540</v>
      </c>
    </row>
    <row r="8283" spans="1:9">
      <c r="A8283" s="1">
        <f ca="1">RAND()</f>
        <v>0.83963827904125843</v>
      </c>
      <c r="B8283" s="1"/>
      <c r="C8283">
        <v>12</v>
      </c>
      <c r="D8283" t="s">
        <v>15441</v>
      </c>
      <c r="E8283" t="s">
        <v>33008</v>
      </c>
      <c r="F8283">
        <v>4</v>
      </c>
      <c r="G8283" t="s">
        <v>0</v>
      </c>
      <c r="H8283" t="s">
        <v>15442</v>
      </c>
      <c r="I8283" t="s">
        <v>30540</v>
      </c>
    </row>
    <row r="8284" spans="1:9">
      <c r="A8284" s="1">
        <f ca="1">RAND()</f>
        <v>0.32176776915054339</v>
      </c>
      <c r="B8284" s="1"/>
      <c r="C8284">
        <v>14</v>
      </c>
      <c r="D8284" t="s">
        <v>15445</v>
      </c>
      <c r="E8284" t="s">
        <v>33008</v>
      </c>
      <c r="F8284">
        <v>4</v>
      </c>
      <c r="G8284" t="s">
        <v>13</v>
      </c>
      <c r="H8284" t="s">
        <v>15446</v>
      </c>
      <c r="I8284" t="s">
        <v>30540</v>
      </c>
    </row>
    <row r="8285" spans="1:9">
      <c r="A8285" s="1">
        <f ca="1">RAND()</f>
        <v>0.38922784360234275</v>
      </c>
      <c r="B8285" s="1"/>
      <c r="C8285">
        <v>2</v>
      </c>
      <c r="D8285" t="s">
        <v>15433</v>
      </c>
      <c r="E8285" t="s">
        <v>33008</v>
      </c>
      <c r="F8285">
        <v>4</v>
      </c>
      <c r="G8285" t="s">
        <v>2</v>
      </c>
      <c r="H8285" t="s">
        <v>15434</v>
      </c>
      <c r="I8285" t="s">
        <v>30540</v>
      </c>
    </row>
    <row r="8286" spans="1:9">
      <c r="A8286" s="1">
        <f ca="1">RAND()</f>
        <v>0.12056937986233374</v>
      </c>
      <c r="B8286" s="1"/>
      <c r="C8286">
        <v>9</v>
      </c>
      <c r="D8286" t="s">
        <v>15439</v>
      </c>
      <c r="E8286" t="s">
        <v>33008</v>
      </c>
      <c r="F8286">
        <v>2</v>
      </c>
      <c r="G8286" t="s">
        <v>9</v>
      </c>
      <c r="H8286" t="s">
        <v>15440</v>
      </c>
      <c r="I8286" t="s">
        <v>30540</v>
      </c>
    </row>
    <row r="8287" spans="1:9">
      <c r="A8287" s="1">
        <f ca="1">RAND()</f>
        <v>0.21393035936443616</v>
      </c>
      <c r="B8287" s="1"/>
      <c r="C8287">
        <v>8</v>
      </c>
      <c r="D8287" t="s">
        <v>15437</v>
      </c>
      <c r="E8287" t="s">
        <v>33008</v>
      </c>
      <c r="F8287">
        <v>2</v>
      </c>
      <c r="G8287" t="s">
        <v>15</v>
      </c>
      <c r="H8287" t="s">
        <v>15438</v>
      </c>
      <c r="I8287" t="s">
        <v>30540</v>
      </c>
    </row>
    <row r="8288" spans="1:9">
      <c r="A8288" s="1">
        <f ca="1">RAND()</f>
        <v>0.54430150326061899</v>
      </c>
      <c r="B8288" s="1"/>
      <c r="C8288">
        <v>13</v>
      </c>
      <c r="D8288" t="s">
        <v>15431</v>
      </c>
      <c r="E8288" t="s">
        <v>33009</v>
      </c>
      <c r="F8288">
        <v>4</v>
      </c>
      <c r="G8288" t="s">
        <v>14</v>
      </c>
      <c r="H8288" t="s">
        <v>15432</v>
      </c>
      <c r="I8288" t="s">
        <v>30540</v>
      </c>
    </row>
    <row r="8289" spans="1:9">
      <c r="A8289" s="1">
        <f ca="1">RAND()</f>
        <v>0.83465658512660812</v>
      </c>
      <c r="B8289" s="1"/>
      <c r="C8289">
        <v>1</v>
      </c>
      <c r="D8289" t="s">
        <v>15427</v>
      </c>
      <c r="E8289" t="s">
        <v>33009</v>
      </c>
      <c r="F8289">
        <v>4</v>
      </c>
      <c r="G8289" t="s">
        <v>14</v>
      </c>
      <c r="H8289" t="s">
        <v>15428</v>
      </c>
      <c r="I8289" t="s">
        <v>30540</v>
      </c>
    </row>
    <row r="8290" spans="1:9">
      <c r="A8290" s="1">
        <f ca="1">RAND()</f>
        <v>0.99280418504327206</v>
      </c>
      <c r="B8290" s="1"/>
      <c r="C8290">
        <v>7</v>
      </c>
      <c r="D8290" t="s">
        <v>15429</v>
      </c>
      <c r="E8290" t="s">
        <v>33009</v>
      </c>
      <c r="F8290">
        <v>2</v>
      </c>
      <c r="G8290" t="s">
        <v>2</v>
      </c>
      <c r="H8290" t="s">
        <v>15430</v>
      </c>
      <c r="I8290" t="s">
        <v>30540</v>
      </c>
    </row>
    <row r="8291" spans="1:9">
      <c r="A8291" s="1">
        <f ca="1">RAND()</f>
        <v>0.22237137789612338</v>
      </c>
      <c r="B8291" s="1"/>
      <c r="C8291">
        <v>11</v>
      </c>
      <c r="D8291" t="s">
        <v>15425</v>
      </c>
      <c r="E8291" t="s">
        <v>33010</v>
      </c>
      <c r="F8291">
        <v>4</v>
      </c>
      <c r="G8291" t="s">
        <v>2</v>
      </c>
      <c r="H8291" t="s">
        <v>15426</v>
      </c>
      <c r="I8291" t="s">
        <v>30540</v>
      </c>
    </row>
    <row r="8292" spans="1:9">
      <c r="A8292" s="1">
        <f ca="1">RAND()</f>
        <v>0.29131580910859889</v>
      </c>
      <c r="B8292" s="1"/>
      <c r="C8292">
        <v>1</v>
      </c>
      <c r="D8292" t="s">
        <v>15419</v>
      </c>
      <c r="E8292" t="s">
        <v>33010</v>
      </c>
      <c r="F8292">
        <v>4</v>
      </c>
      <c r="G8292" t="s">
        <v>2229</v>
      </c>
      <c r="H8292" t="s">
        <v>15420</v>
      </c>
      <c r="I8292" t="s">
        <v>30540</v>
      </c>
    </row>
    <row r="8293" spans="1:9">
      <c r="A8293" s="1">
        <f ca="1">RAND()</f>
        <v>2.9418063524177529E-2</v>
      </c>
      <c r="B8293" s="1"/>
      <c r="C8293">
        <v>3</v>
      </c>
      <c r="D8293" t="s">
        <v>15423</v>
      </c>
      <c r="E8293" t="s">
        <v>33010</v>
      </c>
      <c r="F8293">
        <v>4</v>
      </c>
      <c r="G8293" t="s">
        <v>1431</v>
      </c>
      <c r="H8293" t="s">
        <v>15424</v>
      </c>
      <c r="I8293" t="s">
        <v>30540</v>
      </c>
    </row>
    <row r="8294" spans="1:9">
      <c r="A8294" s="1">
        <f ca="1">RAND()</f>
        <v>0.74634351358570106</v>
      </c>
      <c r="B8294" s="1"/>
      <c r="C8294">
        <v>2</v>
      </c>
      <c r="D8294" t="s">
        <v>15421</v>
      </c>
      <c r="E8294" t="s">
        <v>33010</v>
      </c>
      <c r="F8294">
        <v>1</v>
      </c>
      <c r="G8294" t="s">
        <v>13</v>
      </c>
      <c r="H8294" t="s">
        <v>15422</v>
      </c>
      <c r="I8294" t="s">
        <v>30540</v>
      </c>
    </row>
    <row r="8295" spans="1:9">
      <c r="A8295" s="1">
        <f ca="1">RAND()</f>
        <v>0.51542155915292864</v>
      </c>
      <c r="B8295" s="1"/>
      <c r="C8295">
        <v>2</v>
      </c>
      <c r="D8295" t="s">
        <v>15407</v>
      </c>
      <c r="E8295" t="s">
        <v>33011</v>
      </c>
      <c r="F8295">
        <v>4</v>
      </c>
      <c r="G8295" t="s">
        <v>14</v>
      </c>
      <c r="H8295" t="s">
        <v>15408</v>
      </c>
      <c r="I8295" t="s">
        <v>30540</v>
      </c>
    </row>
    <row r="8296" spans="1:9">
      <c r="A8296" s="1">
        <f ca="1">RAND()</f>
        <v>4.6549113131478692E-2</v>
      </c>
      <c r="B8296" s="1"/>
      <c r="C8296">
        <v>12</v>
      </c>
      <c r="D8296" t="s">
        <v>15417</v>
      </c>
      <c r="E8296" t="s">
        <v>33011</v>
      </c>
      <c r="F8296">
        <v>4</v>
      </c>
      <c r="G8296" t="s">
        <v>14</v>
      </c>
      <c r="H8296" t="s">
        <v>15418</v>
      </c>
      <c r="I8296" t="s">
        <v>30540</v>
      </c>
    </row>
    <row r="8297" spans="1:9">
      <c r="A8297" s="1">
        <f ca="1">RAND()</f>
        <v>0.60656907180600472</v>
      </c>
      <c r="B8297" s="1"/>
      <c r="C8297">
        <v>11</v>
      </c>
      <c r="D8297" t="s">
        <v>15415</v>
      </c>
      <c r="E8297" t="s">
        <v>33011</v>
      </c>
      <c r="F8297">
        <v>4</v>
      </c>
      <c r="G8297" t="s">
        <v>1</v>
      </c>
      <c r="H8297" t="s">
        <v>15416</v>
      </c>
      <c r="I8297" t="s">
        <v>30540</v>
      </c>
    </row>
    <row r="8298" spans="1:9">
      <c r="A8298" s="1">
        <f ca="1">RAND()</f>
        <v>0.23071233996475549</v>
      </c>
      <c r="B8298" s="1"/>
      <c r="C8298">
        <v>1</v>
      </c>
      <c r="D8298" t="s">
        <v>15405</v>
      </c>
      <c r="E8298" t="s">
        <v>33011</v>
      </c>
      <c r="F8298">
        <v>4</v>
      </c>
      <c r="G8298" t="s">
        <v>10</v>
      </c>
      <c r="H8298" t="s">
        <v>15406</v>
      </c>
      <c r="I8298" t="s">
        <v>30540</v>
      </c>
    </row>
    <row r="8299" spans="1:9">
      <c r="A8299" s="1">
        <f ca="1">RAND()</f>
        <v>0.61702037606728877</v>
      </c>
      <c r="B8299" s="1"/>
      <c r="C8299">
        <v>9</v>
      </c>
      <c r="D8299" t="s">
        <v>15411</v>
      </c>
      <c r="E8299" t="s">
        <v>33011</v>
      </c>
      <c r="F8299">
        <v>2</v>
      </c>
      <c r="G8299" t="s">
        <v>10</v>
      </c>
      <c r="H8299" t="s">
        <v>15412</v>
      </c>
      <c r="I8299" t="s">
        <v>30540</v>
      </c>
    </row>
    <row r="8300" spans="1:9">
      <c r="A8300" s="1">
        <f ca="1">RAND()</f>
        <v>6.8443909064878072E-2</v>
      </c>
      <c r="B8300" s="1"/>
      <c r="C8300">
        <v>8</v>
      </c>
      <c r="D8300" t="s">
        <v>15409</v>
      </c>
      <c r="E8300" t="s">
        <v>33011</v>
      </c>
      <c r="F8300">
        <v>2</v>
      </c>
      <c r="G8300" t="s">
        <v>14</v>
      </c>
      <c r="H8300" t="s">
        <v>15410</v>
      </c>
      <c r="I8300" t="s">
        <v>30540</v>
      </c>
    </row>
    <row r="8301" spans="1:9">
      <c r="A8301" s="1">
        <f ca="1">RAND()</f>
        <v>8.9418284207040455E-2</v>
      </c>
      <c r="B8301" s="1"/>
      <c r="C8301">
        <v>10</v>
      </c>
      <c r="D8301" t="s">
        <v>15413</v>
      </c>
      <c r="E8301" t="s">
        <v>33011</v>
      </c>
      <c r="F8301">
        <v>1</v>
      </c>
      <c r="G8301" t="s">
        <v>2</v>
      </c>
      <c r="H8301" t="s">
        <v>15414</v>
      </c>
      <c r="I8301" t="s">
        <v>30540</v>
      </c>
    </row>
    <row r="8302" spans="1:9">
      <c r="A8302" s="1">
        <f ca="1">RAND()</f>
        <v>9.8642382302758902E-2</v>
      </c>
      <c r="B8302" s="1"/>
      <c r="C8302">
        <v>9</v>
      </c>
      <c r="D8302" t="s">
        <v>15403</v>
      </c>
      <c r="E8302" t="s">
        <v>33012</v>
      </c>
      <c r="F8302">
        <v>4</v>
      </c>
      <c r="G8302" t="s">
        <v>10</v>
      </c>
      <c r="H8302" t="s">
        <v>15404</v>
      </c>
      <c r="I8302" t="s">
        <v>30540</v>
      </c>
    </row>
    <row r="8303" spans="1:9">
      <c r="A8303" s="1">
        <f ca="1">RAND()</f>
        <v>9.2924964083541672E-2</v>
      </c>
      <c r="B8303" s="1"/>
      <c r="C8303">
        <v>7</v>
      </c>
      <c r="D8303" t="s">
        <v>15401</v>
      </c>
      <c r="E8303" t="s">
        <v>33012</v>
      </c>
      <c r="F8303">
        <v>4</v>
      </c>
      <c r="G8303" t="s">
        <v>10</v>
      </c>
      <c r="H8303" t="s">
        <v>15402</v>
      </c>
      <c r="I8303" t="s">
        <v>30540</v>
      </c>
    </row>
    <row r="8304" spans="1:9">
      <c r="A8304" s="1">
        <f ca="1">RAND()</f>
        <v>0.75677337678517176</v>
      </c>
      <c r="B8304" s="1"/>
      <c r="C8304">
        <v>16</v>
      </c>
      <c r="D8304" t="s">
        <v>15399</v>
      </c>
      <c r="E8304" t="s">
        <v>33013</v>
      </c>
      <c r="F8304">
        <v>5</v>
      </c>
      <c r="G8304" t="s">
        <v>14</v>
      </c>
      <c r="H8304" t="s">
        <v>15400</v>
      </c>
      <c r="I8304" t="s">
        <v>30540</v>
      </c>
    </row>
    <row r="8305" spans="1:9">
      <c r="A8305" s="1">
        <f ca="1">RAND()</f>
        <v>0.94997424337637659</v>
      </c>
      <c r="B8305" s="1"/>
      <c r="C8305">
        <v>4</v>
      </c>
      <c r="D8305" t="s">
        <v>15395</v>
      </c>
      <c r="E8305" t="s">
        <v>33013</v>
      </c>
      <c r="F8305">
        <v>5</v>
      </c>
      <c r="G8305" t="s">
        <v>14</v>
      </c>
      <c r="H8305" t="s">
        <v>15396</v>
      </c>
      <c r="I8305" t="s">
        <v>30540</v>
      </c>
    </row>
    <row r="8306" spans="1:9">
      <c r="A8306" s="1">
        <f ca="1">RAND()</f>
        <v>0.41329331638402356</v>
      </c>
      <c r="B8306" s="1"/>
      <c r="C8306">
        <v>3</v>
      </c>
      <c r="D8306" t="s">
        <v>15393</v>
      </c>
      <c r="E8306" t="s">
        <v>33013</v>
      </c>
      <c r="F8306">
        <v>4</v>
      </c>
      <c r="G8306" t="s">
        <v>1</v>
      </c>
      <c r="H8306" t="s">
        <v>15394</v>
      </c>
      <c r="I8306" t="s">
        <v>30540</v>
      </c>
    </row>
    <row r="8307" spans="1:9">
      <c r="A8307" s="1">
        <f ca="1">RAND()</f>
        <v>0.52694498398311873</v>
      </c>
      <c r="B8307" s="1"/>
      <c r="C8307">
        <v>14</v>
      </c>
      <c r="D8307" t="s">
        <v>15397</v>
      </c>
      <c r="E8307" t="s">
        <v>33013</v>
      </c>
      <c r="F8307">
        <v>4</v>
      </c>
      <c r="G8307" t="s">
        <v>0</v>
      </c>
      <c r="H8307" t="s">
        <v>15398</v>
      </c>
      <c r="I8307" t="s">
        <v>30540</v>
      </c>
    </row>
    <row r="8308" spans="1:9">
      <c r="A8308" s="1">
        <f ca="1">RAND()</f>
        <v>0.17196651794833662</v>
      </c>
      <c r="B8308" s="1"/>
      <c r="C8308">
        <v>4</v>
      </c>
      <c r="D8308" t="s">
        <v>15381</v>
      </c>
      <c r="E8308" t="s">
        <v>33014</v>
      </c>
      <c r="F8308">
        <v>4</v>
      </c>
      <c r="G8308" t="s">
        <v>3732</v>
      </c>
      <c r="H8308" t="s">
        <v>15382</v>
      </c>
      <c r="I8308" t="s">
        <v>30540</v>
      </c>
    </row>
    <row r="8309" spans="1:9">
      <c r="A8309" s="1">
        <f ca="1">RAND()</f>
        <v>0.10856831164638236</v>
      </c>
      <c r="B8309" s="1"/>
      <c r="C8309">
        <v>18</v>
      </c>
      <c r="D8309" t="s">
        <v>15389</v>
      </c>
      <c r="E8309" t="s">
        <v>33014</v>
      </c>
      <c r="F8309">
        <v>4</v>
      </c>
      <c r="G8309" t="s">
        <v>14</v>
      </c>
      <c r="H8309" t="s">
        <v>15390</v>
      </c>
      <c r="I8309" t="s">
        <v>30540</v>
      </c>
    </row>
    <row r="8310" spans="1:9">
      <c r="A8310" s="1">
        <f ca="1">RAND()</f>
        <v>0.80655212200860493</v>
      </c>
      <c r="B8310" s="1"/>
      <c r="C8310">
        <v>17</v>
      </c>
      <c r="D8310" t="s">
        <v>15387</v>
      </c>
      <c r="E8310" t="s">
        <v>33014</v>
      </c>
      <c r="F8310">
        <v>3</v>
      </c>
      <c r="G8310" t="s">
        <v>14</v>
      </c>
      <c r="H8310" t="s">
        <v>15388</v>
      </c>
      <c r="I8310" t="s">
        <v>30540</v>
      </c>
    </row>
    <row r="8311" spans="1:9">
      <c r="A8311" s="1">
        <f ca="1">RAND()</f>
        <v>0.15322454566204258</v>
      </c>
      <c r="B8311" s="1"/>
      <c r="C8311">
        <v>5</v>
      </c>
      <c r="D8311" t="s">
        <v>15383</v>
      </c>
      <c r="E8311" t="s">
        <v>33014</v>
      </c>
      <c r="F8311">
        <v>2</v>
      </c>
      <c r="G8311" t="s">
        <v>1431</v>
      </c>
      <c r="H8311" t="s">
        <v>15384</v>
      </c>
      <c r="I8311" t="s">
        <v>30540</v>
      </c>
    </row>
    <row r="8312" spans="1:9">
      <c r="A8312" s="1">
        <f ca="1">RAND()</f>
        <v>1.3937331904860573E-2</v>
      </c>
      <c r="B8312" s="1"/>
      <c r="C8312">
        <v>15</v>
      </c>
      <c r="D8312" t="s">
        <v>15385</v>
      </c>
      <c r="E8312" t="s">
        <v>33014</v>
      </c>
      <c r="F8312">
        <v>2</v>
      </c>
      <c r="G8312" t="s">
        <v>14</v>
      </c>
      <c r="H8312" t="s">
        <v>15386</v>
      </c>
      <c r="I8312" t="s">
        <v>30540</v>
      </c>
    </row>
    <row r="8313" spans="1:9">
      <c r="A8313" s="1">
        <f ca="1">RAND()</f>
        <v>0.33207859558280262</v>
      </c>
      <c r="B8313" s="1"/>
      <c r="C8313">
        <v>19</v>
      </c>
      <c r="D8313" t="s">
        <v>15391</v>
      </c>
      <c r="E8313" t="s">
        <v>33014</v>
      </c>
      <c r="F8313">
        <v>2</v>
      </c>
      <c r="G8313" t="s">
        <v>775</v>
      </c>
      <c r="H8313" t="s">
        <v>15392</v>
      </c>
      <c r="I8313" t="s">
        <v>30540</v>
      </c>
    </row>
    <row r="8314" spans="1:9">
      <c r="A8314" s="1">
        <f ca="1">RAND()</f>
        <v>4.2112994330313347E-3</v>
      </c>
      <c r="B8314" s="1"/>
      <c r="C8314">
        <v>11</v>
      </c>
      <c r="D8314" t="s">
        <v>15377</v>
      </c>
      <c r="E8314" t="s">
        <v>33015</v>
      </c>
      <c r="F8314">
        <v>5</v>
      </c>
      <c r="G8314" t="s">
        <v>2</v>
      </c>
      <c r="H8314" t="s">
        <v>15378</v>
      </c>
      <c r="I8314" t="s">
        <v>30540</v>
      </c>
    </row>
    <row r="8315" spans="1:9">
      <c r="A8315" s="1">
        <f ca="1">RAND()</f>
        <v>0.71796014110437267</v>
      </c>
      <c r="B8315" s="1"/>
      <c r="C8315">
        <v>5</v>
      </c>
      <c r="D8315" t="s">
        <v>15373</v>
      </c>
      <c r="E8315" t="s">
        <v>33015</v>
      </c>
      <c r="F8315">
        <v>5</v>
      </c>
      <c r="G8315" t="s">
        <v>13</v>
      </c>
      <c r="H8315" t="s">
        <v>15374</v>
      </c>
      <c r="I8315" t="s">
        <v>30540</v>
      </c>
    </row>
    <row r="8316" spans="1:9">
      <c r="A8316" s="1">
        <f ca="1">RAND()</f>
        <v>0.66607834052982717</v>
      </c>
      <c r="B8316" s="1"/>
      <c r="C8316">
        <v>9</v>
      </c>
      <c r="D8316" t="s">
        <v>15375</v>
      </c>
      <c r="E8316" t="s">
        <v>33015</v>
      </c>
      <c r="F8316">
        <v>4</v>
      </c>
      <c r="G8316" t="s">
        <v>2</v>
      </c>
      <c r="H8316" t="s">
        <v>15376</v>
      </c>
      <c r="I8316" t="s">
        <v>30540</v>
      </c>
    </row>
    <row r="8317" spans="1:9">
      <c r="A8317" s="1">
        <f ca="1">RAND()</f>
        <v>0.42228284599000387</v>
      </c>
      <c r="B8317" s="1"/>
      <c r="C8317">
        <v>1</v>
      </c>
      <c r="D8317" t="s">
        <v>15371</v>
      </c>
      <c r="E8317" t="s">
        <v>33015</v>
      </c>
      <c r="F8317">
        <v>3</v>
      </c>
      <c r="G8317" t="s">
        <v>15</v>
      </c>
      <c r="H8317" t="s">
        <v>15372</v>
      </c>
      <c r="I8317" t="s">
        <v>30540</v>
      </c>
    </row>
    <row r="8318" spans="1:9">
      <c r="A8318" s="1">
        <f ca="1">RAND()</f>
        <v>0.16729578501133191</v>
      </c>
      <c r="B8318" s="1"/>
      <c r="C8318">
        <v>12</v>
      </c>
      <c r="D8318" t="s">
        <v>15379</v>
      </c>
      <c r="E8318" t="s">
        <v>33015</v>
      </c>
      <c r="F8318">
        <v>2</v>
      </c>
      <c r="G8318" t="s">
        <v>1</v>
      </c>
      <c r="H8318" t="s">
        <v>15380</v>
      </c>
      <c r="I8318" t="s">
        <v>30540</v>
      </c>
    </row>
    <row r="8319" spans="1:9">
      <c r="A8319" s="1">
        <f ca="1">RAND()</f>
        <v>0.63283662024725018</v>
      </c>
      <c r="B8319" s="1"/>
      <c r="C8319">
        <v>9</v>
      </c>
      <c r="D8319" t="s">
        <v>15361</v>
      </c>
      <c r="E8319" t="s">
        <v>33016</v>
      </c>
      <c r="F8319">
        <v>4</v>
      </c>
      <c r="G8319" t="s">
        <v>13</v>
      </c>
      <c r="H8319" t="s">
        <v>15362</v>
      </c>
      <c r="I8319" t="s">
        <v>30540</v>
      </c>
    </row>
    <row r="8320" spans="1:9">
      <c r="A8320" s="1">
        <f ca="1">RAND()</f>
        <v>0.81119580565982918</v>
      </c>
      <c r="B8320" s="1"/>
      <c r="C8320">
        <v>7</v>
      </c>
      <c r="D8320" t="s">
        <v>15359</v>
      </c>
      <c r="E8320" t="s">
        <v>33016</v>
      </c>
      <c r="F8320">
        <v>4</v>
      </c>
      <c r="G8320" t="s">
        <v>10</v>
      </c>
      <c r="H8320" t="s">
        <v>15360</v>
      </c>
      <c r="I8320" t="s">
        <v>30540</v>
      </c>
    </row>
    <row r="8321" spans="1:9">
      <c r="A8321" s="1">
        <f ca="1">RAND()</f>
        <v>0.48725155894740424</v>
      </c>
      <c r="B8321" s="1"/>
      <c r="C8321">
        <v>14</v>
      </c>
      <c r="D8321" t="s">
        <v>15369</v>
      </c>
      <c r="E8321" t="s">
        <v>33016</v>
      </c>
      <c r="F8321">
        <v>4</v>
      </c>
      <c r="G8321" t="s">
        <v>2</v>
      </c>
      <c r="H8321" t="s">
        <v>15370</v>
      </c>
      <c r="I8321" t="s">
        <v>30540</v>
      </c>
    </row>
    <row r="8322" spans="1:9">
      <c r="A8322" s="1">
        <f ca="1">RAND()</f>
        <v>0.29079172238282935</v>
      </c>
      <c r="B8322" s="1"/>
      <c r="C8322">
        <v>2</v>
      </c>
      <c r="D8322" t="s">
        <v>15357</v>
      </c>
      <c r="E8322" t="s">
        <v>33016</v>
      </c>
      <c r="F8322">
        <v>4</v>
      </c>
      <c r="G8322" t="s">
        <v>10</v>
      </c>
      <c r="H8322" t="s">
        <v>15358</v>
      </c>
      <c r="I8322" t="s">
        <v>30540</v>
      </c>
    </row>
    <row r="8323" spans="1:9">
      <c r="A8323" s="1">
        <f ca="1">RAND()</f>
        <v>0.59649265262443518</v>
      </c>
      <c r="B8323" s="1"/>
      <c r="C8323">
        <v>12</v>
      </c>
      <c r="D8323" t="s">
        <v>15365</v>
      </c>
      <c r="E8323" t="s">
        <v>33016</v>
      </c>
      <c r="F8323">
        <v>4</v>
      </c>
      <c r="G8323" t="s">
        <v>14</v>
      </c>
      <c r="H8323" t="s">
        <v>15366</v>
      </c>
      <c r="I8323" t="s">
        <v>30540</v>
      </c>
    </row>
    <row r="8324" spans="1:9">
      <c r="A8324" s="1">
        <f ca="1">RAND()</f>
        <v>0.73208654801208017</v>
      </c>
      <c r="B8324" s="1"/>
      <c r="C8324">
        <v>11</v>
      </c>
      <c r="D8324" t="s">
        <v>15363</v>
      </c>
      <c r="E8324" t="s">
        <v>33016</v>
      </c>
      <c r="F8324">
        <v>4</v>
      </c>
      <c r="G8324" t="s">
        <v>1</v>
      </c>
      <c r="H8324" t="s">
        <v>15364</v>
      </c>
      <c r="I8324" t="s">
        <v>30540</v>
      </c>
    </row>
    <row r="8325" spans="1:9">
      <c r="A8325" s="1">
        <f ca="1">RAND()</f>
        <v>0.19390971566700843</v>
      </c>
      <c r="B8325" s="1"/>
      <c r="C8325">
        <v>13</v>
      </c>
      <c r="D8325" t="s">
        <v>15367</v>
      </c>
      <c r="E8325" t="s">
        <v>33016</v>
      </c>
      <c r="F8325">
        <v>3</v>
      </c>
      <c r="G8325" t="s">
        <v>9</v>
      </c>
      <c r="H8325" t="s">
        <v>15368</v>
      </c>
      <c r="I8325" t="s">
        <v>30540</v>
      </c>
    </row>
    <row r="8326" spans="1:9">
      <c r="A8326" s="1">
        <f ca="1">RAND()</f>
        <v>0.32226875395035803</v>
      </c>
      <c r="B8326" s="1"/>
      <c r="C8326">
        <v>1</v>
      </c>
      <c r="D8326" t="s">
        <v>15347</v>
      </c>
      <c r="E8326" t="s">
        <v>33017</v>
      </c>
      <c r="F8326">
        <v>4</v>
      </c>
      <c r="G8326" t="s">
        <v>1</v>
      </c>
      <c r="H8326" t="s">
        <v>15348</v>
      </c>
      <c r="I8326" t="s">
        <v>30540</v>
      </c>
    </row>
    <row r="8327" spans="1:9">
      <c r="A8327" s="1">
        <f ca="1">RAND()</f>
        <v>0.76529679115997273</v>
      </c>
      <c r="B8327" s="1"/>
      <c r="C8327">
        <v>12</v>
      </c>
      <c r="D8327" t="s">
        <v>15353</v>
      </c>
      <c r="E8327" t="s">
        <v>33017</v>
      </c>
      <c r="F8327">
        <v>4</v>
      </c>
      <c r="G8327" t="s">
        <v>15</v>
      </c>
      <c r="H8327" t="s">
        <v>15354</v>
      </c>
      <c r="I8327" t="s">
        <v>30540</v>
      </c>
    </row>
    <row r="8328" spans="1:9">
      <c r="A8328" s="1">
        <f ca="1">RAND()</f>
        <v>8.0153775760104851E-2</v>
      </c>
      <c r="B8328" s="1"/>
      <c r="C8328">
        <v>14</v>
      </c>
      <c r="D8328" t="s">
        <v>15355</v>
      </c>
      <c r="E8328" t="s">
        <v>33017</v>
      </c>
      <c r="F8328">
        <v>4</v>
      </c>
      <c r="G8328" t="s">
        <v>10</v>
      </c>
      <c r="H8328" t="s">
        <v>15356</v>
      </c>
      <c r="I8328" t="s">
        <v>30540</v>
      </c>
    </row>
    <row r="8329" spans="1:9">
      <c r="A8329" s="1">
        <f ca="1">RAND()</f>
        <v>0.54836574452522713</v>
      </c>
      <c r="B8329" s="1"/>
      <c r="C8329">
        <v>2</v>
      </c>
      <c r="D8329" t="s">
        <v>15349</v>
      </c>
      <c r="E8329" t="s">
        <v>33017</v>
      </c>
      <c r="F8329">
        <v>4</v>
      </c>
      <c r="G8329" t="s">
        <v>1</v>
      </c>
      <c r="H8329" t="s">
        <v>15350</v>
      </c>
      <c r="I8329" t="s">
        <v>30540</v>
      </c>
    </row>
    <row r="8330" spans="1:9">
      <c r="A8330" s="1">
        <f ca="1">RAND()</f>
        <v>0.27075928125526472</v>
      </c>
      <c r="B8330" s="1"/>
      <c r="C8330">
        <v>5</v>
      </c>
      <c r="D8330" t="s">
        <v>15351</v>
      </c>
      <c r="E8330" t="s">
        <v>33017</v>
      </c>
      <c r="F8330">
        <v>4</v>
      </c>
      <c r="G8330" t="s">
        <v>10</v>
      </c>
      <c r="H8330" t="s">
        <v>15352</v>
      </c>
      <c r="I8330" t="s">
        <v>30540</v>
      </c>
    </row>
    <row r="8331" spans="1:9">
      <c r="A8331" s="1">
        <f ca="1">RAND()</f>
        <v>0.31183909159018963</v>
      </c>
      <c r="B8331" s="1"/>
      <c r="C8331">
        <v>11</v>
      </c>
      <c r="D8331" t="s">
        <v>15343</v>
      </c>
      <c r="E8331" t="s">
        <v>33018</v>
      </c>
      <c r="F8331">
        <v>4</v>
      </c>
      <c r="G8331" t="s">
        <v>0</v>
      </c>
      <c r="H8331" t="s">
        <v>15344</v>
      </c>
      <c r="I8331" t="s">
        <v>30540</v>
      </c>
    </row>
    <row r="8332" spans="1:9">
      <c r="A8332" s="1">
        <f ca="1">RAND()</f>
        <v>0.81866176330458207</v>
      </c>
      <c r="B8332" s="1"/>
      <c r="C8332">
        <v>6</v>
      </c>
      <c r="D8332" t="s">
        <v>15337</v>
      </c>
      <c r="E8332" t="s">
        <v>33018</v>
      </c>
      <c r="F8332">
        <v>4</v>
      </c>
      <c r="G8332" t="s">
        <v>13</v>
      </c>
      <c r="H8332" t="s">
        <v>15338</v>
      </c>
      <c r="I8332" t="s">
        <v>30540</v>
      </c>
    </row>
    <row r="8333" spans="1:9">
      <c r="A8333" s="1">
        <f ca="1">RAND()</f>
        <v>0.6311132718247201</v>
      </c>
      <c r="B8333" s="1"/>
      <c r="C8333">
        <v>8</v>
      </c>
      <c r="D8333" t="s">
        <v>15339</v>
      </c>
      <c r="E8333" t="s">
        <v>33018</v>
      </c>
      <c r="F8333">
        <v>4</v>
      </c>
      <c r="G8333" t="s">
        <v>14</v>
      </c>
      <c r="H8333" t="s">
        <v>15340</v>
      </c>
      <c r="I8333" t="s">
        <v>30540</v>
      </c>
    </row>
    <row r="8334" spans="1:9">
      <c r="A8334" s="1">
        <f ca="1">RAND()</f>
        <v>0.75511882303182154</v>
      </c>
      <c r="B8334" s="1"/>
      <c r="C8334">
        <v>1</v>
      </c>
      <c r="D8334" t="s">
        <v>15333</v>
      </c>
      <c r="E8334" t="s">
        <v>33018</v>
      </c>
      <c r="F8334">
        <v>4</v>
      </c>
      <c r="G8334" t="s">
        <v>14</v>
      </c>
      <c r="H8334" t="s">
        <v>15334</v>
      </c>
      <c r="I8334" t="s">
        <v>30540</v>
      </c>
    </row>
    <row r="8335" spans="1:9">
      <c r="A8335" s="1">
        <f ca="1">RAND()</f>
        <v>0.82629620424784944</v>
      </c>
      <c r="B8335" s="1"/>
      <c r="C8335">
        <v>14</v>
      </c>
      <c r="D8335" t="s">
        <v>15345</v>
      </c>
      <c r="E8335" t="s">
        <v>33018</v>
      </c>
      <c r="F8335">
        <v>4</v>
      </c>
      <c r="G8335" t="s">
        <v>2</v>
      </c>
      <c r="H8335" t="s">
        <v>15346</v>
      </c>
      <c r="I8335" t="s">
        <v>30540</v>
      </c>
    </row>
    <row r="8336" spans="1:9">
      <c r="A8336" s="1">
        <f ca="1">RAND()</f>
        <v>0.99764301718786408</v>
      </c>
      <c r="B8336" s="1"/>
      <c r="C8336">
        <v>3</v>
      </c>
      <c r="D8336" t="s">
        <v>15335</v>
      </c>
      <c r="E8336" t="s">
        <v>33018</v>
      </c>
      <c r="F8336">
        <v>4</v>
      </c>
      <c r="G8336" t="s">
        <v>10</v>
      </c>
      <c r="H8336" t="s">
        <v>15336</v>
      </c>
      <c r="I8336" t="s">
        <v>30540</v>
      </c>
    </row>
    <row r="8337" spans="1:9">
      <c r="A8337" s="1">
        <f ca="1">RAND()</f>
        <v>0.94361666629197716</v>
      </c>
      <c r="B8337" s="1"/>
      <c r="C8337">
        <v>9</v>
      </c>
      <c r="D8337" t="s">
        <v>15341</v>
      </c>
      <c r="E8337" t="s">
        <v>33018</v>
      </c>
      <c r="F8337">
        <v>2</v>
      </c>
      <c r="G8337" t="s">
        <v>1</v>
      </c>
      <c r="H8337" t="s">
        <v>15342</v>
      </c>
      <c r="I8337" t="s">
        <v>30540</v>
      </c>
    </row>
    <row r="8338" spans="1:9">
      <c r="A8338" s="1">
        <f ca="1">RAND()</f>
        <v>0.54638696245367269</v>
      </c>
      <c r="B8338" s="1"/>
      <c r="C8338">
        <v>4</v>
      </c>
      <c r="D8338" t="s">
        <v>15319</v>
      </c>
      <c r="E8338" t="s">
        <v>33019</v>
      </c>
      <c r="F8338">
        <v>5</v>
      </c>
      <c r="G8338" t="s">
        <v>1</v>
      </c>
      <c r="H8338" t="s">
        <v>15320</v>
      </c>
      <c r="I8338" t="s">
        <v>30540</v>
      </c>
    </row>
    <row r="8339" spans="1:9">
      <c r="A8339" s="1">
        <f ca="1">RAND()</f>
        <v>0.65940520624959498</v>
      </c>
      <c r="B8339" s="1"/>
      <c r="C8339">
        <v>16</v>
      </c>
      <c r="D8339" t="s">
        <v>15331</v>
      </c>
      <c r="E8339" t="s">
        <v>33019</v>
      </c>
      <c r="F8339">
        <v>4</v>
      </c>
      <c r="G8339" t="s">
        <v>14</v>
      </c>
      <c r="H8339" t="s">
        <v>15332</v>
      </c>
      <c r="I8339" t="s">
        <v>30540</v>
      </c>
    </row>
    <row r="8340" spans="1:9">
      <c r="A8340" s="1">
        <f ca="1">RAND()</f>
        <v>0.1137354906756135</v>
      </c>
      <c r="B8340" s="1"/>
      <c r="C8340">
        <v>11</v>
      </c>
      <c r="D8340" t="s">
        <v>15327</v>
      </c>
      <c r="E8340" t="s">
        <v>33019</v>
      </c>
      <c r="F8340">
        <v>4</v>
      </c>
      <c r="G8340" t="s">
        <v>1431</v>
      </c>
      <c r="H8340" t="s">
        <v>15328</v>
      </c>
      <c r="I8340" t="s">
        <v>30540</v>
      </c>
    </row>
    <row r="8341" spans="1:9">
      <c r="A8341" s="1">
        <f ca="1">RAND()</f>
        <v>0.64785215585311595</v>
      </c>
      <c r="B8341" s="1"/>
      <c r="C8341">
        <v>15</v>
      </c>
      <c r="D8341" t="s">
        <v>15329</v>
      </c>
      <c r="E8341" t="s">
        <v>33019</v>
      </c>
      <c r="F8341">
        <v>4</v>
      </c>
      <c r="G8341" t="s">
        <v>9</v>
      </c>
      <c r="H8341" t="s">
        <v>15330</v>
      </c>
      <c r="I8341" t="s">
        <v>30540</v>
      </c>
    </row>
    <row r="8342" spans="1:9">
      <c r="A8342" s="1">
        <f ca="1">RAND()</f>
        <v>0.29892080420559708</v>
      </c>
      <c r="B8342" s="1"/>
      <c r="C8342">
        <v>8</v>
      </c>
      <c r="D8342" t="s">
        <v>15323</v>
      </c>
      <c r="E8342" t="s">
        <v>33019</v>
      </c>
      <c r="F8342">
        <v>4</v>
      </c>
      <c r="G8342" t="s">
        <v>1431</v>
      </c>
      <c r="H8342" t="s">
        <v>15324</v>
      </c>
      <c r="I8342" t="s">
        <v>30540</v>
      </c>
    </row>
    <row r="8343" spans="1:9">
      <c r="A8343" s="1">
        <f ca="1">RAND()</f>
        <v>0.64288289148804623</v>
      </c>
      <c r="B8343" s="1"/>
      <c r="C8343">
        <v>5</v>
      </c>
      <c r="D8343" t="s">
        <v>15321</v>
      </c>
      <c r="E8343" t="s">
        <v>33019</v>
      </c>
      <c r="F8343">
        <v>2</v>
      </c>
      <c r="G8343" t="s">
        <v>0</v>
      </c>
      <c r="H8343" t="s">
        <v>15322</v>
      </c>
      <c r="I8343" t="s">
        <v>30540</v>
      </c>
    </row>
    <row r="8344" spans="1:9">
      <c r="A8344" s="1">
        <f ca="1">RAND()</f>
        <v>0.15751450219889518</v>
      </c>
      <c r="B8344" s="1"/>
      <c r="C8344">
        <v>9</v>
      </c>
      <c r="D8344" t="s">
        <v>15325</v>
      </c>
      <c r="E8344" t="s">
        <v>33019</v>
      </c>
      <c r="F8344">
        <v>2</v>
      </c>
      <c r="G8344" t="s">
        <v>3732</v>
      </c>
      <c r="H8344" t="s">
        <v>15326</v>
      </c>
      <c r="I8344" t="s">
        <v>30540</v>
      </c>
    </row>
    <row r="8345" spans="1:9">
      <c r="A8345" s="1">
        <f ca="1">RAND()</f>
        <v>0.56201249357113026</v>
      </c>
      <c r="B8345" s="1"/>
      <c r="C8345">
        <v>3</v>
      </c>
      <c r="D8345" t="s">
        <v>15317</v>
      </c>
      <c r="E8345" t="s">
        <v>33019</v>
      </c>
      <c r="F8345">
        <v>2</v>
      </c>
      <c r="G8345" t="s">
        <v>2</v>
      </c>
      <c r="H8345" t="s">
        <v>15318</v>
      </c>
      <c r="I8345" t="s">
        <v>30540</v>
      </c>
    </row>
    <row r="8346" spans="1:9">
      <c r="A8346" s="1">
        <f ca="1">RAND()</f>
        <v>0.9447075062142557</v>
      </c>
      <c r="B8346" s="1"/>
      <c r="C8346">
        <v>2</v>
      </c>
      <c r="D8346" t="s">
        <v>15313</v>
      </c>
      <c r="E8346" t="s">
        <v>33020</v>
      </c>
      <c r="F8346">
        <v>4</v>
      </c>
      <c r="G8346" t="s">
        <v>2</v>
      </c>
      <c r="H8346" t="s">
        <v>15314</v>
      </c>
      <c r="I8346" t="s">
        <v>30540</v>
      </c>
    </row>
    <row r="8347" spans="1:9">
      <c r="A8347" s="1">
        <f ca="1">RAND()</f>
        <v>0.84232450116204749</v>
      </c>
      <c r="B8347" s="1"/>
      <c r="C8347">
        <v>10</v>
      </c>
      <c r="D8347" t="s">
        <v>15315</v>
      </c>
      <c r="E8347" t="s">
        <v>33020</v>
      </c>
      <c r="F8347">
        <v>4</v>
      </c>
      <c r="G8347" t="s">
        <v>2</v>
      </c>
      <c r="H8347" t="s">
        <v>15316</v>
      </c>
      <c r="I8347" t="s">
        <v>30540</v>
      </c>
    </row>
    <row r="8348" spans="1:9">
      <c r="A8348" s="1">
        <f ca="1">RAND()</f>
        <v>0.71149342960303841</v>
      </c>
      <c r="B8348" s="1"/>
      <c r="C8348">
        <v>15</v>
      </c>
      <c r="D8348" t="s">
        <v>15311</v>
      </c>
      <c r="E8348" t="s">
        <v>33021</v>
      </c>
      <c r="F8348">
        <v>5</v>
      </c>
      <c r="G8348" t="s">
        <v>14</v>
      </c>
      <c r="H8348" t="s">
        <v>15312</v>
      </c>
      <c r="I8348" t="s">
        <v>30540</v>
      </c>
    </row>
    <row r="8349" spans="1:9">
      <c r="A8349" s="1">
        <f ca="1">RAND()</f>
        <v>0.73446149203729771</v>
      </c>
      <c r="B8349" s="1"/>
      <c r="C8349">
        <v>2</v>
      </c>
      <c r="D8349" t="s">
        <v>15303</v>
      </c>
      <c r="E8349" t="s">
        <v>33021</v>
      </c>
      <c r="F8349">
        <v>4</v>
      </c>
      <c r="G8349" t="s">
        <v>2</v>
      </c>
      <c r="H8349" t="s">
        <v>15304</v>
      </c>
      <c r="I8349" t="s">
        <v>30540</v>
      </c>
    </row>
    <row r="8350" spans="1:9">
      <c r="A8350" s="1">
        <f ca="1">RAND()</f>
        <v>3.5299726961844913E-2</v>
      </c>
      <c r="B8350" s="1"/>
      <c r="C8350">
        <v>4</v>
      </c>
      <c r="D8350" t="s">
        <v>15305</v>
      </c>
      <c r="E8350" t="s">
        <v>33021</v>
      </c>
      <c r="F8350">
        <v>4</v>
      </c>
      <c r="G8350" t="s">
        <v>14</v>
      </c>
      <c r="H8350" t="s">
        <v>15306</v>
      </c>
      <c r="I8350" t="s">
        <v>30540</v>
      </c>
    </row>
    <row r="8351" spans="1:9">
      <c r="A8351" s="1">
        <f ca="1">RAND()</f>
        <v>0.41911667447622791</v>
      </c>
      <c r="B8351" s="1"/>
      <c r="C8351">
        <v>9</v>
      </c>
      <c r="D8351" t="s">
        <v>15307</v>
      </c>
      <c r="E8351" t="s">
        <v>33021</v>
      </c>
      <c r="F8351">
        <v>3</v>
      </c>
      <c r="G8351" t="s">
        <v>9</v>
      </c>
      <c r="H8351" t="s">
        <v>15308</v>
      </c>
      <c r="I8351" t="s">
        <v>30540</v>
      </c>
    </row>
    <row r="8352" spans="1:9">
      <c r="A8352" s="1">
        <f ca="1">RAND()</f>
        <v>0.54153167554324622</v>
      </c>
      <c r="B8352" s="1"/>
      <c r="C8352">
        <v>12</v>
      </c>
      <c r="D8352" t="s">
        <v>15309</v>
      </c>
      <c r="E8352" t="s">
        <v>33021</v>
      </c>
      <c r="F8352">
        <v>2</v>
      </c>
      <c r="G8352" t="s">
        <v>13</v>
      </c>
      <c r="H8352" t="s">
        <v>15310</v>
      </c>
      <c r="I8352" t="s">
        <v>30540</v>
      </c>
    </row>
    <row r="8353" spans="1:9">
      <c r="A8353" s="1">
        <f ca="1">RAND()</f>
        <v>0.66684057548907616</v>
      </c>
      <c r="B8353" s="1"/>
      <c r="C8353">
        <v>1</v>
      </c>
      <c r="D8353" t="s">
        <v>15301</v>
      </c>
      <c r="E8353" t="s">
        <v>33021</v>
      </c>
      <c r="F8353">
        <v>2</v>
      </c>
      <c r="G8353" t="s">
        <v>10</v>
      </c>
      <c r="H8353" t="s">
        <v>15302</v>
      </c>
      <c r="I8353" t="s">
        <v>30540</v>
      </c>
    </row>
    <row r="8354" spans="1:9">
      <c r="A8354" s="1">
        <f ca="1">RAND()</f>
        <v>0.61313082114315187</v>
      </c>
      <c r="B8354" s="1"/>
      <c r="C8354">
        <v>3</v>
      </c>
      <c r="D8354" t="s">
        <v>15293</v>
      </c>
      <c r="E8354" t="s">
        <v>33022</v>
      </c>
      <c r="F8354">
        <v>4</v>
      </c>
      <c r="G8354" t="s">
        <v>13</v>
      </c>
      <c r="H8354" t="s">
        <v>15294</v>
      </c>
      <c r="I8354" t="s">
        <v>30540</v>
      </c>
    </row>
    <row r="8355" spans="1:9">
      <c r="A8355" s="1">
        <f ca="1">RAND()</f>
        <v>0.10978547708428965</v>
      </c>
      <c r="B8355" s="1"/>
      <c r="C8355">
        <v>12</v>
      </c>
      <c r="D8355" t="s">
        <v>15295</v>
      </c>
      <c r="E8355" t="s">
        <v>33022</v>
      </c>
      <c r="F8355">
        <v>4</v>
      </c>
      <c r="G8355" t="s">
        <v>0</v>
      </c>
      <c r="H8355" t="s">
        <v>15296</v>
      </c>
      <c r="I8355" t="s">
        <v>30540</v>
      </c>
    </row>
    <row r="8356" spans="1:9">
      <c r="A8356" s="1">
        <f ca="1">RAND()</f>
        <v>0.35759269369203595</v>
      </c>
      <c r="B8356" s="1"/>
      <c r="C8356">
        <v>1</v>
      </c>
      <c r="D8356" t="s">
        <v>15291</v>
      </c>
      <c r="E8356" t="s">
        <v>33022</v>
      </c>
      <c r="F8356">
        <v>4</v>
      </c>
      <c r="G8356" t="s">
        <v>14</v>
      </c>
      <c r="H8356" t="s">
        <v>15292</v>
      </c>
      <c r="I8356" t="s">
        <v>30540</v>
      </c>
    </row>
    <row r="8357" spans="1:9">
      <c r="A8357" s="1">
        <f ca="1">RAND()</f>
        <v>0.37618159006464247</v>
      </c>
      <c r="B8357" s="1"/>
      <c r="C8357">
        <v>16</v>
      </c>
      <c r="D8357" t="s">
        <v>15299</v>
      </c>
      <c r="E8357" t="s">
        <v>33022</v>
      </c>
      <c r="F8357">
        <v>2</v>
      </c>
      <c r="G8357" t="s">
        <v>14</v>
      </c>
      <c r="H8357" t="s">
        <v>15300</v>
      </c>
      <c r="I8357" t="s">
        <v>30540</v>
      </c>
    </row>
    <row r="8358" spans="1:9">
      <c r="A8358" s="1">
        <f ca="1">RAND()</f>
        <v>0.99672179677049488</v>
      </c>
      <c r="B8358" s="1"/>
      <c r="C8358">
        <v>14</v>
      </c>
      <c r="D8358" t="s">
        <v>15297</v>
      </c>
      <c r="E8358" t="s">
        <v>33022</v>
      </c>
      <c r="F8358">
        <v>1</v>
      </c>
      <c r="G8358" t="s">
        <v>14</v>
      </c>
      <c r="H8358" t="s">
        <v>15298</v>
      </c>
      <c r="I8358" t="s">
        <v>30540</v>
      </c>
    </row>
    <row r="8359" spans="1:9">
      <c r="A8359" s="1">
        <f ca="1">RAND()</f>
        <v>0.60415858722538673</v>
      </c>
      <c r="B8359" s="1"/>
      <c r="C8359">
        <v>13</v>
      </c>
      <c r="D8359" t="s">
        <v>15289</v>
      </c>
      <c r="E8359" t="s">
        <v>33023</v>
      </c>
      <c r="F8359">
        <v>5</v>
      </c>
      <c r="G8359" t="s">
        <v>14</v>
      </c>
      <c r="H8359" t="s">
        <v>15290</v>
      </c>
      <c r="I8359" t="s">
        <v>30540</v>
      </c>
    </row>
    <row r="8360" spans="1:9">
      <c r="A8360" s="1">
        <f ca="1">RAND()</f>
        <v>0.34036487309333552</v>
      </c>
      <c r="B8360" s="1"/>
      <c r="C8360">
        <v>2</v>
      </c>
      <c r="D8360" t="s">
        <v>15285</v>
      </c>
      <c r="E8360" t="s">
        <v>33023</v>
      </c>
      <c r="F8360">
        <v>4</v>
      </c>
      <c r="G8360" t="s">
        <v>14</v>
      </c>
      <c r="H8360" t="s">
        <v>15286</v>
      </c>
      <c r="I8360" t="s">
        <v>30540</v>
      </c>
    </row>
    <row r="8361" spans="1:9">
      <c r="A8361" s="1">
        <f ca="1">RAND()</f>
        <v>0.82470105666182769</v>
      </c>
      <c r="B8361" s="1"/>
      <c r="C8361">
        <v>9</v>
      </c>
      <c r="D8361" t="s">
        <v>15287</v>
      </c>
      <c r="E8361" t="s">
        <v>33023</v>
      </c>
      <c r="F8361">
        <v>4</v>
      </c>
      <c r="G8361" t="s">
        <v>14</v>
      </c>
      <c r="H8361" t="s">
        <v>15288</v>
      </c>
      <c r="I8361" t="s">
        <v>30540</v>
      </c>
    </row>
    <row r="8362" spans="1:9">
      <c r="A8362" s="1">
        <f ca="1">RAND()</f>
        <v>0.1765356987033927</v>
      </c>
      <c r="B8362" s="1"/>
      <c r="C8362">
        <v>1</v>
      </c>
      <c r="D8362" t="s">
        <v>15283</v>
      </c>
      <c r="E8362" t="s">
        <v>33023</v>
      </c>
      <c r="F8362">
        <v>4</v>
      </c>
      <c r="G8362" t="s">
        <v>9</v>
      </c>
      <c r="H8362" t="s">
        <v>15284</v>
      </c>
      <c r="I8362" t="s">
        <v>30540</v>
      </c>
    </row>
    <row r="8363" spans="1:9">
      <c r="A8363" s="1">
        <f ca="1">RAND()</f>
        <v>0.31037416134260698</v>
      </c>
      <c r="B8363" s="1"/>
      <c r="C8363">
        <v>13</v>
      </c>
      <c r="D8363" t="s">
        <v>15277</v>
      </c>
      <c r="E8363" t="s">
        <v>33024</v>
      </c>
      <c r="F8363">
        <v>5</v>
      </c>
      <c r="G8363" t="s">
        <v>766</v>
      </c>
      <c r="H8363" t="s">
        <v>15278</v>
      </c>
      <c r="I8363" t="s">
        <v>30540</v>
      </c>
    </row>
    <row r="8364" spans="1:9">
      <c r="A8364" s="1">
        <f ca="1">RAND()</f>
        <v>0.79278544059012945</v>
      </c>
      <c r="B8364" s="1"/>
      <c r="C8364">
        <v>20</v>
      </c>
      <c r="D8364" t="s">
        <v>15281</v>
      </c>
      <c r="E8364" t="s">
        <v>33024</v>
      </c>
      <c r="F8364">
        <v>4</v>
      </c>
      <c r="G8364" t="s">
        <v>10</v>
      </c>
      <c r="H8364" t="s">
        <v>15282</v>
      </c>
      <c r="I8364" t="s">
        <v>30540</v>
      </c>
    </row>
    <row r="8365" spans="1:9">
      <c r="A8365" s="1">
        <f ca="1">RAND()</f>
        <v>0.64810516503533577</v>
      </c>
      <c r="B8365" s="1"/>
      <c r="C8365">
        <v>14</v>
      </c>
      <c r="D8365" t="s">
        <v>15279</v>
      </c>
      <c r="E8365" t="s">
        <v>33024</v>
      </c>
      <c r="F8365">
        <v>4</v>
      </c>
      <c r="G8365" t="s">
        <v>10</v>
      </c>
      <c r="H8365" t="s">
        <v>15280</v>
      </c>
      <c r="I8365" t="s">
        <v>30540</v>
      </c>
    </row>
    <row r="8366" spans="1:9">
      <c r="A8366" s="1">
        <f ca="1">RAND()</f>
        <v>0.51833426226262724</v>
      </c>
      <c r="B8366" s="1"/>
      <c r="C8366">
        <v>5</v>
      </c>
      <c r="D8366" t="s">
        <v>15275</v>
      </c>
      <c r="E8366" t="s">
        <v>33024</v>
      </c>
      <c r="F8366">
        <v>3</v>
      </c>
      <c r="G8366" t="s">
        <v>1</v>
      </c>
      <c r="H8366" t="s">
        <v>15276</v>
      </c>
      <c r="I8366" t="s">
        <v>30540</v>
      </c>
    </row>
    <row r="8367" spans="1:9">
      <c r="A8367" s="1">
        <f ca="1">RAND()</f>
        <v>0.55820219679548178</v>
      </c>
      <c r="B8367" s="1"/>
      <c r="C8367">
        <v>15</v>
      </c>
      <c r="D8367" t="s">
        <v>15273</v>
      </c>
      <c r="E8367" t="s">
        <v>33025</v>
      </c>
      <c r="F8367">
        <v>4</v>
      </c>
      <c r="G8367" t="s">
        <v>14</v>
      </c>
      <c r="H8367" t="s">
        <v>15274</v>
      </c>
      <c r="I8367" t="s">
        <v>30540</v>
      </c>
    </row>
    <row r="8368" spans="1:9">
      <c r="A8368" s="1">
        <f ca="1">RAND()</f>
        <v>0.13906261152539612</v>
      </c>
      <c r="B8368" s="1"/>
      <c r="C8368">
        <v>10</v>
      </c>
      <c r="D8368" t="s">
        <v>15269</v>
      </c>
      <c r="E8368" t="s">
        <v>33025</v>
      </c>
      <c r="F8368">
        <v>4</v>
      </c>
      <c r="G8368" t="s">
        <v>14</v>
      </c>
      <c r="H8368" t="s">
        <v>15270</v>
      </c>
      <c r="I8368" t="s">
        <v>30540</v>
      </c>
    </row>
    <row r="8369" spans="1:9">
      <c r="A8369" s="1">
        <f ca="1">RAND()</f>
        <v>0.89875777043828176</v>
      </c>
      <c r="B8369" s="1"/>
      <c r="C8369">
        <v>11</v>
      </c>
      <c r="D8369" t="s">
        <v>15271</v>
      </c>
      <c r="E8369" t="s">
        <v>33025</v>
      </c>
      <c r="F8369">
        <v>4</v>
      </c>
      <c r="G8369" t="s">
        <v>10</v>
      </c>
      <c r="H8369" t="s">
        <v>15272</v>
      </c>
      <c r="I8369" t="s">
        <v>30540</v>
      </c>
    </row>
    <row r="8370" spans="1:9">
      <c r="A8370" s="1">
        <f ca="1">RAND()</f>
        <v>0.56478147170185</v>
      </c>
      <c r="B8370" s="1"/>
      <c r="C8370">
        <v>6</v>
      </c>
      <c r="D8370" t="s">
        <v>15267</v>
      </c>
      <c r="E8370" t="s">
        <v>33025</v>
      </c>
      <c r="F8370">
        <v>3</v>
      </c>
      <c r="G8370" t="s">
        <v>15</v>
      </c>
      <c r="H8370" t="s">
        <v>15268</v>
      </c>
      <c r="I8370" t="s">
        <v>30540</v>
      </c>
    </row>
    <row r="8371" spans="1:9">
      <c r="A8371" s="1">
        <f ca="1">RAND()</f>
        <v>0.37948532055984141</v>
      </c>
      <c r="B8371" s="1"/>
      <c r="C8371">
        <v>1</v>
      </c>
      <c r="D8371" t="s">
        <v>15265</v>
      </c>
      <c r="E8371" t="s">
        <v>33025</v>
      </c>
      <c r="F8371">
        <v>2</v>
      </c>
      <c r="G8371" t="s">
        <v>15</v>
      </c>
      <c r="H8371" t="s">
        <v>15266</v>
      </c>
      <c r="I8371" t="s">
        <v>30540</v>
      </c>
    </row>
    <row r="8372" spans="1:9">
      <c r="A8372" s="1">
        <f ca="1">RAND()</f>
        <v>0.68111807561908222</v>
      </c>
      <c r="B8372" s="1"/>
      <c r="C8372">
        <v>4</v>
      </c>
      <c r="D8372" t="s">
        <v>15261</v>
      </c>
      <c r="E8372" t="s">
        <v>33026</v>
      </c>
      <c r="F8372">
        <v>5</v>
      </c>
      <c r="G8372" t="s">
        <v>15</v>
      </c>
      <c r="H8372" t="s">
        <v>15262</v>
      </c>
      <c r="I8372" t="s">
        <v>30540</v>
      </c>
    </row>
    <row r="8373" spans="1:9">
      <c r="A8373" s="1">
        <f ca="1">RAND()</f>
        <v>0.10402272048798955</v>
      </c>
      <c r="B8373" s="1"/>
      <c r="C8373">
        <v>13</v>
      </c>
      <c r="D8373" t="s">
        <v>15263</v>
      </c>
      <c r="E8373" t="s">
        <v>33026</v>
      </c>
      <c r="F8373">
        <v>5</v>
      </c>
      <c r="G8373" t="s">
        <v>14</v>
      </c>
      <c r="H8373" t="s">
        <v>15264</v>
      </c>
      <c r="I8373" t="s">
        <v>30540</v>
      </c>
    </row>
    <row r="8374" spans="1:9">
      <c r="A8374" s="1">
        <f ca="1">RAND()</f>
        <v>0.82682970843524417</v>
      </c>
      <c r="B8374" s="1"/>
      <c r="C8374">
        <v>8</v>
      </c>
      <c r="D8374" t="s">
        <v>15259</v>
      </c>
      <c r="E8374" t="s">
        <v>33027</v>
      </c>
      <c r="F8374">
        <v>4</v>
      </c>
      <c r="G8374" t="s">
        <v>14</v>
      </c>
      <c r="H8374" t="s">
        <v>15260</v>
      </c>
      <c r="I8374" t="s">
        <v>30540</v>
      </c>
    </row>
    <row r="8375" spans="1:9">
      <c r="A8375" s="1">
        <f ca="1">RAND()</f>
        <v>4.6685313063595912E-2</v>
      </c>
      <c r="B8375" s="1"/>
      <c r="C8375">
        <v>5</v>
      </c>
      <c r="D8375" t="s">
        <v>15257</v>
      </c>
      <c r="E8375" t="s">
        <v>33027</v>
      </c>
      <c r="F8375">
        <v>3</v>
      </c>
      <c r="G8375" t="s">
        <v>14</v>
      </c>
      <c r="H8375" t="s">
        <v>15258</v>
      </c>
      <c r="I8375" t="s">
        <v>30540</v>
      </c>
    </row>
    <row r="8376" spans="1:9">
      <c r="A8376" s="1">
        <f ca="1">RAND()</f>
        <v>0.17868434863342586</v>
      </c>
      <c r="B8376" s="1"/>
      <c r="C8376">
        <v>15</v>
      </c>
      <c r="D8376" t="s">
        <v>15255</v>
      </c>
      <c r="E8376" t="s">
        <v>33028</v>
      </c>
      <c r="F8376">
        <v>5</v>
      </c>
      <c r="G8376" t="s">
        <v>14</v>
      </c>
      <c r="H8376" t="s">
        <v>15256</v>
      </c>
      <c r="I8376" t="s">
        <v>30540</v>
      </c>
    </row>
    <row r="8377" spans="1:9">
      <c r="A8377" s="1">
        <f ca="1">RAND()</f>
        <v>0.91626817800129856</v>
      </c>
      <c r="B8377" s="1"/>
      <c r="C8377">
        <v>12</v>
      </c>
      <c r="D8377" t="s">
        <v>15253</v>
      </c>
      <c r="E8377" t="s">
        <v>33028</v>
      </c>
      <c r="F8377">
        <v>4</v>
      </c>
      <c r="G8377" t="s">
        <v>14</v>
      </c>
      <c r="H8377" t="s">
        <v>15254</v>
      </c>
      <c r="I8377" t="s">
        <v>30540</v>
      </c>
    </row>
    <row r="8378" spans="1:9">
      <c r="A8378" s="1">
        <f ca="1">RAND()</f>
        <v>7.8779714672137291E-2</v>
      </c>
      <c r="B8378" s="1"/>
      <c r="C8378">
        <v>11</v>
      </c>
      <c r="D8378" t="s">
        <v>15251</v>
      </c>
      <c r="E8378" t="s">
        <v>33028</v>
      </c>
      <c r="F8378">
        <v>4</v>
      </c>
      <c r="G8378" t="s">
        <v>14</v>
      </c>
      <c r="H8378" t="s">
        <v>15252</v>
      </c>
      <c r="I8378" t="s">
        <v>30540</v>
      </c>
    </row>
    <row r="8379" spans="1:9">
      <c r="A8379" s="1">
        <f ca="1">RAND()</f>
        <v>0.57462254327251294</v>
      </c>
      <c r="B8379" s="1"/>
      <c r="C8379">
        <v>10</v>
      </c>
      <c r="D8379" t="s">
        <v>15247</v>
      </c>
      <c r="E8379" t="s">
        <v>33029</v>
      </c>
      <c r="F8379">
        <v>5</v>
      </c>
      <c r="G8379" t="s">
        <v>3732</v>
      </c>
      <c r="H8379" t="s">
        <v>15248</v>
      </c>
      <c r="I8379" t="s">
        <v>30540</v>
      </c>
    </row>
    <row r="8380" spans="1:9">
      <c r="A8380" s="1">
        <f ca="1">RAND()</f>
        <v>0.25227989808064299</v>
      </c>
      <c r="B8380" s="1"/>
      <c r="C8380">
        <v>7</v>
      </c>
      <c r="D8380" t="s">
        <v>15243</v>
      </c>
      <c r="E8380" t="s">
        <v>33029</v>
      </c>
      <c r="F8380">
        <v>5</v>
      </c>
      <c r="G8380" t="s">
        <v>762</v>
      </c>
      <c r="H8380" t="s">
        <v>15244</v>
      </c>
      <c r="I8380" t="s">
        <v>30540</v>
      </c>
    </row>
    <row r="8381" spans="1:9">
      <c r="A8381" s="1">
        <f ca="1">RAND()</f>
        <v>0.7949250251811838</v>
      </c>
      <c r="B8381" s="1"/>
      <c r="C8381">
        <v>5</v>
      </c>
      <c r="D8381" t="s">
        <v>15239</v>
      </c>
      <c r="E8381" t="s">
        <v>33029</v>
      </c>
      <c r="F8381">
        <v>5</v>
      </c>
      <c r="G8381" t="s">
        <v>14</v>
      </c>
      <c r="H8381" t="s">
        <v>15240</v>
      </c>
      <c r="I8381" t="s">
        <v>30540</v>
      </c>
    </row>
    <row r="8382" spans="1:9">
      <c r="A8382" s="1">
        <f ca="1">RAND()</f>
        <v>0.78493175781954694</v>
      </c>
      <c r="B8382" s="1"/>
      <c r="C8382">
        <v>6</v>
      </c>
      <c r="D8382" t="s">
        <v>15241</v>
      </c>
      <c r="E8382" t="s">
        <v>33029</v>
      </c>
      <c r="F8382">
        <v>4</v>
      </c>
      <c r="G8382" t="s">
        <v>1431</v>
      </c>
      <c r="H8382" t="s">
        <v>15242</v>
      </c>
      <c r="I8382" t="s">
        <v>30540</v>
      </c>
    </row>
    <row r="8383" spans="1:9">
      <c r="A8383" s="1">
        <f ca="1">RAND()</f>
        <v>0.28215495337375318</v>
      </c>
      <c r="B8383" s="1"/>
      <c r="C8383">
        <v>8</v>
      </c>
      <c r="D8383" t="s">
        <v>15245</v>
      </c>
      <c r="E8383" t="s">
        <v>33029</v>
      </c>
      <c r="F8383">
        <v>4</v>
      </c>
      <c r="G8383" t="s">
        <v>775</v>
      </c>
      <c r="H8383" t="s">
        <v>15246</v>
      </c>
      <c r="I8383" t="s">
        <v>30540</v>
      </c>
    </row>
    <row r="8384" spans="1:9">
      <c r="A8384" s="1">
        <f ca="1">RAND()</f>
        <v>0.95661789965063526</v>
      </c>
      <c r="B8384" s="1"/>
      <c r="C8384">
        <v>19</v>
      </c>
      <c r="D8384" t="s">
        <v>15249</v>
      </c>
      <c r="E8384" t="s">
        <v>33029</v>
      </c>
      <c r="F8384">
        <v>3</v>
      </c>
      <c r="G8384" t="s">
        <v>14</v>
      </c>
      <c r="H8384" t="s">
        <v>15250</v>
      </c>
      <c r="I8384" t="s">
        <v>30540</v>
      </c>
    </row>
    <row r="8385" spans="1:9">
      <c r="A8385" s="1">
        <f ca="1">RAND()</f>
        <v>0.46166135983103362</v>
      </c>
      <c r="B8385" s="1"/>
      <c r="C8385">
        <v>13</v>
      </c>
      <c r="D8385" t="s">
        <v>15237</v>
      </c>
      <c r="E8385" t="s">
        <v>33030</v>
      </c>
      <c r="F8385">
        <v>4</v>
      </c>
      <c r="G8385" t="s">
        <v>13</v>
      </c>
      <c r="H8385" t="s">
        <v>15238</v>
      </c>
      <c r="I8385" t="s">
        <v>30540</v>
      </c>
    </row>
    <row r="8386" spans="1:9">
      <c r="A8386" s="1">
        <f ca="1">RAND()</f>
        <v>0.83779837652840894</v>
      </c>
      <c r="B8386" s="1"/>
      <c r="C8386">
        <v>5</v>
      </c>
      <c r="D8386" t="s">
        <v>15231</v>
      </c>
      <c r="E8386" t="s">
        <v>33030</v>
      </c>
      <c r="F8386">
        <v>4</v>
      </c>
      <c r="G8386" t="s">
        <v>14</v>
      </c>
      <c r="H8386" t="s">
        <v>15232</v>
      </c>
      <c r="I8386" t="s">
        <v>30540</v>
      </c>
    </row>
    <row r="8387" spans="1:9">
      <c r="A8387" s="1">
        <f ca="1">RAND()</f>
        <v>0.58659636332941811</v>
      </c>
      <c r="B8387" s="1"/>
      <c r="C8387">
        <v>11</v>
      </c>
      <c r="D8387" t="s">
        <v>15235</v>
      </c>
      <c r="E8387" t="s">
        <v>33030</v>
      </c>
      <c r="F8387">
        <v>4</v>
      </c>
      <c r="G8387" t="s">
        <v>0</v>
      </c>
      <c r="H8387" t="s">
        <v>15236</v>
      </c>
      <c r="I8387" t="s">
        <v>30540</v>
      </c>
    </row>
    <row r="8388" spans="1:9">
      <c r="A8388" s="1">
        <f ca="1">RAND()</f>
        <v>0.20295653846286554</v>
      </c>
      <c r="B8388" s="1"/>
      <c r="C8388">
        <v>9</v>
      </c>
      <c r="D8388" t="s">
        <v>15233</v>
      </c>
      <c r="E8388" t="s">
        <v>33030</v>
      </c>
      <c r="F8388">
        <v>4</v>
      </c>
      <c r="G8388" t="s">
        <v>1</v>
      </c>
      <c r="H8388" t="s">
        <v>15234</v>
      </c>
      <c r="I8388" t="s">
        <v>30540</v>
      </c>
    </row>
    <row r="8389" spans="1:9">
      <c r="A8389" s="1">
        <f ca="1">RAND()</f>
        <v>0.10100761115912493</v>
      </c>
      <c r="B8389" s="1"/>
      <c r="C8389">
        <v>19</v>
      </c>
      <c r="D8389" t="s">
        <v>15229</v>
      </c>
      <c r="E8389" t="s">
        <v>33031</v>
      </c>
      <c r="F8389">
        <v>5</v>
      </c>
      <c r="G8389" t="s">
        <v>14</v>
      </c>
      <c r="H8389" t="s">
        <v>15230</v>
      </c>
      <c r="I8389" t="s">
        <v>30540</v>
      </c>
    </row>
    <row r="8390" spans="1:9">
      <c r="A8390" s="1">
        <f ca="1">RAND()</f>
        <v>0.33247822387534454</v>
      </c>
      <c r="B8390" s="1"/>
      <c r="C8390">
        <v>10</v>
      </c>
      <c r="D8390" t="s">
        <v>15225</v>
      </c>
      <c r="E8390" t="s">
        <v>33031</v>
      </c>
      <c r="F8390">
        <v>4</v>
      </c>
      <c r="G8390" t="s">
        <v>14</v>
      </c>
      <c r="H8390" t="s">
        <v>15226</v>
      </c>
      <c r="I8390" t="s">
        <v>30540</v>
      </c>
    </row>
    <row r="8391" spans="1:9">
      <c r="A8391" s="1">
        <f ca="1">RAND()</f>
        <v>0.18031641730266112</v>
      </c>
      <c r="B8391" s="1"/>
      <c r="C8391">
        <v>17</v>
      </c>
      <c r="D8391" t="s">
        <v>15227</v>
      </c>
      <c r="E8391" t="s">
        <v>33031</v>
      </c>
      <c r="F8391">
        <v>2</v>
      </c>
      <c r="G8391" t="s">
        <v>14</v>
      </c>
      <c r="H8391" t="s">
        <v>15228</v>
      </c>
      <c r="I8391" t="s">
        <v>30540</v>
      </c>
    </row>
    <row r="8392" spans="1:9">
      <c r="A8392" s="1">
        <f ca="1">RAND()</f>
        <v>0.97249502950441702</v>
      </c>
      <c r="B8392" s="1"/>
      <c r="C8392">
        <v>6</v>
      </c>
      <c r="D8392" t="s">
        <v>15219</v>
      </c>
      <c r="E8392" t="s">
        <v>33032</v>
      </c>
      <c r="F8392">
        <v>4</v>
      </c>
      <c r="G8392" t="s">
        <v>2</v>
      </c>
      <c r="H8392" t="s">
        <v>15220</v>
      </c>
      <c r="I8392" t="s">
        <v>30540</v>
      </c>
    </row>
    <row r="8393" spans="1:9">
      <c r="A8393" s="1">
        <f ca="1">RAND()</f>
        <v>0.34881805883447814</v>
      </c>
      <c r="B8393" s="1"/>
      <c r="C8393">
        <v>8</v>
      </c>
      <c r="D8393" t="s">
        <v>15221</v>
      </c>
      <c r="E8393" t="s">
        <v>33032</v>
      </c>
      <c r="F8393">
        <v>4</v>
      </c>
      <c r="G8393" t="s">
        <v>14</v>
      </c>
      <c r="H8393" t="s">
        <v>15222</v>
      </c>
      <c r="I8393" t="s">
        <v>30540</v>
      </c>
    </row>
    <row r="8394" spans="1:9">
      <c r="A8394" s="1">
        <f ca="1">RAND()</f>
        <v>0.27786078709021511</v>
      </c>
      <c r="B8394" s="1"/>
      <c r="C8394">
        <v>11</v>
      </c>
      <c r="D8394" t="s">
        <v>15223</v>
      </c>
      <c r="E8394" t="s">
        <v>33032</v>
      </c>
      <c r="F8394">
        <v>4</v>
      </c>
      <c r="G8394" t="s">
        <v>14</v>
      </c>
      <c r="H8394" t="s">
        <v>15224</v>
      </c>
      <c r="I8394" t="s">
        <v>30540</v>
      </c>
    </row>
    <row r="8395" spans="1:9">
      <c r="A8395" s="1">
        <f ca="1">RAND()</f>
        <v>0.23922405055503448</v>
      </c>
      <c r="B8395" s="1"/>
      <c r="C8395">
        <v>11</v>
      </c>
      <c r="D8395" t="s">
        <v>15215</v>
      </c>
      <c r="E8395" t="s">
        <v>33033</v>
      </c>
      <c r="F8395">
        <v>5</v>
      </c>
      <c r="G8395" t="s">
        <v>1</v>
      </c>
      <c r="H8395" t="s">
        <v>15216</v>
      </c>
      <c r="I8395" t="s">
        <v>30540</v>
      </c>
    </row>
    <row r="8396" spans="1:9">
      <c r="A8396" s="1">
        <f ca="1">RAND()</f>
        <v>0.42288650069544975</v>
      </c>
      <c r="B8396" s="1"/>
      <c r="C8396">
        <v>5</v>
      </c>
      <c r="D8396" t="s">
        <v>15211</v>
      </c>
      <c r="E8396" t="s">
        <v>33033</v>
      </c>
      <c r="F8396">
        <v>4</v>
      </c>
      <c r="G8396" t="s">
        <v>14</v>
      </c>
      <c r="H8396" t="s">
        <v>15212</v>
      </c>
      <c r="I8396" t="s">
        <v>30540</v>
      </c>
    </row>
    <row r="8397" spans="1:9">
      <c r="A8397" s="1">
        <f ca="1">RAND()</f>
        <v>0.87536457926882583</v>
      </c>
      <c r="B8397" s="1"/>
      <c r="C8397">
        <v>7</v>
      </c>
      <c r="D8397" t="s">
        <v>15213</v>
      </c>
      <c r="E8397" t="s">
        <v>33033</v>
      </c>
      <c r="F8397">
        <v>2</v>
      </c>
      <c r="G8397" t="s">
        <v>14</v>
      </c>
      <c r="H8397" t="s">
        <v>15214</v>
      </c>
      <c r="I8397" t="s">
        <v>30540</v>
      </c>
    </row>
    <row r="8398" spans="1:9">
      <c r="A8398" s="1">
        <f ca="1">RAND()</f>
        <v>0.82804048039440636</v>
      </c>
      <c r="B8398" s="1"/>
      <c r="C8398">
        <v>13</v>
      </c>
      <c r="D8398" t="s">
        <v>15217</v>
      </c>
      <c r="E8398" t="s">
        <v>33033</v>
      </c>
      <c r="F8398">
        <v>2</v>
      </c>
      <c r="G8398" t="s">
        <v>14</v>
      </c>
      <c r="H8398" t="s">
        <v>15218</v>
      </c>
      <c r="I8398" t="s">
        <v>30540</v>
      </c>
    </row>
    <row r="8399" spans="1:9">
      <c r="A8399" s="1">
        <f ca="1">RAND()</f>
        <v>0.28405640761892226</v>
      </c>
      <c r="B8399" s="1"/>
      <c r="C8399">
        <v>20</v>
      </c>
      <c r="D8399" t="s">
        <v>15209</v>
      </c>
      <c r="E8399" t="s">
        <v>33034</v>
      </c>
      <c r="F8399">
        <v>4</v>
      </c>
      <c r="G8399" t="s">
        <v>14</v>
      </c>
      <c r="H8399" t="s">
        <v>15210</v>
      </c>
      <c r="I8399" t="s">
        <v>30540</v>
      </c>
    </row>
    <row r="8400" spans="1:9">
      <c r="A8400" s="1">
        <f ca="1">RAND()</f>
        <v>2.8221272995867963E-2</v>
      </c>
      <c r="B8400" s="1"/>
      <c r="C8400">
        <v>13</v>
      </c>
      <c r="D8400" t="s">
        <v>15207</v>
      </c>
      <c r="E8400" t="s">
        <v>33034</v>
      </c>
      <c r="F8400">
        <v>4</v>
      </c>
      <c r="G8400" t="s">
        <v>775</v>
      </c>
      <c r="H8400" t="s">
        <v>15208</v>
      </c>
      <c r="I8400" t="s">
        <v>30540</v>
      </c>
    </row>
    <row r="8401" spans="1:9">
      <c r="A8401" s="1">
        <f ca="1">RAND()</f>
        <v>0.68375244253230794</v>
      </c>
      <c r="B8401" s="1"/>
      <c r="C8401">
        <v>10</v>
      </c>
      <c r="D8401" t="s">
        <v>15205</v>
      </c>
      <c r="E8401" t="s">
        <v>33034</v>
      </c>
      <c r="F8401">
        <v>4</v>
      </c>
      <c r="G8401" t="s">
        <v>2</v>
      </c>
      <c r="H8401" t="s">
        <v>15206</v>
      </c>
      <c r="I8401" t="s">
        <v>30540</v>
      </c>
    </row>
    <row r="8402" spans="1:9">
      <c r="A8402" s="1">
        <f ca="1">RAND()</f>
        <v>0.63775975664127993</v>
      </c>
      <c r="B8402" s="1"/>
      <c r="C8402">
        <v>1</v>
      </c>
      <c r="D8402" t="s">
        <v>15193</v>
      </c>
      <c r="E8402" t="s">
        <v>33035</v>
      </c>
      <c r="F8402">
        <v>5</v>
      </c>
      <c r="G8402" t="s">
        <v>2</v>
      </c>
      <c r="H8402" t="s">
        <v>15194</v>
      </c>
      <c r="I8402" t="s">
        <v>30540</v>
      </c>
    </row>
    <row r="8403" spans="1:9">
      <c r="A8403" s="1">
        <f ca="1">RAND()</f>
        <v>0.44635530872147899</v>
      </c>
      <c r="B8403" s="1"/>
      <c r="C8403">
        <v>11</v>
      </c>
      <c r="D8403" t="s">
        <v>15201</v>
      </c>
      <c r="E8403" t="s">
        <v>33035</v>
      </c>
      <c r="F8403">
        <v>5</v>
      </c>
      <c r="G8403" t="s">
        <v>14</v>
      </c>
      <c r="H8403" t="s">
        <v>15202</v>
      </c>
      <c r="I8403" t="s">
        <v>30540</v>
      </c>
    </row>
    <row r="8404" spans="1:9">
      <c r="A8404" s="1">
        <f ca="1">RAND()</f>
        <v>0.74017494545267482</v>
      </c>
      <c r="B8404" s="1"/>
      <c r="C8404">
        <v>9</v>
      </c>
      <c r="D8404" t="s">
        <v>15199</v>
      </c>
      <c r="E8404" t="s">
        <v>33035</v>
      </c>
      <c r="F8404">
        <v>4</v>
      </c>
      <c r="G8404" t="s">
        <v>14</v>
      </c>
      <c r="H8404" t="s">
        <v>15200</v>
      </c>
      <c r="I8404" t="s">
        <v>30540</v>
      </c>
    </row>
    <row r="8405" spans="1:9">
      <c r="A8405" s="1">
        <f ca="1">RAND()</f>
        <v>0.94058026891500146</v>
      </c>
      <c r="B8405" s="1"/>
      <c r="C8405">
        <v>7</v>
      </c>
      <c r="D8405" t="s">
        <v>15197</v>
      </c>
      <c r="E8405" t="s">
        <v>33035</v>
      </c>
      <c r="F8405">
        <v>4</v>
      </c>
      <c r="G8405" t="s">
        <v>14</v>
      </c>
      <c r="H8405" t="s">
        <v>15198</v>
      </c>
      <c r="I8405" t="s">
        <v>30540</v>
      </c>
    </row>
    <row r="8406" spans="1:9">
      <c r="A8406" s="1">
        <f ca="1">RAND()</f>
        <v>0.70349699441081903</v>
      </c>
      <c r="B8406" s="1"/>
      <c r="C8406">
        <v>4</v>
      </c>
      <c r="D8406" t="s">
        <v>15195</v>
      </c>
      <c r="E8406" t="s">
        <v>33035</v>
      </c>
      <c r="F8406">
        <v>4</v>
      </c>
      <c r="G8406" t="s">
        <v>14</v>
      </c>
      <c r="H8406" t="s">
        <v>15196</v>
      </c>
      <c r="I8406" t="s">
        <v>30540</v>
      </c>
    </row>
    <row r="8407" spans="1:9">
      <c r="A8407" s="1">
        <f ca="1">RAND()</f>
        <v>0.52560563575373553</v>
      </c>
      <c r="B8407" s="1"/>
      <c r="C8407">
        <v>12</v>
      </c>
      <c r="D8407" t="s">
        <v>15203</v>
      </c>
      <c r="E8407" t="s">
        <v>33035</v>
      </c>
      <c r="F8407">
        <v>4</v>
      </c>
      <c r="G8407" t="s">
        <v>1</v>
      </c>
      <c r="H8407" t="s">
        <v>15204</v>
      </c>
      <c r="I8407" t="s">
        <v>30540</v>
      </c>
    </row>
    <row r="8408" spans="1:9">
      <c r="A8408" s="1">
        <f ca="1">RAND()</f>
        <v>9.7070013115269749E-2</v>
      </c>
      <c r="B8408" s="1"/>
      <c r="C8408">
        <v>14</v>
      </c>
      <c r="D8408" t="s">
        <v>15191</v>
      </c>
      <c r="E8408" t="s">
        <v>33036</v>
      </c>
      <c r="F8408">
        <v>4</v>
      </c>
      <c r="G8408" t="s">
        <v>9</v>
      </c>
      <c r="H8408" t="s">
        <v>15192</v>
      </c>
      <c r="I8408" t="s">
        <v>30540</v>
      </c>
    </row>
    <row r="8409" spans="1:9">
      <c r="A8409" s="1">
        <f ca="1">RAND()</f>
        <v>0.76277571413296075</v>
      </c>
      <c r="B8409" s="1"/>
      <c r="C8409">
        <v>9</v>
      </c>
      <c r="D8409" t="s">
        <v>15187</v>
      </c>
      <c r="E8409" t="s">
        <v>33036</v>
      </c>
      <c r="F8409">
        <v>4</v>
      </c>
      <c r="G8409" t="s">
        <v>9</v>
      </c>
      <c r="H8409" t="s">
        <v>15188</v>
      </c>
      <c r="I8409" t="s">
        <v>30540</v>
      </c>
    </row>
    <row r="8410" spans="1:9">
      <c r="A8410" s="1">
        <f ca="1">RAND()</f>
        <v>0.81339460157411358</v>
      </c>
      <c r="B8410" s="1"/>
      <c r="C8410">
        <v>13</v>
      </c>
      <c r="D8410" t="s">
        <v>15189</v>
      </c>
      <c r="E8410" t="s">
        <v>33036</v>
      </c>
      <c r="F8410">
        <v>3</v>
      </c>
      <c r="G8410" t="s">
        <v>9</v>
      </c>
      <c r="H8410" t="s">
        <v>15190</v>
      </c>
      <c r="I8410" t="s">
        <v>30540</v>
      </c>
    </row>
    <row r="8411" spans="1:9">
      <c r="A8411" s="1">
        <f ca="1">RAND()</f>
        <v>0.24760032280679367</v>
      </c>
      <c r="B8411" s="1"/>
      <c r="C8411">
        <v>2</v>
      </c>
      <c r="D8411" t="s">
        <v>15183</v>
      </c>
      <c r="E8411" t="s">
        <v>33036</v>
      </c>
      <c r="F8411">
        <v>2</v>
      </c>
      <c r="G8411" t="s">
        <v>0</v>
      </c>
      <c r="H8411" t="s">
        <v>15184</v>
      </c>
      <c r="I8411" t="s">
        <v>30540</v>
      </c>
    </row>
    <row r="8412" spans="1:9">
      <c r="A8412" s="1">
        <f ca="1">RAND()</f>
        <v>2.9533609930092131E-2</v>
      </c>
      <c r="B8412" s="1"/>
      <c r="C8412">
        <v>8</v>
      </c>
      <c r="D8412" t="s">
        <v>15185</v>
      </c>
      <c r="E8412" t="s">
        <v>33036</v>
      </c>
      <c r="F8412">
        <v>2</v>
      </c>
      <c r="G8412" t="s">
        <v>14</v>
      </c>
      <c r="H8412" t="s">
        <v>15186</v>
      </c>
      <c r="I8412" t="s">
        <v>30540</v>
      </c>
    </row>
    <row r="8413" spans="1:9">
      <c r="A8413" s="1">
        <f ca="1">RAND()</f>
        <v>0.11909627585121396</v>
      </c>
      <c r="B8413" s="1"/>
      <c r="C8413">
        <v>1</v>
      </c>
      <c r="D8413" t="s">
        <v>15181</v>
      </c>
      <c r="E8413" t="s">
        <v>33036</v>
      </c>
      <c r="F8413">
        <v>2</v>
      </c>
      <c r="G8413" t="s">
        <v>10</v>
      </c>
      <c r="H8413" t="s">
        <v>15182</v>
      </c>
      <c r="I8413" t="s">
        <v>30540</v>
      </c>
    </row>
    <row r="8414" spans="1:9">
      <c r="A8414" s="1">
        <f ca="1">RAND()</f>
        <v>0.15753977661438912</v>
      </c>
      <c r="B8414" s="1"/>
      <c r="C8414">
        <v>6</v>
      </c>
      <c r="D8414" t="s">
        <v>15175</v>
      </c>
      <c r="E8414" t="s">
        <v>33037</v>
      </c>
      <c r="F8414">
        <v>5</v>
      </c>
      <c r="G8414" t="s">
        <v>2</v>
      </c>
      <c r="H8414" t="s">
        <v>15176</v>
      </c>
      <c r="I8414" t="s">
        <v>30540</v>
      </c>
    </row>
    <row r="8415" spans="1:9">
      <c r="A8415" s="1">
        <f ca="1">RAND()</f>
        <v>0.2158927219165363</v>
      </c>
      <c r="B8415" s="1"/>
      <c r="C8415">
        <v>2</v>
      </c>
      <c r="D8415" t="s">
        <v>15173</v>
      </c>
      <c r="E8415" t="s">
        <v>33037</v>
      </c>
      <c r="F8415">
        <v>4</v>
      </c>
      <c r="G8415" t="s">
        <v>14</v>
      </c>
      <c r="H8415" t="s">
        <v>15174</v>
      </c>
      <c r="I8415" t="s">
        <v>30540</v>
      </c>
    </row>
    <row r="8416" spans="1:9">
      <c r="A8416" s="1">
        <f ca="1">RAND()</f>
        <v>0.44737261579089815</v>
      </c>
      <c r="B8416" s="1"/>
      <c r="C8416">
        <v>9</v>
      </c>
      <c r="D8416" t="s">
        <v>15177</v>
      </c>
      <c r="E8416" t="s">
        <v>33037</v>
      </c>
      <c r="F8416">
        <v>4</v>
      </c>
      <c r="G8416" t="s">
        <v>13</v>
      </c>
      <c r="H8416" t="s">
        <v>15178</v>
      </c>
      <c r="I8416" t="s">
        <v>30540</v>
      </c>
    </row>
    <row r="8417" spans="1:9">
      <c r="A8417" s="1">
        <f ca="1">RAND()</f>
        <v>0.82367270092210232</v>
      </c>
      <c r="B8417" s="1"/>
      <c r="C8417">
        <v>10</v>
      </c>
      <c r="D8417" t="s">
        <v>15179</v>
      </c>
      <c r="E8417" t="s">
        <v>33037</v>
      </c>
      <c r="F8417">
        <v>4</v>
      </c>
      <c r="G8417" t="s">
        <v>14</v>
      </c>
      <c r="H8417" t="s">
        <v>15180</v>
      </c>
      <c r="I8417" t="s">
        <v>30540</v>
      </c>
    </row>
    <row r="8418" spans="1:9">
      <c r="A8418" s="1">
        <f ca="1">RAND()</f>
        <v>0.89776007926791757</v>
      </c>
      <c r="B8418" s="1"/>
      <c r="C8418">
        <v>9</v>
      </c>
      <c r="D8418" t="s">
        <v>15169</v>
      </c>
      <c r="E8418" t="s">
        <v>33038</v>
      </c>
      <c r="F8418">
        <v>4</v>
      </c>
      <c r="G8418" t="s">
        <v>14</v>
      </c>
      <c r="H8418" t="s">
        <v>15170</v>
      </c>
      <c r="I8418" t="s">
        <v>30540</v>
      </c>
    </row>
    <row r="8419" spans="1:9">
      <c r="A8419" s="1">
        <f ca="1">RAND()</f>
        <v>0.84924266326841047</v>
      </c>
      <c r="B8419" s="1"/>
      <c r="C8419">
        <v>8</v>
      </c>
      <c r="D8419" t="s">
        <v>15167</v>
      </c>
      <c r="E8419" t="s">
        <v>33038</v>
      </c>
      <c r="F8419">
        <v>4</v>
      </c>
      <c r="G8419" t="s">
        <v>14</v>
      </c>
      <c r="H8419" t="s">
        <v>15168</v>
      </c>
      <c r="I8419" t="s">
        <v>30540</v>
      </c>
    </row>
    <row r="8420" spans="1:9">
      <c r="A8420" s="1">
        <f ca="1">RAND()</f>
        <v>0.73384564007788577</v>
      </c>
      <c r="B8420" s="1"/>
      <c r="C8420">
        <v>14</v>
      </c>
      <c r="D8420" t="s">
        <v>15171</v>
      </c>
      <c r="E8420" t="s">
        <v>33038</v>
      </c>
      <c r="F8420">
        <v>1</v>
      </c>
      <c r="G8420" t="s">
        <v>14</v>
      </c>
      <c r="H8420" t="s">
        <v>15172</v>
      </c>
      <c r="I8420" t="s">
        <v>30540</v>
      </c>
    </row>
    <row r="8421" spans="1:9">
      <c r="A8421" s="1">
        <f ca="1">RAND()</f>
        <v>0.4093923591984816</v>
      </c>
      <c r="B8421" s="1"/>
      <c r="C8421">
        <v>1</v>
      </c>
      <c r="D8421" t="s">
        <v>15165</v>
      </c>
      <c r="E8421" t="s">
        <v>33038</v>
      </c>
      <c r="F8421">
        <v>1</v>
      </c>
      <c r="G8421" t="s">
        <v>10</v>
      </c>
      <c r="H8421" t="s">
        <v>15166</v>
      </c>
      <c r="I8421" t="s">
        <v>30540</v>
      </c>
    </row>
    <row r="8422" spans="1:9">
      <c r="A8422" s="1">
        <f ca="1">RAND()</f>
        <v>7.616489676499294E-2</v>
      </c>
      <c r="B8422" s="1"/>
      <c r="C8422">
        <v>3</v>
      </c>
      <c r="D8422" t="s">
        <v>15147</v>
      </c>
      <c r="E8422" t="s">
        <v>33039</v>
      </c>
      <c r="F8422">
        <v>4</v>
      </c>
      <c r="G8422" t="s">
        <v>1431</v>
      </c>
      <c r="H8422" t="s">
        <v>15148</v>
      </c>
      <c r="I8422" t="s">
        <v>30540</v>
      </c>
    </row>
    <row r="8423" spans="1:9">
      <c r="A8423" s="1">
        <f ca="1">RAND()</f>
        <v>0.6429314434497303</v>
      </c>
      <c r="B8423" s="1"/>
      <c r="C8423">
        <v>5</v>
      </c>
      <c r="D8423" t="s">
        <v>15149</v>
      </c>
      <c r="E8423" t="s">
        <v>33039</v>
      </c>
      <c r="F8423">
        <v>4</v>
      </c>
      <c r="G8423" t="s">
        <v>13</v>
      </c>
      <c r="H8423" t="s">
        <v>15150</v>
      </c>
      <c r="I8423" t="s">
        <v>30540</v>
      </c>
    </row>
    <row r="8424" spans="1:9">
      <c r="A8424" s="1">
        <f ca="1">RAND()</f>
        <v>0.9683528180652119</v>
      </c>
      <c r="B8424" s="1"/>
      <c r="C8424">
        <v>13</v>
      </c>
      <c r="D8424" t="s">
        <v>15157</v>
      </c>
      <c r="E8424" t="s">
        <v>33039</v>
      </c>
      <c r="F8424">
        <v>4</v>
      </c>
      <c r="G8424" t="s">
        <v>15</v>
      </c>
      <c r="H8424" t="s">
        <v>15158</v>
      </c>
      <c r="I8424" t="s">
        <v>30540</v>
      </c>
    </row>
    <row r="8425" spans="1:9">
      <c r="A8425" s="1">
        <f ca="1">RAND()</f>
        <v>0.18613634200932594</v>
      </c>
      <c r="B8425" s="1"/>
      <c r="C8425">
        <v>10</v>
      </c>
      <c r="D8425" t="s">
        <v>15153</v>
      </c>
      <c r="E8425" t="s">
        <v>33039</v>
      </c>
      <c r="F8425">
        <v>4</v>
      </c>
      <c r="G8425" t="s">
        <v>14</v>
      </c>
      <c r="H8425" t="s">
        <v>15154</v>
      </c>
      <c r="I8425" t="s">
        <v>30540</v>
      </c>
    </row>
    <row r="8426" spans="1:9">
      <c r="A8426" s="1">
        <f ca="1">RAND()</f>
        <v>0.68404678174990019</v>
      </c>
      <c r="B8426" s="1"/>
      <c r="C8426">
        <v>8</v>
      </c>
      <c r="D8426" t="s">
        <v>15151</v>
      </c>
      <c r="E8426" t="s">
        <v>33039</v>
      </c>
      <c r="F8426">
        <v>4</v>
      </c>
      <c r="G8426" t="s">
        <v>3732</v>
      </c>
      <c r="H8426" t="s">
        <v>15152</v>
      </c>
      <c r="I8426" t="s">
        <v>30540</v>
      </c>
    </row>
    <row r="8427" spans="1:9">
      <c r="A8427" s="1">
        <f ca="1">RAND()</f>
        <v>0.69575424812007935</v>
      </c>
      <c r="B8427" s="1"/>
      <c r="C8427">
        <v>15</v>
      </c>
      <c r="D8427" t="s">
        <v>15159</v>
      </c>
      <c r="E8427" t="s">
        <v>33039</v>
      </c>
      <c r="F8427">
        <v>4</v>
      </c>
      <c r="G8427" t="s">
        <v>10</v>
      </c>
      <c r="H8427" t="s">
        <v>15160</v>
      </c>
      <c r="I8427" t="s">
        <v>30540</v>
      </c>
    </row>
    <row r="8428" spans="1:9">
      <c r="A8428" s="1">
        <f ca="1">RAND()</f>
        <v>0.66872686793338765</v>
      </c>
      <c r="B8428" s="1"/>
      <c r="C8428">
        <v>20</v>
      </c>
      <c r="D8428" t="s">
        <v>15163</v>
      </c>
      <c r="E8428" t="s">
        <v>33039</v>
      </c>
      <c r="F8428">
        <v>4</v>
      </c>
      <c r="G8428" t="s">
        <v>3107</v>
      </c>
      <c r="H8428" t="s">
        <v>15164</v>
      </c>
      <c r="I8428" t="s">
        <v>30540</v>
      </c>
    </row>
    <row r="8429" spans="1:9">
      <c r="A8429" s="1">
        <f ca="1">RAND()</f>
        <v>0.95307275116504686</v>
      </c>
      <c r="B8429" s="1"/>
      <c r="C8429">
        <v>17</v>
      </c>
      <c r="D8429" t="s">
        <v>15161</v>
      </c>
      <c r="E8429" t="s">
        <v>33039</v>
      </c>
      <c r="F8429">
        <v>3</v>
      </c>
      <c r="G8429" t="s">
        <v>0</v>
      </c>
      <c r="H8429" t="s">
        <v>15162</v>
      </c>
      <c r="I8429" t="s">
        <v>30540</v>
      </c>
    </row>
    <row r="8430" spans="1:9">
      <c r="A8430" s="1">
        <f ca="1">RAND()</f>
        <v>0.89363510524935852</v>
      </c>
      <c r="B8430" s="1"/>
      <c r="C8430">
        <v>11</v>
      </c>
      <c r="D8430" t="s">
        <v>15155</v>
      </c>
      <c r="E8430" t="s">
        <v>33039</v>
      </c>
      <c r="F8430">
        <v>3</v>
      </c>
      <c r="G8430" t="s">
        <v>2</v>
      </c>
      <c r="H8430" t="s">
        <v>15156</v>
      </c>
      <c r="I8430" t="s">
        <v>30540</v>
      </c>
    </row>
    <row r="8431" spans="1:9">
      <c r="A8431" s="1">
        <f ca="1">RAND()</f>
        <v>0.47981366444651297</v>
      </c>
      <c r="B8431" s="1"/>
      <c r="C8431">
        <v>12</v>
      </c>
      <c r="D8431" t="s">
        <v>15145</v>
      </c>
      <c r="E8431" t="s">
        <v>33040</v>
      </c>
      <c r="F8431">
        <v>4</v>
      </c>
      <c r="G8431" t="s">
        <v>13</v>
      </c>
      <c r="H8431" t="s">
        <v>15146</v>
      </c>
      <c r="I8431" t="s">
        <v>30540</v>
      </c>
    </row>
    <row r="8432" spans="1:9">
      <c r="A8432" s="1">
        <f ca="1">RAND()</f>
        <v>0.61145301388579232</v>
      </c>
      <c r="B8432" s="1"/>
      <c r="C8432">
        <v>11</v>
      </c>
      <c r="D8432" t="s">
        <v>15143</v>
      </c>
      <c r="E8432" t="s">
        <v>33040</v>
      </c>
      <c r="F8432">
        <v>4</v>
      </c>
      <c r="G8432" t="s">
        <v>14</v>
      </c>
      <c r="H8432" t="s">
        <v>15144</v>
      </c>
      <c r="I8432" t="s">
        <v>30540</v>
      </c>
    </row>
    <row r="8433" spans="1:9">
      <c r="A8433" s="1">
        <f ca="1">RAND()</f>
        <v>8.2772029903011357E-2</v>
      </c>
      <c r="B8433" s="1"/>
      <c r="C8433">
        <v>2</v>
      </c>
      <c r="D8433" t="s">
        <v>15141</v>
      </c>
      <c r="E8433" t="s">
        <v>33040</v>
      </c>
      <c r="F8433">
        <v>2</v>
      </c>
      <c r="G8433" t="s">
        <v>1</v>
      </c>
      <c r="H8433" t="s">
        <v>15142</v>
      </c>
      <c r="I8433" t="s">
        <v>30540</v>
      </c>
    </row>
    <row r="8434" spans="1:9">
      <c r="A8434" s="1">
        <f ca="1">RAND()</f>
        <v>0.71458740630066797</v>
      </c>
      <c r="B8434" s="1"/>
      <c r="C8434">
        <v>11</v>
      </c>
      <c r="D8434" t="s">
        <v>15139</v>
      </c>
      <c r="E8434" t="s">
        <v>33041</v>
      </c>
      <c r="F8434">
        <v>4</v>
      </c>
      <c r="G8434" t="s">
        <v>1</v>
      </c>
      <c r="H8434" t="s">
        <v>15140</v>
      </c>
      <c r="I8434" t="s">
        <v>30540</v>
      </c>
    </row>
    <row r="8435" spans="1:9">
      <c r="A8435" s="1">
        <f ca="1">RAND()</f>
        <v>0.90566702807229682</v>
      </c>
      <c r="B8435" s="1"/>
      <c r="C8435">
        <v>2</v>
      </c>
      <c r="D8435" t="s">
        <v>15133</v>
      </c>
      <c r="E8435" t="s">
        <v>33042</v>
      </c>
      <c r="F8435">
        <v>5</v>
      </c>
      <c r="G8435" t="s">
        <v>10</v>
      </c>
      <c r="H8435" t="s">
        <v>15134</v>
      </c>
      <c r="I8435" t="s">
        <v>30540</v>
      </c>
    </row>
    <row r="8436" spans="1:9">
      <c r="A8436" s="1">
        <f ca="1">RAND()</f>
        <v>0.16406334005782142</v>
      </c>
      <c r="B8436" s="1"/>
      <c r="C8436">
        <v>10</v>
      </c>
      <c r="D8436" t="s">
        <v>15137</v>
      </c>
      <c r="E8436" t="s">
        <v>33042</v>
      </c>
      <c r="F8436">
        <v>4</v>
      </c>
      <c r="G8436" t="s">
        <v>2</v>
      </c>
      <c r="H8436" t="s">
        <v>15138</v>
      </c>
      <c r="I8436" t="s">
        <v>30540</v>
      </c>
    </row>
    <row r="8437" spans="1:9">
      <c r="A8437" s="1">
        <f ca="1">RAND()</f>
        <v>0.4860241593251905</v>
      </c>
      <c r="B8437" s="1"/>
      <c r="C8437">
        <v>1</v>
      </c>
      <c r="D8437" t="s">
        <v>15131</v>
      </c>
      <c r="E8437" t="s">
        <v>33042</v>
      </c>
      <c r="F8437">
        <v>3</v>
      </c>
      <c r="G8437" t="s">
        <v>1</v>
      </c>
      <c r="H8437" t="s">
        <v>15132</v>
      </c>
      <c r="I8437" t="s">
        <v>30540</v>
      </c>
    </row>
    <row r="8438" spans="1:9">
      <c r="A8438" s="1">
        <f ca="1">RAND()</f>
        <v>0.39615798868406737</v>
      </c>
      <c r="B8438" s="1"/>
      <c r="C8438">
        <v>6</v>
      </c>
      <c r="D8438" t="s">
        <v>15135</v>
      </c>
      <c r="E8438" t="s">
        <v>33042</v>
      </c>
      <c r="F8438">
        <v>2</v>
      </c>
      <c r="G8438" t="s">
        <v>13</v>
      </c>
      <c r="H8438" t="s">
        <v>15136</v>
      </c>
      <c r="I8438" t="s">
        <v>30540</v>
      </c>
    </row>
    <row r="8439" spans="1:9">
      <c r="A8439" s="1">
        <f ca="1">RAND()</f>
        <v>0.7073487389471832</v>
      </c>
      <c r="B8439" s="1"/>
      <c r="C8439">
        <v>17</v>
      </c>
      <c r="D8439" t="s">
        <v>15125</v>
      </c>
      <c r="E8439" t="s">
        <v>33043</v>
      </c>
      <c r="F8439">
        <v>4</v>
      </c>
      <c r="G8439" t="s">
        <v>14</v>
      </c>
      <c r="H8439" t="s">
        <v>15126</v>
      </c>
      <c r="I8439" t="s">
        <v>30540</v>
      </c>
    </row>
    <row r="8440" spans="1:9">
      <c r="A8440" s="1">
        <f ca="1">RAND()</f>
        <v>0.33053051214747198</v>
      </c>
      <c r="B8440" s="1"/>
      <c r="C8440">
        <v>19</v>
      </c>
      <c r="D8440" t="s">
        <v>15129</v>
      </c>
      <c r="E8440" t="s">
        <v>33043</v>
      </c>
      <c r="F8440">
        <v>4</v>
      </c>
      <c r="G8440" t="s">
        <v>14</v>
      </c>
      <c r="H8440" t="s">
        <v>15130</v>
      </c>
      <c r="I8440" t="s">
        <v>30540</v>
      </c>
    </row>
    <row r="8441" spans="1:9">
      <c r="A8441" s="1">
        <f ca="1">RAND()</f>
        <v>0.27549601708886262</v>
      </c>
      <c r="B8441" s="1"/>
      <c r="C8441">
        <v>2</v>
      </c>
      <c r="D8441" t="s">
        <v>15123</v>
      </c>
      <c r="E8441" t="s">
        <v>33043</v>
      </c>
      <c r="F8441">
        <v>4</v>
      </c>
      <c r="G8441" t="s">
        <v>14</v>
      </c>
      <c r="H8441" t="s">
        <v>15124</v>
      </c>
      <c r="I8441" t="s">
        <v>30540</v>
      </c>
    </row>
    <row r="8442" spans="1:9">
      <c r="A8442" s="1">
        <f ca="1">RAND()</f>
        <v>0.94984966872551935</v>
      </c>
      <c r="B8442" s="1"/>
      <c r="C8442">
        <v>1</v>
      </c>
      <c r="D8442" t="s">
        <v>15121</v>
      </c>
      <c r="E8442" t="s">
        <v>33043</v>
      </c>
      <c r="F8442">
        <v>2</v>
      </c>
      <c r="G8442" t="s">
        <v>10</v>
      </c>
      <c r="H8442" t="s">
        <v>15122</v>
      </c>
      <c r="I8442" t="s">
        <v>30540</v>
      </c>
    </row>
    <row r="8443" spans="1:9">
      <c r="A8443" s="1">
        <f ca="1">RAND()</f>
        <v>0.26494043599647199</v>
      </c>
      <c r="B8443" s="1"/>
      <c r="C8443">
        <v>18</v>
      </c>
      <c r="D8443" t="s">
        <v>15127</v>
      </c>
      <c r="E8443" t="s">
        <v>33043</v>
      </c>
      <c r="F8443">
        <v>1</v>
      </c>
      <c r="G8443" t="s">
        <v>1</v>
      </c>
      <c r="H8443" t="s">
        <v>15128</v>
      </c>
      <c r="I8443" t="s">
        <v>30540</v>
      </c>
    </row>
    <row r="8444" spans="1:9">
      <c r="A8444" s="1">
        <f ca="1">RAND()</f>
        <v>0.20385497818648701</v>
      </c>
      <c r="B8444" s="1"/>
      <c r="C8444">
        <v>18</v>
      </c>
      <c r="D8444" t="s">
        <v>15117</v>
      </c>
      <c r="E8444" t="s">
        <v>33044</v>
      </c>
      <c r="F8444">
        <v>4</v>
      </c>
      <c r="G8444" t="s">
        <v>775</v>
      </c>
      <c r="H8444" t="s">
        <v>15118</v>
      </c>
      <c r="I8444" t="s">
        <v>30540</v>
      </c>
    </row>
    <row r="8445" spans="1:9">
      <c r="A8445" s="1">
        <f ca="1">RAND()</f>
        <v>0.99849186963176162</v>
      </c>
      <c r="B8445" s="1"/>
      <c r="C8445">
        <v>11</v>
      </c>
      <c r="D8445" t="s">
        <v>15113</v>
      </c>
      <c r="E8445" t="s">
        <v>33044</v>
      </c>
      <c r="F8445">
        <v>4</v>
      </c>
      <c r="G8445" t="s">
        <v>14</v>
      </c>
      <c r="H8445" t="s">
        <v>15114</v>
      </c>
      <c r="I8445" t="s">
        <v>30540</v>
      </c>
    </row>
    <row r="8446" spans="1:9">
      <c r="A8446" s="1">
        <f ca="1">RAND()</f>
        <v>0.27488252308589545</v>
      </c>
      <c r="B8446" s="1"/>
      <c r="C8446">
        <v>20</v>
      </c>
      <c r="D8446" t="s">
        <v>15119</v>
      </c>
      <c r="E8446" t="s">
        <v>33044</v>
      </c>
      <c r="F8446">
        <v>4</v>
      </c>
      <c r="G8446" t="s">
        <v>1</v>
      </c>
      <c r="H8446" t="s">
        <v>15120</v>
      </c>
      <c r="I8446" t="s">
        <v>30540</v>
      </c>
    </row>
    <row r="8447" spans="1:9">
      <c r="A8447" s="1">
        <f ca="1">RAND()</f>
        <v>0.27797642960054014</v>
      </c>
      <c r="B8447" s="1"/>
      <c r="C8447">
        <v>13</v>
      </c>
      <c r="D8447" t="s">
        <v>15115</v>
      </c>
      <c r="E8447" t="s">
        <v>33044</v>
      </c>
      <c r="F8447">
        <v>4</v>
      </c>
      <c r="G8447" t="s">
        <v>1431</v>
      </c>
      <c r="H8447" t="s">
        <v>15116</v>
      </c>
      <c r="I8447" t="s">
        <v>30540</v>
      </c>
    </row>
    <row r="8448" spans="1:9">
      <c r="A8448" s="1">
        <f ca="1">RAND()</f>
        <v>0.25255529921867548</v>
      </c>
      <c r="B8448" s="1"/>
      <c r="C8448">
        <v>6</v>
      </c>
      <c r="D8448" t="s">
        <v>15111</v>
      </c>
      <c r="E8448" t="s">
        <v>33044</v>
      </c>
      <c r="F8448">
        <v>2</v>
      </c>
      <c r="G8448" t="s">
        <v>1431</v>
      </c>
      <c r="H8448" t="s">
        <v>15112</v>
      </c>
      <c r="I8448" t="s">
        <v>30540</v>
      </c>
    </row>
    <row r="8449" spans="1:9">
      <c r="A8449" s="1">
        <f ca="1">RAND()</f>
        <v>0.65284218991155896</v>
      </c>
      <c r="B8449" s="1"/>
      <c r="C8449">
        <v>5</v>
      </c>
      <c r="D8449" t="s">
        <v>15107</v>
      </c>
      <c r="E8449" t="s">
        <v>33045</v>
      </c>
      <c r="F8449">
        <v>4</v>
      </c>
      <c r="G8449" t="s">
        <v>14</v>
      </c>
      <c r="H8449" t="s">
        <v>15108</v>
      </c>
      <c r="I8449" t="s">
        <v>30540</v>
      </c>
    </row>
    <row r="8450" spans="1:9">
      <c r="A8450" s="1">
        <f ca="1">RAND()</f>
        <v>0.94339784087138201</v>
      </c>
      <c r="B8450" s="1"/>
      <c r="C8450">
        <v>11</v>
      </c>
      <c r="D8450" t="s">
        <v>15109</v>
      </c>
      <c r="E8450" t="s">
        <v>33045</v>
      </c>
      <c r="F8450">
        <v>4</v>
      </c>
      <c r="G8450" t="s">
        <v>1</v>
      </c>
      <c r="H8450" t="s">
        <v>15110</v>
      </c>
      <c r="I8450" t="s">
        <v>30540</v>
      </c>
    </row>
    <row r="8451" spans="1:9">
      <c r="A8451" s="1">
        <f ca="1">RAND()</f>
        <v>0.93093861258017541</v>
      </c>
      <c r="B8451" s="1"/>
      <c r="C8451">
        <v>3</v>
      </c>
      <c r="D8451" t="s">
        <v>15105</v>
      </c>
      <c r="E8451" t="s">
        <v>33045</v>
      </c>
      <c r="F8451">
        <v>2</v>
      </c>
      <c r="G8451" t="s">
        <v>14</v>
      </c>
      <c r="H8451" t="s">
        <v>15106</v>
      </c>
      <c r="I8451" t="s">
        <v>30540</v>
      </c>
    </row>
    <row r="8452" spans="1:9">
      <c r="A8452" s="1">
        <f ca="1">RAND()</f>
        <v>0.21669928880774669</v>
      </c>
      <c r="B8452" s="1"/>
      <c r="C8452">
        <v>11</v>
      </c>
      <c r="D8452" t="s">
        <v>15103</v>
      </c>
      <c r="E8452" t="s">
        <v>33046</v>
      </c>
      <c r="F8452">
        <v>4</v>
      </c>
      <c r="G8452" t="s">
        <v>9</v>
      </c>
      <c r="H8452" t="s">
        <v>15104</v>
      </c>
      <c r="I8452" t="s">
        <v>30540</v>
      </c>
    </row>
    <row r="8453" spans="1:9">
      <c r="A8453" s="1">
        <f ca="1">RAND()</f>
        <v>0.89732924971195738</v>
      </c>
      <c r="B8453" s="1"/>
      <c r="C8453">
        <v>4</v>
      </c>
      <c r="D8453" t="s">
        <v>15101</v>
      </c>
      <c r="E8453" t="s">
        <v>33046</v>
      </c>
      <c r="F8453">
        <v>4</v>
      </c>
      <c r="G8453" t="s">
        <v>15</v>
      </c>
      <c r="H8453" t="s">
        <v>15102</v>
      </c>
      <c r="I8453" t="s">
        <v>30540</v>
      </c>
    </row>
    <row r="8454" spans="1:9">
      <c r="A8454" s="1">
        <f ca="1">RAND()</f>
        <v>0.92224201325327593</v>
      </c>
      <c r="B8454" s="1"/>
      <c r="C8454">
        <v>9</v>
      </c>
      <c r="D8454" t="s">
        <v>15097</v>
      </c>
      <c r="E8454" t="s">
        <v>33047</v>
      </c>
      <c r="F8454">
        <v>4</v>
      </c>
      <c r="G8454" t="s">
        <v>2</v>
      </c>
      <c r="H8454" t="s">
        <v>15098</v>
      </c>
      <c r="I8454" t="s">
        <v>30540</v>
      </c>
    </row>
    <row r="8455" spans="1:9">
      <c r="A8455" s="1">
        <f ca="1">RAND()</f>
        <v>0.30113975015133509</v>
      </c>
      <c r="B8455" s="1"/>
      <c r="C8455">
        <v>8</v>
      </c>
      <c r="D8455" t="s">
        <v>15095</v>
      </c>
      <c r="E8455" t="s">
        <v>33047</v>
      </c>
      <c r="F8455">
        <v>4</v>
      </c>
      <c r="G8455" t="s">
        <v>10</v>
      </c>
      <c r="H8455" t="s">
        <v>15096</v>
      </c>
      <c r="I8455" t="s">
        <v>30540</v>
      </c>
    </row>
    <row r="8456" spans="1:9">
      <c r="A8456" s="1">
        <f ca="1">RAND()</f>
        <v>0.24073422805501044</v>
      </c>
      <c r="B8456" s="1"/>
      <c r="C8456">
        <v>13</v>
      </c>
      <c r="D8456" t="s">
        <v>15099</v>
      </c>
      <c r="E8456" t="s">
        <v>33047</v>
      </c>
      <c r="F8456">
        <v>4</v>
      </c>
      <c r="G8456" t="s">
        <v>10</v>
      </c>
      <c r="H8456" t="s">
        <v>15100</v>
      </c>
      <c r="I8456" t="s">
        <v>30540</v>
      </c>
    </row>
    <row r="8457" spans="1:9">
      <c r="A8457" s="1">
        <f ca="1">RAND()</f>
        <v>0.99749966246205157</v>
      </c>
      <c r="B8457" s="1"/>
      <c r="C8457">
        <v>6</v>
      </c>
      <c r="D8457" t="s">
        <v>15093</v>
      </c>
      <c r="E8457" t="s">
        <v>33047</v>
      </c>
      <c r="F8457">
        <v>1</v>
      </c>
      <c r="G8457" t="s">
        <v>10</v>
      </c>
      <c r="H8457" t="s">
        <v>15094</v>
      </c>
      <c r="I8457" t="s">
        <v>30540</v>
      </c>
    </row>
    <row r="8458" spans="1:9">
      <c r="A8458" s="1">
        <f ca="1">RAND()</f>
        <v>0.51798482560124315</v>
      </c>
      <c r="B8458" s="1"/>
      <c r="C8458">
        <v>8</v>
      </c>
      <c r="D8458" t="s">
        <v>15089</v>
      </c>
      <c r="E8458" t="s">
        <v>33048</v>
      </c>
      <c r="F8458">
        <v>5</v>
      </c>
      <c r="G8458" t="s">
        <v>14</v>
      </c>
      <c r="H8458" t="s">
        <v>15090</v>
      </c>
      <c r="I8458" t="s">
        <v>30540</v>
      </c>
    </row>
    <row r="8459" spans="1:9">
      <c r="A8459" s="1">
        <f ca="1">RAND()</f>
        <v>0.71506596179195747</v>
      </c>
      <c r="B8459" s="1"/>
      <c r="C8459">
        <v>14</v>
      </c>
      <c r="D8459" t="s">
        <v>15091</v>
      </c>
      <c r="E8459" t="s">
        <v>33048</v>
      </c>
      <c r="F8459">
        <v>4</v>
      </c>
      <c r="G8459" t="s">
        <v>14</v>
      </c>
      <c r="H8459" t="s">
        <v>15092</v>
      </c>
      <c r="I8459" t="s">
        <v>30540</v>
      </c>
    </row>
    <row r="8460" spans="1:9">
      <c r="A8460" s="1">
        <f ca="1">RAND()</f>
        <v>0.79074221503226916</v>
      </c>
      <c r="B8460" s="1"/>
      <c r="C8460">
        <v>5</v>
      </c>
      <c r="D8460" t="s">
        <v>15087</v>
      </c>
      <c r="E8460" t="s">
        <v>33049</v>
      </c>
      <c r="F8460">
        <v>4</v>
      </c>
      <c r="G8460" t="s">
        <v>3732</v>
      </c>
      <c r="H8460" t="s">
        <v>15088</v>
      </c>
      <c r="I8460" t="s">
        <v>30540</v>
      </c>
    </row>
    <row r="8461" spans="1:9">
      <c r="A8461" s="1">
        <f ca="1">RAND()</f>
        <v>0.87722381947467409</v>
      </c>
      <c r="B8461" s="1"/>
      <c r="C8461">
        <v>4</v>
      </c>
      <c r="D8461" t="s">
        <v>15085</v>
      </c>
      <c r="E8461" t="s">
        <v>33049</v>
      </c>
      <c r="F8461">
        <v>4</v>
      </c>
      <c r="G8461" t="s">
        <v>769</v>
      </c>
      <c r="H8461" t="s">
        <v>15086</v>
      </c>
      <c r="I8461" t="s">
        <v>30540</v>
      </c>
    </row>
    <row r="8462" spans="1:9">
      <c r="A8462" s="1">
        <f ca="1">RAND()</f>
        <v>0.35030291005031799</v>
      </c>
      <c r="B8462" s="1"/>
      <c r="C8462">
        <v>2</v>
      </c>
      <c r="D8462" t="s">
        <v>15075</v>
      </c>
      <c r="E8462" t="s">
        <v>33050</v>
      </c>
      <c r="F8462">
        <v>5</v>
      </c>
      <c r="G8462" t="s">
        <v>13</v>
      </c>
      <c r="H8462" t="s">
        <v>15076</v>
      </c>
      <c r="I8462" t="s">
        <v>30540</v>
      </c>
    </row>
    <row r="8463" spans="1:9">
      <c r="A8463" s="1">
        <f ca="1">RAND()</f>
        <v>6.1231104926890989E-3</v>
      </c>
      <c r="B8463" s="1"/>
      <c r="C8463">
        <v>6</v>
      </c>
      <c r="D8463" t="s">
        <v>15079</v>
      </c>
      <c r="E8463" t="s">
        <v>33050</v>
      </c>
      <c r="F8463">
        <v>4</v>
      </c>
      <c r="G8463" t="s">
        <v>14</v>
      </c>
      <c r="H8463" t="s">
        <v>15080</v>
      </c>
      <c r="I8463" t="s">
        <v>30540</v>
      </c>
    </row>
    <row r="8464" spans="1:9">
      <c r="A8464" s="1">
        <f ca="1">RAND()</f>
        <v>0.15053376777792038</v>
      </c>
      <c r="B8464" s="1"/>
      <c r="C8464">
        <v>7</v>
      </c>
      <c r="D8464" t="s">
        <v>15081</v>
      </c>
      <c r="E8464" t="s">
        <v>33050</v>
      </c>
      <c r="F8464">
        <v>4</v>
      </c>
      <c r="G8464" t="s">
        <v>15</v>
      </c>
      <c r="H8464" t="s">
        <v>15082</v>
      </c>
      <c r="I8464" t="s">
        <v>30540</v>
      </c>
    </row>
    <row r="8465" spans="1:9">
      <c r="A8465" s="1">
        <f ca="1">RAND()</f>
        <v>0.4056095907924222</v>
      </c>
      <c r="B8465" s="1"/>
      <c r="C8465">
        <v>11</v>
      </c>
      <c r="D8465" t="s">
        <v>15083</v>
      </c>
      <c r="E8465" t="s">
        <v>33050</v>
      </c>
      <c r="F8465">
        <v>4</v>
      </c>
      <c r="G8465" t="s">
        <v>14</v>
      </c>
      <c r="H8465" t="s">
        <v>15084</v>
      </c>
      <c r="I8465" t="s">
        <v>30540</v>
      </c>
    </row>
    <row r="8466" spans="1:9">
      <c r="A8466" s="1">
        <f ca="1">RAND()</f>
        <v>0.54427383226858828</v>
      </c>
      <c r="B8466" s="1"/>
      <c r="C8466">
        <v>5</v>
      </c>
      <c r="D8466" t="s">
        <v>15077</v>
      </c>
      <c r="E8466" t="s">
        <v>33050</v>
      </c>
      <c r="F8466">
        <v>3</v>
      </c>
      <c r="G8466" t="s">
        <v>1</v>
      </c>
      <c r="H8466" t="s">
        <v>15078</v>
      </c>
      <c r="I8466" t="s">
        <v>30540</v>
      </c>
    </row>
    <row r="8467" spans="1:9">
      <c r="A8467" s="1">
        <f ca="1">RAND()</f>
        <v>0.35959570291305842</v>
      </c>
      <c r="B8467" s="1"/>
      <c r="C8467">
        <v>12</v>
      </c>
      <c r="D8467" t="s">
        <v>15073</v>
      </c>
      <c r="E8467" t="s">
        <v>33051</v>
      </c>
      <c r="F8467">
        <v>4</v>
      </c>
      <c r="G8467" t="s">
        <v>14</v>
      </c>
      <c r="H8467" t="s">
        <v>15074</v>
      </c>
      <c r="I8467" t="s">
        <v>30540</v>
      </c>
    </row>
    <row r="8468" spans="1:9">
      <c r="A8468" s="1">
        <f ca="1">RAND()</f>
        <v>0.71906461325061177</v>
      </c>
      <c r="B8468" s="1"/>
      <c r="C8468">
        <v>9</v>
      </c>
      <c r="D8468" t="s">
        <v>15067</v>
      </c>
      <c r="E8468" t="s">
        <v>33051</v>
      </c>
      <c r="F8468">
        <v>4</v>
      </c>
      <c r="G8468" t="s">
        <v>0</v>
      </c>
      <c r="H8468" t="s">
        <v>15068</v>
      </c>
      <c r="I8468" t="s">
        <v>30540</v>
      </c>
    </row>
    <row r="8469" spans="1:9">
      <c r="A8469" s="1">
        <f ca="1">RAND()</f>
        <v>0.67378556094997877</v>
      </c>
      <c r="B8469" s="1"/>
      <c r="C8469">
        <v>1</v>
      </c>
      <c r="D8469" t="s">
        <v>15065</v>
      </c>
      <c r="E8469" t="s">
        <v>33051</v>
      </c>
      <c r="F8469">
        <v>4</v>
      </c>
      <c r="G8469" t="s">
        <v>0</v>
      </c>
      <c r="H8469" t="s">
        <v>15066</v>
      </c>
      <c r="I8469" t="s">
        <v>30540</v>
      </c>
    </row>
    <row r="8470" spans="1:9">
      <c r="A8470" s="1">
        <f ca="1">RAND()</f>
        <v>4.7743672533316128E-2</v>
      </c>
      <c r="B8470" s="1"/>
      <c r="C8470">
        <v>10</v>
      </c>
      <c r="D8470" t="s">
        <v>15069</v>
      </c>
      <c r="E8470" t="s">
        <v>33051</v>
      </c>
      <c r="F8470">
        <v>4</v>
      </c>
      <c r="G8470" t="s">
        <v>1</v>
      </c>
      <c r="H8470" t="s">
        <v>15070</v>
      </c>
      <c r="I8470" t="s">
        <v>30540</v>
      </c>
    </row>
    <row r="8471" spans="1:9">
      <c r="A8471" s="1">
        <f ca="1">RAND()</f>
        <v>0.95098716184221921</v>
      </c>
      <c r="B8471" s="1"/>
      <c r="C8471">
        <v>11</v>
      </c>
      <c r="D8471" t="s">
        <v>15071</v>
      </c>
      <c r="E8471" t="s">
        <v>33051</v>
      </c>
      <c r="F8471">
        <v>4</v>
      </c>
      <c r="G8471" t="s">
        <v>14</v>
      </c>
      <c r="H8471" t="s">
        <v>15072</v>
      </c>
      <c r="I8471" t="s">
        <v>30540</v>
      </c>
    </row>
    <row r="8472" spans="1:9">
      <c r="A8472" s="1">
        <f ca="1">RAND()</f>
        <v>0.25306756811665154</v>
      </c>
      <c r="B8472" s="1"/>
      <c r="C8472">
        <v>10</v>
      </c>
      <c r="D8472" t="s">
        <v>15063</v>
      </c>
      <c r="E8472" t="s">
        <v>33052</v>
      </c>
      <c r="F8472">
        <v>4</v>
      </c>
      <c r="G8472" t="s">
        <v>14</v>
      </c>
      <c r="H8472" t="s">
        <v>15064</v>
      </c>
      <c r="I8472" t="s">
        <v>30540</v>
      </c>
    </row>
    <row r="8473" spans="1:9">
      <c r="A8473" s="1">
        <f ca="1">RAND()</f>
        <v>0.133780496288883</v>
      </c>
      <c r="B8473" s="1"/>
      <c r="C8473">
        <v>7</v>
      </c>
      <c r="D8473" t="s">
        <v>15061</v>
      </c>
      <c r="E8473" t="s">
        <v>33052</v>
      </c>
      <c r="F8473">
        <v>4</v>
      </c>
      <c r="G8473" t="s">
        <v>14</v>
      </c>
      <c r="H8473" t="s">
        <v>15062</v>
      </c>
      <c r="I8473" t="s">
        <v>30540</v>
      </c>
    </row>
    <row r="8474" spans="1:9">
      <c r="A8474" s="1">
        <f ca="1">RAND()</f>
        <v>0.35474161481973121</v>
      </c>
      <c r="B8474" s="1"/>
      <c r="C8474">
        <v>9</v>
      </c>
      <c r="D8474" t="s">
        <v>15055</v>
      </c>
      <c r="E8474" t="s">
        <v>33053</v>
      </c>
      <c r="F8474">
        <v>5</v>
      </c>
      <c r="G8474" t="s">
        <v>1</v>
      </c>
      <c r="H8474" t="s">
        <v>15056</v>
      </c>
      <c r="I8474" t="s">
        <v>30540</v>
      </c>
    </row>
    <row r="8475" spans="1:9">
      <c r="A8475" s="1">
        <f ca="1">RAND()</f>
        <v>0.92931833752791948</v>
      </c>
      <c r="B8475" s="1"/>
      <c r="C8475">
        <v>12</v>
      </c>
      <c r="D8475" t="s">
        <v>15057</v>
      </c>
      <c r="E8475" t="s">
        <v>33053</v>
      </c>
      <c r="F8475">
        <v>4</v>
      </c>
      <c r="G8475" t="s">
        <v>13</v>
      </c>
      <c r="H8475" t="s">
        <v>15058</v>
      </c>
      <c r="I8475" t="s">
        <v>30540</v>
      </c>
    </row>
    <row r="8476" spans="1:9">
      <c r="A8476" s="1">
        <f ca="1">RAND()</f>
        <v>0.69677766239043259</v>
      </c>
      <c r="B8476" s="1"/>
      <c r="C8476">
        <v>14</v>
      </c>
      <c r="D8476" t="s">
        <v>15059</v>
      </c>
      <c r="E8476" t="s">
        <v>33053</v>
      </c>
      <c r="F8476">
        <v>3</v>
      </c>
      <c r="G8476" t="s">
        <v>0</v>
      </c>
      <c r="H8476" t="s">
        <v>15060</v>
      </c>
      <c r="I8476" t="s">
        <v>30540</v>
      </c>
    </row>
    <row r="8477" spans="1:9">
      <c r="A8477" s="1">
        <f ca="1">RAND()</f>
        <v>0.94851664016352211</v>
      </c>
      <c r="B8477" s="1"/>
      <c r="C8477">
        <v>9</v>
      </c>
      <c r="D8477" t="s">
        <v>15047</v>
      </c>
      <c r="E8477" t="s">
        <v>33054</v>
      </c>
      <c r="F8477">
        <v>4</v>
      </c>
      <c r="G8477" t="s">
        <v>770</v>
      </c>
      <c r="H8477" t="s">
        <v>15048</v>
      </c>
      <c r="I8477" t="s">
        <v>30540</v>
      </c>
    </row>
    <row r="8478" spans="1:9">
      <c r="A8478" s="1">
        <f ca="1">RAND()</f>
        <v>1.3712394708782938E-2</v>
      </c>
      <c r="B8478" s="1"/>
      <c r="C8478">
        <v>15</v>
      </c>
      <c r="D8478" t="s">
        <v>15051</v>
      </c>
      <c r="E8478" t="s">
        <v>33054</v>
      </c>
      <c r="F8478">
        <v>4</v>
      </c>
      <c r="G8478" t="s">
        <v>14</v>
      </c>
      <c r="H8478" t="s">
        <v>15052</v>
      </c>
      <c r="I8478" t="s">
        <v>30540</v>
      </c>
    </row>
    <row r="8479" spans="1:9">
      <c r="A8479" s="1">
        <f ca="1">RAND()</f>
        <v>7.3506229121518829E-2</v>
      </c>
      <c r="B8479" s="1"/>
      <c r="C8479">
        <v>18</v>
      </c>
      <c r="D8479" t="s">
        <v>15053</v>
      </c>
      <c r="E8479" t="s">
        <v>33054</v>
      </c>
      <c r="F8479">
        <v>2</v>
      </c>
      <c r="G8479" t="s">
        <v>14</v>
      </c>
      <c r="H8479" t="s">
        <v>15054</v>
      </c>
      <c r="I8479" t="s">
        <v>30540</v>
      </c>
    </row>
    <row r="8480" spans="1:9">
      <c r="A8480" s="1">
        <f ca="1">RAND()</f>
        <v>0.35645528831765627</v>
      </c>
      <c r="B8480" s="1"/>
      <c r="C8480">
        <v>12</v>
      </c>
      <c r="D8480" t="s">
        <v>15049</v>
      </c>
      <c r="E8480" t="s">
        <v>33054</v>
      </c>
      <c r="F8480">
        <v>1</v>
      </c>
      <c r="G8480" t="s">
        <v>775</v>
      </c>
      <c r="H8480" t="s">
        <v>15050</v>
      </c>
      <c r="I8480" t="s">
        <v>30540</v>
      </c>
    </row>
    <row r="8481" spans="1:9">
      <c r="A8481" s="1">
        <f ca="1">RAND()</f>
        <v>0.18450723598283902</v>
      </c>
      <c r="B8481" s="1"/>
      <c r="C8481">
        <v>1</v>
      </c>
      <c r="D8481" t="s">
        <v>15045</v>
      </c>
      <c r="E8481" t="s">
        <v>33054</v>
      </c>
      <c r="F8481">
        <v>1</v>
      </c>
      <c r="G8481" t="s">
        <v>762</v>
      </c>
      <c r="H8481" t="s">
        <v>15046</v>
      </c>
      <c r="I8481" t="s">
        <v>30540</v>
      </c>
    </row>
    <row r="8482" spans="1:9">
      <c r="A8482" s="1">
        <f ca="1">RAND()</f>
        <v>0.60015069387693076</v>
      </c>
      <c r="B8482" s="1"/>
      <c r="C8482">
        <v>12</v>
      </c>
      <c r="D8482" t="s">
        <v>15043</v>
      </c>
      <c r="E8482" t="s">
        <v>33055</v>
      </c>
      <c r="F8482">
        <v>4</v>
      </c>
      <c r="G8482" t="s">
        <v>14</v>
      </c>
      <c r="H8482" t="s">
        <v>15044</v>
      </c>
      <c r="I8482" t="s">
        <v>30540</v>
      </c>
    </row>
    <row r="8483" spans="1:9">
      <c r="A8483" s="1">
        <f ca="1">RAND()</f>
        <v>4.9865505567300294E-3</v>
      </c>
      <c r="B8483" s="1"/>
      <c r="C8483">
        <v>3</v>
      </c>
      <c r="D8483" t="s">
        <v>15041</v>
      </c>
      <c r="E8483" t="s">
        <v>33055</v>
      </c>
      <c r="F8483">
        <v>4</v>
      </c>
      <c r="G8483" t="s">
        <v>9</v>
      </c>
      <c r="H8483" t="s">
        <v>15042</v>
      </c>
      <c r="I8483" t="s">
        <v>30540</v>
      </c>
    </row>
    <row r="8484" spans="1:9">
      <c r="A8484" s="1">
        <f ca="1">RAND()</f>
        <v>0.43082173520392419</v>
      </c>
      <c r="B8484" s="1"/>
      <c r="C8484">
        <v>10</v>
      </c>
      <c r="D8484" t="s">
        <v>15037</v>
      </c>
      <c r="E8484" t="s">
        <v>33056</v>
      </c>
      <c r="F8484">
        <v>4</v>
      </c>
      <c r="G8484" t="s">
        <v>15</v>
      </c>
      <c r="H8484" t="s">
        <v>15038</v>
      </c>
      <c r="I8484" t="s">
        <v>30540</v>
      </c>
    </row>
    <row r="8485" spans="1:9">
      <c r="A8485" s="1">
        <f ca="1">RAND()</f>
        <v>5.9952536759086072E-2</v>
      </c>
      <c r="B8485" s="1"/>
      <c r="C8485">
        <v>11</v>
      </c>
      <c r="D8485" t="s">
        <v>15039</v>
      </c>
      <c r="E8485" t="s">
        <v>33056</v>
      </c>
      <c r="F8485">
        <v>4</v>
      </c>
      <c r="G8485" t="s">
        <v>9</v>
      </c>
      <c r="H8485" t="s">
        <v>15040</v>
      </c>
      <c r="I8485" t="s">
        <v>30540</v>
      </c>
    </row>
    <row r="8486" spans="1:9">
      <c r="A8486" s="1">
        <f ca="1">RAND()</f>
        <v>0.47394049751334366</v>
      </c>
      <c r="B8486" s="1"/>
      <c r="C8486">
        <v>1</v>
      </c>
      <c r="D8486" t="s">
        <v>15031</v>
      </c>
      <c r="E8486" t="s">
        <v>33056</v>
      </c>
      <c r="F8486">
        <v>4</v>
      </c>
      <c r="G8486" t="s">
        <v>10</v>
      </c>
      <c r="H8486" t="s">
        <v>15032</v>
      </c>
      <c r="I8486" t="s">
        <v>30540</v>
      </c>
    </row>
    <row r="8487" spans="1:9">
      <c r="A8487" s="1">
        <f ca="1">RAND()</f>
        <v>0.10283208697926915</v>
      </c>
      <c r="B8487" s="1"/>
      <c r="C8487">
        <v>9</v>
      </c>
      <c r="D8487" t="s">
        <v>15035</v>
      </c>
      <c r="E8487" t="s">
        <v>33056</v>
      </c>
      <c r="F8487">
        <v>2</v>
      </c>
      <c r="G8487" t="s">
        <v>14</v>
      </c>
      <c r="H8487" t="s">
        <v>15036</v>
      </c>
      <c r="I8487" t="s">
        <v>30540</v>
      </c>
    </row>
    <row r="8488" spans="1:9">
      <c r="A8488" s="1">
        <f ca="1">RAND()</f>
        <v>0.20321644499230984</v>
      </c>
      <c r="B8488" s="1"/>
      <c r="C8488">
        <v>7</v>
      </c>
      <c r="D8488" t="s">
        <v>15033</v>
      </c>
      <c r="E8488" t="s">
        <v>33056</v>
      </c>
      <c r="F8488">
        <v>2</v>
      </c>
      <c r="G8488" t="s">
        <v>14</v>
      </c>
      <c r="H8488" t="s">
        <v>15034</v>
      </c>
      <c r="I8488" t="s">
        <v>30540</v>
      </c>
    </row>
    <row r="8489" spans="1:9">
      <c r="A8489" s="1">
        <f ca="1">RAND()</f>
        <v>4.4712505936467806E-2</v>
      </c>
      <c r="B8489" s="1"/>
      <c r="C8489">
        <v>11</v>
      </c>
      <c r="D8489" t="s">
        <v>15027</v>
      </c>
      <c r="E8489" t="s">
        <v>33057</v>
      </c>
      <c r="F8489">
        <v>4</v>
      </c>
      <c r="G8489" t="s">
        <v>1</v>
      </c>
      <c r="H8489" t="s">
        <v>15028</v>
      </c>
      <c r="I8489" t="s">
        <v>30540</v>
      </c>
    </row>
    <row r="8490" spans="1:9">
      <c r="A8490" s="1">
        <f ca="1">RAND()</f>
        <v>2.1916110462528837E-2</v>
      </c>
      <c r="B8490" s="1"/>
      <c r="C8490">
        <v>13</v>
      </c>
      <c r="D8490" t="s">
        <v>15029</v>
      </c>
      <c r="E8490" t="s">
        <v>33057</v>
      </c>
      <c r="F8490">
        <v>4</v>
      </c>
      <c r="G8490" t="s">
        <v>14</v>
      </c>
      <c r="H8490" t="s">
        <v>15030</v>
      </c>
      <c r="I8490" t="s">
        <v>30540</v>
      </c>
    </row>
    <row r="8491" spans="1:9">
      <c r="A8491" s="1">
        <f ca="1">RAND()</f>
        <v>0.61220376596612558</v>
      </c>
      <c r="B8491" s="1"/>
      <c r="C8491">
        <v>9</v>
      </c>
      <c r="D8491" t="s">
        <v>15025</v>
      </c>
      <c r="E8491" t="s">
        <v>33057</v>
      </c>
      <c r="F8491">
        <v>4</v>
      </c>
      <c r="G8491" t="s">
        <v>0</v>
      </c>
      <c r="H8491" t="s">
        <v>15026</v>
      </c>
      <c r="I8491" t="s">
        <v>30540</v>
      </c>
    </row>
    <row r="8492" spans="1:9">
      <c r="A8492" s="1">
        <f ca="1">RAND()</f>
        <v>0.4524182737402942</v>
      </c>
      <c r="B8492" s="1"/>
      <c r="C8492">
        <v>3</v>
      </c>
      <c r="D8492" t="s">
        <v>15021</v>
      </c>
      <c r="E8492" t="s">
        <v>33057</v>
      </c>
      <c r="F8492">
        <v>4</v>
      </c>
      <c r="G8492" t="s">
        <v>9</v>
      </c>
      <c r="H8492" t="s">
        <v>15022</v>
      </c>
      <c r="I8492" t="s">
        <v>30540</v>
      </c>
    </row>
    <row r="8493" spans="1:9">
      <c r="A8493" s="1">
        <f ca="1">RAND()</f>
        <v>0.31726469212460429</v>
      </c>
      <c r="B8493" s="1"/>
      <c r="C8493">
        <v>2</v>
      </c>
      <c r="D8493" t="s">
        <v>15019</v>
      </c>
      <c r="E8493" t="s">
        <v>33057</v>
      </c>
      <c r="F8493">
        <v>4</v>
      </c>
      <c r="G8493" t="s">
        <v>13</v>
      </c>
      <c r="H8493" t="s">
        <v>15020</v>
      </c>
      <c r="I8493" t="s">
        <v>30540</v>
      </c>
    </row>
    <row r="8494" spans="1:9">
      <c r="A8494" s="1">
        <f ca="1">RAND()</f>
        <v>0.3166163727280138</v>
      </c>
      <c r="B8494" s="1"/>
      <c r="C8494">
        <v>6</v>
      </c>
      <c r="D8494" t="s">
        <v>15023</v>
      </c>
      <c r="E8494" t="s">
        <v>33057</v>
      </c>
      <c r="F8494">
        <v>2</v>
      </c>
      <c r="G8494" t="s">
        <v>10</v>
      </c>
      <c r="H8494" t="s">
        <v>15024</v>
      </c>
      <c r="I8494" t="s">
        <v>30540</v>
      </c>
    </row>
    <row r="8495" spans="1:9">
      <c r="A8495" s="1">
        <f ca="1">RAND()</f>
        <v>0.76735329488055559</v>
      </c>
      <c r="B8495" s="1"/>
      <c r="C8495">
        <v>5</v>
      </c>
      <c r="D8495" t="s">
        <v>15015</v>
      </c>
      <c r="E8495" t="s">
        <v>33058</v>
      </c>
      <c r="F8495">
        <v>4</v>
      </c>
      <c r="G8495" t="s">
        <v>10</v>
      </c>
      <c r="H8495" t="s">
        <v>15016</v>
      </c>
      <c r="I8495" t="s">
        <v>30540</v>
      </c>
    </row>
    <row r="8496" spans="1:9">
      <c r="A8496" s="1">
        <f ca="1">RAND()</f>
        <v>0.50421557921330307</v>
      </c>
      <c r="B8496" s="1"/>
      <c r="C8496">
        <v>10</v>
      </c>
      <c r="D8496" t="s">
        <v>15017</v>
      </c>
      <c r="E8496" t="s">
        <v>33058</v>
      </c>
      <c r="F8496">
        <v>1</v>
      </c>
      <c r="G8496" t="s">
        <v>10</v>
      </c>
      <c r="H8496" t="s">
        <v>15018</v>
      </c>
      <c r="I8496" t="s">
        <v>30540</v>
      </c>
    </row>
    <row r="8497" spans="1:9">
      <c r="A8497" s="1">
        <f ca="1">RAND()</f>
        <v>0.53659241425382809</v>
      </c>
      <c r="B8497" s="1"/>
      <c r="C8497">
        <v>1</v>
      </c>
      <c r="D8497" t="s">
        <v>15001</v>
      </c>
      <c r="E8497" t="s">
        <v>33059</v>
      </c>
      <c r="F8497">
        <v>5</v>
      </c>
      <c r="G8497" t="s">
        <v>1426</v>
      </c>
      <c r="H8497" t="s">
        <v>15002</v>
      </c>
      <c r="I8497" t="s">
        <v>30540</v>
      </c>
    </row>
    <row r="8498" spans="1:9">
      <c r="A8498" s="1">
        <f ca="1">RAND()</f>
        <v>0.426670818422759</v>
      </c>
      <c r="B8498" s="1"/>
      <c r="C8498">
        <v>6</v>
      </c>
      <c r="D8498" t="s">
        <v>15003</v>
      </c>
      <c r="E8498" t="s">
        <v>33059</v>
      </c>
      <c r="F8498">
        <v>4</v>
      </c>
      <c r="G8498" t="s">
        <v>2229</v>
      </c>
      <c r="H8498" t="s">
        <v>15004</v>
      </c>
      <c r="I8498" t="s">
        <v>30540</v>
      </c>
    </row>
    <row r="8499" spans="1:9">
      <c r="A8499" s="1">
        <f ca="1">RAND()</f>
        <v>0.42703215649668225</v>
      </c>
      <c r="B8499" s="1"/>
      <c r="C8499">
        <v>16</v>
      </c>
      <c r="D8499" t="s">
        <v>15009</v>
      </c>
      <c r="E8499" t="s">
        <v>33059</v>
      </c>
      <c r="F8499">
        <v>4</v>
      </c>
      <c r="G8499" t="s">
        <v>765</v>
      </c>
      <c r="H8499" t="s">
        <v>15010</v>
      </c>
      <c r="I8499" t="s">
        <v>30540</v>
      </c>
    </row>
    <row r="8500" spans="1:9">
      <c r="A8500" s="1">
        <f ca="1">RAND()</f>
        <v>0.24228169329180704</v>
      </c>
      <c r="B8500" s="1"/>
      <c r="C8500">
        <v>13</v>
      </c>
      <c r="D8500" t="s">
        <v>15007</v>
      </c>
      <c r="E8500" t="s">
        <v>33059</v>
      </c>
      <c r="F8500">
        <v>4</v>
      </c>
      <c r="G8500" t="s">
        <v>14</v>
      </c>
      <c r="H8500" t="s">
        <v>15008</v>
      </c>
      <c r="I8500" t="s">
        <v>30540</v>
      </c>
    </row>
    <row r="8501" spans="1:9">
      <c r="A8501" s="1">
        <f ca="1">RAND()</f>
        <v>0.69171187030345938</v>
      </c>
      <c r="B8501" s="1"/>
      <c r="C8501">
        <v>20</v>
      </c>
      <c r="D8501" t="s">
        <v>15013</v>
      </c>
      <c r="E8501" t="s">
        <v>33059</v>
      </c>
      <c r="F8501">
        <v>4</v>
      </c>
      <c r="G8501" t="s">
        <v>14</v>
      </c>
      <c r="H8501" t="s">
        <v>15014</v>
      </c>
      <c r="I8501" t="s">
        <v>30540</v>
      </c>
    </row>
    <row r="8502" spans="1:9">
      <c r="A8502" s="1">
        <f ca="1">RAND()</f>
        <v>0.85838248668904626</v>
      </c>
      <c r="B8502" s="1"/>
      <c r="C8502">
        <v>18</v>
      </c>
      <c r="D8502" t="s">
        <v>15011</v>
      </c>
      <c r="E8502" t="s">
        <v>33059</v>
      </c>
      <c r="F8502">
        <v>4</v>
      </c>
      <c r="G8502" t="s">
        <v>775</v>
      </c>
      <c r="H8502" t="s">
        <v>15012</v>
      </c>
      <c r="I8502" t="s">
        <v>30540</v>
      </c>
    </row>
    <row r="8503" spans="1:9">
      <c r="A8503" s="1">
        <f ca="1">RAND()</f>
        <v>0.40887546698816379</v>
      </c>
      <c r="B8503" s="1"/>
      <c r="C8503">
        <v>7</v>
      </c>
      <c r="D8503" t="s">
        <v>15005</v>
      </c>
      <c r="E8503" t="s">
        <v>33059</v>
      </c>
      <c r="F8503">
        <v>1</v>
      </c>
      <c r="G8503" t="s">
        <v>774</v>
      </c>
      <c r="H8503" t="s">
        <v>15006</v>
      </c>
      <c r="I8503" t="s">
        <v>30540</v>
      </c>
    </row>
    <row r="8504" spans="1:9">
      <c r="A8504" s="1">
        <f ca="1">RAND()</f>
        <v>0.67339184913753369</v>
      </c>
      <c r="B8504" s="1"/>
      <c r="C8504">
        <v>10</v>
      </c>
      <c r="D8504" t="s">
        <v>14999</v>
      </c>
      <c r="E8504" t="s">
        <v>33060</v>
      </c>
      <c r="F8504">
        <v>5</v>
      </c>
      <c r="G8504" t="s">
        <v>14</v>
      </c>
      <c r="H8504" t="s">
        <v>15000</v>
      </c>
      <c r="I8504" t="s">
        <v>30540</v>
      </c>
    </row>
    <row r="8505" spans="1:9">
      <c r="A8505" s="1">
        <f ca="1">RAND()</f>
        <v>7.2446239429340809E-2</v>
      </c>
      <c r="B8505" s="1"/>
      <c r="C8505">
        <v>7</v>
      </c>
      <c r="D8505" t="s">
        <v>14995</v>
      </c>
      <c r="E8505" t="s">
        <v>33060</v>
      </c>
      <c r="F8505">
        <v>4</v>
      </c>
      <c r="G8505" t="s">
        <v>10</v>
      </c>
      <c r="H8505" t="s">
        <v>14996</v>
      </c>
      <c r="I8505" t="s">
        <v>30540</v>
      </c>
    </row>
    <row r="8506" spans="1:9">
      <c r="A8506" s="1">
        <f ca="1">RAND()</f>
        <v>0.40446774683840847</v>
      </c>
      <c r="B8506" s="1"/>
      <c r="C8506">
        <v>9</v>
      </c>
      <c r="D8506" t="s">
        <v>14997</v>
      </c>
      <c r="E8506" t="s">
        <v>33060</v>
      </c>
      <c r="F8506">
        <v>4</v>
      </c>
      <c r="G8506" t="s">
        <v>1</v>
      </c>
      <c r="H8506" t="s">
        <v>14998</v>
      </c>
      <c r="I8506" t="s">
        <v>30540</v>
      </c>
    </row>
    <row r="8507" spans="1:9">
      <c r="A8507" s="1">
        <f ca="1">RAND()</f>
        <v>0.80961128219005818</v>
      </c>
      <c r="B8507" s="1"/>
      <c r="C8507">
        <v>4</v>
      </c>
      <c r="D8507" t="s">
        <v>14993</v>
      </c>
      <c r="E8507" t="s">
        <v>33060</v>
      </c>
      <c r="F8507">
        <v>4</v>
      </c>
      <c r="G8507" t="s">
        <v>2</v>
      </c>
      <c r="H8507" t="s">
        <v>14994</v>
      </c>
      <c r="I8507" t="s">
        <v>30540</v>
      </c>
    </row>
    <row r="8508" spans="1:9">
      <c r="A8508" s="1">
        <f ca="1">RAND()</f>
        <v>4.8323696535416905E-2</v>
      </c>
      <c r="B8508" s="1"/>
      <c r="C8508">
        <v>5</v>
      </c>
      <c r="D8508" t="s">
        <v>14983</v>
      </c>
      <c r="E8508" t="s">
        <v>33061</v>
      </c>
      <c r="F8508">
        <v>5</v>
      </c>
      <c r="G8508" t="s">
        <v>13</v>
      </c>
      <c r="H8508" t="s">
        <v>14984</v>
      </c>
      <c r="I8508" t="s">
        <v>30540</v>
      </c>
    </row>
    <row r="8509" spans="1:9">
      <c r="A8509" s="1">
        <f ca="1">RAND()</f>
        <v>0.18033379325462073</v>
      </c>
      <c r="B8509" s="1"/>
      <c r="C8509">
        <v>7</v>
      </c>
      <c r="D8509" t="s">
        <v>14985</v>
      </c>
      <c r="E8509" t="s">
        <v>33061</v>
      </c>
      <c r="F8509">
        <v>5</v>
      </c>
      <c r="G8509" t="s">
        <v>2</v>
      </c>
      <c r="H8509" t="s">
        <v>14986</v>
      </c>
      <c r="I8509" t="s">
        <v>30540</v>
      </c>
    </row>
    <row r="8510" spans="1:9">
      <c r="A8510" s="1">
        <f ca="1">RAND()</f>
        <v>0.73796420778165905</v>
      </c>
      <c r="B8510" s="1"/>
      <c r="C8510">
        <v>1</v>
      </c>
      <c r="D8510" t="s">
        <v>14981</v>
      </c>
      <c r="E8510" t="s">
        <v>33061</v>
      </c>
      <c r="F8510">
        <v>4</v>
      </c>
      <c r="G8510" t="s">
        <v>10</v>
      </c>
      <c r="H8510" t="s">
        <v>14982</v>
      </c>
      <c r="I8510" t="s">
        <v>30540</v>
      </c>
    </row>
    <row r="8511" spans="1:9">
      <c r="A8511" s="1">
        <f ca="1">RAND()</f>
        <v>0.98308098166738411</v>
      </c>
      <c r="B8511" s="1"/>
      <c r="C8511">
        <v>14</v>
      </c>
      <c r="D8511" t="s">
        <v>14991</v>
      </c>
      <c r="E8511" t="s">
        <v>33061</v>
      </c>
      <c r="F8511">
        <v>4</v>
      </c>
      <c r="G8511" t="s">
        <v>14</v>
      </c>
      <c r="H8511" t="s">
        <v>14992</v>
      </c>
      <c r="I8511" t="s">
        <v>30540</v>
      </c>
    </row>
    <row r="8512" spans="1:9">
      <c r="A8512" s="1">
        <f ca="1">RAND()</f>
        <v>0.61512149985745346</v>
      </c>
      <c r="B8512" s="1"/>
      <c r="C8512">
        <v>11</v>
      </c>
      <c r="D8512" t="s">
        <v>14987</v>
      </c>
      <c r="E8512" t="s">
        <v>33061</v>
      </c>
      <c r="F8512">
        <v>4</v>
      </c>
      <c r="G8512" t="s">
        <v>0</v>
      </c>
      <c r="H8512" t="s">
        <v>14988</v>
      </c>
      <c r="I8512" t="s">
        <v>30540</v>
      </c>
    </row>
    <row r="8513" spans="1:9">
      <c r="A8513" s="1">
        <f ca="1">RAND()</f>
        <v>0.84753780867818107</v>
      </c>
      <c r="B8513" s="1"/>
      <c r="C8513">
        <v>13</v>
      </c>
      <c r="D8513" t="s">
        <v>14989</v>
      </c>
      <c r="E8513" t="s">
        <v>33061</v>
      </c>
      <c r="F8513">
        <v>2</v>
      </c>
      <c r="G8513" t="s">
        <v>13</v>
      </c>
      <c r="H8513" t="s">
        <v>14990</v>
      </c>
      <c r="I8513" t="s">
        <v>30540</v>
      </c>
    </row>
    <row r="8514" spans="1:9">
      <c r="A8514" s="1">
        <f ca="1">RAND()</f>
        <v>0.29248547851641626</v>
      </c>
      <c r="B8514" s="1"/>
      <c r="C8514">
        <v>14</v>
      </c>
      <c r="D8514" t="s">
        <v>14979</v>
      </c>
      <c r="E8514" t="s">
        <v>33062</v>
      </c>
      <c r="F8514">
        <v>5</v>
      </c>
      <c r="G8514" t="s">
        <v>14</v>
      </c>
      <c r="H8514" t="s">
        <v>14980</v>
      </c>
      <c r="I8514" t="s">
        <v>30540</v>
      </c>
    </row>
    <row r="8515" spans="1:9">
      <c r="A8515" s="1">
        <f ca="1">RAND()</f>
        <v>0.3781192522435447</v>
      </c>
      <c r="B8515" s="1"/>
      <c r="C8515">
        <v>1</v>
      </c>
      <c r="D8515" t="s">
        <v>14973</v>
      </c>
      <c r="E8515" t="s">
        <v>33062</v>
      </c>
      <c r="F8515">
        <v>4</v>
      </c>
      <c r="G8515" t="s">
        <v>10</v>
      </c>
      <c r="H8515" t="s">
        <v>14974</v>
      </c>
      <c r="I8515" t="s">
        <v>30540</v>
      </c>
    </row>
    <row r="8516" spans="1:9">
      <c r="A8516" s="1">
        <f ca="1">RAND()</f>
        <v>0.93165318430733002</v>
      </c>
      <c r="B8516" s="1"/>
      <c r="C8516">
        <v>11</v>
      </c>
      <c r="D8516" t="s">
        <v>14977</v>
      </c>
      <c r="E8516" t="s">
        <v>33062</v>
      </c>
      <c r="F8516">
        <v>4</v>
      </c>
      <c r="G8516" t="s">
        <v>9</v>
      </c>
      <c r="H8516" t="s">
        <v>14978</v>
      </c>
      <c r="I8516" t="s">
        <v>30540</v>
      </c>
    </row>
    <row r="8517" spans="1:9">
      <c r="A8517" s="1">
        <f ca="1">RAND()</f>
        <v>0.36766448931982332</v>
      </c>
      <c r="B8517" s="1"/>
      <c r="C8517">
        <v>10</v>
      </c>
      <c r="D8517" t="s">
        <v>14975</v>
      </c>
      <c r="E8517" t="s">
        <v>33062</v>
      </c>
      <c r="F8517">
        <v>4</v>
      </c>
      <c r="G8517" t="s">
        <v>13</v>
      </c>
      <c r="H8517" t="s">
        <v>14976</v>
      </c>
      <c r="I8517" t="s">
        <v>30540</v>
      </c>
    </row>
    <row r="8518" spans="1:9">
      <c r="A8518" s="1">
        <f ca="1">RAND()</f>
        <v>0.16659941859143212</v>
      </c>
      <c r="B8518" s="1"/>
      <c r="C8518">
        <v>9</v>
      </c>
      <c r="D8518" t="s">
        <v>14965</v>
      </c>
      <c r="E8518" t="s">
        <v>33063</v>
      </c>
      <c r="F8518">
        <v>5</v>
      </c>
      <c r="G8518" t="s">
        <v>14</v>
      </c>
      <c r="H8518" t="s">
        <v>14966</v>
      </c>
      <c r="I8518" t="s">
        <v>30540</v>
      </c>
    </row>
    <row r="8519" spans="1:9">
      <c r="A8519" s="1">
        <f ca="1">RAND()</f>
        <v>0.70224539324305557</v>
      </c>
      <c r="B8519" s="1"/>
      <c r="C8519">
        <v>1</v>
      </c>
      <c r="D8519" t="s">
        <v>14961</v>
      </c>
      <c r="E8519" t="s">
        <v>33063</v>
      </c>
      <c r="F8519">
        <v>4</v>
      </c>
      <c r="G8519" t="s">
        <v>10</v>
      </c>
      <c r="H8519" t="s">
        <v>14962</v>
      </c>
      <c r="I8519" t="s">
        <v>30540</v>
      </c>
    </row>
    <row r="8520" spans="1:9">
      <c r="A8520" s="1">
        <f ca="1">RAND()</f>
        <v>0.33125649285405867</v>
      </c>
      <c r="B8520" s="1"/>
      <c r="C8520">
        <v>17</v>
      </c>
      <c r="D8520" t="s">
        <v>14971</v>
      </c>
      <c r="E8520" t="s">
        <v>33063</v>
      </c>
      <c r="F8520">
        <v>4</v>
      </c>
      <c r="G8520" t="s">
        <v>14</v>
      </c>
      <c r="H8520" t="s">
        <v>14972</v>
      </c>
      <c r="I8520" t="s">
        <v>30540</v>
      </c>
    </row>
    <row r="8521" spans="1:9">
      <c r="A8521" s="1">
        <f ca="1">RAND()</f>
        <v>0.49455173622452508</v>
      </c>
      <c r="B8521" s="1"/>
      <c r="C8521">
        <v>12</v>
      </c>
      <c r="D8521" t="s">
        <v>14967</v>
      </c>
      <c r="E8521" t="s">
        <v>33063</v>
      </c>
      <c r="F8521">
        <v>4</v>
      </c>
      <c r="G8521" t="s">
        <v>0</v>
      </c>
      <c r="H8521" t="s">
        <v>14968</v>
      </c>
      <c r="I8521" t="s">
        <v>30540</v>
      </c>
    </row>
    <row r="8522" spans="1:9">
      <c r="A8522" s="1">
        <f ca="1">RAND()</f>
        <v>0.38107042968063931</v>
      </c>
      <c r="B8522" s="1"/>
      <c r="C8522">
        <v>5</v>
      </c>
      <c r="D8522" t="s">
        <v>14963</v>
      </c>
      <c r="E8522" t="s">
        <v>33063</v>
      </c>
      <c r="F8522">
        <v>4</v>
      </c>
      <c r="G8522" t="s">
        <v>9</v>
      </c>
      <c r="H8522" t="s">
        <v>14964</v>
      </c>
      <c r="I8522" t="s">
        <v>30540</v>
      </c>
    </row>
    <row r="8523" spans="1:9">
      <c r="A8523" s="1">
        <f ca="1">RAND()</f>
        <v>0.14033226568922874</v>
      </c>
      <c r="B8523" s="1"/>
      <c r="C8523">
        <v>14</v>
      </c>
      <c r="D8523" t="s">
        <v>14969</v>
      </c>
      <c r="E8523" t="s">
        <v>33063</v>
      </c>
      <c r="F8523">
        <v>2</v>
      </c>
      <c r="G8523" t="s">
        <v>14</v>
      </c>
      <c r="H8523" t="s">
        <v>14970</v>
      </c>
      <c r="I8523" t="s">
        <v>30540</v>
      </c>
    </row>
    <row r="8524" spans="1:9">
      <c r="A8524" s="1">
        <f ca="1">RAND()</f>
        <v>0.36979854811263635</v>
      </c>
      <c r="B8524" s="1"/>
      <c r="C8524">
        <v>2</v>
      </c>
      <c r="D8524" t="s">
        <v>14951</v>
      </c>
      <c r="E8524" t="s">
        <v>33064</v>
      </c>
      <c r="F8524">
        <v>5</v>
      </c>
      <c r="G8524" t="s">
        <v>1</v>
      </c>
      <c r="H8524" t="s">
        <v>14952</v>
      </c>
      <c r="I8524" t="s">
        <v>30540</v>
      </c>
    </row>
    <row r="8525" spans="1:9">
      <c r="A8525" s="1">
        <f ca="1">RAND()</f>
        <v>0.71060722642167717</v>
      </c>
      <c r="B8525" s="1"/>
      <c r="C8525">
        <v>6</v>
      </c>
      <c r="D8525" t="s">
        <v>14953</v>
      </c>
      <c r="E8525" t="s">
        <v>33064</v>
      </c>
      <c r="F8525">
        <v>5</v>
      </c>
      <c r="G8525" t="s">
        <v>774</v>
      </c>
      <c r="H8525" t="s">
        <v>14954</v>
      </c>
      <c r="I8525" t="s">
        <v>30540</v>
      </c>
    </row>
    <row r="8526" spans="1:9">
      <c r="A8526" s="1">
        <f ca="1">RAND()</f>
        <v>0.63168751118433253</v>
      </c>
      <c r="B8526" s="1"/>
      <c r="C8526">
        <v>1</v>
      </c>
      <c r="D8526" t="s">
        <v>14949</v>
      </c>
      <c r="E8526" t="s">
        <v>33064</v>
      </c>
      <c r="F8526">
        <v>4</v>
      </c>
      <c r="G8526" t="s">
        <v>2</v>
      </c>
      <c r="H8526" t="s">
        <v>14950</v>
      </c>
      <c r="I8526" t="s">
        <v>30540</v>
      </c>
    </row>
    <row r="8527" spans="1:9">
      <c r="A8527" s="1">
        <f ca="1">RAND()</f>
        <v>0.93027015374472466</v>
      </c>
      <c r="B8527" s="1"/>
      <c r="C8527">
        <v>8</v>
      </c>
      <c r="D8527" t="s">
        <v>14955</v>
      </c>
      <c r="E8527" t="s">
        <v>33064</v>
      </c>
      <c r="F8527">
        <v>4</v>
      </c>
      <c r="G8527" t="s">
        <v>14</v>
      </c>
      <c r="H8527" t="s">
        <v>14956</v>
      </c>
      <c r="I8527" t="s">
        <v>30540</v>
      </c>
    </row>
    <row r="8528" spans="1:9">
      <c r="A8528" s="1">
        <f ca="1">RAND()</f>
        <v>0.70200714221989513</v>
      </c>
      <c r="B8528" s="1"/>
      <c r="C8528">
        <v>14</v>
      </c>
      <c r="D8528" t="s">
        <v>14957</v>
      </c>
      <c r="E8528" t="s">
        <v>33064</v>
      </c>
      <c r="F8528">
        <v>4</v>
      </c>
      <c r="G8528" t="s">
        <v>13</v>
      </c>
      <c r="H8528" t="s">
        <v>14958</v>
      </c>
      <c r="I8528" t="s">
        <v>30540</v>
      </c>
    </row>
    <row r="8529" spans="1:9">
      <c r="A8529" s="1">
        <f ca="1">RAND()</f>
        <v>0.92490514405679336</v>
      </c>
      <c r="B8529" s="1"/>
      <c r="C8529">
        <v>18</v>
      </c>
      <c r="D8529" t="s">
        <v>14959</v>
      </c>
      <c r="E8529" t="s">
        <v>33064</v>
      </c>
      <c r="F8529">
        <v>4</v>
      </c>
      <c r="G8529" t="s">
        <v>14</v>
      </c>
      <c r="H8529" t="s">
        <v>14960</v>
      </c>
      <c r="I8529" t="s">
        <v>30540</v>
      </c>
    </row>
    <row r="8530" spans="1:9">
      <c r="A8530" s="1">
        <f ca="1">RAND()</f>
        <v>0.52113526541670363</v>
      </c>
      <c r="B8530" s="1"/>
      <c r="C8530">
        <v>12</v>
      </c>
      <c r="D8530" t="s">
        <v>14947</v>
      </c>
      <c r="E8530" t="s">
        <v>33065</v>
      </c>
      <c r="F8530">
        <v>4</v>
      </c>
      <c r="G8530" t="s">
        <v>14</v>
      </c>
      <c r="H8530" t="s">
        <v>14948</v>
      </c>
      <c r="I8530" t="s">
        <v>30540</v>
      </c>
    </row>
    <row r="8531" spans="1:9">
      <c r="A8531" s="1">
        <f ca="1">RAND()</f>
        <v>0.82666611757139175</v>
      </c>
      <c r="B8531" s="1"/>
      <c r="C8531">
        <v>1</v>
      </c>
      <c r="D8531" t="s">
        <v>14945</v>
      </c>
      <c r="E8531" t="s">
        <v>33065</v>
      </c>
      <c r="F8531">
        <v>3</v>
      </c>
      <c r="G8531" t="s">
        <v>14</v>
      </c>
      <c r="H8531" t="s">
        <v>14946</v>
      </c>
      <c r="I8531" t="s">
        <v>30540</v>
      </c>
    </row>
    <row r="8532" spans="1:9">
      <c r="A8532" s="1">
        <f ca="1">RAND()</f>
        <v>0.59211874145746068</v>
      </c>
      <c r="B8532" s="1"/>
      <c r="C8532">
        <v>20</v>
      </c>
      <c r="D8532" t="s">
        <v>14943</v>
      </c>
      <c r="E8532" t="s">
        <v>33066</v>
      </c>
      <c r="F8532">
        <v>5</v>
      </c>
      <c r="G8532" t="s">
        <v>14</v>
      </c>
      <c r="H8532" t="s">
        <v>14944</v>
      </c>
      <c r="I8532" t="s">
        <v>30540</v>
      </c>
    </row>
    <row r="8533" spans="1:9">
      <c r="A8533" s="1">
        <f ca="1">RAND()</f>
        <v>0.66615805645435311</v>
      </c>
      <c r="B8533" s="1"/>
      <c r="C8533">
        <v>13</v>
      </c>
      <c r="D8533" t="s">
        <v>14937</v>
      </c>
      <c r="E8533" t="s">
        <v>33066</v>
      </c>
      <c r="F8533">
        <v>5</v>
      </c>
      <c r="G8533" t="s">
        <v>1</v>
      </c>
      <c r="H8533" t="s">
        <v>14938</v>
      </c>
      <c r="I8533" t="s">
        <v>30540</v>
      </c>
    </row>
    <row r="8534" spans="1:9">
      <c r="A8534" s="1">
        <f ca="1">RAND()</f>
        <v>0.68506270825725246</v>
      </c>
      <c r="B8534" s="1"/>
      <c r="C8534">
        <v>17</v>
      </c>
      <c r="D8534" t="s">
        <v>14939</v>
      </c>
      <c r="E8534" t="s">
        <v>33066</v>
      </c>
      <c r="F8534">
        <v>5</v>
      </c>
      <c r="G8534" t="s">
        <v>1</v>
      </c>
      <c r="H8534" t="s">
        <v>14940</v>
      </c>
      <c r="I8534" t="s">
        <v>30540</v>
      </c>
    </row>
    <row r="8535" spans="1:9">
      <c r="A8535" s="1">
        <f ca="1">RAND()</f>
        <v>0.4525467987013726</v>
      </c>
      <c r="B8535" s="1"/>
      <c r="C8535">
        <v>12</v>
      </c>
      <c r="D8535" t="s">
        <v>14935</v>
      </c>
      <c r="E8535" t="s">
        <v>33066</v>
      </c>
      <c r="F8535">
        <v>4</v>
      </c>
      <c r="G8535" t="s">
        <v>14</v>
      </c>
      <c r="H8535" t="s">
        <v>14936</v>
      </c>
      <c r="I8535" t="s">
        <v>30540</v>
      </c>
    </row>
    <row r="8536" spans="1:9">
      <c r="A8536" s="1">
        <f ca="1">RAND()</f>
        <v>0.57037934706700455</v>
      </c>
      <c r="B8536" s="1"/>
      <c r="C8536">
        <v>4</v>
      </c>
      <c r="D8536" t="s">
        <v>14931</v>
      </c>
      <c r="E8536" t="s">
        <v>33066</v>
      </c>
      <c r="F8536">
        <v>4</v>
      </c>
      <c r="G8536" t="s">
        <v>13</v>
      </c>
      <c r="H8536" t="s">
        <v>14932</v>
      </c>
      <c r="I8536" t="s">
        <v>30540</v>
      </c>
    </row>
    <row r="8537" spans="1:9">
      <c r="A8537" s="1">
        <f ca="1">RAND()</f>
        <v>0.10207002989427127</v>
      </c>
      <c r="B8537" s="1"/>
      <c r="C8537">
        <v>3</v>
      </c>
      <c r="D8537" t="s">
        <v>14929</v>
      </c>
      <c r="E8537" t="s">
        <v>33066</v>
      </c>
      <c r="F8537">
        <v>4</v>
      </c>
      <c r="G8537" t="s">
        <v>10</v>
      </c>
      <c r="H8537" t="s">
        <v>14930</v>
      </c>
      <c r="I8537" t="s">
        <v>30540</v>
      </c>
    </row>
    <row r="8538" spans="1:9">
      <c r="A8538" s="1">
        <f ca="1">RAND()</f>
        <v>0.81586780990802654</v>
      </c>
      <c r="B8538" s="1"/>
      <c r="C8538">
        <v>18</v>
      </c>
      <c r="D8538" t="s">
        <v>14941</v>
      </c>
      <c r="E8538" t="s">
        <v>33066</v>
      </c>
      <c r="F8538">
        <v>4</v>
      </c>
      <c r="G8538" t="s">
        <v>14</v>
      </c>
      <c r="H8538" t="s">
        <v>14942</v>
      </c>
      <c r="I8538" t="s">
        <v>30540</v>
      </c>
    </row>
    <row r="8539" spans="1:9">
      <c r="A8539" s="1">
        <f ca="1">RAND()</f>
        <v>0.52036528617771294</v>
      </c>
      <c r="B8539" s="1"/>
      <c r="C8539">
        <v>9</v>
      </c>
      <c r="D8539" t="s">
        <v>14933</v>
      </c>
      <c r="E8539" t="s">
        <v>33066</v>
      </c>
      <c r="F8539">
        <v>4</v>
      </c>
      <c r="G8539" t="s">
        <v>2</v>
      </c>
      <c r="H8539" t="s">
        <v>14934</v>
      </c>
      <c r="I8539" t="s">
        <v>30540</v>
      </c>
    </row>
    <row r="8540" spans="1:9">
      <c r="A8540" s="1">
        <f ca="1">RAND()</f>
        <v>0.28169162227738109</v>
      </c>
      <c r="B8540" s="1"/>
      <c r="C8540">
        <v>18</v>
      </c>
      <c r="D8540" t="s">
        <v>14925</v>
      </c>
      <c r="E8540" t="s">
        <v>33067</v>
      </c>
      <c r="F8540">
        <v>4</v>
      </c>
      <c r="G8540" t="s">
        <v>14</v>
      </c>
      <c r="H8540" t="s">
        <v>14926</v>
      </c>
      <c r="I8540" t="s">
        <v>30540</v>
      </c>
    </row>
    <row r="8541" spans="1:9">
      <c r="A8541" s="1">
        <f ca="1">RAND()</f>
        <v>0.24351297192504218</v>
      </c>
      <c r="B8541" s="1"/>
      <c r="C8541">
        <v>4</v>
      </c>
      <c r="D8541" t="s">
        <v>14917</v>
      </c>
      <c r="E8541" t="s">
        <v>33067</v>
      </c>
      <c r="F8541">
        <v>4</v>
      </c>
      <c r="G8541" t="s">
        <v>15</v>
      </c>
      <c r="H8541" t="s">
        <v>14918</v>
      </c>
      <c r="I8541" t="s">
        <v>30540</v>
      </c>
    </row>
    <row r="8542" spans="1:9">
      <c r="A8542" s="1">
        <f ca="1">RAND()</f>
        <v>0.98388469302201742</v>
      </c>
      <c r="B8542" s="1"/>
      <c r="C8542">
        <v>14</v>
      </c>
      <c r="D8542" t="s">
        <v>14923</v>
      </c>
      <c r="E8542" t="s">
        <v>33067</v>
      </c>
      <c r="F8542">
        <v>4</v>
      </c>
      <c r="G8542" t="s">
        <v>1</v>
      </c>
      <c r="H8542" t="s">
        <v>14924</v>
      </c>
      <c r="I8542" t="s">
        <v>30540</v>
      </c>
    </row>
    <row r="8543" spans="1:9">
      <c r="A8543" s="1">
        <f ca="1">RAND()</f>
        <v>0.20388279748182858</v>
      </c>
      <c r="B8543" s="1"/>
      <c r="C8543">
        <v>7</v>
      </c>
      <c r="D8543" t="s">
        <v>14919</v>
      </c>
      <c r="E8543" t="s">
        <v>33067</v>
      </c>
      <c r="F8543">
        <v>4</v>
      </c>
      <c r="G8543" t="s">
        <v>15</v>
      </c>
      <c r="H8543" t="s">
        <v>14920</v>
      </c>
      <c r="I8543" t="s">
        <v>30540</v>
      </c>
    </row>
    <row r="8544" spans="1:9">
      <c r="A8544" s="1">
        <f ca="1">RAND()</f>
        <v>0.3560014995173898</v>
      </c>
      <c r="B8544" s="1"/>
      <c r="C8544">
        <v>19</v>
      </c>
      <c r="D8544" t="s">
        <v>14927</v>
      </c>
      <c r="E8544" t="s">
        <v>33067</v>
      </c>
      <c r="F8544">
        <v>4</v>
      </c>
      <c r="G8544" t="s">
        <v>0</v>
      </c>
      <c r="H8544" t="s">
        <v>14928</v>
      </c>
      <c r="I8544" t="s">
        <v>30540</v>
      </c>
    </row>
    <row r="8545" spans="1:9">
      <c r="A8545" s="1">
        <f ca="1">RAND()</f>
        <v>0.71109649173884004</v>
      </c>
      <c r="B8545" s="1"/>
      <c r="C8545">
        <v>13</v>
      </c>
      <c r="D8545" t="s">
        <v>14921</v>
      </c>
      <c r="E8545" t="s">
        <v>33067</v>
      </c>
      <c r="F8545">
        <v>3</v>
      </c>
      <c r="G8545" t="s">
        <v>2</v>
      </c>
      <c r="H8545" t="s">
        <v>14922</v>
      </c>
      <c r="I8545" t="s">
        <v>30540</v>
      </c>
    </row>
    <row r="8546" spans="1:9">
      <c r="A8546" s="1">
        <f ca="1">RAND()</f>
        <v>0.34431334953257131</v>
      </c>
      <c r="B8546" s="1"/>
      <c r="C8546">
        <v>6</v>
      </c>
      <c r="D8546" t="s">
        <v>14903</v>
      </c>
      <c r="E8546" t="s">
        <v>33068</v>
      </c>
      <c r="F8546">
        <v>5</v>
      </c>
      <c r="G8546" t="s">
        <v>15</v>
      </c>
      <c r="H8546" t="s">
        <v>14904</v>
      </c>
      <c r="I8546" t="s">
        <v>30540</v>
      </c>
    </row>
    <row r="8547" spans="1:9">
      <c r="A8547" s="1">
        <f ca="1">RAND()</f>
        <v>0.84110768288195936</v>
      </c>
      <c r="B8547" s="1"/>
      <c r="C8547">
        <v>1</v>
      </c>
      <c r="D8547" t="s">
        <v>14899</v>
      </c>
      <c r="E8547" t="s">
        <v>33068</v>
      </c>
      <c r="F8547">
        <v>5</v>
      </c>
      <c r="G8547" t="s">
        <v>10</v>
      </c>
      <c r="H8547" t="s">
        <v>14900</v>
      </c>
      <c r="I8547" t="s">
        <v>30540</v>
      </c>
    </row>
    <row r="8548" spans="1:9">
      <c r="A8548" s="1">
        <f ca="1">RAND()</f>
        <v>0.17536834133873058</v>
      </c>
      <c r="B8548" s="1"/>
      <c r="C8548">
        <v>12</v>
      </c>
      <c r="D8548" t="s">
        <v>14909</v>
      </c>
      <c r="E8548" t="s">
        <v>33068</v>
      </c>
      <c r="F8548">
        <v>4</v>
      </c>
      <c r="G8548" t="s">
        <v>0</v>
      </c>
      <c r="H8548" t="s">
        <v>14910</v>
      </c>
      <c r="I8548" t="s">
        <v>30540</v>
      </c>
    </row>
    <row r="8549" spans="1:9">
      <c r="A8549" s="1">
        <f ca="1">RAND()</f>
        <v>0.60750548410978744</v>
      </c>
      <c r="B8549" s="1"/>
      <c r="C8549">
        <v>19</v>
      </c>
      <c r="D8549" t="s">
        <v>14915</v>
      </c>
      <c r="E8549" t="s">
        <v>33068</v>
      </c>
      <c r="F8549">
        <v>4</v>
      </c>
      <c r="G8549" t="s">
        <v>14</v>
      </c>
      <c r="H8549" t="s">
        <v>14916</v>
      </c>
      <c r="I8549" t="s">
        <v>30540</v>
      </c>
    </row>
    <row r="8550" spans="1:9">
      <c r="A8550" s="1">
        <f ca="1">RAND()</f>
        <v>0.18787607193096079</v>
      </c>
      <c r="B8550" s="1"/>
      <c r="C8550">
        <v>9</v>
      </c>
      <c r="D8550" t="s">
        <v>14905</v>
      </c>
      <c r="E8550" t="s">
        <v>33068</v>
      </c>
      <c r="F8550">
        <v>4</v>
      </c>
      <c r="G8550" t="s">
        <v>14</v>
      </c>
      <c r="H8550" t="s">
        <v>14906</v>
      </c>
      <c r="I8550" t="s">
        <v>30540</v>
      </c>
    </row>
    <row r="8551" spans="1:9">
      <c r="A8551" s="1">
        <f ca="1">RAND()</f>
        <v>0.75751681182434172</v>
      </c>
      <c r="B8551" s="1"/>
      <c r="C8551">
        <v>15</v>
      </c>
      <c r="D8551" t="s">
        <v>14911</v>
      </c>
      <c r="E8551" t="s">
        <v>33068</v>
      </c>
      <c r="F8551">
        <v>4</v>
      </c>
      <c r="G8551" t="s">
        <v>1</v>
      </c>
      <c r="H8551" t="s">
        <v>14912</v>
      </c>
      <c r="I8551" t="s">
        <v>30540</v>
      </c>
    </row>
    <row r="8552" spans="1:9">
      <c r="A8552" s="1">
        <f ca="1">RAND()</f>
        <v>0.82519944624333774</v>
      </c>
      <c r="B8552" s="1"/>
      <c r="C8552">
        <v>11</v>
      </c>
      <c r="D8552" t="s">
        <v>14907</v>
      </c>
      <c r="E8552" t="s">
        <v>33068</v>
      </c>
      <c r="F8552">
        <v>4</v>
      </c>
      <c r="G8552" t="s">
        <v>1</v>
      </c>
      <c r="H8552" t="s">
        <v>14908</v>
      </c>
      <c r="I8552" t="s">
        <v>30540</v>
      </c>
    </row>
    <row r="8553" spans="1:9">
      <c r="A8553" s="1">
        <f ca="1">RAND()</f>
        <v>4.0182501372338808E-2</v>
      </c>
      <c r="B8553" s="1"/>
      <c r="C8553">
        <v>18</v>
      </c>
      <c r="D8553" t="s">
        <v>14913</v>
      </c>
      <c r="E8553" t="s">
        <v>33068</v>
      </c>
      <c r="F8553">
        <v>4</v>
      </c>
      <c r="G8553" t="s">
        <v>14</v>
      </c>
      <c r="H8553" t="s">
        <v>14914</v>
      </c>
      <c r="I8553" t="s">
        <v>30540</v>
      </c>
    </row>
    <row r="8554" spans="1:9">
      <c r="A8554" s="1">
        <f ca="1">RAND()</f>
        <v>5.6177596783073991E-2</v>
      </c>
      <c r="B8554" s="1"/>
      <c r="C8554">
        <v>2</v>
      </c>
      <c r="D8554" t="s">
        <v>14901</v>
      </c>
      <c r="E8554" t="s">
        <v>33068</v>
      </c>
      <c r="F8554">
        <v>2</v>
      </c>
      <c r="G8554" t="s">
        <v>13</v>
      </c>
      <c r="H8554" t="s">
        <v>14902</v>
      </c>
      <c r="I8554" t="s">
        <v>30540</v>
      </c>
    </row>
    <row r="8555" spans="1:9">
      <c r="A8555" s="1">
        <f ca="1">RAND()</f>
        <v>0.63662532936522542</v>
      </c>
      <c r="B8555" s="1"/>
      <c r="C8555">
        <v>17</v>
      </c>
      <c r="D8555" t="s">
        <v>14897</v>
      </c>
      <c r="E8555" t="s">
        <v>33069</v>
      </c>
      <c r="F8555">
        <v>5</v>
      </c>
      <c r="G8555" t="s">
        <v>1431</v>
      </c>
      <c r="H8555" t="s">
        <v>14898</v>
      </c>
      <c r="I8555" t="s">
        <v>30540</v>
      </c>
    </row>
    <row r="8556" spans="1:9">
      <c r="A8556" s="1">
        <f ca="1">RAND()</f>
        <v>9.4047026154203794E-2</v>
      </c>
      <c r="B8556" s="1"/>
      <c r="C8556">
        <v>11</v>
      </c>
      <c r="D8556" t="s">
        <v>14893</v>
      </c>
      <c r="E8556" t="s">
        <v>33069</v>
      </c>
      <c r="F8556">
        <v>4</v>
      </c>
      <c r="G8556" t="s">
        <v>3732</v>
      </c>
      <c r="H8556" t="s">
        <v>14894</v>
      </c>
      <c r="I8556" t="s">
        <v>30540</v>
      </c>
    </row>
    <row r="8557" spans="1:9">
      <c r="A8557" s="1">
        <f ca="1">RAND()</f>
        <v>0.51463995318278444</v>
      </c>
      <c r="B8557" s="1"/>
      <c r="C8557">
        <v>14</v>
      </c>
      <c r="D8557" t="s">
        <v>14895</v>
      </c>
      <c r="E8557" t="s">
        <v>33069</v>
      </c>
      <c r="F8557">
        <v>4</v>
      </c>
      <c r="G8557" t="s">
        <v>775</v>
      </c>
      <c r="H8557" t="s">
        <v>14896</v>
      </c>
      <c r="I8557" t="s">
        <v>30540</v>
      </c>
    </row>
    <row r="8558" spans="1:9">
      <c r="A8558" s="1">
        <f ca="1">RAND()</f>
        <v>0.68115044234047772</v>
      </c>
      <c r="B8558" s="1"/>
      <c r="C8558">
        <v>17</v>
      </c>
      <c r="D8558" t="s">
        <v>14889</v>
      </c>
      <c r="E8558" t="s">
        <v>33070</v>
      </c>
      <c r="F8558">
        <v>4</v>
      </c>
      <c r="G8558" t="s">
        <v>1</v>
      </c>
      <c r="H8558" t="s">
        <v>14890</v>
      </c>
      <c r="I8558" t="s">
        <v>30540</v>
      </c>
    </row>
    <row r="8559" spans="1:9">
      <c r="A8559" s="1">
        <f ca="1">RAND()</f>
        <v>0.93577393815884058</v>
      </c>
      <c r="B8559" s="1"/>
      <c r="C8559">
        <v>19</v>
      </c>
      <c r="D8559" t="s">
        <v>14891</v>
      </c>
      <c r="E8559" t="s">
        <v>33070</v>
      </c>
      <c r="F8559">
        <v>4</v>
      </c>
      <c r="G8559" t="s">
        <v>14</v>
      </c>
      <c r="H8559" t="s">
        <v>14892</v>
      </c>
      <c r="I8559" t="s">
        <v>30540</v>
      </c>
    </row>
    <row r="8560" spans="1:9">
      <c r="A8560" s="1">
        <f ca="1">RAND()</f>
        <v>0.58178046973335129</v>
      </c>
      <c r="B8560" s="1"/>
      <c r="C8560">
        <v>6</v>
      </c>
      <c r="D8560" t="s">
        <v>14885</v>
      </c>
      <c r="E8560" t="s">
        <v>33070</v>
      </c>
      <c r="F8560">
        <v>4</v>
      </c>
      <c r="G8560" t="s">
        <v>14</v>
      </c>
      <c r="H8560" t="s">
        <v>14886</v>
      </c>
      <c r="I8560" t="s">
        <v>30540</v>
      </c>
    </row>
    <row r="8561" spans="1:9">
      <c r="A8561" s="1">
        <f ca="1">RAND()</f>
        <v>0.8858228960809964</v>
      </c>
      <c r="B8561" s="1"/>
      <c r="C8561">
        <v>8</v>
      </c>
      <c r="D8561" t="s">
        <v>14887</v>
      </c>
      <c r="E8561" t="s">
        <v>33070</v>
      </c>
      <c r="F8561">
        <v>4</v>
      </c>
      <c r="G8561" t="s">
        <v>14</v>
      </c>
      <c r="H8561" t="s">
        <v>14888</v>
      </c>
      <c r="I8561" t="s">
        <v>30540</v>
      </c>
    </row>
    <row r="8562" spans="1:9">
      <c r="A8562" s="1">
        <f ca="1">RAND()</f>
        <v>0.99476647118099426</v>
      </c>
      <c r="B8562" s="1"/>
      <c r="C8562">
        <v>15</v>
      </c>
      <c r="D8562" t="s">
        <v>14877</v>
      </c>
      <c r="E8562" t="s">
        <v>33071</v>
      </c>
      <c r="F8562">
        <v>5</v>
      </c>
      <c r="G8562" t="s">
        <v>14</v>
      </c>
      <c r="H8562" t="s">
        <v>14878</v>
      </c>
      <c r="I8562" t="s">
        <v>30540</v>
      </c>
    </row>
    <row r="8563" spans="1:9">
      <c r="A8563" s="1">
        <f ca="1">RAND()</f>
        <v>0.69616889636691182</v>
      </c>
      <c r="B8563" s="1"/>
      <c r="C8563">
        <v>19</v>
      </c>
      <c r="D8563" t="s">
        <v>14883</v>
      </c>
      <c r="E8563" t="s">
        <v>33071</v>
      </c>
      <c r="F8563">
        <v>5</v>
      </c>
      <c r="G8563" t="s">
        <v>10</v>
      </c>
      <c r="H8563" t="s">
        <v>14884</v>
      </c>
      <c r="I8563" t="s">
        <v>30540</v>
      </c>
    </row>
    <row r="8564" spans="1:9">
      <c r="A8564" s="1">
        <f ca="1">RAND()</f>
        <v>0.90478003462409062</v>
      </c>
      <c r="B8564" s="1"/>
      <c r="C8564">
        <v>8</v>
      </c>
      <c r="D8564" t="s">
        <v>14871</v>
      </c>
      <c r="E8564" t="s">
        <v>33071</v>
      </c>
      <c r="F8564">
        <v>4</v>
      </c>
      <c r="G8564" t="s">
        <v>14</v>
      </c>
      <c r="H8564" t="s">
        <v>14872</v>
      </c>
      <c r="I8564" t="s">
        <v>30540</v>
      </c>
    </row>
    <row r="8565" spans="1:9">
      <c r="A8565" s="1">
        <f ca="1">RAND()</f>
        <v>0.77646099079688968</v>
      </c>
      <c r="B8565" s="1"/>
      <c r="C8565">
        <v>11</v>
      </c>
      <c r="D8565" t="s">
        <v>14873</v>
      </c>
      <c r="E8565" t="s">
        <v>33071</v>
      </c>
      <c r="F8565">
        <v>4</v>
      </c>
      <c r="G8565" t="s">
        <v>0</v>
      </c>
      <c r="H8565" t="s">
        <v>14874</v>
      </c>
      <c r="I8565" t="s">
        <v>30540</v>
      </c>
    </row>
    <row r="8566" spans="1:9">
      <c r="A8566" s="1">
        <f ca="1">RAND()</f>
        <v>0.28432918021011055</v>
      </c>
      <c r="B8566" s="1"/>
      <c r="C8566">
        <v>6</v>
      </c>
      <c r="D8566" t="s">
        <v>14869</v>
      </c>
      <c r="E8566" t="s">
        <v>33071</v>
      </c>
      <c r="F8566">
        <v>4</v>
      </c>
      <c r="G8566" t="s">
        <v>13</v>
      </c>
      <c r="H8566" t="s">
        <v>14870</v>
      </c>
      <c r="I8566" t="s">
        <v>30540</v>
      </c>
    </row>
    <row r="8567" spans="1:9">
      <c r="A8567" s="1">
        <f ca="1">RAND()</f>
        <v>0.44462137903842891</v>
      </c>
      <c r="B8567" s="1"/>
      <c r="C8567">
        <v>13</v>
      </c>
      <c r="D8567" t="s">
        <v>14875</v>
      </c>
      <c r="E8567" t="s">
        <v>33071</v>
      </c>
      <c r="F8567">
        <v>4</v>
      </c>
      <c r="G8567" t="s">
        <v>1</v>
      </c>
      <c r="H8567" t="s">
        <v>14876</v>
      </c>
      <c r="I8567" t="s">
        <v>30540</v>
      </c>
    </row>
    <row r="8568" spans="1:9">
      <c r="A8568" s="1">
        <f ca="1">RAND()</f>
        <v>7.004939838537938E-2</v>
      </c>
      <c r="B8568" s="1"/>
      <c r="C8568">
        <v>17</v>
      </c>
      <c r="D8568" t="s">
        <v>14881</v>
      </c>
      <c r="E8568" t="s">
        <v>33071</v>
      </c>
      <c r="F8568">
        <v>4</v>
      </c>
      <c r="G8568" t="s">
        <v>14</v>
      </c>
      <c r="H8568" t="s">
        <v>14882</v>
      </c>
      <c r="I8568" t="s">
        <v>30540</v>
      </c>
    </row>
    <row r="8569" spans="1:9">
      <c r="A8569" s="1">
        <f ca="1">RAND()</f>
        <v>0.82329809322948644</v>
      </c>
      <c r="B8569" s="1"/>
      <c r="C8569">
        <v>16</v>
      </c>
      <c r="D8569" t="s">
        <v>14879</v>
      </c>
      <c r="E8569" t="s">
        <v>33071</v>
      </c>
      <c r="F8569">
        <v>4</v>
      </c>
      <c r="G8569" t="s">
        <v>10</v>
      </c>
      <c r="H8569" t="s">
        <v>14880</v>
      </c>
      <c r="I8569" t="s">
        <v>30540</v>
      </c>
    </row>
    <row r="8570" spans="1:9">
      <c r="A8570" s="1">
        <f ca="1">RAND()</f>
        <v>0.75253085113242424</v>
      </c>
      <c r="B8570" s="1"/>
      <c r="C8570">
        <v>7</v>
      </c>
      <c r="D8570" t="s">
        <v>14861</v>
      </c>
      <c r="E8570" t="s">
        <v>33072</v>
      </c>
      <c r="F8570">
        <v>5</v>
      </c>
      <c r="G8570" t="s">
        <v>14</v>
      </c>
      <c r="H8570" t="s">
        <v>14862</v>
      </c>
      <c r="I8570" t="s">
        <v>30540</v>
      </c>
    </row>
    <row r="8571" spans="1:9">
      <c r="A8571" s="1">
        <f ca="1">RAND()</f>
        <v>0.22660348089781812</v>
      </c>
      <c r="B8571" s="1"/>
      <c r="C8571">
        <v>18</v>
      </c>
      <c r="D8571" t="s">
        <v>14867</v>
      </c>
      <c r="E8571" t="s">
        <v>33072</v>
      </c>
      <c r="F8571">
        <v>5</v>
      </c>
      <c r="G8571" t="s">
        <v>14</v>
      </c>
      <c r="H8571" t="s">
        <v>14868</v>
      </c>
      <c r="I8571" t="s">
        <v>30540</v>
      </c>
    </row>
    <row r="8572" spans="1:9">
      <c r="A8572" s="1">
        <f ca="1">RAND()</f>
        <v>0.20800831255383889</v>
      </c>
      <c r="B8572" s="1"/>
      <c r="C8572">
        <v>15</v>
      </c>
      <c r="D8572" t="s">
        <v>14865</v>
      </c>
      <c r="E8572" t="s">
        <v>33072</v>
      </c>
      <c r="F8572">
        <v>4</v>
      </c>
      <c r="G8572" t="s">
        <v>14</v>
      </c>
      <c r="H8572" t="s">
        <v>14866</v>
      </c>
      <c r="I8572" t="s">
        <v>30540</v>
      </c>
    </row>
    <row r="8573" spans="1:9">
      <c r="A8573" s="1">
        <f ca="1">RAND()</f>
        <v>0.11432563734069945</v>
      </c>
      <c r="B8573" s="1"/>
      <c r="C8573">
        <v>3</v>
      </c>
      <c r="D8573" t="s">
        <v>14859</v>
      </c>
      <c r="E8573" t="s">
        <v>33072</v>
      </c>
      <c r="F8573">
        <v>4</v>
      </c>
      <c r="G8573" t="s">
        <v>14</v>
      </c>
      <c r="H8573" t="s">
        <v>14860</v>
      </c>
      <c r="I8573" t="s">
        <v>30540</v>
      </c>
    </row>
    <row r="8574" spans="1:9">
      <c r="A8574" s="1">
        <f ca="1">RAND()</f>
        <v>0.27362386532176985</v>
      </c>
      <c r="B8574" s="1"/>
      <c r="C8574">
        <v>13</v>
      </c>
      <c r="D8574" t="s">
        <v>14863</v>
      </c>
      <c r="E8574" t="s">
        <v>33072</v>
      </c>
      <c r="F8574">
        <v>4</v>
      </c>
      <c r="G8574" t="s">
        <v>14</v>
      </c>
      <c r="H8574" t="s">
        <v>14864</v>
      </c>
      <c r="I8574" t="s">
        <v>30540</v>
      </c>
    </row>
    <row r="8575" spans="1:9">
      <c r="A8575" s="1">
        <f ca="1">RAND()</f>
        <v>0.3792244920235216</v>
      </c>
      <c r="B8575" s="1"/>
      <c r="C8575">
        <v>18</v>
      </c>
      <c r="D8575" t="s">
        <v>14857</v>
      </c>
      <c r="E8575" t="s">
        <v>33073</v>
      </c>
      <c r="F8575">
        <v>5</v>
      </c>
      <c r="G8575" t="s">
        <v>14</v>
      </c>
      <c r="H8575" t="s">
        <v>14858</v>
      </c>
      <c r="I8575" t="s">
        <v>30540</v>
      </c>
    </row>
    <row r="8576" spans="1:9">
      <c r="A8576" s="1">
        <f ca="1">RAND()</f>
        <v>0.25499553168382627</v>
      </c>
      <c r="B8576" s="1"/>
      <c r="C8576">
        <v>13</v>
      </c>
      <c r="D8576" t="s">
        <v>14855</v>
      </c>
      <c r="E8576" t="s">
        <v>33073</v>
      </c>
      <c r="F8576">
        <v>4</v>
      </c>
      <c r="G8576" t="s">
        <v>14</v>
      </c>
      <c r="H8576" t="s">
        <v>14856</v>
      </c>
      <c r="I8576" t="s">
        <v>30540</v>
      </c>
    </row>
    <row r="8577" spans="1:9">
      <c r="A8577" s="1">
        <f ca="1">RAND()</f>
        <v>0.33736189334022859</v>
      </c>
      <c r="B8577" s="1"/>
      <c r="C8577">
        <v>7</v>
      </c>
      <c r="D8577" t="s">
        <v>14853</v>
      </c>
      <c r="E8577" t="s">
        <v>33073</v>
      </c>
      <c r="F8577">
        <v>4</v>
      </c>
      <c r="G8577" t="s">
        <v>14</v>
      </c>
      <c r="H8577" t="s">
        <v>14854</v>
      </c>
      <c r="I8577" t="s">
        <v>30540</v>
      </c>
    </row>
    <row r="8578" spans="1:9">
      <c r="A8578" s="1">
        <f ca="1">RAND()</f>
        <v>0.49399874362881724</v>
      </c>
      <c r="B8578" s="1"/>
      <c r="C8578">
        <v>1</v>
      </c>
      <c r="D8578" t="s">
        <v>14851</v>
      </c>
      <c r="E8578" t="s">
        <v>33073</v>
      </c>
      <c r="F8578">
        <v>3</v>
      </c>
      <c r="G8578" t="s">
        <v>10</v>
      </c>
      <c r="H8578" t="s">
        <v>14852</v>
      </c>
      <c r="I8578" t="s">
        <v>30540</v>
      </c>
    </row>
    <row r="8579" spans="1:9">
      <c r="A8579" s="1">
        <f ca="1">RAND()</f>
        <v>0.53970676116969218</v>
      </c>
      <c r="B8579" s="1"/>
      <c r="C8579">
        <v>15</v>
      </c>
      <c r="D8579" t="s">
        <v>14847</v>
      </c>
      <c r="E8579" t="s">
        <v>33074</v>
      </c>
      <c r="F8579">
        <v>5</v>
      </c>
      <c r="G8579" t="s">
        <v>14</v>
      </c>
      <c r="H8579" t="s">
        <v>14848</v>
      </c>
      <c r="I8579" t="s">
        <v>30540</v>
      </c>
    </row>
    <row r="8580" spans="1:9">
      <c r="A8580" s="1">
        <f ca="1">RAND()</f>
        <v>0.23877776482299495</v>
      </c>
      <c r="B8580" s="1"/>
      <c r="C8580">
        <v>19</v>
      </c>
      <c r="D8580" t="s">
        <v>14849</v>
      </c>
      <c r="E8580" t="s">
        <v>33074</v>
      </c>
      <c r="F8580">
        <v>5</v>
      </c>
      <c r="G8580" t="s">
        <v>13</v>
      </c>
      <c r="H8580" t="s">
        <v>14850</v>
      </c>
      <c r="I8580" t="s">
        <v>30540</v>
      </c>
    </row>
    <row r="8581" spans="1:9">
      <c r="A8581" s="1">
        <f ca="1">RAND()</f>
        <v>0.22139010193014175</v>
      </c>
      <c r="B8581" s="1"/>
      <c r="C8581">
        <v>1</v>
      </c>
      <c r="D8581" t="s">
        <v>14843</v>
      </c>
      <c r="E8581" t="s">
        <v>33074</v>
      </c>
      <c r="F8581">
        <v>4</v>
      </c>
      <c r="G8581" t="s">
        <v>2738</v>
      </c>
      <c r="H8581" t="s">
        <v>14844</v>
      </c>
      <c r="I8581" t="s">
        <v>30540</v>
      </c>
    </row>
    <row r="8582" spans="1:9">
      <c r="A8582" s="1">
        <f ca="1">RAND()</f>
        <v>0.34368469383046718</v>
      </c>
      <c r="B8582" s="1"/>
      <c r="C8582">
        <v>8</v>
      </c>
      <c r="D8582" t="s">
        <v>14845</v>
      </c>
      <c r="E8582" t="s">
        <v>33074</v>
      </c>
      <c r="F8582">
        <v>3</v>
      </c>
      <c r="G8582" t="s">
        <v>3732</v>
      </c>
      <c r="H8582" t="s">
        <v>14846</v>
      </c>
      <c r="I8582" t="s">
        <v>30540</v>
      </c>
    </row>
    <row r="8583" spans="1:9">
      <c r="A8583" s="1">
        <f ca="1">RAND()</f>
        <v>0.55844825807033627</v>
      </c>
      <c r="B8583" s="1"/>
      <c r="C8583">
        <v>1</v>
      </c>
      <c r="D8583" t="s">
        <v>19470</v>
      </c>
      <c r="E8583" t="s">
        <v>33075</v>
      </c>
      <c r="F8583">
        <v>5</v>
      </c>
      <c r="G8583" t="s">
        <v>9</v>
      </c>
      <c r="H8583" t="s">
        <v>19471</v>
      </c>
      <c r="I8583" t="s">
        <v>30540</v>
      </c>
    </row>
    <row r="8584" spans="1:9">
      <c r="A8584" s="1">
        <f ca="1">RAND()</f>
        <v>0.70352967585075055</v>
      </c>
      <c r="B8584" s="1"/>
      <c r="C8584">
        <v>11</v>
      </c>
      <c r="D8584" t="s">
        <v>19476</v>
      </c>
      <c r="E8584" t="s">
        <v>33075</v>
      </c>
      <c r="F8584">
        <v>4</v>
      </c>
      <c r="G8584" t="s">
        <v>14</v>
      </c>
      <c r="H8584" t="s">
        <v>19477</v>
      </c>
      <c r="I8584" t="s">
        <v>30540</v>
      </c>
    </row>
    <row r="8585" spans="1:9">
      <c r="A8585" s="1">
        <f ca="1">RAND()</f>
        <v>0.57599227471070713</v>
      </c>
      <c r="B8585" s="1"/>
      <c r="C8585">
        <v>3</v>
      </c>
      <c r="D8585" t="s">
        <v>19472</v>
      </c>
      <c r="E8585" t="s">
        <v>33075</v>
      </c>
      <c r="F8585">
        <v>3</v>
      </c>
      <c r="G8585" t="s">
        <v>14</v>
      </c>
      <c r="H8585" t="s">
        <v>19473</v>
      </c>
      <c r="I8585" t="s">
        <v>30540</v>
      </c>
    </row>
    <row r="8586" spans="1:9">
      <c r="A8586" s="1">
        <f ca="1">RAND()</f>
        <v>0.1202476907205986</v>
      </c>
      <c r="B8586" s="1"/>
      <c r="C8586">
        <v>13</v>
      </c>
      <c r="D8586" t="s">
        <v>19478</v>
      </c>
      <c r="E8586" t="s">
        <v>33075</v>
      </c>
      <c r="F8586">
        <v>3</v>
      </c>
      <c r="G8586" t="s">
        <v>14</v>
      </c>
      <c r="H8586" t="s">
        <v>19479</v>
      </c>
      <c r="I8586" t="s">
        <v>30540</v>
      </c>
    </row>
    <row r="8587" spans="1:9">
      <c r="A8587" s="1">
        <f ca="1">RAND()</f>
        <v>6.0434329257834873E-2</v>
      </c>
      <c r="B8587" s="1"/>
      <c r="C8587">
        <v>8</v>
      </c>
      <c r="D8587" t="s">
        <v>19474</v>
      </c>
      <c r="E8587" t="s">
        <v>33075</v>
      </c>
      <c r="F8587">
        <v>2</v>
      </c>
      <c r="G8587" t="s">
        <v>13</v>
      </c>
      <c r="H8587" t="s">
        <v>19475</v>
      </c>
      <c r="I8587" t="s">
        <v>30540</v>
      </c>
    </row>
    <row r="8588" spans="1:9">
      <c r="A8588" s="1">
        <f ca="1">RAND()</f>
        <v>0.42227842363298451</v>
      </c>
      <c r="B8588" s="1"/>
      <c r="C8588">
        <v>13</v>
      </c>
      <c r="D8588" t="s">
        <v>19464</v>
      </c>
      <c r="E8588" t="s">
        <v>33076</v>
      </c>
      <c r="F8588">
        <v>5</v>
      </c>
      <c r="G8588" t="s">
        <v>9</v>
      </c>
      <c r="H8588" t="s">
        <v>19465</v>
      </c>
      <c r="I8588" t="s">
        <v>30540</v>
      </c>
    </row>
    <row r="8589" spans="1:9">
      <c r="A8589" s="1">
        <f ca="1">RAND()</f>
        <v>0.41185963708972184</v>
      </c>
      <c r="B8589" s="1"/>
      <c r="C8589">
        <v>9</v>
      </c>
      <c r="D8589" t="s">
        <v>19460</v>
      </c>
      <c r="E8589" t="s">
        <v>33076</v>
      </c>
      <c r="F8589">
        <v>4</v>
      </c>
      <c r="G8589" t="s">
        <v>14</v>
      </c>
      <c r="H8589" t="s">
        <v>19461</v>
      </c>
      <c r="I8589" t="s">
        <v>30540</v>
      </c>
    </row>
    <row r="8590" spans="1:9">
      <c r="A8590" s="1">
        <f ca="1">RAND()</f>
        <v>0.75307780374273736</v>
      </c>
      <c r="B8590" s="1"/>
      <c r="C8590">
        <v>4</v>
      </c>
      <c r="D8590" t="s">
        <v>19456</v>
      </c>
      <c r="E8590" t="s">
        <v>33076</v>
      </c>
      <c r="F8590">
        <v>4</v>
      </c>
      <c r="G8590" t="s">
        <v>14</v>
      </c>
      <c r="H8590" t="s">
        <v>19457</v>
      </c>
      <c r="I8590" t="s">
        <v>30540</v>
      </c>
    </row>
    <row r="8591" spans="1:9">
      <c r="A8591" s="1">
        <f ca="1">RAND()</f>
        <v>0.52820452396146822</v>
      </c>
      <c r="B8591" s="1"/>
      <c r="C8591">
        <v>12</v>
      </c>
      <c r="D8591" t="s">
        <v>19462</v>
      </c>
      <c r="E8591" t="s">
        <v>33076</v>
      </c>
      <c r="F8591">
        <v>4</v>
      </c>
      <c r="G8591" t="s">
        <v>14</v>
      </c>
      <c r="H8591" t="s">
        <v>19463</v>
      </c>
      <c r="I8591" t="s">
        <v>30540</v>
      </c>
    </row>
    <row r="8592" spans="1:9">
      <c r="A8592" s="1">
        <f ca="1">RAND()</f>
        <v>1.5040167128071324E-2</v>
      </c>
      <c r="B8592" s="1"/>
      <c r="C8592">
        <v>17</v>
      </c>
      <c r="D8592" t="s">
        <v>19466</v>
      </c>
      <c r="E8592" t="s">
        <v>33076</v>
      </c>
      <c r="F8592">
        <v>4</v>
      </c>
      <c r="G8592" t="s">
        <v>14</v>
      </c>
      <c r="H8592" t="s">
        <v>19467</v>
      </c>
      <c r="I8592" t="s">
        <v>30540</v>
      </c>
    </row>
    <row r="8593" spans="1:9">
      <c r="A8593" s="1">
        <f ca="1">RAND()</f>
        <v>0.33779659234278003</v>
      </c>
      <c r="B8593" s="1"/>
      <c r="C8593">
        <v>5</v>
      </c>
      <c r="D8593" t="s">
        <v>19458</v>
      </c>
      <c r="E8593" t="s">
        <v>33076</v>
      </c>
      <c r="F8593">
        <v>4</v>
      </c>
      <c r="G8593" t="s">
        <v>9</v>
      </c>
      <c r="H8593" t="s">
        <v>19459</v>
      </c>
      <c r="I8593" t="s">
        <v>30540</v>
      </c>
    </row>
    <row r="8594" spans="1:9">
      <c r="A8594" s="1">
        <f ca="1">RAND()</f>
        <v>0.17992047558056723</v>
      </c>
      <c r="B8594" s="1"/>
      <c r="C8594">
        <v>1</v>
      </c>
      <c r="D8594" t="s">
        <v>19454</v>
      </c>
      <c r="E8594" t="s">
        <v>33076</v>
      </c>
      <c r="F8594">
        <v>2</v>
      </c>
      <c r="G8594" t="s">
        <v>10</v>
      </c>
      <c r="H8594" t="s">
        <v>19455</v>
      </c>
      <c r="I8594" t="s">
        <v>30540</v>
      </c>
    </row>
    <row r="8595" spans="1:9">
      <c r="A8595" s="1">
        <f ca="1">RAND()</f>
        <v>0.82036400321653558</v>
      </c>
      <c r="B8595" s="1"/>
      <c r="C8595">
        <v>18</v>
      </c>
      <c r="D8595" t="s">
        <v>19468</v>
      </c>
      <c r="E8595" t="s">
        <v>33076</v>
      </c>
      <c r="F8595">
        <v>2</v>
      </c>
      <c r="G8595" t="s">
        <v>14</v>
      </c>
      <c r="H8595" t="s">
        <v>19469</v>
      </c>
      <c r="I8595" t="s">
        <v>30540</v>
      </c>
    </row>
    <row r="8596" spans="1:9">
      <c r="A8596" s="1">
        <f ca="1">RAND()</f>
        <v>0.2429436859835532</v>
      </c>
      <c r="B8596" s="1"/>
      <c r="C8596">
        <v>19</v>
      </c>
      <c r="D8596" t="s">
        <v>19452</v>
      </c>
      <c r="E8596" t="s">
        <v>33077</v>
      </c>
      <c r="F8596">
        <v>5</v>
      </c>
      <c r="G8596" t="s">
        <v>775</v>
      </c>
      <c r="H8596" t="s">
        <v>19453</v>
      </c>
      <c r="I8596" t="s">
        <v>30540</v>
      </c>
    </row>
    <row r="8597" spans="1:9">
      <c r="A8597" s="1">
        <f ca="1">RAND()</f>
        <v>0.59593453077161562</v>
      </c>
      <c r="B8597" s="1"/>
      <c r="C8597">
        <v>1</v>
      </c>
      <c r="D8597" t="s">
        <v>19446</v>
      </c>
      <c r="E8597" t="s">
        <v>33077</v>
      </c>
      <c r="F8597">
        <v>4</v>
      </c>
      <c r="G8597" t="s">
        <v>3732</v>
      </c>
      <c r="H8597" t="s">
        <v>19447</v>
      </c>
      <c r="I8597" t="s">
        <v>30540</v>
      </c>
    </row>
    <row r="8598" spans="1:9">
      <c r="A8598" s="1">
        <f ca="1">RAND()</f>
        <v>4.8968153408956105E-2</v>
      </c>
      <c r="B8598" s="1"/>
      <c r="C8598">
        <v>10</v>
      </c>
      <c r="D8598" t="s">
        <v>19450</v>
      </c>
      <c r="E8598" t="s">
        <v>33077</v>
      </c>
      <c r="F8598">
        <v>4</v>
      </c>
      <c r="G8598" t="s">
        <v>14</v>
      </c>
      <c r="H8598" t="s">
        <v>19451</v>
      </c>
      <c r="I8598" t="s">
        <v>30540</v>
      </c>
    </row>
    <row r="8599" spans="1:9">
      <c r="A8599" s="1">
        <f ca="1">RAND()</f>
        <v>0.60840259568575394</v>
      </c>
      <c r="B8599" s="1"/>
      <c r="C8599">
        <v>9</v>
      </c>
      <c r="D8599" t="s">
        <v>19448</v>
      </c>
      <c r="E8599" t="s">
        <v>33077</v>
      </c>
      <c r="F8599">
        <v>4</v>
      </c>
      <c r="G8599" t="s">
        <v>15</v>
      </c>
      <c r="H8599" t="s">
        <v>19449</v>
      </c>
      <c r="I8599" t="s">
        <v>30540</v>
      </c>
    </row>
    <row r="8600" spans="1:9">
      <c r="A8600" s="1">
        <f ca="1">RAND()</f>
        <v>0.6466693376229613</v>
      </c>
      <c r="B8600" s="1"/>
      <c r="C8600">
        <v>15</v>
      </c>
      <c r="D8600" t="s">
        <v>19442</v>
      </c>
      <c r="E8600" t="s">
        <v>33078</v>
      </c>
      <c r="F8600">
        <v>4</v>
      </c>
      <c r="G8600" t="s">
        <v>10</v>
      </c>
      <c r="H8600" t="s">
        <v>19443</v>
      </c>
      <c r="I8600" t="s">
        <v>30540</v>
      </c>
    </row>
    <row r="8601" spans="1:9">
      <c r="A8601" s="1">
        <f ca="1">RAND()</f>
        <v>1.9349016314562872E-2</v>
      </c>
      <c r="B8601" s="1"/>
      <c r="C8601">
        <v>17</v>
      </c>
      <c r="D8601" t="s">
        <v>19444</v>
      </c>
      <c r="E8601" t="s">
        <v>33078</v>
      </c>
      <c r="F8601">
        <v>4</v>
      </c>
      <c r="G8601" t="s">
        <v>10</v>
      </c>
      <c r="H8601" t="s">
        <v>19445</v>
      </c>
      <c r="I8601" t="s">
        <v>30540</v>
      </c>
    </row>
    <row r="8602" spans="1:9">
      <c r="A8602" s="1">
        <f ca="1">RAND()</f>
        <v>0.39789776808297994</v>
      </c>
      <c r="B8602" s="1"/>
      <c r="C8602">
        <v>12</v>
      </c>
      <c r="D8602" t="s">
        <v>19434</v>
      </c>
      <c r="E8602" t="s">
        <v>33079</v>
      </c>
      <c r="F8602">
        <v>5</v>
      </c>
      <c r="G8602" t="s">
        <v>14</v>
      </c>
      <c r="H8602" t="s">
        <v>19435</v>
      </c>
      <c r="I8602" t="s">
        <v>30540</v>
      </c>
    </row>
    <row r="8603" spans="1:9">
      <c r="A8603" s="1">
        <f ca="1">RAND()</f>
        <v>0.15553603775807645</v>
      </c>
      <c r="B8603" s="1"/>
      <c r="C8603">
        <v>1</v>
      </c>
      <c r="D8603" t="s">
        <v>19430</v>
      </c>
      <c r="E8603" t="s">
        <v>33079</v>
      </c>
      <c r="F8603">
        <v>4</v>
      </c>
      <c r="G8603" t="s">
        <v>10</v>
      </c>
      <c r="H8603" t="s">
        <v>19431</v>
      </c>
      <c r="I8603" t="s">
        <v>30540</v>
      </c>
    </row>
    <row r="8604" spans="1:9">
      <c r="A8604" s="1">
        <f ca="1">RAND()</f>
        <v>0.35239556708596287</v>
      </c>
      <c r="B8604" s="1"/>
      <c r="C8604">
        <v>10</v>
      </c>
      <c r="D8604" t="s">
        <v>19432</v>
      </c>
      <c r="E8604" t="s">
        <v>33079</v>
      </c>
      <c r="F8604">
        <v>4</v>
      </c>
      <c r="G8604" t="s">
        <v>14</v>
      </c>
      <c r="H8604" t="s">
        <v>19433</v>
      </c>
      <c r="I8604" t="s">
        <v>30540</v>
      </c>
    </row>
    <row r="8605" spans="1:9">
      <c r="A8605" s="1">
        <f ca="1">RAND()</f>
        <v>0.51184357872468311</v>
      </c>
      <c r="B8605" s="1"/>
      <c r="C8605">
        <v>20</v>
      </c>
      <c r="D8605" t="s">
        <v>19440</v>
      </c>
      <c r="E8605" t="s">
        <v>33079</v>
      </c>
      <c r="F8605">
        <v>4</v>
      </c>
      <c r="G8605" t="s">
        <v>14</v>
      </c>
      <c r="H8605" t="s">
        <v>19441</v>
      </c>
      <c r="I8605" t="s">
        <v>30540</v>
      </c>
    </row>
    <row r="8606" spans="1:9">
      <c r="A8606" s="1">
        <f ca="1">RAND()</f>
        <v>0.73820953098326691</v>
      </c>
      <c r="B8606" s="1"/>
      <c r="C8606">
        <v>19</v>
      </c>
      <c r="D8606" t="s">
        <v>19438</v>
      </c>
      <c r="E8606" t="s">
        <v>33079</v>
      </c>
      <c r="F8606">
        <v>4</v>
      </c>
      <c r="G8606" t="s">
        <v>14</v>
      </c>
      <c r="H8606" t="s">
        <v>19439</v>
      </c>
      <c r="I8606" t="s">
        <v>30540</v>
      </c>
    </row>
    <row r="8607" spans="1:9">
      <c r="A8607" s="1">
        <f ca="1">RAND()</f>
        <v>0.27299304845418626</v>
      </c>
      <c r="B8607" s="1"/>
      <c r="C8607">
        <v>17</v>
      </c>
      <c r="D8607" t="s">
        <v>19436</v>
      </c>
      <c r="E8607" t="s">
        <v>33079</v>
      </c>
      <c r="F8607">
        <v>1</v>
      </c>
      <c r="G8607" t="s">
        <v>14</v>
      </c>
      <c r="H8607" t="s">
        <v>19437</v>
      </c>
      <c r="I8607" t="s">
        <v>30540</v>
      </c>
    </row>
    <row r="8608" spans="1:9">
      <c r="A8608" s="1">
        <f ca="1">RAND()</f>
        <v>0.67733286330535425</v>
      </c>
      <c r="B8608" s="1"/>
      <c r="C8608">
        <v>12</v>
      </c>
      <c r="D8608" t="s">
        <v>19422</v>
      </c>
      <c r="E8608" t="s">
        <v>33080</v>
      </c>
      <c r="F8608">
        <v>5</v>
      </c>
      <c r="G8608" t="s">
        <v>14</v>
      </c>
      <c r="H8608" t="s">
        <v>19423</v>
      </c>
      <c r="I8608" t="s">
        <v>30540</v>
      </c>
    </row>
    <row r="8609" spans="1:9">
      <c r="A8609" s="1">
        <f ca="1">RAND()</f>
        <v>8.9620846869378989E-2</v>
      </c>
      <c r="B8609" s="1"/>
      <c r="C8609">
        <v>15</v>
      </c>
      <c r="D8609" t="s">
        <v>19426</v>
      </c>
      <c r="E8609" t="s">
        <v>33080</v>
      </c>
      <c r="F8609">
        <v>5</v>
      </c>
      <c r="G8609" t="s">
        <v>14</v>
      </c>
      <c r="H8609" t="s">
        <v>19427</v>
      </c>
      <c r="I8609" t="s">
        <v>30540</v>
      </c>
    </row>
    <row r="8610" spans="1:9">
      <c r="A8610" s="1">
        <f ca="1">RAND()</f>
        <v>0.22001422995037379</v>
      </c>
      <c r="B8610" s="1"/>
      <c r="C8610">
        <v>18</v>
      </c>
      <c r="D8610" t="s">
        <v>19428</v>
      </c>
      <c r="E8610" t="s">
        <v>33080</v>
      </c>
      <c r="F8610">
        <v>5</v>
      </c>
      <c r="G8610" t="s">
        <v>1</v>
      </c>
      <c r="H8610" t="s">
        <v>19429</v>
      </c>
      <c r="I8610" t="s">
        <v>30540</v>
      </c>
    </row>
    <row r="8611" spans="1:9">
      <c r="A8611" s="1">
        <f ca="1">RAND()</f>
        <v>0.54606713978928068</v>
      </c>
      <c r="B8611" s="1"/>
      <c r="C8611">
        <v>10</v>
      </c>
      <c r="D8611" t="s">
        <v>19420</v>
      </c>
      <c r="E8611" t="s">
        <v>33080</v>
      </c>
      <c r="F8611">
        <v>4</v>
      </c>
      <c r="G8611" t="s">
        <v>14</v>
      </c>
      <c r="H8611" t="s">
        <v>19421</v>
      </c>
      <c r="I8611" t="s">
        <v>30540</v>
      </c>
    </row>
    <row r="8612" spans="1:9">
      <c r="A8612" s="1">
        <f ca="1">RAND()</f>
        <v>0.20099026366972872</v>
      </c>
      <c r="B8612" s="1"/>
      <c r="C8612">
        <v>13</v>
      </c>
      <c r="D8612" t="s">
        <v>19424</v>
      </c>
      <c r="E8612" t="s">
        <v>33080</v>
      </c>
      <c r="F8612">
        <v>4</v>
      </c>
      <c r="G8612" t="s">
        <v>0</v>
      </c>
      <c r="H8612" t="s">
        <v>19425</v>
      </c>
      <c r="I8612" t="s">
        <v>30540</v>
      </c>
    </row>
    <row r="8613" spans="1:9">
      <c r="A8613" s="1">
        <f ca="1">RAND()</f>
        <v>0.1379247252746435</v>
      </c>
      <c r="B8613" s="1"/>
      <c r="C8613">
        <v>6</v>
      </c>
      <c r="D8613" t="s">
        <v>19416</v>
      </c>
      <c r="E8613" t="s">
        <v>33080</v>
      </c>
      <c r="F8613">
        <v>2</v>
      </c>
      <c r="G8613" t="s">
        <v>9</v>
      </c>
      <c r="H8613" t="s">
        <v>19417</v>
      </c>
      <c r="I8613" t="s">
        <v>30540</v>
      </c>
    </row>
    <row r="8614" spans="1:9">
      <c r="A8614" s="1">
        <f ca="1">RAND()</f>
        <v>0.73052303594946488</v>
      </c>
      <c r="B8614" s="1"/>
      <c r="C8614">
        <v>7</v>
      </c>
      <c r="D8614" t="s">
        <v>19418</v>
      </c>
      <c r="E8614" t="s">
        <v>33080</v>
      </c>
      <c r="F8614">
        <v>2</v>
      </c>
      <c r="G8614" t="s">
        <v>2</v>
      </c>
      <c r="H8614" t="s">
        <v>19419</v>
      </c>
      <c r="I8614" t="s">
        <v>30540</v>
      </c>
    </row>
    <row r="8615" spans="1:9">
      <c r="A8615" s="1">
        <f ca="1">RAND()</f>
        <v>0.12565320328568175</v>
      </c>
      <c r="B8615" s="1"/>
      <c r="C8615">
        <v>2</v>
      </c>
      <c r="D8615" t="s">
        <v>19408</v>
      </c>
      <c r="E8615" t="s">
        <v>33081</v>
      </c>
      <c r="F8615">
        <v>5</v>
      </c>
      <c r="G8615" t="s">
        <v>15</v>
      </c>
      <c r="H8615" t="s">
        <v>19409</v>
      </c>
      <c r="I8615" t="s">
        <v>30540</v>
      </c>
    </row>
    <row r="8616" spans="1:9">
      <c r="A8616" s="1">
        <f ca="1">RAND()</f>
        <v>0.53111087023540104</v>
      </c>
      <c r="B8616" s="1"/>
      <c r="C8616">
        <v>13</v>
      </c>
      <c r="D8616" t="s">
        <v>19414</v>
      </c>
      <c r="E8616" t="s">
        <v>33081</v>
      </c>
      <c r="F8616">
        <v>4</v>
      </c>
      <c r="G8616" t="s">
        <v>14</v>
      </c>
      <c r="H8616" t="s">
        <v>19415</v>
      </c>
      <c r="I8616" t="s">
        <v>30540</v>
      </c>
    </row>
    <row r="8617" spans="1:9">
      <c r="A8617" s="1">
        <f ca="1">RAND()</f>
        <v>0.28220292183917073</v>
      </c>
      <c r="B8617" s="1"/>
      <c r="C8617">
        <v>8</v>
      </c>
      <c r="D8617" t="s">
        <v>19410</v>
      </c>
      <c r="E8617" t="s">
        <v>33081</v>
      </c>
      <c r="F8617">
        <v>4</v>
      </c>
      <c r="G8617" t="s">
        <v>1</v>
      </c>
      <c r="H8617" t="s">
        <v>19411</v>
      </c>
      <c r="I8617" t="s">
        <v>30540</v>
      </c>
    </row>
    <row r="8618" spans="1:9">
      <c r="A8618" s="1">
        <f ca="1">RAND()</f>
        <v>0.13630346172944141</v>
      </c>
      <c r="B8618" s="1"/>
      <c r="C8618">
        <v>12</v>
      </c>
      <c r="D8618" t="s">
        <v>19412</v>
      </c>
      <c r="E8618" t="s">
        <v>33081</v>
      </c>
      <c r="F8618">
        <v>4</v>
      </c>
      <c r="G8618" t="s">
        <v>13</v>
      </c>
      <c r="H8618" t="s">
        <v>19413</v>
      </c>
      <c r="I8618" t="s">
        <v>30540</v>
      </c>
    </row>
    <row r="8619" spans="1:9">
      <c r="A8619" s="1">
        <f ca="1">RAND()</f>
        <v>0.91846632199240397</v>
      </c>
      <c r="B8619" s="1"/>
      <c r="C8619">
        <v>1</v>
      </c>
      <c r="D8619" t="s">
        <v>19406</v>
      </c>
      <c r="E8619" t="s">
        <v>33081</v>
      </c>
      <c r="F8619">
        <v>2</v>
      </c>
      <c r="G8619" t="s">
        <v>10</v>
      </c>
      <c r="H8619" t="s">
        <v>19407</v>
      </c>
      <c r="I8619" t="s">
        <v>30540</v>
      </c>
    </row>
    <row r="8620" spans="1:9">
      <c r="A8620" s="1">
        <f ca="1">RAND()</f>
        <v>0.77573208822391315</v>
      </c>
      <c r="B8620" s="1"/>
      <c r="C8620">
        <v>17</v>
      </c>
      <c r="D8620" t="s">
        <v>19404</v>
      </c>
      <c r="E8620" t="s">
        <v>33082</v>
      </c>
      <c r="F8620">
        <v>4</v>
      </c>
      <c r="G8620" t="s">
        <v>14</v>
      </c>
      <c r="H8620" t="s">
        <v>19405</v>
      </c>
      <c r="I8620" t="s">
        <v>30540</v>
      </c>
    </row>
    <row r="8621" spans="1:9">
      <c r="A8621" s="1">
        <f ca="1">RAND()</f>
        <v>0.84767264756122096</v>
      </c>
      <c r="B8621" s="1"/>
      <c r="C8621">
        <v>7</v>
      </c>
      <c r="D8621" t="s">
        <v>19402</v>
      </c>
      <c r="E8621" t="s">
        <v>33082</v>
      </c>
      <c r="F8621">
        <v>3</v>
      </c>
      <c r="G8621" t="s">
        <v>14</v>
      </c>
      <c r="H8621" t="s">
        <v>19403</v>
      </c>
      <c r="I8621" t="s">
        <v>30540</v>
      </c>
    </row>
    <row r="8622" spans="1:9">
      <c r="A8622" s="1">
        <f ca="1">RAND()</f>
        <v>0.55596738359484699</v>
      </c>
      <c r="B8622" s="1"/>
      <c r="C8622">
        <v>17</v>
      </c>
      <c r="D8622" t="s">
        <v>19400</v>
      </c>
      <c r="E8622" t="s">
        <v>33083</v>
      </c>
      <c r="F8622">
        <v>4</v>
      </c>
      <c r="G8622" t="s">
        <v>14</v>
      </c>
      <c r="H8622" t="s">
        <v>19401</v>
      </c>
      <c r="I8622" t="s">
        <v>30540</v>
      </c>
    </row>
    <row r="8623" spans="1:9">
      <c r="A8623" s="1">
        <f ca="1">RAND()</f>
        <v>0.22230209999971406</v>
      </c>
      <c r="B8623" s="1"/>
      <c r="C8623">
        <v>6</v>
      </c>
      <c r="D8623" t="s">
        <v>19392</v>
      </c>
      <c r="E8623" t="s">
        <v>33083</v>
      </c>
      <c r="F8623">
        <v>4</v>
      </c>
      <c r="G8623" t="s">
        <v>13</v>
      </c>
      <c r="H8623" t="s">
        <v>19393</v>
      </c>
      <c r="I8623" t="s">
        <v>30540</v>
      </c>
    </row>
    <row r="8624" spans="1:9">
      <c r="A8624" s="1">
        <f ca="1">RAND()</f>
        <v>0.92208011918744281</v>
      </c>
      <c r="B8624" s="1"/>
      <c r="C8624">
        <v>14</v>
      </c>
      <c r="D8624" t="s">
        <v>19398</v>
      </c>
      <c r="E8624" t="s">
        <v>33083</v>
      </c>
      <c r="F8624">
        <v>4</v>
      </c>
      <c r="G8624" t="s">
        <v>14</v>
      </c>
      <c r="H8624" t="s">
        <v>19399</v>
      </c>
      <c r="I8624" t="s">
        <v>30540</v>
      </c>
    </row>
    <row r="8625" spans="1:9">
      <c r="A8625" s="1">
        <f ca="1">RAND()</f>
        <v>0.68788026599072338</v>
      </c>
      <c r="B8625" s="1"/>
      <c r="C8625">
        <v>9</v>
      </c>
      <c r="D8625" t="s">
        <v>19396</v>
      </c>
      <c r="E8625" t="s">
        <v>33083</v>
      </c>
      <c r="F8625">
        <v>4</v>
      </c>
      <c r="G8625" t="s">
        <v>14</v>
      </c>
      <c r="H8625" t="s">
        <v>19397</v>
      </c>
      <c r="I8625" t="s">
        <v>30540</v>
      </c>
    </row>
    <row r="8626" spans="1:9">
      <c r="A8626" s="1">
        <f ca="1">RAND()</f>
        <v>0.50908281325443716</v>
      </c>
      <c r="B8626" s="1"/>
      <c r="C8626">
        <v>4</v>
      </c>
      <c r="D8626" t="s">
        <v>19390</v>
      </c>
      <c r="E8626" t="s">
        <v>33083</v>
      </c>
      <c r="F8626">
        <v>4</v>
      </c>
      <c r="G8626" t="s">
        <v>13</v>
      </c>
      <c r="H8626" t="s">
        <v>19391</v>
      </c>
      <c r="I8626" t="s">
        <v>30540</v>
      </c>
    </row>
    <row r="8627" spans="1:9">
      <c r="A8627" s="1">
        <f ca="1">RAND()</f>
        <v>4.8028031412480465E-2</v>
      </c>
      <c r="B8627" s="1"/>
      <c r="C8627">
        <v>8</v>
      </c>
      <c r="D8627" t="s">
        <v>19394</v>
      </c>
      <c r="E8627" t="s">
        <v>33083</v>
      </c>
      <c r="F8627">
        <v>3</v>
      </c>
      <c r="G8627" t="s">
        <v>1</v>
      </c>
      <c r="H8627" t="s">
        <v>19395</v>
      </c>
      <c r="I8627" t="s">
        <v>30540</v>
      </c>
    </row>
    <row r="8628" spans="1:9">
      <c r="A8628" s="1">
        <f ca="1">RAND()</f>
        <v>0.73132075379740613</v>
      </c>
      <c r="B8628" s="1"/>
      <c r="C8628">
        <v>2</v>
      </c>
      <c r="D8628" t="s">
        <v>19388</v>
      </c>
      <c r="E8628" t="s">
        <v>33083</v>
      </c>
      <c r="F8628">
        <v>2</v>
      </c>
      <c r="G8628" t="s">
        <v>2</v>
      </c>
      <c r="H8628" t="s">
        <v>19389</v>
      </c>
      <c r="I8628" t="s">
        <v>30540</v>
      </c>
    </row>
    <row r="8629" spans="1:9">
      <c r="A8629" s="1">
        <f ca="1">RAND()</f>
        <v>0.76271852718753508</v>
      </c>
      <c r="B8629" s="1"/>
      <c r="C8629">
        <v>11</v>
      </c>
      <c r="D8629" t="s">
        <v>19378</v>
      </c>
      <c r="E8629" t="s">
        <v>33084</v>
      </c>
      <c r="F8629">
        <v>4</v>
      </c>
      <c r="G8629" t="s">
        <v>14</v>
      </c>
      <c r="H8629" t="s">
        <v>19379</v>
      </c>
      <c r="I8629" t="s">
        <v>30540</v>
      </c>
    </row>
    <row r="8630" spans="1:9">
      <c r="A8630" s="1">
        <f ca="1">RAND()</f>
        <v>3.6406181395249537E-2</v>
      </c>
      <c r="B8630" s="1"/>
      <c r="C8630">
        <v>17</v>
      </c>
      <c r="D8630" t="s">
        <v>19384</v>
      </c>
      <c r="E8630" t="s">
        <v>33084</v>
      </c>
      <c r="F8630">
        <v>4</v>
      </c>
      <c r="G8630" t="s">
        <v>14</v>
      </c>
      <c r="H8630" t="s">
        <v>19385</v>
      </c>
      <c r="I8630" t="s">
        <v>30540</v>
      </c>
    </row>
    <row r="8631" spans="1:9">
      <c r="A8631" s="1">
        <f ca="1">RAND()</f>
        <v>0.18083576929222478</v>
      </c>
      <c r="B8631" s="1"/>
      <c r="C8631">
        <v>3</v>
      </c>
      <c r="D8631" t="s">
        <v>19374</v>
      </c>
      <c r="E8631" t="s">
        <v>33084</v>
      </c>
      <c r="F8631">
        <v>4</v>
      </c>
      <c r="G8631" t="s">
        <v>13</v>
      </c>
      <c r="H8631" t="s">
        <v>19375</v>
      </c>
      <c r="I8631" t="s">
        <v>30540</v>
      </c>
    </row>
    <row r="8632" spans="1:9">
      <c r="A8632" s="1">
        <f ca="1">RAND()</f>
        <v>0.31268077266265504</v>
      </c>
      <c r="B8632" s="1"/>
      <c r="C8632">
        <v>15</v>
      </c>
      <c r="D8632" t="s">
        <v>19382</v>
      </c>
      <c r="E8632" t="s">
        <v>33084</v>
      </c>
      <c r="F8632">
        <v>4</v>
      </c>
      <c r="G8632" t="s">
        <v>14</v>
      </c>
      <c r="H8632" t="s">
        <v>19383</v>
      </c>
      <c r="I8632" t="s">
        <v>30540</v>
      </c>
    </row>
    <row r="8633" spans="1:9">
      <c r="A8633" s="1">
        <f ca="1">RAND()</f>
        <v>2.5382295746176897E-3</v>
      </c>
      <c r="B8633" s="1"/>
      <c r="C8633">
        <v>19</v>
      </c>
      <c r="D8633" t="s">
        <v>19386</v>
      </c>
      <c r="E8633" t="s">
        <v>33084</v>
      </c>
      <c r="F8633">
        <v>4</v>
      </c>
      <c r="G8633" t="s">
        <v>1</v>
      </c>
      <c r="H8633" t="s">
        <v>19387</v>
      </c>
      <c r="I8633" t="s">
        <v>30540</v>
      </c>
    </row>
    <row r="8634" spans="1:9">
      <c r="A8634" s="1">
        <f ca="1">RAND()</f>
        <v>0.46123876084988535</v>
      </c>
      <c r="B8634" s="1"/>
      <c r="C8634">
        <v>7</v>
      </c>
      <c r="D8634" t="s">
        <v>19376</v>
      </c>
      <c r="E8634" t="s">
        <v>33084</v>
      </c>
      <c r="F8634">
        <v>3</v>
      </c>
      <c r="G8634" t="s">
        <v>10</v>
      </c>
      <c r="H8634" t="s">
        <v>19377</v>
      </c>
      <c r="I8634" t="s">
        <v>30540</v>
      </c>
    </row>
    <row r="8635" spans="1:9">
      <c r="A8635" s="1">
        <f ca="1">RAND()</f>
        <v>0.3644595370158239</v>
      </c>
      <c r="B8635" s="1"/>
      <c r="C8635">
        <v>12</v>
      </c>
      <c r="D8635" t="s">
        <v>19380</v>
      </c>
      <c r="E8635" t="s">
        <v>33084</v>
      </c>
      <c r="F8635">
        <v>2</v>
      </c>
      <c r="G8635" t="s">
        <v>14</v>
      </c>
      <c r="H8635" t="s">
        <v>19381</v>
      </c>
      <c r="I8635" t="s">
        <v>30540</v>
      </c>
    </row>
    <row r="8636" spans="1:9">
      <c r="A8636" s="1">
        <f ca="1">RAND()</f>
        <v>0.98697958470709812</v>
      </c>
      <c r="B8636" s="1"/>
      <c r="C8636">
        <v>14</v>
      </c>
      <c r="D8636" t="s">
        <v>19368</v>
      </c>
      <c r="E8636" t="s">
        <v>33085</v>
      </c>
      <c r="F8636">
        <v>5</v>
      </c>
      <c r="G8636" t="s">
        <v>14</v>
      </c>
      <c r="H8636" t="s">
        <v>19369</v>
      </c>
      <c r="I8636" t="s">
        <v>30540</v>
      </c>
    </row>
    <row r="8637" spans="1:9">
      <c r="A8637" s="1">
        <f ca="1">RAND()</f>
        <v>0.47307954586010914</v>
      </c>
      <c r="B8637" s="1"/>
      <c r="C8637">
        <v>17</v>
      </c>
      <c r="D8637" t="s">
        <v>19370</v>
      </c>
      <c r="E8637" t="s">
        <v>33085</v>
      </c>
      <c r="F8637">
        <v>5</v>
      </c>
      <c r="G8637" t="s">
        <v>14</v>
      </c>
      <c r="H8637" t="s">
        <v>19371</v>
      </c>
      <c r="I8637" t="s">
        <v>30540</v>
      </c>
    </row>
    <row r="8638" spans="1:9">
      <c r="A8638" s="1">
        <f ca="1">RAND()</f>
        <v>0.30793452724330961</v>
      </c>
      <c r="B8638" s="1"/>
      <c r="C8638">
        <v>6</v>
      </c>
      <c r="D8638" t="s">
        <v>19364</v>
      </c>
      <c r="E8638" t="s">
        <v>33085</v>
      </c>
      <c r="F8638">
        <v>4</v>
      </c>
      <c r="G8638" t="s">
        <v>10</v>
      </c>
      <c r="H8638" t="s">
        <v>19365</v>
      </c>
      <c r="I8638" t="s">
        <v>30540</v>
      </c>
    </row>
    <row r="8639" spans="1:9">
      <c r="A8639" s="1">
        <f ca="1">RAND()</f>
        <v>0.70829559664226271</v>
      </c>
      <c r="B8639" s="1"/>
      <c r="C8639">
        <v>1</v>
      </c>
      <c r="D8639" t="s">
        <v>19360</v>
      </c>
      <c r="E8639" t="s">
        <v>33085</v>
      </c>
      <c r="F8639">
        <v>4</v>
      </c>
      <c r="G8639" t="s">
        <v>9</v>
      </c>
      <c r="H8639" t="s">
        <v>19361</v>
      </c>
      <c r="I8639" t="s">
        <v>30540</v>
      </c>
    </row>
    <row r="8640" spans="1:9">
      <c r="A8640" s="1">
        <f ca="1">RAND()</f>
        <v>0.73947556269780945</v>
      </c>
      <c r="B8640" s="1"/>
      <c r="C8640">
        <v>8</v>
      </c>
      <c r="D8640" t="s">
        <v>19366</v>
      </c>
      <c r="E8640" t="s">
        <v>33085</v>
      </c>
      <c r="F8640">
        <v>4</v>
      </c>
      <c r="G8640" t="s">
        <v>14</v>
      </c>
      <c r="H8640" t="s">
        <v>19367</v>
      </c>
      <c r="I8640" t="s">
        <v>30540</v>
      </c>
    </row>
    <row r="8641" spans="1:9">
      <c r="A8641" s="1">
        <f ca="1">RAND()</f>
        <v>0.85390229127647965</v>
      </c>
      <c r="B8641" s="1"/>
      <c r="C8641">
        <v>19</v>
      </c>
      <c r="D8641" t="s">
        <v>19372</v>
      </c>
      <c r="E8641" t="s">
        <v>33085</v>
      </c>
      <c r="F8641">
        <v>4</v>
      </c>
      <c r="G8641" t="s">
        <v>14</v>
      </c>
      <c r="H8641" t="s">
        <v>19373</v>
      </c>
      <c r="I8641" t="s">
        <v>30540</v>
      </c>
    </row>
    <row r="8642" spans="1:9">
      <c r="A8642" s="1">
        <f ca="1">RAND()</f>
        <v>0.62296411773146654</v>
      </c>
      <c r="B8642" s="1"/>
      <c r="C8642">
        <v>2</v>
      </c>
      <c r="D8642" t="s">
        <v>19362</v>
      </c>
      <c r="E8642" t="s">
        <v>33085</v>
      </c>
      <c r="F8642">
        <v>2</v>
      </c>
      <c r="G8642" t="s">
        <v>1</v>
      </c>
      <c r="H8642" t="s">
        <v>19363</v>
      </c>
      <c r="I8642" t="s">
        <v>30540</v>
      </c>
    </row>
    <row r="8643" spans="1:9">
      <c r="A8643" s="1">
        <f ca="1">RAND()</f>
        <v>0.37888910197900094</v>
      </c>
      <c r="B8643" s="1"/>
      <c r="C8643">
        <v>18</v>
      </c>
      <c r="D8643" t="s">
        <v>19358</v>
      </c>
      <c r="E8643" t="s">
        <v>33086</v>
      </c>
      <c r="F8643">
        <v>5</v>
      </c>
      <c r="G8643" t="s">
        <v>0</v>
      </c>
      <c r="H8643" t="s">
        <v>19359</v>
      </c>
      <c r="I8643" t="s">
        <v>30540</v>
      </c>
    </row>
    <row r="8644" spans="1:9">
      <c r="A8644" s="1">
        <f ca="1">RAND()</f>
        <v>0.70195786564759766</v>
      </c>
      <c r="B8644" s="1"/>
      <c r="C8644">
        <v>5</v>
      </c>
      <c r="D8644" t="s">
        <v>19350</v>
      </c>
      <c r="E8644" t="s">
        <v>33086</v>
      </c>
      <c r="F8644">
        <v>4</v>
      </c>
      <c r="G8644" t="s">
        <v>13</v>
      </c>
      <c r="H8644" t="s">
        <v>19351</v>
      </c>
      <c r="I8644" t="s">
        <v>30540</v>
      </c>
    </row>
    <row r="8645" spans="1:9">
      <c r="A8645" s="1">
        <f ca="1">RAND()</f>
        <v>0.2227225360867241</v>
      </c>
      <c r="B8645" s="1"/>
      <c r="C8645">
        <v>15</v>
      </c>
      <c r="D8645" t="s">
        <v>19356</v>
      </c>
      <c r="E8645" t="s">
        <v>33086</v>
      </c>
      <c r="F8645">
        <v>4</v>
      </c>
      <c r="G8645" t="s">
        <v>0</v>
      </c>
      <c r="H8645" t="s">
        <v>19357</v>
      </c>
      <c r="I8645" t="s">
        <v>30540</v>
      </c>
    </row>
    <row r="8646" spans="1:9">
      <c r="A8646" s="1">
        <f ca="1">RAND()</f>
        <v>0.36963323094220868</v>
      </c>
      <c r="B8646" s="1"/>
      <c r="C8646">
        <v>12</v>
      </c>
      <c r="D8646" t="s">
        <v>19354</v>
      </c>
      <c r="E8646" t="s">
        <v>33086</v>
      </c>
      <c r="F8646">
        <v>4</v>
      </c>
      <c r="G8646" t="s">
        <v>14</v>
      </c>
      <c r="H8646" t="s">
        <v>19355</v>
      </c>
      <c r="I8646" t="s">
        <v>30540</v>
      </c>
    </row>
    <row r="8647" spans="1:9">
      <c r="A8647" s="1">
        <f ca="1">RAND()</f>
        <v>0.90522869253707816</v>
      </c>
      <c r="B8647" s="1"/>
      <c r="C8647">
        <v>11</v>
      </c>
      <c r="D8647" t="s">
        <v>19352</v>
      </c>
      <c r="E8647" t="s">
        <v>33086</v>
      </c>
      <c r="F8647">
        <v>4</v>
      </c>
      <c r="G8647" t="s">
        <v>14</v>
      </c>
      <c r="H8647" t="s">
        <v>19353</v>
      </c>
      <c r="I8647" t="s">
        <v>30540</v>
      </c>
    </row>
    <row r="8648" spans="1:9">
      <c r="A8648" s="1">
        <f ca="1">RAND()</f>
        <v>0.87012484116283106</v>
      </c>
      <c r="B8648" s="1"/>
      <c r="C8648">
        <v>14</v>
      </c>
      <c r="D8648" t="s">
        <v>19346</v>
      </c>
      <c r="E8648" t="s">
        <v>33087</v>
      </c>
      <c r="F8648">
        <v>4</v>
      </c>
      <c r="G8648" t="s">
        <v>1</v>
      </c>
      <c r="H8648" t="s">
        <v>19347</v>
      </c>
      <c r="I8648" t="s">
        <v>30540</v>
      </c>
    </row>
    <row r="8649" spans="1:9">
      <c r="A8649" s="1">
        <f ca="1">RAND()</f>
        <v>0.82751819404332971</v>
      </c>
      <c r="B8649" s="1"/>
      <c r="C8649">
        <v>5</v>
      </c>
      <c r="D8649" t="s">
        <v>19340</v>
      </c>
      <c r="E8649" t="s">
        <v>33087</v>
      </c>
      <c r="F8649">
        <v>4</v>
      </c>
      <c r="G8649" t="s">
        <v>3732</v>
      </c>
      <c r="H8649" t="s">
        <v>19341</v>
      </c>
      <c r="I8649" t="s">
        <v>30540</v>
      </c>
    </row>
    <row r="8650" spans="1:9">
      <c r="A8650" s="1">
        <f ca="1">RAND()</f>
        <v>0.51337230598106542</v>
      </c>
      <c r="B8650" s="1"/>
      <c r="C8650">
        <v>19</v>
      </c>
      <c r="D8650" t="s">
        <v>19348</v>
      </c>
      <c r="E8650" t="s">
        <v>33087</v>
      </c>
      <c r="F8650">
        <v>4</v>
      </c>
      <c r="G8650" t="s">
        <v>14</v>
      </c>
      <c r="H8650" t="s">
        <v>19349</v>
      </c>
      <c r="I8650" t="s">
        <v>30540</v>
      </c>
    </row>
    <row r="8651" spans="1:9">
      <c r="A8651" s="1">
        <f ca="1">RAND()</f>
        <v>0.71637977289791221</v>
      </c>
      <c r="B8651" s="1"/>
      <c r="C8651">
        <v>8</v>
      </c>
      <c r="D8651" t="s">
        <v>19342</v>
      </c>
      <c r="E8651" t="s">
        <v>33087</v>
      </c>
      <c r="F8651">
        <v>4</v>
      </c>
      <c r="G8651" t="s">
        <v>14</v>
      </c>
      <c r="H8651" t="s">
        <v>19343</v>
      </c>
      <c r="I8651" t="s">
        <v>30540</v>
      </c>
    </row>
    <row r="8652" spans="1:9">
      <c r="A8652" s="1">
        <f ca="1">RAND()</f>
        <v>0.82741961987799462</v>
      </c>
      <c r="B8652" s="1"/>
      <c r="C8652">
        <v>11</v>
      </c>
      <c r="D8652" t="s">
        <v>19344</v>
      </c>
      <c r="E8652" t="s">
        <v>33087</v>
      </c>
      <c r="F8652">
        <v>2</v>
      </c>
      <c r="G8652" t="s">
        <v>1431</v>
      </c>
      <c r="H8652" t="s">
        <v>19345</v>
      </c>
      <c r="I8652" t="s">
        <v>30540</v>
      </c>
    </row>
    <row r="8653" spans="1:9">
      <c r="A8653" s="1">
        <f ca="1">RAND()</f>
        <v>0.51329537020241645</v>
      </c>
      <c r="B8653" s="1"/>
      <c r="C8653">
        <v>9</v>
      </c>
      <c r="D8653" t="s">
        <v>19332</v>
      </c>
      <c r="E8653" t="s">
        <v>33088</v>
      </c>
      <c r="F8653">
        <v>5</v>
      </c>
      <c r="G8653" t="s">
        <v>0</v>
      </c>
      <c r="H8653" t="s">
        <v>19333</v>
      </c>
      <c r="I8653" t="s">
        <v>30540</v>
      </c>
    </row>
    <row r="8654" spans="1:9">
      <c r="A8654" s="1">
        <f ca="1">RAND()</f>
        <v>0.88685759190406355</v>
      </c>
      <c r="B8654" s="1"/>
      <c r="C8654">
        <v>16</v>
      </c>
      <c r="D8654" t="s">
        <v>19338</v>
      </c>
      <c r="E8654" t="s">
        <v>33088</v>
      </c>
      <c r="F8654">
        <v>4</v>
      </c>
      <c r="G8654" t="s">
        <v>0</v>
      </c>
      <c r="H8654" t="s">
        <v>19339</v>
      </c>
      <c r="I8654" t="s">
        <v>30540</v>
      </c>
    </row>
    <row r="8655" spans="1:9">
      <c r="A8655" s="1">
        <f ca="1">RAND()</f>
        <v>0.59963191468265253</v>
      </c>
      <c r="B8655" s="1"/>
      <c r="C8655">
        <v>12</v>
      </c>
      <c r="D8655" t="s">
        <v>19336</v>
      </c>
      <c r="E8655" t="s">
        <v>33088</v>
      </c>
      <c r="F8655">
        <v>4</v>
      </c>
      <c r="G8655" t="s">
        <v>13</v>
      </c>
      <c r="H8655" t="s">
        <v>19337</v>
      </c>
      <c r="I8655" t="s">
        <v>30540</v>
      </c>
    </row>
    <row r="8656" spans="1:9">
      <c r="A8656" s="1">
        <f ca="1">RAND()</f>
        <v>0.1095726157773802</v>
      </c>
      <c r="B8656" s="1"/>
      <c r="C8656">
        <v>11</v>
      </c>
      <c r="D8656" t="s">
        <v>19334</v>
      </c>
      <c r="E8656" t="s">
        <v>33088</v>
      </c>
      <c r="F8656">
        <v>4</v>
      </c>
      <c r="G8656" t="s">
        <v>14</v>
      </c>
      <c r="H8656" t="s">
        <v>19335</v>
      </c>
      <c r="I8656" t="s">
        <v>30540</v>
      </c>
    </row>
    <row r="8657" spans="1:9">
      <c r="A8657" s="1">
        <f ca="1">RAND()</f>
        <v>0.31223068781352314</v>
      </c>
      <c r="B8657" s="1"/>
      <c r="C8657">
        <v>1</v>
      </c>
      <c r="D8657" t="s">
        <v>19320</v>
      </c>
      <c r="E8657" t="s">
        <v>33089</v>
      </c>
      <c r="F8657">
        <v>5</v>
      </c>
      <c r="G8657" t="s">
        <v>10</v>
      </c>
      <c r="H8657" t="s">
        <v>19321</v>
      </c>
      <c r="I8657" t="s">
        <v>30540</v>
      </c>
    </row>
    <row r="8658" spans="1:9">
      <c r="A8658" s="1">
        <f ca="1">RAND()</f>
        <v>0.43030099400166943</v>
      </c>
      <c r="B8658" s="1"/>
      <c r="C8658">
        <v>20</v>
      </c>
      <c r="D8658" t="s">
        <v>19330</v>
      </c>
      <c r="E8658" t="s">
        <v>33089</v>
      </c>
      <c r="F8658">
        <v>4</v>
      </c>
      <c r="G8658" t="s">
        <v>14</v>
      </c>
      <c r="H8658" t="s">
        <v>19331</v>
      </c>
      <c r="I8658" t="s">
        <v>30540</v>
      </c>
    </row>
    <row r="8659" spans="1:9">
      <c r="A8659" s="1">
        <f ca="1">RAND()</f>
        <v>0.91259340156778024</v>
      </c>
      <c r="B8659" s="1"/>
      <c r="C8659">
        <v>16</v>
      </c>
      <c r="D8659" t="s">
        <v>19326</v>
      </c>
      <c r="E8659" t="s">
        <v>33089</v>
      </c>
      <c r="F8659">
        <v>4</v>
      </c>
      <c r="G8659" t="s">
        <v>14</v>
      </c>
      <c r="H8659" t="s">
        <v>19327</v>
      </c>
      <c r="I8659" t="s">
        <v>30540</v>
      </c>
    </row>
    <row r="8660" spans="1:9">
      <c r="A8660" s="1">
        <f ca="1">RAND()</f>
        <v>0.41614796934170273</v>
      </c>
      <c r="B8660" s="1"/>
      <c r="C8660">
        <v>19</v>
      </c>
      <c r="D8660" t="s">
        <v>19328</v>
      </c>
      <c r="E8660" t="s">
        <v>33089</v>
      </c>
      <c r="F8660">
        <v>4</v>
      </c>
      <c r="G8660" t="s">
        <v>0</v>
      </c>
      <c r="H8660" t="s">
        <v>19329</v>
      </c>
      <c r="I8660" t="s">
        <v>30540</v>
      </c>
    </row>
    <row r="8661" spans="1:9">
      <c r="A8661" s="1">
        <f ca="1">RAND()</f>
        <v>0.56020323928615368</v>
      </c>
      <c r="B8661" s="1"/>
      <c r="C8661">
        <v>4</v>
      </c>
      <c r="D8661" t="s">
        <v>19322</v>
      </c>
      <c r="E8661" t="s">
        <v>33089</v>
      </c>
      <c r="F8661">
        <v>4</v>
      </c>
      <c r="G8661" t="s">
        <v>1</v>
      </c>
      <c r="H8661" t="s">
        <v>19323</v>
      </c>
      <c r="I8661" t="s">
        <v>30540</v>
      </c>
    </row>
    <row r="8662" spans="1:9">
      <c r="A8662" s="1">
        <f ca="1">RAND()</f>
        <v>0.96062542804040096</v>
      </c>
      <c r="B8662" s="1"/>
      <c r="C8662">
        <v>15</v>
      </c>
      <c r="D8662" t="s">
        <v>19324</v>
      </c>
      <c r="E8662" t="s">
        <v>33089</v>
      </c>
      <c r="F8662">
        <v>4</v>
      </c>
      <c r="G8662" t="s">
        <v>14</v>
      </c>
      <c r="H8662" t="s">
        <v>19325</v>
      </c>
      <c r="I8662" t="s">
        <v>30540</v>
      </c>
    </row>
    <row r="8663" spans="1:9">
      <c r="A8663" s="1">
        <f ca="1">RAND()</f>
        <v>0.25496500067483008</v>
      </c>
      <c r="B8663" s="1"/>
      <c r="C8663">
        <v>1</v>
      </c>
      <c r="D8663" t="s">
        <v>19308</v>
      </c>
      <c r="E8663" t="s">
        <v>33090</v>
      </c>
      <c r="F8663">
        <v>5</v>
      </c>
      <c r="G8663" t="s">
        <v>9</v>
      </c>
      <c r="H8663" t="s">
        <v>19309</v>
      </c>
      <c r="I8663" t="s">
        <v>30540</v>
      </c>
    </row>
    <row r="8664" spans="1:9">
      <c r="A8664" s="1">
        <f ca="1">RAND()</f>
        <v>0.62305901634809324</v>
      </c>
      <c r="B8664" s="1"/>
      <c r="C8664">
        <v>11</v>
      </c>
      <c r="D8664" t="s">
        <v>19316</v>
      </c>
      <c r="E8664" t="s">
        <v>33090</v>
      </c>
      <c r="F8664">
        <v>4</v>
      </c>
      <c r="G8664" t="s">
        <v>13</v>
      </c>
      <c r="H8664" t="s">
        <v>19317</v>
      </c>
      <c r="I8664" t="s">
        <v>30540</v>
      </c>
    </row>
    <row r="8665" spans="1:9">
      <c r="A8665" s="1">
        <f ca="1">RAND()</f>
        <v>0.35191558386813127</v>
      </c>
      <c r="B8665" s="1"/>
      <c r="C8665">
        <v>12</v>
      </c>
      <c r="D8665" t="s">
        <v>19318</v>
      </c>
      <c r="E8665" t="s">
        <v>33090</v>
      </c>
      <c r="F8665">
        <v>4</v>
      </c>
      <c r="G8665" t="s">
        <v>14</v>
      </c>
      <c r="H8665" t="s">
        <v>19319</v>
      </c>
      <c r="I8665" t="s">
        <v>30540</v>
      </c>
    </row>
    <row r="8666" spans="1:9">
      <c r="A8666" s="1">
        <f ca="1">RAND()</f>
        <v>0.93756898717804715</v>
      </c>
      <c r="B8666" s="1"/>
      <c r="C8666">
        <v>4</v>
      </c>
      <c r="D8666" t="s">
        <v>19310</v>
      </c>
      <c r="E8666" t="s">
        <v>33090</v>
      </c>
      <c r="F8666">
        <v>4</v>
      </c>
      <c r="G8666" t="s">
        <v>2</v>
      </c>
      <c r="H8666" t="s">
        <v>19311</v>
      </c>
      <c r="I8666" t="s">
        <v>30540</v>
      </c>
    </row>
    <row r="8667" spans="1:9">
      <c r="A8667" s="1">
        <f ca="1">RAND()</f>
        <v>0.85484844966847273</v>
      </c>
      <c r="B8667" s="1"/>
      <c r="C8667">
        <v>5</v>
      </c>
      <c r="D8667" t="s">
        <v>19312</v>
      </c>
      <c r="E8667" t="s">
        <v>33090</v>
      </c>
      <c r="F8667">
        <v>4</v>
      </c>
      <c r="G8667" t="s">
        <v>14</v>
      </c>
      <c r="H8667" t="s">
        <v>19313</v>
      </c>
      <c r="I8667" t="s">
        <v>30540</v>
      </c>
    </row>
    <row r="8668" spans="1:9">
      <c r="A8668" s="1">
        <f ca="1">RAND()</f>
        <v>0.64978273108636897</v>
      </c>
      <c r="B8668" s="1"/>
      <c r="C8668">
        <v>8</v>
      </c>
      <c r="D8668" t="s">
        <v>19314</v>
      </c>
      <c r="E8668" t="s">
        <v>33090</v>
      </c>
      <c r="F8668">
        <v>4</v>
      </c>
      <c r="G8668" t="s">
        <v>2</v>
      </c>
      <c r="H8668" t="s">
        <v>19315</v>
      </c>
      <c r="I8668" t="s">
        <v>30540</v>
      </c>
    </row>
    <row r="8669" spans="1:9">
      <c r="A8669" s="1">
        <f ca="1">RAND()</f>
        <v>0.40690988868084488</v>
      </c>
      <c r="B8669" s="1"/>
      <c r="C8669">
        <v>12</v>
      </c>
      <c r="D8669" t="s">
        <v>19302</v>
      </c>
      <c r="E8669" t="s">
        <v>33091</v>
      </c>
      <c r="F8669">
        <v>4</v>
      </c>
      <c r="G8669" t="s">
        <v>14</v>
      </c>
      <c r="H8669" t="s">
        <v>19303</v>
      </c>
      <c r="I8669" t="s">
        <v>30540</v>
      </c>
    </row>
    <row r="8670" spans="1:9">
      <c r="A8670" s="1">
        <f ca="1">RAND()</f>
        <v>0.40859477926388121</v>
      </c>
      <c r="B8670" s="1"/>
      <c r="C8670">
        <v>9</v>
      </c>
      <c r="D8670" t="s">
        <v>19300</v>
      </c>
      <c r="E8670" t="s">
        <v>33091</v>
      </c>
      <c r="F8670">
        <v>4</v>
      </c>
      <c r="G8670" t="s">
        <v>13</v>
      </c>
      <c r="H8670" t="s">
        <v>19301</v>
      </c>
      <c r="I8670" t="s">
        <v>30540</v>
      </c>
    </row>
    <row r="8671" spans="1:9">
      <c r="A8671" s="1">
        <f ca="1">RAND()</f>
        <v>0.75004090895657871</v>
      </c>
      <c r="B8671" s="1"/>
      <c r="C8671">
        <v>5</v>
      </c>
      <c r="D8671" t="s">
        <v>19296</v>
      </c>
      <c r="E8671" t="s">
        <v>33091</v>
      </c>
      <c r="F8671">
        <v>4</v>
      </c>
      <c r="G8671" t="s">
        <v>9</v>
      </c>
      <c r="H8671" t="s">
        <v>19297</v>
      </c>
      <c r="I8671" t="s">
        <v>30540</v>
      </c>
    </row>
    <row r="8672" spans="1:9">
      <c r="A8672" s="1">
        <f ca="1">RAND()</f>
        <v>0.26440190484618764</v>
      </c>
      <c r="B8672" s="1"/>
      <c r="C8672">
        <v>6</v>
      </c>
      <c r="D8672" t="s">
        <v>19298</v>
      </c>
      <c r="E8672" t="s">
        <v>33091</v>
      </c>
      <c r="F8672">
        <v>4</v>
      </c>
      <c r="G8672" t="s">
        <v>14</v>
      </c>
      <c r="H8672" t="s">
        <v>19299</v>
      </c>
      <c r="I8672" t="s">
        <v>30540</v>
      </c>
    </row>
    <row r="8673" spans="1:9">
      <c r="A8673" s="1">
        <f ca="1">RAND()</f>
        <v>0.72217679654337863</v>
      </c>
      <c r="B8673" s="1"/>
      <c r="C8673">
        <v>18</v>
      </c>
      <c r="D8673" t="s">
        <v>19306</v>
      </c>
      <c r="E8673" t="s">
        <v>33091</v>
      </c>
      <c r="F8673">
        <v>4</v>
      </c>
      <c r="G8673" t="s">
        <v>14</v>
      </c>
      <c r="H8673" t="s">
        <v>19307</v>
      </c>
      <c r="I8673" t="s">
        <v>30540</v>
      </c>
    </row>
    <row r="8674" spans="1:9">
      <c r="A8674" s="1">
        <f ca="1">RAND()</f>
        <v>0.93136829831785217</v>
      </c>
      <c r="B8674" s="1"/>
      <c r="C8674">
        <v>17</v>
      </c>
      <c r="D8674" t="s">
        <v>19304</v>
      </c>
      <c r="E8674" t="s">
        <v>33091</v>
      </c>
      <c r="F8674">
        <v>1</v>
      </c>
      <c r="G8674" t="s">
        <v>13</v>
      </c>
      <c r="H8674" t="s">
        <v>19305</v>
      </c>
      <c r="I8674" t="s">
        <v>30540</v>
      </c>
    </row>
    <row r="8675" spans="1:9">
      <c r="A8675" s="1">
        <f ca="1">RAND()</f>
        <v>0.33088993738760974</v>
      </c>
      <c r="B8675" s="1"/>
      <c r="C8675">
        <v>10</v>
      </c>
      <c r="D8675" t="s">
        <v>19286</v>
      </c>
      <c r="E8675" t="s">
        <v>33092</v>
      </c>
      <c r="F8675">
        <v>5</v>
      </c>
      <c r="G8675" t="s">
        <v>775</v>
      </c>
      <c r="H8675" t="s">
        <v>19287</v>
      </c>
      <c r="I8675" t="s">
        <v>30540</v>
      </c>
    </row>
    <row r="8676" spans="1:9">
      <c r="A8676" s="1">
        <f ca="1">RAND()</f>
        <v>0.58503505668620492</v>
      </c>
      <c r="B8676" s="1"/>
      <c r="C8676">
        <v>11</v>
      </c>
      <c r="D8676" t="s">
        <v>19288</v>
      </c>
      <c r="E8676" t="s">
        <v>33092</v>
      </c>
      <c r="F8676">
        <v>5</v>
      </c>
      <c r="G8676" t="s">
        <v>766</v>
      </c>
      <c r="H8676" t="s">
        <v>19289</v>
      </c>
      <c r="I8676" t="s">
        <v>30540</v>
      </c>
    </row>
    <row r="8677" spans="1:9">
      <c r="A8677" s="1">
        <f ca="1">RAND()</f>
        <v>0.97356034838478722</v>
      </c>
      <c r="B8677" s="1"/>
      <c r="C8677">
        <v>4</v>
      </c>
      <c r="D8677" t="s">
        <v>19284</v>
      </c>
      <c r="E8677" t="s">
        <v>33092</v>
      </c>
      <c r="F8677">
        <v>5</v>
      </c>
      <c r="G8677" t="s">
        <v>14</v>
      </c>
      <c r="H8677" t="s">
        <v>19285</v>
      </c>
      <c r="I8677" t="s">
        <v>30540</v>
      </c>
    </row>
    <row r="8678" spans="1:9">
      <c r="A8678" s="1">
        <f ca="1">RAND()</f>
        <v>0.3210848809066118</v>
      </c>
      <c r="B8678" s="1"/>
      <c r="C8678">
        <v>16</v>
      </c>
      <c r="D8678" t="s">
        <v>19292</v>
      </c>
      <c r="E8678" t="s">
        <v>33092</v>
      </c>
      <c r="F8678">
        <v>4</v>
      </c>
      <c r="G8678" t="s">
        <v>14</v>
      </c>
      <c r="H8678" t="s">
        <v>19293</v>
      </c>
      <c r="I8678" t="s">
        <v>30540</v>
      </c>
    </row>
    <row r="8679" spans="1:9">
      <c r="A8679" s="1">
        <f ca="1">RAND()</f>
        <v>0.20259764934555791</v>
      </c>
      <c r="B8679" s="1"/>
      <c r="C8679">
        <v>20</v>
      </c>
      <c r="D8679" t="s">
        <v>19294</v>
      </c>
      <c r="E8679" t="s">
        <v>33092</v>
      </c>
      <c r="F8679">
        <v>4</v>
      </c>
      <c r="G8679" t="s">
        <v>762</v>
      </c>
      <c r="H8679" t="s">
        <v>19295</v>
      </c>
      <c r="I8679" t="s">
        <v>30540</v>
      </c>
    </row>
    <row r="8680" spans="1:9">
      <c r="A8680" s="1">
        <f ca="1">RAND()</f>
        <v>0.71826391901925735</v>
      </c>
      <c r="B8680" s="1"/>
      <c r="C8680">
        <v>12</v>
      </c>
      <c r="D8680" t="s">
        <v>19290</v>
      </c>
      <c r="E8680" t="s">
        <v>33092</v>
      </c>
      <c r="F8680">
        <v>3</v>
      </c>
      <c r="G8680" t="s">
        <v>14</v>
      </c>
      <c r="H8680" t="s">
        <v>19291</v>
      </c>
      <c r="I8680" t="s">
        <v>30540</v>
      </c>
    </row>
    <row r="8681" spans="1:9">
      <c r="A8681" s="1">
        <f ca="1">RAND()</f>
        <v>0.98170628126787696</v>
      </c>
      <c r="B8681" s="1"/>
      <c r="C8681">
        <v>1</v>
      </c>
      <c r="D8681" t="s">
        <v>19280</v>
      </c>
      <c r="E8681" t="s">
        <v>33092</v>
      </c>
      <c r="F8681">
        <v>3</v>
      </c>
      <c r="G8681" t="s">
        <v>2</v>
      </c>
      <c r="H8681" t="s">
        <v>19281</v>
      </c>
      <c r="I8681" t="s">
        <v>30540</v>
      </c>
    </row>
    <row r="8682" spans="1:9">
      <c r="A8682" s="1">
        <f ca="1">RAND()</f>
        <v>5.1709898260682507E-2</v>
      </c>
      <c r="B8682" s="1"/>
      <c r="C8682">
        <v>3</v>
      </c>
      <c r="D8682" t="s">
        <v>19282</v>
      </c>
      <c r="E8682" t="s">
        <v>33092</v>
      </c>
      <c r="F8682">
        <v>1</v>
      </c>
      <c r="G8682" t="s">
        <v>2</v>
      </c>
      <c r="H8682" t="s">
        <v>19283</v>
      </c>
      <c r="I8682" t="s">
        <v>30540</v>
      </c>
    </row>
    <row r="8683" spans="1:9">
      <c r="A8683" s="1">
        <f ca="1">RAND()</f>
        <v>0.31891507952776665</v>
      </c>
      <c r="B8683" s="1"/>
      <c r="C8683">
        <v>12</v>
      </c>
      <c r="D8683" t="s">
        <v>19276</v>
      </c>
      <c r="E8683" t="s">
        <v>33093</v>
      </c>
      <c r="F8683">
        <v>4</v>
      </c>
      <c r="G8683" t="s">
        <v>14</v>
      </c>
      <c r="H8683" t="s">
        <v>19277</v>
      </c>
      <c r="I8683" t="s">
        <v>30540</v>
      </c>
    </row>
    <row r="8684" spans="1:9">
      <c r="A8684" s="1">
        <f ca="1">RAND()</f>
        <v>0.31055853580667747</v>
      </c>
      <c r="B8684" s="1"/>
      <c r="C8684">
        <v>1</v>
      </c>
      <c r="D8684" t="s">
        <v>19270</v>
      </c>
      <c r="E8684" t="s">
        <v>33093</v>
      </c>
      <c r="F8684">
        <v>4</v>
      </c>
      <c r="G8684" t="s">
        <v>2</v>
      </c>
      <c r="H8684" t="s">
        <v>19271</v>
      </c>
      <c r="I8684" t="s">
        <v>30540</v>
      </c>
    </row>
    <row r="8685" spans="1:9">
      <c r="A8685" s="1">
        <f ca="1">RAND()</f>
        <v>0.67925085488091952</v>
      </c>
      <c r="B8685" s="1"/>
      <c r="C8685">
        <v>2</v>
      </c>
      <c r="D8685" t="s">
        <v>19272</v>
      </c>
      <c r="E8685" t="s">
        <v>33093</v>
      </c>
      <c r="F8685">
        <v>4</v>
      </c>
      <c r="G8685" t="s">
        <v>15</v>
      </c>
      <c r="H8685" t="s">
        <v>19273</v>
      </c>
      <c r="I8685" t="s">
        <v>30540</v>
      </c>
    </row>
    <row r="8686" spans="1:9">
      <c r="A8686" s="1">
        <f ca="1">RAND()</f>
        <v>0.19156588149055809</v>
      </c>
      <c r="B8686" s="1"/>
      <c r="C8686">
        <v>15</v>
      </c>
      <c r="D8686" t="s">
        <v>19278</v>
      </c>
      <c r="E8686" t="s">
        <v>33093</v>
      </c>
      <c r="F8686">
        <v>3</v>
      </c>
      <c r="G8686" t="s">
        <v>14</v>
      </c>
      <c r="H8686" t="s">
        <v>19279</v>
      </c>
      <c r="I8686" t="s">
        <v>30540</v>
      </c>
    </row>
    <row r="8687" spans="1:9">
      <c r="A8687" s="1">
        <f ca="1">RAND()</f>
        <v>0.45563802445721613</v>
      </c>
      <c r="B8687" s="1"/>
      <c r="C8687">
        <v>10</v>
      </c>
      <c r="D8687" t="s">
        <v>19274</v>
      </c>
      <c r="E8687" t="s">
        <v>33093</v>
      </c>
      <c r="F8687">
        <v>2</v>
      </c>
      <c r="G8687" t="s">
        <v>14</v>
      </c>
      <c r="H8687" t="s">
        <v>19275</v>
      </c>
      <c r="I8687" t="s">
        <v>30540</v>
      </c>
    </row>
    <row r="8688" spans="1:9">
      <c r="A8688" s="1">
        <f ca="1">RAND()</f>
        <v>0.24919698504502896</v>
      </c>
      <c r="B8688" s="1"/>
      <c r="C8688">
        <v>20</v>
      </c>
      <c r="D8688" t="s">
        <v>19268</v>
      </c>
      <c r="E8688" t="s">
        <v>33094</v>
      </c>
      <c r="F8688">
        <v>5</v>
      </c>
      <c r="G8688" t="s">
        <v>14</v>
      </c>
      <c r="H8688" t="s">
        <v>19269</v>
      </c>
      <c r="I8688" t="s">
        <v>30540</v>
      </c>
    </row>
    <row r="8689" spans="1:9">
      <c r="A8689" s="1">
        <f ca="1">RAND()</f>
        <v>0.16874161137813937</v>
      </c>
      <c r="B8689" s="1"/>
      <c r="C8689">
        <v>17</v>
      </c>
      <c r="D8689" t="s">
        <v>19266</v>
      </c>
      <c r="E8689" t="s">
        <v>33094</v>
      </c>
      <c r="F8689">
        <v>4</v>
      </c>
      <c r="G8689" t="s">
        <v>14</v>
      </c>
      <c r="H8689" t="s">
        <v>19267</v>
      </c>
      <c r="I8689" t="s">
        <v>30540</v>
      </c>
    </row>
    <row r="8690" spans="1:9">
      <c r="A8690" s="1">
        <f ca="1">RAND()</f>
        <v>0.22189025831338238</v>
      </c>
      <c r="B8690" s="1"/>
      <c r="C8690">
        <v>10</v>
      </c>
      <c r="D8690" t="s">
        <v>19264</v>
      </c>
      <c r="E8690" t="s">
        <v>33094</v>
      </c>
      <c r="F8690">
        <v>4</v>
      </c>
      <c r="G8690" t="s">
        <v>13</v>
      </c>
      <c r="H8690" t="s">
        <v>19265</v>
      </c>
      <c r="I8690" t="s">
        <v>30540</v>
      </c>
    </row>
    <row r="8691" spans="1:9">
      <c r="A8691" s="1">
        <f ca="1">RAND()</f>
        <v>0.51738874894030584</v>
      </c>
      <c r="B8691" s="1"/>
      <c r="C8691">
        <v>9</v>
      </c>
      <c r="D8691" t="s">
        <v>19262</v>
      </c>
      <c r="E8691" t="s">
        <v>33094</v>
      </c>
      <c r="F8691">
        <v>3</v>
      </c>
      <c r="G8691" t="s">
        <v>14</v>
      </c>
      <c r="H8691" t="s">
        <v>19263</v>
      </c>
      <c r="I8691" t="s">
        <v>30540</v>
      </c>
    </row>
    <row r="8692" spans="1:9">
      <c r="A8692" s="1">
        <f ca="1">RAND()</f>
        <v>0.10001125464554206</v>
      </c>
      <c r="B8692" s="1"/>
      <c r="C8692">
        <v>3</v>
      </c>
      <c r="D8692" t="s">
        <v>19254</v>
      </c>
      <c r="E8692" t="s">
        <v>33095</v>
      </c>
      <c r="F8692">
        <v>5</v>
      </c>
      <c r="G8692" t="s">
        <v>10</v>
      </c>
      <c r="H8692" t="s">
        <v>19255</v>
      </c>
      <c r="I8692" t="s">
        <v>30540</v>
      </c>
    </row>
    <row r="8693" spans="1:9">
      <c r="A8693" s="1">
        <f ca="1">RAND()</f>
        <v>0.70775304362179636</v>
      </c>
      <c r="B8693" s="1"/>
      <c r="C8693">
        <v>14</v>
      </c>
      <c r="D8693" t="s">
        <v>19260</v>
      </c>
      <c r="E8693" t="s">
        <v>33095</v>
      </c>
      <c r="F8693">
        <v>4</v>
      </c>
      <c r="G8693" t="s">
        <v>9</v>
      </c>
      <c r="H8693" t="s">
        <v>19261</v>
      </c>
      <c r="I8693" t="s">
        <v>30540</v>
      </c>
    </row>
    <row r="8694" spans="1:9">
      <c r="A8694" s="1">
        <f ca="1">RAND()</f>
        <v>0.86487373842964854</v>
      </c>
      <c r="B8694" s="1"/>
      <c r="C8694">
        <v>12</v>
      </c>
      <c r="D8694" t="s">
        <v>19258</v>
      </c>
      <c r="E8694" t="s">
        <v>33095</v>
      </c>
      <c r="F8694">
        <v>4</v>
      </c>
      <c r="G8694" t="s">
        <v>1</v>
      </c>
      <c r="H8694" t="s">
        <v>19259</v>
      </c>
      <c r="I8694" t="s">
        <v>30540</v>
      </c>
    </row>
    <row r="8695" spans="1:9">
      <c r="A8695" s="1">
        <f ca="1">RAND()</f>
        <v>8.6847362029629505E-4</v>
      </c>
      <c r="B8695" s="1"/>
      <c r="C8695">
        <v>11</v>
      </c>
      <c r="D8695" t="s">
        <v>19256</v>
      </c>
      <c r="E8695" t="s">
        <v>33095</v>
      </c>
      <c r="F8695">
        <v>4</v>
      </c>
      <c r="G8695" t="s">
        <v>14</v>
      </c>
      <c r="H8695" t="s">
        <v>19257</v>
      </c>
      <c r="I8695" t="s">
        <v>30540</v>
      </c>
    </row>
    <row r="8696" spans="1:9">
      <c r="A8696" s="1">
        <f ca="1">RAND()</f>
        <v>0.85919569409261842</v>
      </c>
      <c r="B8696" s="1"/>
      <c r="C8696">
        <v>2</v>
      </c>
      <c r="D8696" t="s">
        <v>19252</v>
      </c>
      <c r="E8696" t="s">
        <v>33095</v>
      </c>
      <c r="F8696">
        <v>4</v>
      </c>
      <c r="G8696" t="s">
        <v>14</v>
      </c>
      <c r="H8696" t="s">
        <v>19253</v>
      </c>
      <c r="I8696" t="s">
        <v>30540</v>
      </c>
    </row>
    <row r="8697" spans="1:9">
      <c r="A8697" s="1">
        <f ca="1">RAND()</f>
        <v>4.4871497661415849E-2</v>
      </c>
      <c r="B8697" s="1"/>
      <c r="C8697">
        <v>3</v>
      </c>
      <c r="D8697" t="s">
        <v>19236</v>
      </c>
      <c r="E8697" t="s">
        <v>33096</v>
      </c>
      <c r="F8697">
        <v>5</v>
      </c>
      <c r="G8697" t="s">
        <v>10</v>
      </c>
      <c r="H8697" t="s">
        <v>19237</v>
      </c>
      <c r="I8697" t="s">
        <v>30540</v>
      </c>
    </row>
    <row r="8698" spans="1:9">
      <c r="A8698" s="1">
        <f ca="1">RAND()</f>
        <v>0.83174961460284813</v>
      </c>
      <c r="B8698" s="1"/>
      <c r="C8698">
        <v>4</v>
      </c>
      <c r="D8698" t="s">
        <v>19238</v>
      </c>
      <c r="E8698" t="s">
        <v>33096</v>
      </c>
      <c r="F8698">
        <v>5</v>
      </c>
      <c r="G8698" t="s">
        <v>14</v>
      </c>
      <c r="H8698" t="s">
        <v>19239</v>
      </c>
      <c r="I8698" t="s">
        <v>30540</v>
      </c>
    </row>
    <row r="8699" spans="1:9">
      <c r="A8699" s="1">
        <f ca="1">RAND()</f>
        <v>0.7614144203813964</v>
      </c>
      <c r="B8699" s="1"/>
      <c r="C8699">
        <v>7</v>
      </c>
      <c r="D8699" t="s">
        <v>19242</v>
      </c>
      <c r="E8699" t="s">
        <v>33096</v>
      </c>
      <c r="F8699">
        <v>4</v>
      </c>
      <c r="G8699" t="s">
        <v>13</v>
      </c>
      <c r="H8699" t="s">
        <v>19243</v>
      </c>
      <c r="I8699" t="s">
        <v>30540</v>
      </c>
    </row>
    <row r="8700" spans="1:9">
      <c r="A8700" s="1">
        <f ca="1">RAND()</f>
        <v>0.88618341166514603</v>
      </c>
      <c r="B8700" s="1"/>
      <c r="C8700">
        <v>5</v>
      </c>
      <c r="D8700" t="s">
        <v>19240</v>
      </c>
      <c r="E8700" t="s">
        <v>33096</v>
      </c>
      <c r="F8700">
        <v>4</v>
      </c>
      <c r="G8700" t="s">
        <v>13</v>
      </c>
      <c r="H8700" t="s">
        <v>19241</v>
      </c>
      <c r="I8700" t="s">
        <v>30540</v>
      </c>
    </row>
    <row r="8701" spans="1:9">
      <c r="A8701" s="1">
        <f ca="1">RAND()</f>
        <v>0.20117647000279704</v>
      </c>
      <c r="B8701" s="1"/>
      <c r="C8701">
        <v>18</v>
      </c>
      <c r="D8701" t="s">
        <v>19248</v>
      </c>
      <c r="E8701" t="s">
        <v>33096</v>
      </c>
      <c r="F8701">
        <v>4</v>
      </c>
      <c r="G8701" t="s">
        <v>14</v>
      </c>
      <c r="H8701" t="s">
        <v>19249</v>
      </c>
      <c r="I8701" t="s">
        <v>30540</v>
      </c>
    </row>
    <row r="8702" spans="1:9">
      <c r="A8702" s="1">
        <f ca="1">RAND()</f>
        <v>0.77160230590000822</v>
      </c>
      <c r="B8702" s="1"/>
      <c r="C8702">
        <v>1</v>
      </c>
      <c r="D8702" t="s">
        <v>19234</v>
      </c>
      <c r="E8702" t="s">
        <v>33096</v>
      </c>
      <c r="F8702">
        <v>4</v>
      </c>
      <c r="G8702" t="s">
        <v>2</v>
      </c>
      <c r="H8702" t="s">
        <v>19235</v>
      </c>
      <c r="I8702" t="s">
        <v>30540</v>
      </c>
    </row>
    <row r="8703" spans="1:9">
      <c r="A8703" s="1">
        <f ca="1">RAND()</f>
        <v>0.74604888117736812</v>
      </c>
      <c r="B8703" s="1"/>
      <c r="C8703">
        <v>15</v>
      </c>
      <c r="D8703" t="s">
        <v>19246</v>
      </c>
      <c r="E8703" t="s">
        <v>33096</v>
      </c>
      <c r="F8703">
        <v>4</v>
      </c>
      <c r="G8703" t="s">
        <v>14</v>
      </c>
      <c r="H8703" t="s">
        <v>19247</v>
      </c>
      <c r="I8703" t="s">
        <v>30540</v>
      </c>
    </row>
    <row r="8704" spans="1:9">
      <c r="A8704" s="1">
        <f ca="1">RAND()</f>
        <v>0.38907970846974604</v>
      </c>
      <c r="B8704" s="1"/>
      <c r="C8704">
        <v>20</v>
      </c>
      <c r="D8704" t="s">
        <v>19250</v>
      </c>
      <c r="E8704" t="s">
        <v>33096</v>
      </c>
      <c r="F8704">
        <v>4</v>
      </c>
      <c r="G8704" t="s">
        <v>13</v>
      </c>
      <c r="H8704" t="s">
        <v>19251</v>
      </c>
      <c r="I8704" t="s">
        <v>30540</v>
      </c>
    </row>
    <row r="8705" spans="1:9">
      <c r="A8705" s="1">
        <f ca="1">RAND()</f>
        <v>0.10105765173234327</v>
      </c>
      <c r="B8705" s="1"/>
      <c r="C8705">
        <v>13</v>
      </c>
      <c r="D8705" t="s">
        <v>19244</v>
      </c>
      <c r="E8705" t="s">
        <v>33096</v>
      </c>
      <c r="F8705">
        <v>3</v>
      </c>
      <c r="G8705" t="s">
        <v>1</v>
      </c>
      <c r="H8705" t="s">
        <v>19245</v>
      </c>
      <c r="I8705" t="s">
        <v>30540</v>
      </c>
    </row>
    <row r="8706" spans="1:9">
      <c r="A8706" s="1">
        <f ca="1">RAND()</f>
        <v>0.21914412590911392</v>
      </c>
      <c r="B8706" s="1"/>
      <c r="C8706">
        <v>3</v>
      </c>
      <c r="D8706" t="s">
        <v>19226</v>
      </c>
      <c r="E8706" t="s">
        <v>33097</v>
      </c>
      <c r="F8706">
        <v>4</v>
      </c>
      <c r="G8706" t="s">
        <v>762</v>
      </c>
      <c r="H8706" t="s">
        <v>19227</v>
      </c>
      <c r="I8706" t="s">
        <v>30540</v>
      </c>
    </row>
    <row r="8707" spans="1:9">
      <c r="A8707" s="1">
        <f ca="1">RAND()</f>
        <v>0.93898161590785001</v>
      </c>
      <c r="B8707" s="1"/>
      <c r="C8707">
        <v>5</v>
      </c>
      <c r="D8707" t="s">
        <v>19228</v>
      </c>
      <c r="E8707" t="s">
        <v>33097</v>
      </c>
      <c r="F8707">
        <v>4</v>
      </c>
      <c r="G8707" t="s">
        <v>15</v>
      </c>
      <c r="H8707" t="s">
        <v>19229</v>
      </c>
      <c r="I8707" t="s">
        <v>30540</v>
      </c>
    </row>
    <row r="8708" spans="1:9">
      <c r="A8708" s="1">
        <f ca="1">RAND()</f>
        <v>8.3263909508321077E-2</v>
      </c>
      <c r="B8708" s="1"/>
      <c r="C8708">
        <v>11</v>
      </c>
      <c r="D8708" t="s">
        <v>19232</v>
      </c>
      <c r="E8708" t="s">
        <v>33097</v>
      </c>
      <c r="F8708">
        <v>4</v>
      </c>
      <c r="G8708" t="s">
        <v>1431</v>
      </c>
      <c r="H8708" t="s">
        <v>19233</v>
      </c>
      <c r="I8708" t="s">
        <v>30540</v>
      </c>
    </row>
    <row r="8709" spans="1:9">
      <c r="A8709" s="1">
        <f ca="1">RAND()</f>
        <v>0.26535902802790068</v>
      </c>
      <c r="B8709" s="1"/>
      <c r="C8709">
        <v>8</v>
      </c>
      <c r="D8709" t="s">
        <v>19230</v>
      </c>
      <c r="E8709" t="s">
        <v>33097</v>
      </c>
      <c r="F8709">
        <v>4</v>
      </c>
      <c r="G8709" t="s">
        <v>3732</v>
      </c>
      <c r="H8709" t="s">
        <v>19231</v>
      </c>
      <c r="I8709" t="s">
        <v>30540</v>
      </c>
    </row>
    <row r="8710" spans="1:9">
      <c r="A8710" s="1">
        <f ca="1">RAND()</f>
        <v>0.80905299160872524</v>
      </c>
      <c r="B8710" s="1"/>
      <c r="C8710">
        <v>1</v>
      </c>
      <c r="D8710" t="s">
        <v>19218</v>
      </c>
      <c r="E8710" t="s">
        <v>33098</v>
      </c>
      <c r="F8710">
        <v>5</v>
      </c>
      <c r="G8710" t="s">
        <v>2</v>
      </c>
      <c r="H8710" t="s">
        <v>19219</v>
      </c>
      <c r="I8710" t="s">
        <v>30540</v>
      </c>
    </row>
    <row r="8711" spans="1:9">
      <c r="A8711" s="1">
        <f ca="1">RAND()</f>
        <v>0.63509247429898652</v>
      </c>
      <c r="B8711" s="1"/>
      <c r="C8711">
        <v>2</v>
      </c>
      <c r="D8711" t="s">
        <v>19220</v>
      </c>
      <c r="E8711" t="s">
        <v>33098</v>
      </c>
      <c r="F8711">
        <v>5</v>
      </c>
      <c r="G8711" t="s">
        <v>13</v>
      </c>
      <c r="H8711" t="s">
        <v>19221</v>
      </c>
      <c r="I8711" t="s">
        <v>30540</v>
      </c>
    </row>
    <row r="8712" spans="1:9">
      <c r="A8712" s="1">
        <f ca="1">RAND()</f>
        <v>0.42288685875027587</v>
      </c>
      <c r="B8712" s="1"/>
      <c r="C8712">
        <v>12</v>
      </c>
      <c r="D8712" t="s">
        <v>19222</v>
      </c>
      <c r="E8712" t="s">
        <v>33098</v>
      </c>
      <c r="F8712">
        <v>4</v>
      </c>
      <c r="G8712" t="s">
        <v>14</v>
      </c>
      <c r="H8712" t="s">
        <v>19223</v>
      </c>
      <c r="I8712" t="s">
        <v>30540</v>
      </c>
    </row>
    <row r="8713" spans="1:9">
      <c r="A8713" s="1">
        <f ca="1">RAND()</f>
        <v>9.021751790371868E-2</v>
      </c>
      <c r="B8713" s="1"/>
      <c r="C8713">
        <v>16</v>
      </c>
      <c r="D8713" t="s">
        <v>19224</v>
      </c>
      <c r="E8713" t="s">
        <v>33098</v>
      </c>
      <c r="F8713">
        <v>4</v>
      </c>
      <c r="G8713" t="s">
        <v>14</v>
      </c>
      <c r="H8713" t="s">
        <v>19225</v>
      </c>
      <c r="I8713" t="s">
        <v>30540</v>
      </c>
    </row>
    <row r="8714" spans="1:9">
      <c r="A8714" s="1">
        <f ca="1">RAND()</f>
        <v>0.93850871564755289</v>
      </c>
      <c r="B8714" s="1"/>
      <c r="C8714">
        <v>2</v>
      </c>
      <c r="D8714" t="s">
        <v>19202</v>
      </c>
      <c r="E8714" t="s">
        <v>33099</v>
      </c>
      <c r="F8714">
        <v>4</v>
      </c>
      <c r="G8714" t="s">
        <v>10</v>
      </c>
      <c r="H8714" t="s">
        <v>19203</v>
      </c>
      <c r="I8714" t="s">
        <v>30540</v>
      </c>
    </row>
    <row r="8715" spans="1:9">
      <c r="A8715" s="1">
        <f ca="1">RAND()</f>
        <v>0.79475088329680821</v>
      </c>
      <c r="B8715" s="1"/>
      <c r="C8715">
        <v>1</v>
      </c>
      <c r="D8715" t="s">
        <v>19200</v>
      </c>
      <c r="E8715" t="s">
        <v>33099</v>
      </c>
      <c r="F8715">
        <v>4</v>
      </c>
      <c r="G8715" t="s">
        <v>2</v>
      </c>
      <c r="H8715" t="s">
        <v>19201</v>
      </c>
      <c r="I8715" t="s">
        <v>30540</v>
      </c>
    </row>
    <row r="8716" spans="1:9">
      <c r="A8716" s="1">
        <f ca="1">RAND()</f>
        <v>0.72490114652690174</v>
      </c>
      <c r="B8716" s="1"/>
      <c r="C8716">
        <v>6</v>
      </c>
      <c r="D8716" t="s">
        <v>19206</v>
      </c>
      <c r="E8716" t="s">
        <v>33099</v>
      </c>
      <c r="F8716">
        <v>4</v>
      </c>
      <c r="G8716" t="s">
        <v>14</v>
      </c>
      <c r="H8716" t="s">
        <v>19207</v>
      </c>
      <c r="I8716" t="s">
        <v>30540</v>
      </c>
    </row>
    <row r="8717" spans="1:9">
      <c r="A8717" s="1">
        <f ca="1">RAND()</f>
        <v>0.93984894295677912</v>
      </c>
      <c r="B8717" s="1"/>
      <c r="C8717">
        <v>9</v>
      </c>
      <c r="D8717" t="s">
        <v>19210</v>
      </c>
      <c r="E8717" t="s">
        <v>33099</v>
      </c>
      <c r="F8717">
        <v>4</v>
      </c>
      <c r="G8717" t="s">
        <v>14</v>
      </c>
      <c r="H8717" t="s">
        <v>19211</v>
      </c>
      <c r="I8717" t="s">
        <v>30540</v>
      </c>
    </row>
    <row r="8718" spans="1:9">
      <c r="A8718" s="1">
        <f ca="1">RAND()</f>
        <v>0.84747646909290375</v>
      </c>
      <c r="B8718" s="1"/>
      <c r="C8718">
        <v>5</v>
      </c>
      <c r="D8718" t="s">
        <v>19204</v>
      </c>
      <c r="E8718" t="s">
        <v>33099</v>
      </c>
      <c r="F8718">
        <v>4</v>
      </c>
      <c r="G8718" t="s">
        <v>10</v>
      </c>
      <c r="H8718" t="s">
        <v>19205</v>
      </c>
      <c r="I8718" t="s">
        <v>30540</v>
      </c>
    </row>
    <row r="8719" spans="1:9">
      <c r="A8719" s="1">
        <f ca="1">RAND()</f>
        <v>0.50537941663028041</v>
      </c>
      <c r="B8719" s="1"/>
      <c r="C8719">
        <v>12</v>
      </c>
      <c r="D8719" t="s">
        <v>19212</v>
      </c>
      <c r="E8719" t="s">
        <v>33099</v>
      </c>
      <c r="F8719">
        <v>4</v>
      </c>
      <c r="G8719" t="s">
        <v>14</v>
      </c>
      <c r="H8719" t="s">
        <v>19213</v>
      </c>
      <c r="I8719" t="s">
        <v>30540</v>
      </c>
    </row>
    <row r="8720" spans="1:9">
      <c r="A8720" s="1">
        <f ca="1">RAND()</f>
        <v>0.81738380172780511</v>
      </c>
      <c r="B8720" s="1"/>
      <c r="C8720">
        <v>17</v>
      </c>
      <c r="D8720" t="s">
        <v>19216</v>
      </c>
      <c r="E8720" t="s">
        <v>33099</v>
      </c>
      <c r="F8720">
        <v>4</v>
      </c>
      <c r="G8720" t="s">
        <v>9</v>
      </c>
      <c r="H8720" t="s">
        <v>19217</v>
      </c>
      <c r="I8720" t="s">
        <v>30540</v>
      </c>
    </row>
    <row r="8721" spans="1:9">
      <c r="A8721" s="1">
        <f ca="1">RAND()</f>
        <v>0.95371820267717067</v>
      </c>
      <c r="B8721" s="1"/>
      <c r="C8721">
        <v>16</v>
      </c>
      <c r="D8721" t="s">
        <v>19214</v>
      </c>
      <c r="E8721" t="s">
        <v>33099</v>
      </c>
      <c r="F8721">
        <v>2</v>
      </c>
      <c r="G8721" t="s">
        <v>1</v>
      </c>
      <c r="H8721" t="s">
        <v>19215</v>
      </c>
      <c r="I8721" t="s">
        <v>30540</v>
      </c>
    </row>
    <row r="8722" spans="1:9">
      <c r="A8722" s="1">
        <f ca="1">RAND()</f>
        <v>0.50324707664098123</v>
      </c>
      <c r="B8722" s="1"/>
      <c r="C8722">
        <v>8</v>
      </c>
      <c r="D8722" t="s">
        <v>19208</v>
      </c>
      <c r="E8722" t="s">
        <v>33099</v>
      </c>
      <c r="F8722">
        <v>1</v>
      </c>
      <c r="G8722" t="s">
        <v>14</v>
      </c>
      <c r="H8722" t="s">
        <v>19209</v>
      </c>
      <c r="I8722" t="s">
        <v>30540</v>
      </c>
    </row>
    <row r="8723" spans="1:9">
      <c r="A8723" s="1">
        <f ca="1">RAND()</f>
        <v>0.82678357578183381</v>
      </c>
      <c r="B8723" s="1"/>
      <c r="C8723">
        <v>7</v>
      </c>
      <c r="D8723" t="s">
        <v>19192</v>
      </c>
      <c r="E8723" t="s">
        <v>33100</v>
      </c>
      <c r="F8723">
        <v>5</v>
      </c>
      <c r="G8723" t="s">
        <v>2</v>
      </c>
      <c r="H8723" t="s">
        <v>19193</v>
      </c>
      <c r="I8723" t="s">
        <v>30540</v>
      </c>
    </row>
    <row r="8724" spans="1:9">
      <c r="A8724" s="1">
        <f ca="1">RAND()</f>
        <v>0.9132776302300698</v>
      </c>
      <c r="B8724" s="1"/>
      <c r="C8724">
        <v>6</v>
      </c>
      <c r="D8724" t="s">
        <v>19190</v>
      </c>
      <c r="E8724" t="s">
        <v>33100</v>
      </c>
      <c r="F8724">
        <v>4</v>
      </c>
      <c r="G8724" t="s">
        <v>14</v>
      </c>
      <c r="H8724" t="s">
        <v>19191</v>
      </c>
      <c r="I8724" t="s">
        <v>30540</v>
      </c>
    </row>
    <row r="8725" spans="1:9">
      <c r="A8725" s="1">
        <f ca="1">RAND()</f>
        <v>0.37928853198904711</v>
      </c>
      <c r="B8725" s="1"/>
      <c r="C8725">
        <v>2</v>
      </c>
      <c r="D8725" t="s">
        <v>19188</v>
      </c>
      <c r="E8725" t="s">
        <v>33100</v>
      </c>
      <c r="F8725">
        <v>4</v>
      </c>
      <c r="G8725" t="s">
        <v>10</v>
      </c>
      <c r="H8725" t="s">
        <v>19189</v>
      </c>
      <c r="I8725" t="s">
        <v>30540</v>
      </c>
    </row>
    <row r="8726" spans="1:9">
      <c r="A8726" s="1">
        <f ca="1">RAND()</f>
        <v>0.31681484246288827</v>
      </c>
      <c r="B8726" s="1"/>
      <c r="C8726">
        <v>20</v>
      </c>
      <c r="D8726" t="s">
        <v>19198</v>
      </c>
      <c r="E8726" t="s">
        <v>33100</v>
      </c>
      <c r="F8726">
        <v>4</v>
      </c>
      <c r="G8726" t="s">
        <v>14</v>
      </c>
      <c r="H8726" t="s">
        <v>19199</v>
      </c>
      <c r="I8726" t="s">
        <v>30540</v>
      </c>
    </row>
    <row r="8727" spans="1:9">
      <c r="A8727" s="1">
        <f ca="1">RAND()</f>
        <v>1.1812261932316881E-3</v>
      </c>
      <c r="B8727" s="1"/>
      <c r="C8727">
        <v>14</v>
      </c>
      <c r="D8727" t="s">
        <v>19194</v>
      </c>
      <c r="E8727" t="s">
        <v>33100</v>
      </c>
      <c r="F8727">
        <v>4</v>
      </c>
      <c r="G8727" t="s">
        <v>14</v>
      </c>
      <c r="H8727" t="s">
        <v>19195</v>
      </c>
      <c r="I8727" t="s">
        <v>30540</v>
      </c>
    </row>
    <row r="8728" spans="1:9">
      <c r="A8728" s="1">
        <f ca="1">RAND()</f>
        <v>0.93542420695471207</v>
      </c>
      <c r="B8728" s="1"/>
      <c r="C8728">
        <v>18</v>
      </c>
      <c r="D8728" t="s">
        <v>19196</v>
      </c>
      <c r="E8728" t="s">
        <v>33100</v>
      </c>
      <c r="F8728">
        <v>3</v>
      </c>
      <c r="G8728" t="s">
        <v>14</v>
      </c>
      <c r="H8728" t="s">
        <v>19197</v>
      </c>
      <c r="I8728" t="s">
        <v>30540</v>
      </c>
    </row>
    <row r="8729" spans="1:9">
      <c r="A8729" s="1">
        <f ca="1">RAND()</f>
        <v>0.11480055201752526</v>
      </c>
      <c r="B8729" s="1"/>
      <c r="C8729">
        <v>5</v>
      </c>
      <c r="D8729" t="s">
        <v>19178</v>
      </c>
      <c r="E8729" t="s">
        <v>33101</v>
      </c>
      <c r="F8729">
        <v>5</v>
      </c>
      <c r="G8729" t="s">
        <v>14</v>
      </c>
      <c r="H8729" t="s">
        <v>19179</v>
      </c>
      <c r="I8729" t="s">
        <v>30540</v>
      </c>
    </row>
    <row r="8730" spans="1:9">
      <c r="A8730" s="1">
        <f ca="1">RAND()</f>
        <v>0.36176456278595459</v>
      </c>
      <c r="B8730" s="1"/>
      <c r="C8730">
        <v>1</v>
      </c>
      <c r="D8730" t="s">
        <v>19176</v>
      </c>
      <c r="E8730" t="s">
        <v>33101</v>
      </c>
      <c r="F8730">
        <v>5</v>
      </c>
      <c r="G8730" t="s">
        <v>10</v>
      </c>
      <c r="H8730" t="s">
        <v>19177</v>
      </c>
      <c r="I8730" t="s">
        <v>30540</v>
      </c>
    </row>
    <row r="8731" spans="1:9">
      <c r="A8731" s="1">
        <f ca="1">RAND()</f>
        <v>0.71069034722347069</v>
      </c>
      <c r="B8731" s="1"/>
      <c r="C8731">
        <v>7</v>
      </c>
      <c r="D8731" t="s">
        <v>19182</v>
      </c>
      <c r="E8731" t="s">
        <v>33101</v>
      </c>
      <c r="F8731">
        <v>4</v>
      </c>
      <c r="G8731" t="s">
        <v>13</v>
      </c>
      <c r="H8731" t="s">
        <v>19183</v>
      </c>
      <c r="I8731" t="s">
        <v>30540</v>
      </c>
    </row>
    <row r="8732" spans="1:9">
      <c r="A8732" s="1">
        <f ca="1">RAND()</f>
        <v>0.53902626521530683</v>
      </c>
      <c r="B8732" s="1"/>
      <c r="C8732">
        <v>9</v>
      </c>
      <c r="D8732" t="s">
        <v>19184</v>
      </c>
      <c r="E8732" t="s">
        <v>33101</v>
      </c>
      <c r="F8732">
        <v>4</v>
      </c>
      <c r="G8732" t="s">
        <v>14</v>
      </c>
      <c r="H8732" t="s">
        <v>19185</v>
      </c>
      <c r="I8732" t="s">
        <v>30540</v>
      </c>
    </row>
    <row r="8733" spans="1:9">
      <c r="A8733" s="1">
        <f ca="1">RAND()</f>
        <v>0.98188388905023349</v>
      </c>
      <c r="B8733" s="1"/>
      <c r="C8733">
        <v>6</v>
      </c>
      <c r="D8733" t="s">
        <v>19180</v>
      </c>
      <c r="E8733" t="s">
        <v>33101</v>
      </c>
      <c r="F8733">
        <v>3</v>
      </c>
      <c r="G8733" t="s">
        <v>14</v>
      </c>
      <c r="H8733" t="s">
        <v>19181</v>
      </c>
      <c r="I8733" t="s">
        <v>30540</v>
      </c>
    </row>
    <row r="8734" spans="1:9">
      <c r="A8734" s="1">
        <f ca="1">RAND()</f>
        <v>0.75656197791204771</v>
      </c>
      <c r="B8734" s="1"/>
      <c r="C8734">
        <v>11</v>
      </c>
      <c r="D8734" t="s">
        <v>19186</v>
      </c>
      <c r="E8734" t="s">
        <v>33101</v>
      </c>
      <c r="F8734">
        <v>1</v>
      </c>
      <c r="G8734" t="s">
        <v>1</v>
      </c>
      <c r="H8734" t="s">
        <v>19187</v>
      </c>
      <c r="I8734" t="s">
        <v>30540</v>
      </c>
    </row>
    <row r="8735" spans="1:9">
      <c r="A8735" s="1">
        <f ca="1">RAND()</f>
        <v>0.41274123469285762</v>
      </c>
      <c r="B8735" s="1"/>
      <c r="C8735">
        <v>3</v>
      </c>
      <c r="D8735" t="s">
        <v>19156</v>
      </c>
      <c r="E8735" t="s">
        <v>33102</v>
      </c>
      <c r="F8735">
        <v>5</v>
      </c>
      <c r="G8735" t="s">
        <v>2</v>
      </c>
      <c r="H8735" t="s">
        <v>19157</v>
      </c>
      <c r="I8735" t="s">
        <v>30540</v>
      </c>
    </row>
    <row r="8736" spans="1:9">
      <c r="A8736" s="1">
        <f ca="1">RAND()</f>
        <v>0.43879760941316104</v>
      </c>
      <c r="B8736" s="1"/>
      <c r="C8736">
        <v>5</v>
      </c>
      <c r="D8736" t="s">
        <v>19158</v>
      </c>
      <c r="E8736" t="s">
        <v>33102</v>
      </c>
      <c r="F8736">
        <v>5</v>
      </c>
      <c r="G8736" t="s">
        <v>14</v>
      </c>
      <c r="H8736" t="s">
        <v>19159</v>
      </c>
      <c r="I8736" t="s">
        <v>30540</v>
      </c>
    </row>
    <row r="8737" spans="1:9">
      <c r="A8737" s="1">
        <f ca="1">RAND()</f>
        <v>0.70672516696082832</v>
      </c>
      <c r="B8737" s="1"/>
      <c r="C8737">
        <v>11</v>
      </c>
      <c r="D8737" t="s">
        <v>19162</v>
      </c>
      <c r="E8737" t="s">
        <v>33102</v>
      </c>
      <c r="F8737">
        <v>5</v>
      </c>
      <c r="G8737" t="s">
        <v>1431</v>
      </c>
      <c r="H8737" t="s">
        <v>19163</v>
      </c>
      <c r="I8737" t="s">
        <v>30540</v>
      </c>
    </row>
    <row r="8738" spans="1:9">
      <c r="A8738" s="1">
        <f ca="1">RAND()</f>
        <v>0.73996061656513112</v>
      </c>
      <c r="B8738" s="1"/>
      <c r="C8738">
        <v>10</v>
      </c>
      <c r="D8738" t="s">
        <v>19160</v>
      </c>
      <c r="E8738" t="s">
        <v>33102</v>
      </c>
      <c r="F8738">
        <v>5</v>
      </c>
      <c r="G8738" t="s">
        <v>775</v>
      </c>
      <c r="H8738" t="s">
        <v>19161</v>
      </c>
      <c r="I8738" t="s">
        <v>30540</v>
      </c>
    </row>
    <row r="8739" spans="1:9">
      <c r="A8739" s="1">
        <f ca="1">RAND()</f>
        <v>0.33343557249003442</v>
      </c>
      <c r="B8739" s="1"/>
      <c r="C8739">
        <v>20</v>
      </c>
      <c r="D8739" t="s">
        <v>19174</v>
      </c>
      <c r="E8739" t="s">
        <v>33102</v>
      </c>
      <c r="F8739">
        <v>4</v>
      </c>
      <c r="G8739" t="s">
        <v>14</v>
      </c>
      <c r="H8739" t="s">
        <v>19175</v>
      </c>
      <c r="I8739" t="s">
        <v>30540</v>
      </c>
    </row>
    <row r="8740" spans="1:9">
      <c r="A8740" s="1">
        <f ca="1">RAND()</f>
        <v>0.17902271242944301</v>
      </c>
      <c r="B8740" s="1"/>
      <c r="C8740">
        <v>14</v>
      </c>
      <c r="D8740" t="s">
        <v>19166</v>
      </c>
      <c r="E8740" t="s">
        <v>33102</v>
      </c>
      <c r="F8740">
        <v>4</v>
      </c>
      <c r="G8740" t="s">
        <v>1</v>
      </c>
      <c r="H8740" t="s">
        <v>19167</v>
      </c>
      <c r="I8740" t="s">
        <v>30540</v>
      </c>
    </row>
    <row r="8741" spans="1:9">
      <c r="A8741" s="1">
        <f ca="1">RAND()</f>
        <v>3.1164270795118965E-2</v>
      </c>
      <c r="B8741" s="1"/>
      <c r="C8741">
        <v>13</v>
      </c>
      <c r="D8741" t="s">
        <v>19164</v>
      </c>
      <c r="E8741" t="s">
        <v>33102</v>
      </c>
      <c r="F8741">
        <v>4</v>
      </c>
      <c r="G8741" t="s">
        <v>1426</v>
      </c>
      <c r="H8741" t="s">
        <v>19165</v>
      </c>
      <c r="I8741" t="s">
        <v>30540</v>
      </c>
    </row>
    <row r="8742" spans="1:9">
      <c r="A8742" s="1">
        <f ca="1">RAND()</f>
        <v>5.1911846333874467E-2</v>
      </c>
      <c r="B8742" s="1"/>
      <c r="C8742">
        <v>18</v>
      </c>
      <c r="D8742" t="s">
        <v>19172</v>
      </c>
      <c r="E8742" t="s">
        <v>33102</v>
      </c>
      <c r="F8742">
        <v>3</v>
      </c>
      <c r="G8742" t="s">
        <v>775</v>
      </c>
      <c r="H8742" t="s">
        <v>19173</v>
      </c>
      <c r="I8742" t="s">
        <v>30540</v>
      </c>
    </row>
    <row r="8743" spans="1:9">
      <c r="A8743" s="1">
        <f ca="1">RAND()</f>
        <v>0.85948449588769393</v>
      </c>
      <c r="B8743" s="1"/>
      <c r="C8743">
        <v>16</v>
      </c>
      <c r="D8743" t="s">
        <v>19168</v>
      </c>
      <c r="E8743" t="s">
        <v>33102</v>
      </c>
      <c r="F8743">
        <v>3</v>
      </c>
      <c r="G8743" t="s">
        <v>2229</v>
      </c>
      <c r="H8743" t="s">
        <v>19169</v>
      </c>
      <c r="I8743" t="s">
        <v>30540</v>
      </c>
    </row>
    <row r="8744" spans="1:9">
      <c r="A8744" s="1">
        <f ca="1">RAND()</f>
        <v>0.11226151380442395</v>
      </c>
      <c r="B8744" s="1"/>
      <c r="C8744">
        <v>17</v>
      </c>
      <c r="D8744" t="s">
        <v>19170</v>
      </c>
      <c r="E8744" t="s">
        <v>33102</v>
      </c>
      <c r="F8744">
        <v>2</v>
      </c>
      <c r="G8744" t="s">
        <v>10</v>
      </c>
      <c r="H8744" t="s">
        <v>19171</v>
      </c>
      <c r="I8744" t="s">
        <v>30540</v>
      </c>
    </row>
    <row r="8745" spans="1:9">
      <c r="A8745" s="1">
        <f ca="1">RAND()</f>
        <v>8.4652018964495479E-2</v>
      </c>
      <c r="B8745" s="1"/>
      <c r="C8745">
        <v>6</v>
      </c>
      <c r="D8745" t="s">
        <v>19150</v>
      </c>
      <c r="E8745" t="s">
        <v>33103</v>
      </c>
      <c r="F8745">
        <v>5</v>
      </c>
      <c r="G8745" t="s">
        <v>15</v>
      </c>
      <c r="H8745" t="s">
        <v>19151</v>
      </c>
      <c r="I8745" t="s">
        <v>30540</v>
      </c>
    </row>
    <row r="8746" spans="1:9">
      <c r="A8746" s="1">
        <f ca="1">RAND()</f>
        <v>3.0315839594888372E-2</v>
      </c>
      <c r="B8746" s="1"/>
      <c r="C8746">
        <v>12</v>
      </c>
      <c r="D8746" t="s">
        <v>19154</v>
      </c>
      <c r="E8746" t="s">
        <v>33103</v>
      </c>
      <c r="F8746">
        <v>4</v>
      </c>
      <c r="G8746" t="s">
        <v>14</v>
      </c>
      <c r="H8746" t="s">
        <v>19155</v>
      </c>
      <c r="I8746" t="s">
        <v>30540</v>
      </c>
    </row>
    <row r="8747" spans="1:9">
      <c r="A8747" s="1">
        <f ca="1">RAND()</f>
        <v>0.30417661470743484</v>
      </c>
      <c r="B8747" s="1"/>
      <c r="C8747">
        <v>4</v>
      </c>
      <c r="D8747" t="s">
        <v>19148</v>
      </c>
      <c r="E8747" t="s">
        <v>33103</v>
      </c>
      <c r="F8747">
        <v>3</v>
      </c>
      <c r="G8747" t="s">
        <v>15</v>
      </c>
      <c r="H8747" t="s">
        <v>19149</v>
      </c>
      <c r="I8747" t="s">
        <v>30540</v>
      </c>
    </row>
    <row r="8748" spans="1:9">
      <c r="A8748" s="1">
        <f ca="1">RAND()</f>
        <v>1.7557963382456743E-2</v>
      </c>
      <c r="B8748" s="1"/>
      <c r="C8748">
        <v>7</v>
      </c>
      <c r="D8748" t="s">
        <v>19152</v>
      </c>
      <c r="E8748" t="s">
        <v>33103</v>
      </c>
      <c r="F8748">
        <v>2</v>
      </c>
      <c r="G8748" t="s">
        <v>14</v>
      </c>
      <c r="H8748" t="s">
        <v>19153</v>
      </c>
      <c r="I8748" t="s">
        <v>30540</v>
      </c>
    </row>
    <row r="8749" spans="1:9">
      <c r="A8749" s="1">
        <f ca="1">RAND()</f>
        <v>0.61186925217077448</v>
      </c>
      <c r="B8749" s="1"/>
      <c r="C8749">
        <v>16</v>
      </c>
      <c r="D8749" t="s">
        <v>19140</v>
      </c>
      <c r="E8749" t="s">
        <v>33104</v>
      </c>
      <c r="F8749">
        <v>5</v>
      </c>
      <c r="G8749" t="s">
        <v>14</v>
      </c>
      <c r="H8749" t="s">
        <v>19141</v>
      </c>
      <c r="I8749" t="s">
        <v>30540</v>
      </c>
    </row>
    <row r="8750" spans="1:9">
      <c r="A8750" s="1">
        <f ca="1">RAND()</f>
        <v>0.28033970632286886</v>
      </c>
      <c r="B8750" s="1"/>
      <c r="C8750">
        <v>9</v>
      </c>
      <c r="D8750" t="s">
        <v>19138</v>
      </c>
      <c r="E8750" t="s">
        <v>33104</v>
      </c>
      <c r="F8750">
        <v>5</v>
      </c>
      <c r="G8750" t="s">
        <v>14</v>
      </c>
      <c r="H8750" t="s">
        <v>19139</v>
      </c>
      <c r="I8750" t="s">
        <v>30540</v>
      </c>
    </row>
    <row r="8751" spans="1:9">
      <c r="A8751" s="1">
        <f ca="1">RAND()</f>
        <v>0.70040816140038997</v>
      </c>
      <c r="B8751" s="1"/>
      <c r="C8751">
        <v>18</v>
      </c>
      <c r="D8751" t="s">
        <v>19142</v>
      </c>
      <c r="E8751" t="s">
        <v>33104</v>
      </c>
      <c r="F8751">
        <v>5</v>
      </c>
      <c r="G8751" t="s">
        <v>14</v>
      </c>
      <c r="H8751" t="s">
        <v>19143</v>
      </c>
      <c r="I8751" t="s">
        <v>30540</v>
      </c>
    </row>
    <row r="8752" spans="1:9">
      <c r="A8752" s="1">
        <f ca="1">RAND()</f>
        <v>0.90227788486029459</v>
      </c>
      <c r="B8752" s="1"/>
      <c r="C8752">
        <v>19</v>
      </c>
      <c r="D8752" t="s">
        <v>19144</v>
      </c>
      <c r="E8752" t="s">
        <v>33104</v>
      </c>
      <c r="F8752">
        <v>4</v>
      </c>
      <c r="G8752" t="s">
        <v>9</v>
      </c>
      <c r="H8752" t="s">
        <v>19145</v>
      </c>
      <c r="I8752" t="s">
        <v>30540</v>
      </c>
    </row>
    <row r="8753" spans="1:9">
      <c r="A8753" s="1">
        <f ca="1">RAND()</f>
        <v>0.23309671172725299</v>
      </c>
      <c r="B8753" s="1"/>
      <c r="C8753">
        <v>20</v>
      </c>
      <c r="D8753" t="s">
        <v>19146</v>
      </c>
      <c r="E8753" t="s">
        <v>33104</v>
      </c>
      <c r="F8753">
        <v>3</v>
      </c>
      <c r="G8753" t="s">
        <v>14</v>
      </c>
      <c r="H8753" t="s">
        <v>19147</v>
      </c>
      <c r="I8753" t="s">
        <v>30540</v>
      </c>
    </row>
    <row r="8754" spans="1:9">
      <c r="A8754" s="1">
        <f ca="1">RAND()</f>
        <v>0.42472572072413695</v>
      </c>
      <c r="B8754" s="1"/>
      <c r="C8754">
        <v>19</v>
      </c>
      <c r="D8754" t="s">
        <v>19134</v>
      </c>
      <c r="E8754" t="s">
        <v>33105</v>
      </c>
      <c r="F8754">
        <v>5</v>
      </c>
      <c r="G8754" t="s">
        <v>1</v>
      </c>
      <c r="H8754" t="s">
        <v>19135</v>
      </c>
      <c r="I8754" t="s">
        <v>30540</v>
      </c>
    </row>
    <row r="8755" spans="1:9">
      <c r="A8755" s="1">
        <f ca="1">RAND()</f>
        <v>0.8370931832587708</v>
      </c>
      <c r="B8755" s="1"/>
      <c r="C8755">
        <v>10</v>
      </c>
      <c r="D8755" t="s">
        <v>19128</v>
      </c>
      <c r="E8755" t="s">
        <v>33105</v>
      </c>
      <c r="F8755">
        <v>4</v>
      </c>
      <c r="G8755" t="s">
        <v>14</v>
      </c>
      <c r="H8755" t="s">
        <v>19129</v>
      </c>
      <c r="I8755" t="s">
        <v>30540</v>
      </c>
    </row>
    <row r="8756" spans="1:9">
      <c r="A8756" s="1">
        <f ca="1">RAND()</f>
        <v>0.23219564533636861</v>
      </c>
      <c r="B8756" s="1"/>
      <c r="C8756">
        <v>7</v>
      </c>
      <c r="D8756" t="s">
        <v>19126</v>
      </c>
      <c r="E8756" t="s">
        <v>33105</v>
      </c>
      <c r="F8756">
        <v>4</v>
      </c>
      <c r="G8756" t="s">
        <v>14</v>
      </c>
      <c r="H8756" t="s">
        <v>19127</v>
      </c>
      <c r="I8756" t="s">
        <v>30540</v>
      </c>
    </row>
    <row r="8757" spans="1:9">
      <c r="A8757" s="1">
        <f ca="1">RAND()</f>
        <v>0.64899273853715678</v>
      </c>
      <c r="B8757" s="1"/>
      <c r="C8757">
        <v>13</v>
      </c>
      <c r="D8757" t="s">
        <v>19130</v>
      </c>
      <c r="E8757" t="s">
        <v>33105</v>
      </c>
      <c r="F8757">
        <v>4</v>
      </c>
      <c r="G8757" t="s">
        <v>14</v>
      </c>
      <c r="H8757" t="s">
        <v>19131</v>
      </c>
      <c r="I8757" t="s">
        <v>30540</v>
      </c>
    </row>
    <row r="8758" spans="1:9">
      <c r="A8758" s="1">
        <f ca="1">RAND()</f>
        <v>0.29116807531849254</v>
      </c>
      <c r="B8758" s="1"/>
      <c r="C8758">
        <v>18</v>
      </c>
      <c r="D8758" t="s">
        <v>19132</v>
      </c>
      <c r="E8758" t="s">
        <v>33105</v>
      </c>
      <c r="F8758">
        <v>4</v>
      </c>
      <c r="G8758" t="s">
        <v>14</v>
      </c>
      <c r="H8758" t="s">
        <v>19133</v>
      </c>
      <c r="I8758" t="s">
        <v>30540</v>
      </c>
    </row>
    <row r="8759" spans="1:9">
      <c r="A8759" s="1">
        <f ca="1">RAND()</f>
        <v>0.6011204775029162</v>
      </c>
      <c r="B8759" s="1"/>
      <c r="C8759">
        <v>20</v>
      </c>
      <c r="D8759" t="s">
        <v>19136</v>
      </c>
      <c r="E8759" t="s">
        <v>33105</v>
      </c>
      <c r="F8759">
        <v>3</v>
      </c>
      <c r="G8759" t="s">
        <v>14</v>
      </c>
      <c r="H8759" t="s">
        <v>19137</v>
      </c>
      <c r="I8759" t="s">
        <v>30540</v>
      </c>
    </row>
    <row r="8760" spans="1:9">
      <c r="A8760" s="1">
        <f ca="1">RAND()</f>
        <v>0.38483845909101255</v>
      </c>
      <c r="B8760" s="1"/>
      <c r="C8760">
        <v>8</v>
      </c>
      <c r="D8760" t="s">
        <v>19122</v>
      </c>
      <c r="E8760" t="s">
        <v>33106</v>
      </c>
      <c r="F8760">
        <v>5</v>
      </c>
      <c r="G8760" t="s">
        <v>13</v>
      </c>
      <c r="H8760" t="s">
        <v>19123</v>
      </c>
      <c r="I8760" t="s">
        <v>30540</v>
      </c>
    </row>
    <row r="8761" spans="1:9">
      <c r="A8761" s="1">
        <f ca="1">RAND()</f>
        <v>5.7918965595915028E-2</v>
      </c>
      <c r="B8761" s="1"/>
      <c r="C8761">
        <v>1</v>
      </c>
      <c r="D8761" t="s">
        <v>19118</v>
      </c>
      <c r="E8761" t="s">
        <v>33106</v>
      </c>
      <c r="F8761">
        <v>5</v>
      </c>
      <c r="G8761" t="s">
        <v>10</v>
      </c>
      <c r="H8761" t="s">
        <v>19119</v>
      </c>
      <c r="I8761" t="s">
        <v>30540</v>
      </c>
    </row>
    <row r="8762" spans="1:9">
      <c r="A8762" s="1">
        <f ca="1">RAND()</f>
        <v>0.58192287825686251</v>
      </c>
      <c r="B8762" s="1"/>
      <c r="C8762">
        <v>6</v>
      </c>
      <c r="D8762" t="s">
        <v>19120</v>
      </c>
      <c r="E8762" t="s">
        <v>33106</v>
      </c>
      <c r="F8762">
        <v>4</v>
      </c>
      <c r="G8762" t="s">
        <v>14</v>
      </c>
      <c r="H8762" t="s">
        <v>19121</v>
      </c>
      <c r="I8762" t="s">
        <v>30540</v>
      </c>
    </row>
    <row r="8763" spans="1:9">
      <c r="A8763" s="1">
        <f ca="1">RAND()</f>
        <v>0.93739645138054251</v>
      </c>
      <c r="B8763" s="1"/>
      <c r="C8763">
        <v>14</v>
      </c>
      <c r="D8763" t="s">
        <v>19124</v>
      </c>
      <c r="E8763" t="s">
        <v>33106</v>
      </c>
      <c r="F8763">
        <v>1</v>
      </c>
      <c r="G8763" t="s">
        <v>9</v>
      </c>
      <c r="H8763" t="s">
        <v>19125</v>
      </c>
      <c r="I8763" t="s">
        <v>30540</v>
      </c>
    </row>
    <row r="8764" spans="1:9">
      <c r="A8764" s="1">
        <f ca="1">RAND()</f>
        <v>0.23314074570048182</v>
      </c>
      <c r="B8764" s="1"/>
      <c r="C8764">
        <v>16</v>
      </c>
      <c r="D8764" t="s">
        <v>19116</v>
      </c>
      <c r="E8764" t="s">
        <v>33107</v>
      </c>
      <c r="F8764">
        <v>4</v>
      </c>
      <c r="G8764" t="s">
        <v>766</v>
      </c>
      <c r="H8764" t="s">
        <v>19117</v>
      </c>
      <c r="I8764" t="s">
        <v>30540</v>
      </c>
    </row>
    <row r="8765" spans="1:9">
      <c r="A8765" s="1">
        <f ca="1">RAND()</f>
        <v>0.97752441606828722</v>
      </c>
      <c r="B8765" s="1"/>
      <c r="C8765">
        <v>3</v>
      </c>
      <c r="D8765" t="s">
        <v>19108</v>
      </c>
      <c r="E8765" t="s">
        <v>33107</v>
      </c>
      <c r="F8765">
        <v>4</v>
      </c>
      <c r="G8765" t="s">
        <v>762</v>
      </c>
      <c r="H8765" t="s">
        <v>19109</v>
      </c>
      <c r="I8765" t="s">
        <v>30540</v>
      </c>
    </row>
    <row r="8766" spans="1:9">
      <c r="A8766" s="1">
        <f ca="1">RAND()</f>
        <v>0.97454089152982915</v>
      </c>
      <c r="B8766" s="1"/>
      <c r="C8766">
        <v>12</v>
      </c>
      <c r="D8766" t="s">
        <v>19112</v>
      </c>
      <c r="E8766" t="s">
        <v>33107</v>
      </c>
      <c r="F8766">
        <v>4</v>
      </c>
      <c r="G8766" t="s">
        <v>762</v>
      </c>
      <c r="H8766" t="s">
        <v>19113</v>
      </c>
      <c r="I8766" t="s">
        <v>30540</v>
      </c>
    </row>
    <row r="8767" spans="1:9">
      <c r="A8767" s="1">
        <f ca="1">RAND()</f>
        <v>6.9261550725569498E-2</v>
      </c>
      <c r="B8767" s="1"/>
      <c r="C8767">
        <v>14</v>
      </c>
      <c r="D8767" t="s">
        <v>19114</v>
      </c>
      <c r="E8767" t="s">
        <v>33107</v>
      </c>
      <c r="F8767">
        <v>4</v>
      </c>
      <c r="G8767" t="s">
        <v>2</v>
      </c>
      <c r="H8767" t="s">
        <v>19115</v>
      </c>
      <c r="I8767" t="s">
        <v>30540</v>
      </c>
    </row>
    <row r="8768" spans="1:9">
      <c r="A8768" s="1">
        <f ca="1">RAND()</f>
        <v>0.69324415470687262</v>
      </c>
      <c r="B8768" s="1"/>
      <c r="C8768">
        <v>5</v>
      </c>
      <c r="D8768" t="s">
        <v>19110</v>
      </c>
      <c r="E8768" t="s">
        <v>33107</v>
      </c>
      <c r="F8768">
        <v>4</v>
      </c>
      <c r="G8768" t="s">
        <v>2</v>
      </c>
      <c r="H8768" t="s">
        <v>19111</v>
      </c>
      <c r="I8768" t="s">
        <v>30540</v>
      </c>
    </row>
    <row r="8769" spans="1:9">
      <c r="A8769" s="1">
        <f ca="1">RAND()</f>
        <v>0.10305168828376676</v>
      </c>
      <c r="B8769" s="1"/>
      <c r="C8769">
        <v>7</v>
      </c>
      <c r="D8769" t="s">
        <v>19102</v>
      </c>
      <c r="E8769" t="s">
        <v>33108</v>
      </c>
      <c r="F8769">
        <v>5</v>
      </c>
      <c r="G8769" t="s">
        <v>1</v>
      </c>
      <c r="H8769" t="s">
        <v>19103</v>
      </c>
      <c r="I8769" t="s">
        <v>30540</v>
      </c>
    </row>
    <row r="8770" spans="1:9">
      <c r="A8770" s="1">
        <f ca="1">RAND()</f>
        <v>0.65453309706739027</v>
      </c>
      <c r="B8770" s="1"/>
      <c r="C8770">
        <v>2</v>
      </c>
      <c r="D8770" t="s">
        <v>19096</v>
      </c>
      <c r="E8770" t="s">
        <v>33108</v>
      </c>
      <c r="F8770">
        <v>5</v>
      </c>
      <c r="G8770" t="s">
        <v>2</v>
      </c>
      <c r="H8770" t="s">
        <v>19097</v>
      </c>
      <c r="I8770" t="s">
        <v>30540</v>
      </c>
    </row>
    <row r="8771" spans="1:9">
      <c r="A8771" s="1">
        <f ca="1">RAND()</f>
        <v>0.74561978003991258</v>
      </c>
      <c r="B8771" s="1"/>
      <c r="C8771">
        <v>13</v>
      </c>
      <c r="D8771" t="s">
        <v>19106</v>
      </c>
      <c r="E8771" t="s">
        <v>33108</v>
      </c>
      <c r="F8771">
        <v>4</v>
      </c>
      <c r="G8771" t="s">
        <v>14</v>
      </c>
      <c r="H8771" t="s">
        <v>19107</v>
      </c>
      <c r="I8771" t="s">
        <v>30540</v>
      </c>
    </row>
    <row r="8772" spans="1:9">
      <c r="A8772" s="1">
        <f ca="1">RAND()</f>
        <v>0.28865606298013735</v>
      </c>
      <c r="B8772" s="1"/>
      <c r="C8772">
        <v>3</v>
      </c>
      <c r="D8772" t="s">
        <v>19098</v>
      </c>
      <c r="E8772" t="s">
        <v>33108</v>
      </c>
      <c r="F8772">
        <v>4</v>
      </c>
      <c r="G8772" t="s">
        <v>1</v>
      </c>
      <c r="H8772" t="s">
        <v>19099</v>
      </c>
      <c r="I8772" t="s">
        <v>30540</v>
      </c>
    </row>
    <row r="8773" spans="1:9">
      <c r="A8773" s="1">
        <f ca="1">RAND()</f>
        <v>0.6482723448720773</v>
      </c>
      <c r="B8773" s="1"/>
      <c r="C8773">
        <v>5</v>
      </c>
      <c r="D8773" t="s">
        <v>19100</v>
      </c>
      <c r="E8773" t="s">
        <v>33108</v>
      </c>
      <c r="F8773">
        <v>3</v>
      </c>
      <c r="G8773" t="s">
        <v>0</v>
      </c>
      <c r="H8773" t="s">
        <v>19101</v>
      </c>
      <c r="I8773" t="s">
        <v>30540</v>
      </c>
    </row>
    <row r="8774" spans="1:9">
      <c r="A8774" s="1">
        <f ca="1">RAND()</f>
        <v>0.18045907219197255</v>
      </c>
      <c r="B8774" s="1"/>
      <c r="C8774">
        <v>12</v>
      </c>
      <c r="D8774" t="s">
        <v>19104</v>
      </c>
      <c r="E8774" t="s">
        <v>33108</v>
      </c>
      <c r="F8774">
        <v>2</v>
      </c>
      <c r="G8774" t="s">
        <v>14</v>
      </c>
      <c r="H8774" t="s">
        <v>19105</v>
      </c>
      <c r="I8774" t="s">
        <v>30540</v>
      </c>
    </row>
    <row r="8775" spans="1:9">
      <c r="A8775" s="1">
        <f ca="1">RAND()</f>
        <v>0.89421527385210908</v>
      </c>
      <c r="B8775" s="1"/>
      <c r="C8775">
        <v>11</v>
      </c>
      <c r="D8775" t="s">
        <v>19086</v>
      </c>
      <c r="E8775" t="s">
        <v>33109</v>
      </c>
      <c r="F8775">
        <v>4</v>
      </c>
      <c r="G8775" t="s">
        <v>15</v>
      </c>
      <c r="H8775" t="s">
        <v>19087</v>
      </c>
      <c r="I8775" t="s">
        <v>30540</v>
      </c>
    </row>
    <row r="8776" spans="1:9">
      <c r="A8776" s="1">
        <f ca="1">RAND()</f>
        <v>0.128430561680274</v>
      </c>
      <c r="B8776" s="1"/>
      <c r="C8776">
        <v>19</v>
      </c>
      <c r="D8776" t="s">
        <v>19092</v>
      </c>
      <c r="E8776" t="s">
        <v>33109</v>
      </c>
      <c r="F8776">
        <v>4</v>
      </c>
      <c r="G8776" t="s">
        <v>10</v>
      </c>
      <c r="H8776" t="s">
        <v>19093</v>
      </c>
      <c r="I8776" t="s">
        <v>30540</v>
      </c>
    </row>
    <row r="8777" spans="1:9">
      <c r="A8777" s="1">
        <f ca="1">RAND()</f>
        <v>0.40711244240838318</v>
      </c>
      <c r="B8777" s="1"/>
      <c r="C8777">
        <v>10</v>
      </c>
      <c r="D8777" t="s">
        <v>19084</v>
      </c>
      <c r="E8777" t="s">
        <v>33109</v>
      </c>
      <c r="F8777">
        <v>4</v>
      </c>
      <c r="G8777" t="s">
        <v>9</v>
      </c>
      <c r="H8777" t="s">
        <v>19085</v>
      </c>
      <c r="I8777" t="s">
        <v>30540</v>
      </c>
    </row>
    <row r="8778" spans="1:9">
      <c r="A8778" s="1">
        <f ca="1">RAND()</f>
        <v>0.41455605297338827</v>
      </c>
      <c r="B8778" s="1"/>
      <c r="C8778">
        <v>3</v>
      </c>
      <c r="D8778" t="s">
        <v>19080</v>
      </c>
      <c r="E8778" t="s">
        <v>33109</v>
      </c>
      <c r="F8778">
        <v>4</v>
      </c>
      <c r="G8778" t="s">
        <v>9</v>
      </c>
      <c r="H8778" t="s">
        <v>19081</v>
      </c>
      <c r="I8778" t="s">
        <v>30540</v>
      </c>
    </row>
    <row r="8779" spans="1:9">
      <c r="A8779" s="1">
        <f ca="1">RAND()</f>
        <v>4.965263398808617E-2</v>
      </c>
      <c r="B8779" s="1"/>
      <c r="C8779">
        <v>15</v>
      </c>
      <c r="D8779" t="s">
        <v>19088</v>
      </c>
      <c r="E8779" t="s">
        <v>33109</v>
      </c>
      <c r="F8779">
        <v>4</v>
      </c>
      <c r="G8779" t="s">
        <v>14</v>
      </c>
      <c r="H8779" t="s">
        <v>19089</v>
      </c>
      <c r="I8779" t="s">
        <v>30540</v>
      </c>
    </row>
    <row r="8780" spans="1:9">
      <c r="A8780" s="1">
        <f ca="1">RAND()</f>
        <v>0.19073866375933968</v>
      </c>
      <c r="B8780" s="1"/>
      <c r="C8780">
        <v>20</v>
      </c>
      <c r="D8780" t="s">
        <v>19094</v>
      </c>
      <c r="E8780" t="s">
        <v>33109</v>
      </c>
      <c r="F8780">
        <v>4</v>
      </c>
      <c r="G8780" t="s">
        <v>14</v>
      </c>
      <c r="H8780" t="s">
        <v>19095</v>
      </c>
      <c r="I8780" t="s">
        <v>30540</v>
      </c>
    </row>
    <row r="8781" spans="1:9">
      <c r="A8781" s="1">
        <f ca="1">RAND()</f>
        <v>0.1780379449500411</v>
      </c>
      <c r="B8781" s="1"/>
      <c r="C8781">
        <v>2</v>
      </c>
      <c r="D8781" t="s">
        <v>19078</v>
      </c>
      <c r="E8781" t="s">
        <v>33109</v>
      </c>
      <c r="F8781">
        <v>3</v>
      </c>
      <c r="G8781" t="s">
        <v>13</v>
      </c>
      <c r="H8781" t="s">
        <v>19079</v>
      </c>
      <c r="I8781" t="s">
        <v>30540</v>
      </c>
    </row>
    <row r="8782" spans="1:9">
      <c r="A8782" s="1">
        <f ca="1">RAND()</f>
        <v>3.6079470815854275E-2</v>
      </c>
      <c r="B8782" s="1"/>
      <c r="C8782">
        <v>4</v>
      </c>
      <c r="D8782" t="s">
        <v>19082</v>
      </c>
      <c r="E8782" t="s">
        <v>33109</v>
      </c>
      <c r="F8782">
        <v>3</v>
      </c>
      <c r="G8782" t="s">
        <v>10</v>
      </c>
      <c r="H8782" t="s">
        <v>19083</v>
      </c>
      <c r="I8782" t="s">
        <v>30540</v>
      </c>
    </row>
    <row r="8783" spans="1:9">
      <c r="A8783" s="1">
        <f ca="1">RAND()</f>
        <v>0.88603790468226407</v>
      </c>
      <c r="B8783" s="1"/>
      <c r="C8783">
        <v>17</v>
      </c>
      <c r="D8783" t="s">
        <v>19090</v>
      </c>
      <c r="E8783" t="s">
        <v>33109</v>
      </c>
      <c r="F8783">
        <v>3</v>
      </c>
      <c r="G8783" t="s">
        <v>0</v>
      </c>
      <c r="H8783" t="s">
        <v>19091</v>
      </c>
      <c r="I8783" t="s">
        <v>30540</v>
      </c>
    </row>
    <row r="8784" spans="1:9">
      <c r="A8784" s="1">
        <f ca="1">RAND()</f>
        <v>0.27410933981628605</v>
      </c>
      <c r="B8784" s="1"/>
      <c r="C8784">
        <v>12</v>
      </c>
      <c r="D8784" t="s">
        <v>19074</v>
      </c>
      <c r="E8784" t="s">
        <v>33110</v>
      </c>
      <c r="F8784">
        <v>4</v>
      </c>
      <c r="G8784" t="s">
        <v>0</v>
      </c>
      <c r="H8784" t="s">
        <v>19075</v>
      </c>
      <c r="I8784" t="s">
        <v>30540</v>
      </c>
    </row>
    <row r="8785" spans="1:9">
      <c r="A8785" s="1">
        <f ca="1">RAND()</f>
        <v>0.82642843384414388</v>
      </c>
      <c r="B8785" s="1"/>
      <c r="C8785">
        <v>19</v>
      </c>
      <c r="D8785" t="s">
        <v>19076</v>
      </c>
      <c r="E8785" t="s">
        <v>33110</v>
      </c>
      <c r="F8785">
        <v>4</v>
      </c>
      <c r="G8785" t="s">
        <v>0</v>
      </c>
      <c r="H8785" t="s">
        <v>19077</v>
      </c>
      <c r="I8785" t="s">
        <v>30540</v>
      </c>
    </row>
    <row r="8786" spans="1:9">
      <c r="A8786" s="1">
        <f ca="1">RAND()</f>
        <v>0.94956181452901556</v>
      </c>
      <c r="B8786" s="1"/>
      <c r="C8786">
        <v>9</v>
      </c>
      <c r="D8786" t="s">
        <v>19070</v>
      </c>
      <c r="E8786" t="s">
        <v>33110</v>
      </c>
      <c r="F8786">
        <v>4</v>
      </c>
      <c r="G8786" t="s">
        <v>14</v>
      </c>
      <c r="H8786" t="s">
        <v>19071</v>
      </c>
      <c r="I8786" t="s">
        <v>30540</v>
      </c>
    </row>
    <row r="8787" spans="1:9">
      <c r="A8787" s="1">
        <f ca="1">RAND()</f>
        <v>0.84855441267159615</v>
      </c>
      <c r="B8787" s="1"/>
      <c r="C8787">
        <v>5</v>
      </c>
      <c r="D8787" t="s">
        <v>19068</v>
      </c>
      <c r="E8787" t="s">
        <v>33110</v>
      </c>
      <c r="F8787">
        <v>3</v>
      </c>
      <c r="G8787" t="s">
        <v>14</v>
      </c>
      <c r="H8787" t="s">
        <v>19069</v>
      </c>
      <c r="I8787" t="s">
        <v>30540</v>
      </c>
    </row>
    <row r="8788" spans="1:9">
      <c r="A8788" s="1">
        <f ca="1">RAND()</f>
        <v>0.6353496206941508</v>
      </c>
      <c r="B8788" s="1"/>
      <c r="C8788">
        <v>11</v>
      </c>
      <c r="D8788" t="s">
        <v>19072</v>
      </c>
      <c r="E8788" t="s">
        <v>33110</v>
      </c>
      <c r="F8788">
        <v>2</v>
      </c>
      <c r="G8788" t="s">
        <v>13</v>
      </c>
      <c r="H8788" t="s">
        <v>19073</v>
      </c>
      <c r="I8788" t="s">
        <v>30540</v>
      </c>
    </row>
    <row r="8789" spans="1:9">
      <c r="A8789" s="1">
        <f ca="1">RAND()</f>
        <v>0.3971969345444174</v>
      </c>
      <c r="B8789" s="1"/>
      <c r="C8789">
        <v>3</v>
      </c>
      <c r="D8789" t="s">
        <v>19060</v>
      </c>
      <c r="E8789" t="s">
        <v>33111</v>
      </c>
      <c r="F8789">
        <v>4</v>
      </c>
      <c r="G8789" t="s">
        <v>2</v>
      </c>
      <c r="H8789" t="s">
        <v>19061</v>
      </c>
      <c r="I8789" t="s">
        <v>30540</v>
      </c>
    </row>
    <row r="8790" spans="1:9">
      <c r="A8790" s="1">
        <f ca="1">RAND()</f>
        <v>0.16764992224354247</v>
      </c>
      <c r="B8790" s="1"/>
      <c r="C8790">
        <v>1</v>
      </c>
      <c r="D8790" t="s">
        <v>19058</v>
      </c>
      <c r="E8790" t="s">
        <v>33111</v>
      </c>
      <c r="F8790">
        <v>4</v>
      </c>
      <c r="G8790" t="s">
        <v>1</v>
      </c>
      <c r="H8790" t="s">
        <v>19059</v>
      </c>
      <c r="I8790" t="s">
        <v>30540</v>
      </c>
    </row>
    <row r="8791" spans="1:9">
      <c r="A8791" s="1">
        <f ca="1">RAND()</f>
        <v>0.12987692399751183</v>
      </c>
      <c r="B8791" s="1"/>
      <c r="C8791">
        <v>4</v>
      </c>
      <c r="D8791" t="s">
        <v>19062</v>
      </c>
      <c r="E8791" t="s">
        <v>33111</v>
      </c>
      <c r="F8791">
        <v>4</v>
      </c>
      <c r="G8791" t="s">
        <v>14</v>
      </c>
      <c r="H8791" t="s">
        <v>19063</v>
      </c>
      <c r="I8791" t="s">
        <v>30540</v>
      </c>
    </row>
    <row r="8792" spans="1:9">
      <c r="A8792" s="1">
        <f ca="1">RAND()</f>
        <v>0.8046590519092236</v>
      </c>
      <c r="B8792" s="1"/>
      <c r="C8792">
        <v>10</v>
      </c>
      <c r="D8792" t="s">
        <v>19064</v>
      </c>
      <c r="E8792" t="s">
        <v>33111</v>
      </c>
      <c r="F8792">
        <v>2</v>
      </c>
      <c r="G8792" t="s">
        <v>14</v>
      </c>
      <c r="H8792" t="s">
        <v>19065</v>
      </c>
      <c r="I8792" t="s">
        <v>30540</v>
      </c>
    </row>
    <row r="8793" spans="1:9">
      <c r="A8793" s="1">
        <f ca="1">RAND()</f>
        <v>0.52081729835146195</v>
      </c>
      <c r="B8793" s="1"/>
      <c r="C8793">
        <v>19</v>
      </c>
      <c r="D8793" t="s">
        <v>19066</v>
      </c>
      <c r="E8793" t="s">
        <v>33111</v>
      </c>
      <c r="F8793">
        <v>2</v>
      </c>
      <c r="G8793" t="s">
        <v>14</v>
      </c>
      <c r="H8793" t="s">
        <v>19067</v>
      </c>
      <c r="I8793" t="s">
        <v>30540</v>
      </c>
    </row>
    <row r="8794" spans="1:9">
      <c r="A8794" s="1">
        <f ca="1">RAND()</f>
        <v>0.35732403137543545</v>
      </c>
      <c r="B8794" s="1"/>
      <c r="C8794">
        <v>17</v>
      </c>
      <c r="D8794" t="s">
        <v>19054</v>
      </c>
      <c r="E8794" t="s">
        <v>33112</v>
      </c>
      <c r="F8794">
        <v>4</v>
      </c>
      <c r="G8794" t="s">
        <v>775</v>
      </c>
      <c r="H8794" t="s">
        <v>19055</v>
      </c>
      <c r="I8794" t="s">
        <v>30540</v>
      </c>
    </row>
    <row r="8795" spans="1:9">
      <c r="A8795" s="1">
        <f ca="1">RAND()</f>
        <v>0.9398903275496634</v>
      </c>
      <c r="B8795" s="1"/>
      <c r="C8795">
        <v>16</v>
      </c>
      <c r="D8795" t="s">
        <v>19052</v>
      </c>
      <c r="E8795" t="s">
        <v>33112</v>
      </c>
      <c r="F8795">
        <v>4</v>
      </c>
      <c r="G8795" t="s">
        <v>13</v>
      </c>
      <c r="H8795" t="s">
        <v>19053</v>
      </c>
      <c r="I8795" t="s">
        <v>30540</v>
      </c>
    </row>
    <row r="8796" spans="1:9">
      <c r="A8796" s="1">
        <f ca="1">RAND()</f>
        <v>0.43513922313432485</v>
      </c>
      <c r="B8796" s="1"/>
      <c r="C8796">
        <v>20</v>
      </c>
      <c r="D8796" t="s">
        <v>19056</v>
      </c>
      <c r="E8796" t="s">
        <v>33112</v>
      </c>
      <c r="F8796">
        <v>4</v>
      </c>
      <c r="G8796" t="s">
        <v>14</v>
      </c>
      <c r="H8796" t="s">
        <v>19057</v>
      </c>
      <c r="I8796" t="s">
        <v>30540</v>
      </c>
    </row>
    <row r="8797" spans="1:9">
      <c r="A8797" s="1">
        <f ca="1">RAND()</f>
        <v>0.61530131582349323</v>
      </c>
      <c r="B8797" s="1"/>
      <c r="C8797">
        <v>2</v>
      </c>
      <c r="D8797" t="s">
        <v>19048</v>
      </c>
      <c r="E8797" t="s">
        <v>33112</v>
      </c>
      <c r="F8797">
        <v>3</v>
      </c>
      <c r="G8797" t="s">
        <v>15</v>
      </c>
      <c r="H8797" t="s">
        <v>19049</v>
      </c>
      <c r="I8797" t="s">
        <v>30540</v>
      </c>
    </row>
    <row r="8798" spans="1:9">
      <c r="A8798" s="1">
        <f ca="1">RAND()</f>
        <v>0.39142955862990614</v>
      </c>
      <c r="B8798" s="1"/>
      <c r="C8798">
        <v>5</v>
      </c>
      <c r="D8798" t="s">
        <v>19050</v>
      </c>
      <c r="E8798" t="s">
        <v>33112</v>
      </c>
      <c r="F8798">
        <v>3</v>
      </c>
      <c r="G8798" t="s">
        <v>762</v>
      </c>
      <c r="H8798" t="s">
        <v>19051</v>
      </c>
      <c r="I8798" t="s">
        <v>30540</v>
      </c>
    </row>
    <row r="8799" spans="1:9">
      <c r="A8799" s="1">
        <f ca="1">RAND()</f>
        <v>0.75651430404966558</v>
      </c>
      <c r="B8799" s="1"/>
      <c r="C8799">
        <v>11</v>
      </c>
      <c r="D8799" t="s">
        <v>19044</v>
      </c>
      <c r="E8799" t="s">
        <v>33113</v>
      </c>
      <c r="F8799">
        <v>4</v>
      </c>
      <c r="G8799" t="s">
        <v>15</v>
      </c>
      <c r="H8799" t="s">
        <v>19045</v>
      </c>
      <c r="I8799" t="s">
        <v>30540</v>
      </c>
    </row>
    <row r="8800" spans="1:9">
      <c r="A8800" s="1">
        <f ca="1">RAND()</f>
        <v>3.1751117995936107E-2</v>
      </c>
      <c r="B8800" s="1"/>
      <c r="C8800">
        <v>15</v>
      </c>
      <c r="D8800" t="s">
        <v>19046</v>
      </c>
      <c r="E8800" t="s">
        <v>33113</v>
      </c>
      <c r="F8800">
        <v>4</v>
      </c>
      <c r="G8800" t="s">
        <v>15</v>
      </c>
      <c r="H8800" t="s">
        <v>19047</v>
      </c>
      <c r="I8800" t="s">
        <v>30540</v>
      </c>
    </row>
    <row r="8801" spans="1:9">
      <c r="A8801" s="1">
        <f ca="1">RAND()</f>
        <v>0.26450520585477766</v>
      </c>
      <c r="B8801" s="1"/>
      <c r="C8801">
        <v>7</v>
      </c>
      <c r="D8801" t="s">
        <v>19036</v>
      </c>
      <c r="E8801" t="s">
        <v>33114</v>
      </c>
      <c r="F8801">
        <v>5</v>
      </c>
      <c r="G8801" t="s">
        <v>1</v>
      </c>
      <c r="H8801" t="s">
        <v>19037</v>
      </c>
      <c r="I8801" t="s">
        <v>30540</v>
      </c>
    </row>
    <row r="8802" spans="1:9">
      <c r="A8802" s="1">
        <f ca="1">RAND()</f>
        <v>0.48856016928699286</v>
      </c>
      <c r="B8802" s="1"/>
      <c r="C8802">
        <v>1</v>
      </c>
      <c r="D8802" t="s">
        <v>19032</v>
      </c>
      <c r="E8802" t="s">
        <v>33114</v>
      </c>
      <c r="F8802">
        <v>5</v>
      </c>
      <c r="G8802" t="s">
        <v>15</v>
      </c>
      <c r="H8802" t="s">
        <v>19033</v>
      </c>
      <c r="I8802" t="s">
        <v>30540</v>
      </c>
    </row>
    <row r="8803" spans="1:9">
      <c r="A8803" s="1">
        <f ca="1">RAND()</f>
        <v>0.75278313116211182</v>
      </c>
      <c r="B8803" s="1"/>
      <c r="C8803">
        <v>3</v>
      </c>
      <c r="D8803" t="s">
        <v>19034</v>
      </c>
      <c r="E8803" t="s">
        <v>33114</v>
      </c>
      <c r="F8803">
        <v>4</v>
      </c>
      <c r="G8803" t="s">
        <v>13</v>
      </c>
      <c r="H8803" t="s">
        <v>19035</v>
      </c>
      <c r="I8803" t="s">
        <v>30540</v>
      </c>
    </row>
    <row r="8804" spans="1:9">
      <c r="A8804" s="1">
        <f ca="1">RAND()</f>
        <v>0.59652740686750949</v>
      </c>
      <c r="B8804" s="1"/>
      <c r="C8804">
        <v>17</v>
      </c>
      <c r="D8804" t="s">
        <v>19042</v>
      </c>
      <c r="E8804" t="s">
        <v>33114</v>
      </c>
      <c r="F8804">
        <v>4</v>
      </c>
      <c r="G8804" t="s">
        <v>9</v>
      </c>
      <c r="H8804" t="s">
        <v>19043</v>
      </c>
      <c r="I8804" t="s">
        <v>30540</v>
      </c>
    </row>
    <row r="8805" spans="1:9">
      <c r="A8805" s="1">
        <f ca="1">RAND()</f>
        <v>0.4220756739351641</v>
      </c>
      <c r="B8805" s="1"/>
      <c r="C8805">
        <v>15</v>
      </c>
      <c r="D8805" t="s">
        <v>19040</v>
      </c>
      <c r="E8805" t="s">
        <v>33114</v>
      </c>
      <c r="F8805">
        <v>4</v>
      </c>
      <c r="G8805" t="s">
        <v>9</v>
      </c>
      <c r="H8805" t="s">
        <v>19041</v>
      </c>
      <c r="I8805" t="s">
        <v>30540</v>
      </c>
    </row>
    <row r="8806" spans="1:9">
      <c r="A8806" s="1">
        <f ca="1">RAND()</f>
        <v>0.24602555929951631</v>
      </c>
      <c r="B8806" s="1"/>
      <c r="C8806">
        <v>12</v>
      </c>
      <c r="D8806" t="s">
        <v>19038</v>
      </c>
      <c r="E8806" t="s">
        <v>33114</v>
      </c>
      <c r="F8806">
        <v>1</v>
      </c>
      <c r="G8806" t="s">
        <v>9</v>
      </c>
      <c r="H8806" t="s">
        <v>19039</v>
      </c>
      <c r="I8806" t="s">
        <v>30540</v>
      </c>
    </row>
    <row r="8807" spans="1:9">
      <c r="A8807" s="1">
        <f ca="1">RAND()</f>
        <v>0.2268814710626289</v>
      </c>
      <c r="B8807" s="1"/>
      <c r="C8807">
        <v>12</v>
      </c>
      <c r="D8807" t="s">
        <v>19026</v>
      </c>
      <c r="E8807" t="s">
        <v>33115</v>
      </c>
      <c r="F8807">
        <v>4</v>
      </c>
      <c r="G8807" t="s">
        <v>1</v>
      </c>
      <c r="H8807" t="s">
        <v>19027</v>
      </c>
      <c r="I8807" t="s">
        <v>30540</v>
      </c>
    </row>
    <row r="8808" spans="1:9">
      <c r="A8808" s="1">
        <f ca="1">RAND()</f>
        <v>0.115343847446567</v>
      </c>
      <c r="B8808" s="1"/>
      <c r="C8808">
        <v>6</v>
      </c>
      <c r="D8808" t="s">
        <v>19024</v>
      </c>
      <c r="E8808" t="s">
        <v>33115</v>
      </c>
      <c r="F8808">
        <v>4</v>
      </c>
      <c r="G8808" t="s">
        <v>15</v>
      </c>
      <c r="H8808" t="s">
        <v>19025</v>
      </c>
      <c r="I8808" t="s">
        <v>30540</v>
      </c>
    </row>
    <row r="8809" spans="1:9">
      <c r="A8809" s="1">
        <f ca="1">RAND()</f>
        <v>0.29571808049876469</v>
      </c>
      <c r="B8809" s="1"/>
      <c r="C8809">
        <v>18</v>
      </c>
      <c r="D8809" t="s">
        <v>19030</v>
      </c>
      <c r="E8809" t="s">
        <v>33115</v>
      </c>
      <c r="F8809">
        <v>4</v>
      </c>
      <c r="G8809" t="s">
        <v>15</v>
      </c>
      <c r="H8809" t="s">
        <v>19031</v>
      </c>
      <c r="I8809" t="s">
        <v>30540</v>
      </c>
    </row>
    <row r="8810" spans="1:9">
      <c r="A8810" s="1">
        <f ca="1">RAND()</f>
        <v>2.218946149128953E-2</v>
      </c>
      <c r="B8810" s="1"/>
      <c r="C8810">
        <v>17</v>
      </c>
      <c r="D8810" t="s">
        <v>19028</v>
      </c>
      <c r="E8810" t="s">
        <v>33115</v>
      </c>
      <c r="F8810">
        <v>3</v>
      </c>
      <c r="G8810" t="s">
        <v>15</v>
      </c>
      <c r="H8810" t="s">
        <v>19029</v>
      </c>
      <c r="I8810" t="s">
        <v>30540</v>
      </c>
    </row>
    <row r="8811" spans="1:9">
      <c r="A8811" s="1">
        <f ca="1">RAND()</f>
        <v>0.90412869983290745</v>
      </c>
      <c r="B8811" s="1"/>
      <c r="C8811">
        <v>3</v>
      </c>
      <c r="D8811" t="s">
        <v>19020</v>
      </c>
      <c r="E8811" t="s">
        <v>33116</v>
      </c>
      <c r="F8811">
        <v>5</v>
      </c>
      <c r="G8811" t="s">
        <v>15</v>
      </c>
      <c r="H8811" t="s">
        <v>19021</v>
      </c>
      <c r="I8811" t="s">
        <v>30540</v>
      </c>
    </row>
    <row r="8812" spans="1:9">
      <c r="A8812" s="1">
        <f ca="1">RAND()</f>
        <v>0.62992965983428828</v>
      </c>
      <c r="B8812" s="1"/>
      <c r="C8812">
        <v>11</v>
      </c>
      <c r="D8812" t="s">
        <v>19022</v>
      </c>
      <c r="E8812" t="s">
        <v>33116</v>
      </c>
      <c r="F8812">
        <v>4</v>
      </c>
      <c r="G8812" t="s">
        <v>15</v>
      </c>
      <c r="H8812" t="s">
        <v>19023</v>
      </c>
      <c r="I8812" t="s">
        <v>30540</v>
      </c>
    </row>
    <row r="8813" spans="1:9">
      <c r="A8813" s="1">
        <f ca="1">RAND()</f>
        <v>7.9355303749593431E-2</v>
      </c>
      <c r="B8813" s="1"/>
      <c r="C8813">
        <v>16</v>
      </c>
      <c r="D8813" t="s">
        <v>19014</v>
      </c>
      <c r="E8813" t="s">
        <v>33117</v>
      </c>
      <c r="F8813">
        <v>5</v>
      </c>
      <c r="G8813" t="s">
        <v>762</v>
      </c>
      <c r="H8813" t="s">
        <v>19015</v>
      </c>
      <c r="I8813" t="s">
        <v>30540</v>
      </c>
    </row>
    <row r="8814" spans="1:9">
      <c r="A8814" s="1">
        <f ca="1">RAND()</f>
        <v>0.68041882158041356</v>
      </c>
      <c r="B8814" s="1"/>
      <c r="C8814">
        <v>8</v>
      </c>
      <c r="D8814" t="s">
        <v>19010</v>
      </c>
      <c r="E8814" t="s">
        <v>33117</v>
      </c>
      <c r="F8814">
        <v>4</v>
      </c>
      <c r="G8814" t="s">
        <v>15</v>
      </c>
      <c r="H8814" t="s">
        <v>19011</v>
      </c>
      <c r="I8814" t="s">
        <v>30540</v>
      </c>
    </row>
    <row r="8815" spans="1:9">
      <c r="A8815" s="1">
        <f ca="1">RAND()</f>
        <v>0.68274474634941829</v>
      </c>
      <c r="B8815" s="1"/>
      <c r="C8815">
        <v>10</v>
      </c>
      <c r="D8815" t="s">
        <v>19012</v>
      </c>
      <c r="E8815" t="s">
        <v>33117</v>
      </c>
      <c r="F8815">
        <v>4</v>
      </c>
      <c r="G8815" t="s">
        <v>15</v>
      </c>
      <c r="H8815" t="s">
        <v>19013</v>
      </c>
      <c r="I8815" t="s">
        <v>30540</v>
      </c>
    </row>
    <row r="8816" spans="1:9">
      <c r="A8816" s="1">
        <f ca="1">RAND()</f>
        <v>0.70882745621384302</v>
      </c>
      <c r="B8816" s="1"/>
      <c r="C8816">
        <v>18</v>
      </c>
      <c r="D8816" t="s">
        <v>19016</v>
      </c>
      <c r="E8816" t="s">
        <v>33117</v>
      </c>
      <c r="F8816">
        <v>4</v>
      </c>
      <c r="G8816" t="s">
        <v>3732</v>
      </c>
      <c r="H8816" t="s">
        <v>19017</v>
      </c>
      <c r="I8816" t="s">
        <v>30540</v>
      </c>
    </row>
    <row r="8817" spans="1:9">
      <c r="A8817" s="1">
        <f ca="1">RAND()</f>
        <v>0.99482841644308861</v>
      </c>
      <c r="B8817" s="1"/>
      <c r="C8817">
        <v>6</v>
      </c>
      <c r="D8817" t="s">
        <v>19008</v>
      </c>
      <c r="E8817" t="s">
        <v>33117</v>
      </c>
      <c r="F8817">
        <v>4</v>
      </c>
      <c r="G8817" t="s">
        <v>3732</v>
      </c>
      <c r="H8817" t="s">
        <v>19009</v>
      </c>
      <c r="I8817" t="s">
        <v>30540</v>
      </c>
    </row>
    <row r="8818" spans="1:9">
      <c r="A8818" s="1">
        <f ca="1">RAND()</f>
        <v>0.90989050072647304</v>
      </c>
      <c r="B8818" s="1"/>
      <c r="C8818">
        <v>19</v>
      </c>
      <c r="D8818" t="s">
        <v>19018</v>
      </c>
      <c r="E8818" t="s">
        <v>33117</v>
      </c>
      <c r="F8818">
        <v>3</v>
      </c>
      <c r="G8818" t="s">
        <v>0</v>
      </c>
      <c r="H8818" t="s">
        <v>19019</v>
      </c>
      <c r="I8818" t="s">
        <v>30540</v>
      </c>
    </row>
    <row r="8819" spans="1:9">
      <c r="A8819" s="1">
        <f ca="1">RAND()</f>
        <v>0.54689632198401728</v>
      </c>
      <c r="B8819" s="1"/>
      <c r="C8819">
        <v>18</v>
      </c>
      <c r="D8819" t="s">
        <v>19006</v>
      </c>
      <c r="E8819" t="s">
        <v>33118</v>
      </c>
      <c r="F8819">
        <v>5</v>
      </c>
      <c r="G8819" t="s">
        <v>0</v>
      </c>
      <c r="H8819" t="s">
        <v>19007</v>
      </c>
      <c r="I8819" t="s">
        <v>30540</v>
      </c>
    </row>
    <row r="8820" spans="1:9">
      <c r="A8820" s="1">
        <f ca="1">RAND()</f>
        <v>0.41234890862247076</v>
      </c>
      <c r="B8820" s="1"/>
      <c r="C8820">
        <v>6</v>
      </c>
      <c r="D8820" t="s">
        <v>19000</v>
      </c>
      <c r="E8820" t="s">
        <v>33118</v>
      </c>
      <c r="F8820">
        <v>4</v>
      </c>
      <c r="G8820" t="s">
        <v>15</v>
      </c>
      <c r="H8820" t="s">
        <v>19001</v>
      </c>
      <c r="I8820" t="s">
        <v>30540</v>
      </c>
    </row>
    <row r="8821" spans="1:9">
      <c r="A8821" s="1">
        <f ca="1">RAND()</f>
        <v>0.44882613208330835</v>
      </c>
      <c r="B8821" s="1"/>
      <c r="C8821">
        <v>4</v>
      </c>
      <c r="D8821" t="s">
        <v>18998</v>
      </c>
      <c r="E8821" t="s">
        <v>33118</v>
      </c>
      <c r="F8821">
        <v>4</v>
      </c>
      <c r="G8821" t="s">
        <v>9</v>
      </c>
      <c r="H8821" t="s">
        <v>18999</v>
      </c>
      <c r="I8821" t="s">
        <v>30540</v>
      </c>
    </row>
    <row r="8822" spans="1:9">
      <c r="A8822" s="1">
        <f ca="1">RAND()</f>
        <v>0.50674760182225931</v>
      </c>
      <c r="B8822" s="1"/>
      <c r="C8822">
        <v>16</v>
      </c>
      <c r="D8822" t="s">
        <v>19004</v>
      </c>
      <c r="E8822" t="s">
        <v>33118</v>
      </c>
      <c r="F8822">
        <v>4</v>
      </c>
      <c r="G8822" t="s">
        <v>15</v>
      </c>
      <c r="H8822" t="s">
        <v>19005</v>
      </c>
      <c r="I8822" t="s">
        <v>30540</v>
      </c>
    </row>
    <row r="8823" spans="1:9">
      <c r="A8823" s="1">
        <f ca="1">RAND()</f>
        <v>0.16038797147681538</v>
      </c>
      <c r="B8823" s="1"/>
      <c r="C8823">
        <v>8</v>
      </c>
      <c r="D8823" t="s">
        <v>19002</v>
      </c>
      <c r="E8823" t="s">
        <v>33118</v>
      </c>
      <c r="F8823">
        <v>1</v>
      </c>
      <c r="G8823" t="s">
        <v>15</v>
      </c>
      <c r="H8823" t="s">
        <v>19003</v>
      </c>
      <c r="I8823" t="s">
        <v>30540</v>
      </c>
    </row>
    <row r="8824" spans="1:9">
      <c r="A8824" s="1">
        <f ca="1">RAND()</f>
        <v>0.68545751402545574</v>
      </c>
      <c r="B8824" s="1"/>
      <c r="C8824">
        <v>10</v>
      </c>
      <c r="D8824" t="s">
        <v>18994</v>
      </c>
      <c r="E8824" t="s">
        <v>33119</v>
      </c>
      <c r="F8824">
        <v>5</v>
      </c>
      <c r="G8824" t="s">
        <v>15</v>
      </c>
      <c r="H8824" t="s">
        <v>18995</v>
      </c>
      <c r="I8824" t="s">
        <v>30540</v>
      </c>
    </row>
    <row r="8825" spans="1:9">
      <c r="A8825" s="1">
        <f ca="1">RAND()</f>
        <v>0.31139270184552659</v>
      </c>
      <c r="B8825" s="1"/>
      <c r="C8825">
        <v>6</v>
      </c>
      <c r="D8825" t="s">
        <v>18990</v>
      </c>
      <c r="E8825" t="s">
        <v>33119</v>
      </c>
      <c r="F8825">
        <v>4</v>
      </c>
      <c r="G8825" t="s">
        <v>15</v>
      </c>
      <c r="H8825" t="s">
        <v>18991</v>
      </c>
      <c r="I8825" t="s">
        <v>30540</v>
      </c>
    </row>
    <row r="8826" spans="1:9">
      <c r="A8826" s="1">
        <f ca="1">RAND()</f>
        <v>0.1125144513109928</v>
      </c>
      <c r="B8826" s="1"/>
      <c r="C8826">
        <v>14</v>
      </c>
      <c r="D8826" t="s">
        <v>18996</v>
      </c>
      <c r="E8826" t="s">
        <v>33119</v>
      </c>
      <c r="F8826">
        <v>2</v>
      </c>
      <c r="G8826" t="s">
        <v>15</v>
      </c>
      <c r="H8826" t="s">
        <v>18997</v>
      </c>
      <c r="I8826" t="s">
        <v>30540</v>
      </c>
    </row>
    <row r="8827" spans="1:9">
      <c r="A8827" s="1">
        <f ca="1">RAND()</f>
        <v>0.68890146455731505</v>
      </c>
      <c r="B8827" s="1"/>
      <c r="C8827">
        <v>9</v>
      </c>
      <c r="D8827" t="s">
        <v>18992</v>
      </c>
      <c r="E8827" t="s">
        <v>33119</v>
      </c>
      <c r="F8827">
        <v>1</v>
      </c>
      <c r="G8827" t="s">
        <v>13</v>
      </c>
      <c r="H8827" t="s">
        <v>18993</v>
      </c>
      <c r="I8827" t="s">
        <v>30540</v>
      </c>
    </row>
    <row r="8828" spans="1:9">
      <c r="A8828" s="1">
        <f ca="1">RAND()</f>
        <v>0.50970281322127697</v>
      </c>
      <c r="B8828" s="1"/>
      <c r="C8828">
        <v>5</v>
      </c>
      <c r="D8828" t="s">
        <v>18978</v>
      </c>
      <c r="E8828" t="s">
        <v>33120</v>
      </c>
      <c r="F8828">
        <v>4</v>
      </c>
      <c r="G8828" t="s">
        <v>15</v>
      </c>
      <c r="H8828" t="s">
        <v>18979</v>
      </c>
      <c r="I8828" t="s">
        <v>30540</v>
      </c>
    </row>
    <row r="8829" spans="1:9">
      <c r="A8829" s="1">
        <f ca="1">RAND()</f>
        <v>0.71204310159380246</v>
      </c>
      <c r="B8829" s="1"/>
      <c r="C8829">
        <v>10</v>
      </c>
      <c r="D8829" t="s">
        <v>18982</v>
      </c>
      <c r="E8829" t="s">
        <v>33120</v>
      </c>
      <c r="F8829">
        <v>4</v>
      </c>
      <c r="G8829" t="s">
        <v>9</v>
      </c>
      <c r="H8829" t="s">
        <v>18983</v>
      </c>
      <c r="I8829" t="s">
        <v>30540</v>
      </c>
    </row>
    <row r="8830" spans="1:9">
      <c r="A8830" s="1">
        <f ca="1">RAND()</f>
        <v>0.26681528786025122</v>
      </c>
      <c r="B8830" s="1"/>
      <c r="C8830">
        <v>17</v>
      </c>
      <c r="D8830" t="s">
        <v>18988</v>
      </c>
      <c r="E8830" t="s">
        <v>33120</v>
      </c>
      <c r="F8830">
        <v>4</v>
      </c>
      <c r="G8830" t="s">
        <v>9</v>
      </c>
      <c r="H8830" t="s">
        <v>18989</v>
      </c>
      <c r="I8830" t="s">
        <v>30540</v>
      </c>
    </row>
    <row r="8831" spans="1:9">
      <c r="A8831" s="1">
        <f ca="1">RAND()</f>
        <v>0.26311932549159611</v>
      </c>
      <c r="B8831" s="1"/>
      <c r="C8831">
        <v>14</v>
      </c>
      <c r="D8831" t="s">
        <v>18986</v>
      </c>
      <c r="E8831" t="s">
        <v>33120</v>
      </c>
      <c r="F8831">
        <v>4</v>
      </c>
      <c r="G8831" t="s">
        <v>15</v>
      </c>
      <c r="H8831" t="s">
        <v>18987</v>
      </c>
      <c r="I8831" t="s">
        <v>30540</v>
      </c>
    </row>
    <row r="8832" spans="1:9">
      <c r="A8832" s="1">
        <f ca="1">RAND()</f>
        <v>0.2118579606415425</v>
      </c>
      <c r="B8832" s="1"/>
      <c r="C8832">
        <v>13</v>
      </c>
      <c r="D8832" t="s">
        <v>18984</v>
      </c>
      <c r="E8832" t="s">
        <v>33120</v>
      </c>
      <c r="F8832">
        <v>4</v>
      </c>
      <c r="G8832" t="s">
        <v>1</v>
      </c>
      <c r="H8832" t="s">
        <v>18985</v>
      </c>
      <c r="I8832" t="s">
        <v>30540</v>
      </c>
    </row>
    <row r="8833" spans="1:9">
      <c r="A8833" s="1">
        <f ca="1">RAND()</f>
        <v>0.42506431239374887</v>
      </c>
      <c r="B8833" s="1"/>
      <c r="C8833">
        <v>9</v>
      </c>
      <c r="D8833" t="s">
        <v>18980</v>
      </c>
      <c r="E8833" t="s">
        <v>33120</v>
      </c>
      <c r="F8833">
        <v>3</v>
      </c>
      <c r="G8833" t="s">
        <v>13</v>
      </c>
      <c r="H8833" t="s">
        <v>18981</v>
      </c>
      <c r="I8833" t="s">
        <v>30540</v>
      </c>
    </row>
    <row r="8834" spans="1:9">
      <c r="A8834" s="1">
        <f ca="1">RAND()</f>
        <v>0.32399879541609355</v>
      </c>
      <c r="B8834" s="1"/>
      <c r="C8834">
        <v>12</v>
      </c>
      <c r="D8834" t="s">
        <v>18974</v>
      </c>
      <c r="E8834" t="s">
        <v>33121</v>
      </c>
      <c r="F8834">
        <v>4</v>
      </c>
      <c r="G8834" t="s">
        <v>15</v>
      </c>
      <c r="H8834" t="s">
        <v>18975</v>
      </c>
      <c r="I8834" t="s">
        <v>30540</v>
      </c>
    </row>
    <row r="8835" spans="1:9">
      <c r="A8835" s="1">
        <f ca="1">RAND()</f>
        <v>0.35984629667908918</v>
      </c>
      <c r="B8835" s="1"/>
      <c r="C8835">
        <v>1</v>
      </c>
      <c r="D8835" t="s">
        <v>18966</v>
      </c>
      <c r="E8835" t="s">
        <v>33121</v>
      </c>
      <c r="F8835">
        <v>4</v>
      </c>
      <c r="G8835" t="s">
        <v>15</v>
      </c>
      <c r="H8835" t="s">
        <v>18967</v>
      </c>
      <c r="I8835" t="s">
        <v>30540</v>
      </c>
    </row>
    <row r="8836" spans="1:9">
      <c r="A8836" s="1">
        <f ca="1">RAND()</f>
        <v>0.64949336583207917</v>
      </c>
      <c r="B8836" s="1"/>
      <c r="C8836">
        <v>5</v>
      </c>
      <c r="D8836" t="s">
        <v>18970</v>
      </c>
      <c r="E8836" t="s">
        <v>33121</v>
      </c>
      <c r="F8836">
        <v>4</v>
      </c>
      <c r="G8836" t="s">
        <v>13</v>
      </c>
      <c r="H8836" t="s">
        <v>18971</v>
      </c>
      <c r="I8836" t="s">
        <v>30540</v>
      </c>
    </row>
    <row r="8837" spans="1:9">
      <c r="A8837" s="1">
        <f ca="1">RAND()</f>
        <v>0.11484405781066331</v>
      </c>
      <c r="B8837" s="1"/>
      <c r="C8837">
        <v>2</v>
      </c>
      <c r="D8837" t="s">
        <v>18968</v>
      </c>
      <c r="E8837" t="s">
        <v>33121</v>
      </c>
      <c r="F8837">
        <v>4</v>
      </c>
      <c r="G8837" t="s">
        <v>15</v>
      </c>
      <c r="H8837" t="s">
        <v>18969</v>
      </c>
      <c r="I8837" t="s">
        <v>30540</v>
      </c>
    </row>
    <row r="8838" spans="1:9">
      <c r="A8838" s="1">
        <f ca="1">RAND()</f>
        <v>0.93566024244218404</v>
      </c>
      <c r="B8838" s="1"/>
      <c r="C8838">
        <v>6</v>
      </c>
      <c r="D8838" t="s">
        <v>18972</v>
      </c>
      <c r="E8838" t="s">
        <v>33121</v>
      </c>
      <c r="F8838">
        <v>4</v>
      </c>
      <c r="G8838" t="s">
        <v>10</v>
      </c>
      <c r="H8838" t="s">
        <v>18973</v>
      </c>
      <c r="I8838" t="s">
        <v>30540</v>
      </c>
    </row>
    <row r="8839" spans="1:9">
      <c r="A8839" s="1">
        <f ca="1">RAND()</f>
        <v>0.32056780638841897</v>
      </c>
      <c r="B8839" s="1"/>
      <c r="C8839">
        <v>18</v>
      </c>
      <c r="D8839" t="s">
        <v>18976</v>
      </c>
      <c r="E8839" t="s">
        <v>33121</v>
      </c>
      <c r="F8839">
        <v>2</v>
      </c>
      <c r="G8839" t="s">
        <v>15</v>
      </c>
      <c r="H8839" t="s">
        <v>18977</v>
      </c>
      <c r="I8839" t="s">
        <v>30540</v>
      </c>
    </row>
    <row r="8840" spans="1:9">
      <c r="A8840" s="1">
        <f ca="1">RAND()</f>
        <v>0.66321909964705938</v>
      </c>
      <c r="B8840" s="1"/>
      <c r="C8840">
        <v>17</v>
      </c>
      <c r="D8840" t="s">
        <v>18964</v>
      </c>
      <c r="E8840" t="s">
        <v>33122</v>
      </c>
      <c r="F8840">
        <v>4</v>
      </c>
      <c r="G8840" t="s">
        <v>9</v>
      </c>
      <c r="H8840" t="s">
        <v>18965</v>
      </c>
      <c r="I8840" t="s">
        <v>30540</v>
      </c>
    </row>
    <row r="8841" spans="1:9">
      <c r="A8841" s="1">
        <f ca="1">RAND()</f>
        <v>0.63270133744934509</v>
      </c>
      <c r="B8841" s="1"/>
      <c r="C8841">
        <v>14</v>
      </c>
      <c r="D8841" t="s">
        <v>18962</v>
      </c>
      <c r="E8841" t="s">
        <v>33122</v>
      </c>
      <c r="F8841">
        <v>4</v>
      </c>
      <c r="G8841" t="s">
        <v>10</v>
      </c>
      <c r="H8841" t="s">
        <v>18963</v>
      </c>
      <c r="I8841" t="s">
        <v>30540</v>
      </c>
    </row>
    <row r="8842" spans="1:9">
      <c r="A8842" s="1">
        <f ca="1">RAND()</f>
        <v>0.58836192114193375</v>
      </c>
      <c r="B8842" s="1"/>
      <c r="C8842">
        <v>9</v>
      </c>
      <c r="D8842" t="s">
        <v>18960</v>
      </c>
      <c r="E8842" t="s">
        <v>33122</v>
      </c>
      <c r="F8842">
        <v>2</v>
      </c>
      <c r="G8842" t="s">
        <v>10</v>
      </c>
      <c r="H8842" t="s">
        <v>18961</v>
      </c>
      <c r="I8842" t="s">
        <v>30540</v>
      </c>
    </row>
    <row r="8843" spans="1:9">
      <c r="A8843" s="1">
        <f ca="1">RAND()</f>
        <v>0.96095344946778727</v>
      </c>
      <c r="B8843" s="1"/>
      <c r="C8843">
        <v>19</v>
      </c>
      <c r="D8843" t="s">
        <v>18958</v>
      </c>
      <c r="E8843" t="s">
        <v>33123</v>
      </c>
      <c r="F8843">
        <v>5</v>
      </c>
      <c r="G8843" t="s">
        <v>14</v>
      </c>
      <c r="H8843" t="s">
        <v>18959</v>
      </c>
      <c r="I8843" t="s">
        <v>30540</v>
      </c>
    </row>
    <row r="8844" spans="1:9">
      <c r="A8844" s="1">
        <f ca="1">RAND()</f>
        <v>7.5301512467876308E-2</v>
      </c>
      <c r="B8844" s="1"/>
      <c r="C8844">
        <v>16</v>
      </c>
      <c r="D8844" t="s">
        <v>18956</v>
      </c>
      <c r="E8844" t="s">
        <v>33123</v>
      </c>
      <c r="F8844">
        <v>4</v>
      </c>
      <c r="G8844" t="s">
        <v>14</v>
      </c>
      <c r="H8844" t="s">
        <v>18957</v>
      </c>
      <c r="I8844" t="s">
        <v>30540</v>
      </c>
    </row>
    <row r="8845" spans="1:9">
      <c r="A8845" s="1">
        <f ca="1">RAND()</f>
        <v>0.76615017620665482</v>
      </c>
      <c r="B8845" s="1"/>
      <c r="C8845">
        <v>14</v>
      </c>
      <c r="D8845" t="s">
        <v>18954</v>
      </c>
      <c r="E8845" t="s">
        <v>33123</v>
      </c>
      <c r="F8845">
        <v>4</v>
      </c>
      <c r="G8845" t="s">
        <v>14</v>
      </c>
      <c r="H8845" t="s">
        <v>18955</v>
      </c>
      <c r="I8845" t="s">
        <v>30540</v>
      </c>
    </row>
    <row r="8846" spans="1:9">
      <c r="A8846" s="1">
        <f ca="1">RAND()</f>
        <v>0.2347809031010395</v>
      </c>
      <c r="B8846" s="1"/>
      <c r="C8846">
        <v>4</v>
      </c>
      <c r="D8846" t="s">
        <v>18952</v>
      </c>
      <c r="E8846" t="s">
        <v>33123</v>
      </c>
      <c r="F8846">
        <v>4</v>
      </c>
      <c r="G8846" t="s">
        <v>2</v>
      </c>
      <c r="H8846" t="s">
        <v>18953</v>
      </c>
      <c r="I8846" t="s">
        <v>30540</v>
      </c>
    </row>
    <row r="8847" spans="1:9">
      <c r="A8847" s="1">
        <f ca="1">RAND()</f>
        <v>0.72565619389273828</v>
      </c>
      <c r="B8847" s="1"/>
      <c r="C8847">
        <v>2</v>
      </c>
      <c r="D8847" t="s">
        <v>18950</v>
      </c>
      <c r="E8847" t="s">
        <v>33123</v>
      </c>
      <c r="F8847">
        <v>4</v>
      </c>
      <c r="G8847" t="s">
        <v>13</v>
      </c>
      <c r="H8847" t="s">
        <v>18951</v>
      </c>
      <c r="I8847" t="s">
        <v>30540</v>
      </c>
    </row>
    <row r="8848" spans="1:9">
      <c r="A8848" s="1">
        <f ca="1">RAND()</f>
        <v>0.89358126139548921</v>
      </c>
      <c r="B8848" s="1"/>
      <c r="C8848">
        <v>11</v>
      </c>
      <c r="D8848" t="s">
        <v>18946</v>
      </c>
      <c r="E8848" t="s">
        <v>33124</v>
      </c>
      <c r="F8848">
        <v>4</v>
      </c>
      <c r="G8848" t="s">
        <v>14</v>
      </c>
      <c r="H8848" t="s">
        <v>18947</v>
      </c>
      <c r="I8848" t="s">
        <v>30540</v>
      </c>
    </row>
    <row r="8849" spans="1:9">
      <c r="A8849" s="1">
        <f ca="1">RAND()</f>
        <v>4.4958136244558022E-2</v>
      </c>
      <c r="B8849" s="1"/>
      <c r="C8849">
        <v>3</v>
      </c>
      <c r="D8849" t="s">
        <v>18938</v>
      </c>
      <c r="E8849" t="s">
        <v>33124</v>
      </c>
      <c r="F8849">
        <v>4</v>
      </c>
      <c r="G8849" t="s">
        <v>10</v>
      </c>
      <c r="H8849" t="s">
        <v>18939</v>
      </c>
      <c r="I8849" t="s">
        <v>30540</v>
      </c>
    </row>
    <row r="8850" spans="1:9">
      <c r="A8850" s="1">
        <f ca="1">RAND()</f>
        <v>0.76317200335926494</v>
      </c>
      <c r="B8850" s="1"/>
      <c r="C8850">
        <v>6</v>
      </c>
      <c r="D8850" t="s">
        <v>18942</v>
      </c>
      <c r="E8850" t="s">
        <v>33124</v>
      </c>
      <c r="F8850">
        <v>4</v>
      </c>
      <c r="G8850" t="s">
        <v>13</v>
      </c>
      <c r="H8850" t="s">
        <v>18943</v>
      </c>
      <c r="I8850" t="s">
        <v>30540</v>
      </c>
    </row>
    <row r="8851" spans="1:9">
      <c r="A8851" s="1">
        <f ca="1">RAND()</f>
        <v>0.24380250715888163</v>
      </c>
      <c r="B8851" s="1"/>
      <c r="C8851">
        <v>4</v>
      </c>
      <c r="D8851" t="s">
        <v>18940</v>
      </c>
      <c r="E8851" t="s">
        <v>33124</v>
      </c>
      <c r="F8851">
        <v>4</v>
      </c>
      <c r="G8851" t="s">
        <v>9</v>
      </c>
      <c r="H8851" t="s">
        <v>18941</v>
      </c>
      <c r="I8851" t="s">
        <v>30540</v>
      </c>
    </row>
    <row r="8852" spans="1:9">
      <c r="A8852" s="1">
        <f ca="1">RAND()</f>
        <v>0.16908787372478973</v>
      </c>
      <c r="B8852" s="1"/>
      <c r="C8852">
        <v>9</v>
      </c>
      <c r="D8852" t="s">
        <v>18944</v>
      </c>
      <c r="E8852" t="s">
        <v>33124</v>
      </c>
      <c r="F8852">
        <v>4</v>
      </c>
      <c r="G8852" t="s">
        <v>9</v>
      </c>
      <c r="H8852" t="s">
        <v>18945</v>
      </c>
      <c r="I8852" t="s">
        <v>30540</v>
      </c>
    </row>
    <row r="8853" spans="1:9">
      <c r="A8853" s="1">
        <f ca="1">RAND()</f>
        <v>0.85406391175126317</v>
      </c>
      <c r="B8853" s="1"/>
      <c r="C8853">
        <v>20</v>
      </c>
      <c r="D8853" t="s">
        <v>18948</v>
      </c>
      <c r="E8853" t="s">
        <v>33124</v>
      </c>
      <c r="F8853">
        <v>4</v>
      </c>
      <c r="G8853" t="s">
        <v>1</v>
      </c>
      <c r="H8853" t="s">
        <v>18949</v>
      </c>
      <c r="I8853" t="s">
        <v>30540</v>
      </c>
    </row>
    <row r="8854" spans="1:9">
      <c r="A8854" s="1">
        <f ca="1">RAND()</f>
        <v>0.86660505064612114</v>
      </c>
      <c r="B8854" s="1"/>
      <c r="C8854">
        <v>14</v>
      </c>
      <c r="D8854" t="s">
        <v>18934</v>
      </c>
      <c r="E8854" t="s">
        <v>33125</v>
      </c>
      <c r="F8854">
        <v>3</v>
      </c>
      <c r="G8854" t="s">
        <v>14</v>
      </c>
      <c r="H8854" t="s">
        <v>18935</v>
      </c>
      <c r="I8854" t="s">
        <v>30540</v>
      </c>
    </row>
    <row r="8855" spans="1:9">
      <c r="A8855" s="1">
        <f ca="1">RAND()</f>
        <v>0.1431471141796411</v>
      </c>
      <c r="B8855" s="1"/>
      <c r="C8855">
        <v>1</v>
      </c>
      <c r="D8855" t="s">
        <v>18932</v>
      </c>
      <c r="E8855" t="s">
        <v>33125</v>
      </c>
      <c r="F8855">
        <v>3</v>
      </c>
      <c r="G8855" t="s">
        <v>14</v>
      </c>
      <c r="H8855" t="s">
        <v>18933</v>
      </c>
      <c r="I8855" t="s">
        <v>30540</v>
      </c>
    </row>
    <row r="8856" spans="1:9">
      <c r="A8856" s="1">
        <f ca="1">RAND()</f>
        <v>0.4198332842647946</v>
      </c>
      <c r="B8856" s="1"/>
      <c r="C8856">
        <v>15</v>
      </c>
      <c r="D8856" t="s">
        <v>18936</v>
      </c>
      <c r="E8856" t="s">
        <v>33125</v>
      </c>
      <c r="F8856">
        <v>2</v>
      </c>
      <c r="G8856" t="s">
        <v>14</v>
      </c>
      <c r="H8856" t="s">
        <v>18937</v>
      </c>
      <c r="I8856" t="s">
        <v>30540</v>
      </c>
    </row>
    <row r="8857" spans="1:9">
      <c r="A8857" s="1">
        <f ca="1">RAND()</f>
        <v>5.8940088826619275E-2</v>
      </c>
      <c r="B8857" s="1"/>
      <c r="C8857">
        <v>8</v>
      </c>
      <c r="D8857" t="s">
        <v>18920</v>
      </c>
      <c r="E8857" t="s">
        <v>33126</v>
      </c>
      <c r="F8857">
        <v>4</v>
      </c>
      <c r="G8857" t="s">
        <v>13</v>
      </c>
      <c r="H8857" t="s">
        <v>18921</v>
      </c>
      <c r="I8857" t="s">
        <v>30540</v>
      </c>
    </row>
    <row r="8858" spans="1:9">
      <c r="A8858" s="1">
        <f ca="1">RAND()</f>
        <v>0.87586571972833327</v>
      </c>
      <c r="B8858" s="1"/>
      <c r="C8858">
        <v>3</v>
      </c>
      <c r="D8858" t="s">
        <v>18914</v>
      </c>
      <c r="E8858" t="s">
        <v>33126</v>
      </c>
      <c r="F8858">
        <v>4</v>
      </c>
      <c r="G8858" t="s">
        <v>10</v>
      </c>
      <c r="H8858" t="s">
        <v>18915</v>
      </c>
      <c r="I8858" t="s">
        <v>30540</v>
      </c>
    </row>
    <row r="8859" spans="1:9">
      <c r="A8859" s="1">
        <f ca="1">RAND()</f>
        <v>0.58669283720520782</v>
      </c>
      <c r="B8859" s="1"/>
      <c r="C8859">
        <v>14</v>
      </c>
      <c r="D8859" t="s">
        <v>18928</v>
      </c>
      <c r="E8859" t="s">
        <v>33126</v>
      </c>
      <c r="F8859">
        <v>4</v>
      </c>
      <c r="G8859" t="s">
        <v>9</v>
      </c>
      <c r="H8859" t="s">
        <v>18929</v>
      </c>
      <c r="I8859" t="s">
        <v>30540</v>
      </c>
    </row>
    <row r="8860" spans="1:9">
      <c r="A8860" s="1">
        <f ca="1">RAND()</f>
        <v>0.16545576912411042</v>
      </c>
      <c r="B8860" s="1"/>
      <c r="C8860">
        <v>17</v>
      </c>
      <c r="D8860" t="s">
        <v>18930</v>
      </c>
      <c r="E8860" t="s">
        <v>33126</v>
      </c>
      <c r="F8860">
        <v>4</v>
      </c>
      <c r="G8860" t="s">
        <v>10</v>
      </c>
      <c r="H8860" t="s">
        <v>18931</v>
      </c>
      <c r="I8860" t="s">
        <v>30540</v>
      </c>
    </row>
    <row r="8861" spans="1:9">
      <c r="A8861" s="1">
        <f ca="1">RAND()</f>
        <v>0.32339812944138824</v>
      </c>
      <c r="B8861" s="1"/>
      <c r="C8861">
        <v>6</v>
      </c>
      <c r="D8861" t="s">
        <v>18918</v>
      </c>
      <c r="E8861" t="s">
        <v>33126</v>
      </c>
      <c r="F8861">
        <v>4</v>
      </c>
      <c r="G8861" t="s">
        <v>14</v>
      </c>
      <c r="H8861" t="s">
        <v>18919</v>
      </c>
      <c r="I8861" t="s">
        <v>30540</v>
      </c>
    </row>
    <row r="8862" spans="1:9">
      <c r="A8862" s="1">
        <f ca="1">RAND()</f>
        <v>0.66580408040085759</v>
      </c>
      <c r="B8862" s="1"/>
      <c r="C8862">
        <v>4</v>
      </c>
      <c r="D8862" t="s">
        <v>18916</v>
      </c>
      <c r="E8862" t="s">
        <v>33126</v>
      </c>
      <c r="F8862">
        <v>4</v>
      </c>
      <c r="G8862" t="s">
        <v>10</v>
      </c>
      <c r="H8862" t="s">
        <v>18917</v>
      </c>
      <c r="I8862" t="s">
        <v>30540</v>
      </c>
    </row>
    <row r="8863" spans="1:9">
      <c r="A8863" s="1">
        <f ca="1">RAND()</f>
        <v>0.52425010407701456</v>
      </c>
      <c r="B8863" s="1"/>
      <c r="C8863">
        <v>11</v>
      </c>
      <c r="D8863" t="s">
        <v>18924</v>
      </c>
      <c r="E8863" t="s">
        <v>33126</v>
      </c>
      <c r="F8863">
        <v>3</v>
      </c>
      <c r="G8863" t="s">
        <v>14</v>
      </c>
      <c r="H8863" t="s">
        <v>18925</v>
      </c>
      <c r="I8863" t="s">
        <v>30540</v>
      </c>
    </row>
    <row r="8864" spans="1:9">
      <c r="A8864" s="1">
        <f ca="1">RAND()</f>
        <v>0.53061049396547821</v>
      </c>
      <c r="B8864" s="1"/>
      <c r="C8864">
        <v>9</v>
      </c>
      <c r="D8864" t="s">
        <v>18922</v>
      </c>
      <c r="E8864" t="s">
        <v>33126</v>
      </c>
      <c r="F8864">
        <v>3</v>
      </c>
      <c r="G8864" t="s">
        <v>15</v>
      </c>
      <c r="H8864" t="s">
        <v>18923</v>
      </c>
      <c r="I8864" t="s">
        <v>30540</v>
      </c>
    </row>
    <row r="8865" spans="1:9">
      <c r="A8865" s="1">
        <f ca="1">RAND()</f>
        <v>0.75562174647689384</v>
      </c>
      <c r="B8865" s="1"/>
      <c r="C8865">
        <v>13</v>
      </c>
      <c r="D8865" t="s">
        <v>18926</v>
      </c>
      <c r="E8865" t="s">
        <v>33126</v>
      </c>
      <c r="F8865">
        <v>2</v>
      </c>
      <c r="G8865" t="s">
        <v>0</v>
      </c>
      <c r="H8865" t="s">
        <v>18927</v>
      </c>
      <c r="I8865" t="s">
        <v>30540</v>
      </c>
    </row>
    <row r="8866" spans="1:9">
      <c r="A8866" s="1">
        <f ca="1">RAND()</f>
        <v>0.30817611689818847</v>
      </c>
      <c r="B8866" s="1"/>
      <c r="C8866">
        <v>14</v>
      </c>
      <c r="D8866" t="s">
        <v>18912</v>
      </c>
      <c r="E8866" t="s">
        <v>33127</v>
      </c>
      <c r="F8866">
        <v>4</v>
      </c>
      <c r="G8866" t="s">
        <v>1295</v>
      </c>
      <c r="H8866" t="s">
        <v>18913</v>
      </c>
      <c r="I8866" t="s">
        <v>30540</v>
      </c>
    </row>
    <row r="8867" spans="1:9">
      <c r="A8867" s="1">
        <f ca="1">RAND()</f>
        <v>0.46259732939760079</v>
      </c>
      <c r="B8867" s="1"/>
      <c r="C8867">
        <v>10</v>
      </c>
      <c r="D8867" t="s">
        <v>18910</v>
      </c>
      <c r="E8867" t="s">
        <v>33127</v>
      </c>
      <c r="F8867">
        <v>4</v>
      </c>
      <c r="G8867" t="s">
        <v>775</v>
      </c>
      <c r="H8867" t="s">
        <v>18911</v>
      </c>
      <c r="I8867" t="s">
        <v>30540</v>
      </c>
    </row>
    <row r="8868" spans="1:9">
      <c r="A8868" s="1">
        <f ca="1">RAND()</f>
        <v>0.52111199032698163</v>
      </c>
      <c r="B8868" s="1"/>
      <c r="C8868">
        <v>2</v>
      </c>
      <c r="D8868" t="s">
        <v>18898</v>
      </c>
      <c r="E8868" t="s">
        <v>33128</v>
      </c>
      <c r="F8868">
        <v>5</v>
      </c>
      <c r="G8868" t="s">
        <v>9</v>
      </c>
      <c r="H8868" t="s">
        <v>18899</v>
      </c>
      <c r="I8868" t="s">
        <v>30540</v>
      </c>
    </row>
    <row r="8869" spans="1:9">
      <c r="A8869" s="1">
        <f ca="1">RAND()</f>
        <v>0.13450527590858885</v>
      </c>
      <c r="B8869" s="1"/>
      <c r="C8869">
        <v>12</v>
      </c>
      <c r="D8869" t="s">
        <v>18904</v>
      </c>
      <c r="E8869" t="s">
        <v>33128</v>
      </c>
      <c r="F8869">
        <v>4</v>
      </c>
      <c r="G8869" t="s">
        <v>0</v>
      </c>
      <c r="H8869" t="s">
        <v>18905</v>
      </c>
      <c r="I8869" t="s">
        <v>30540</v>
      </c>
    </row>
    <row r="8870" spans="1:9">
      <c r="A8870" s="1">
        <f ca="1">RAND()</f>
        <v>0.96192804039713009</v>
      </c>
      <c r="B8870" s="1"/>
      <c r="C8870">
        <v>6</v>
      </c>
      <c r="D8870" t="s">
        <v>18900</v>
      </c>
      <c r="E8870" t="s">
        <v>33128</v>
      </c>
      <c r="F8870">
        <v>4</v>
      </c>
      <c r="G8870" t="s">
        <v>10</v>
      </c>
      <c r="H8870" t="s">
        <v>18901</v>
      </c>
      <c r="I8870" t="s">
        <v>30540</v>
      </c>
    </row>
    <row r="8871" spans="1:9">
      <c r="A8871" s="1">
        <f ca="1">RAND()</f>
        <v>0.85710810197696796</v>
      </c>
      <c r="B8871" s="1"/>
      <c r="C8871">
        <v>14</v>
      </c>
      <c r="D8871" t="s">
        <v>18906</v>
      </c>
      <c r="E8871" t="s">
        <v>33128</v>
      </c>
      <c r="F8871">
        <v>4</v>
      </c>
      <c r="G8871" t="s">
        <v>1</v>
      </c>
      <c r="H8871" t="s">
        <v>18907</v>
      </c>
      <c r="I8871" t="s">
        <v>30540</v>
      </c>
    </row>
    <row r="8872" spans="1:9">
      <c r="A8872" s="1">
        <f ca="1">RAND()</f>
        <v>2.2693085255382828E-2</v>
      </c>
      <c r="B8872" s="1"/>
      <c r="C8872">
        <v>17</v>
      </c>
      <c r="D8872" t="s">
        <v>18908</v>
      </c>
      <c r="E8872" t="s">
        <v>33128</v>
      </c>
      <c r="F8872">
        <v>4</v>
      </c>
      <c r="G8872" t="s">
        <v>14</v>
      </c>
      <c r="H8872" t="s">
        <v>18909</v>
      </c>
      <c r="I8872" t="s">
        <v>30540</v>
      </c>
    </row>
    <row r="8873" spans="1:9">
      <c r="A8873" s="1">
        <f ca="1">RAND()</f>
        <v>0.57749296485632351</v>
      </c>
      <c r="B8873" s="1"/>
      <c r="C8873">
        <v>9</v>
      </c>
      <c r="D8873" t="s">
        <v>18902</v>
      </c>
      <c r="E8873" t="s">
        <v>33128</v>
      </c>
      <c r="F8873">
        <v>4</v>
      </c>
      <c r="G8873" t="s">
        <v>14</v>
      </c>
      <c r="H8873" t="s">
        <v>18903</v>
      </c>
      <c r="I8873" t="s">
        <v>30540</v>
      </c>
    </row>
    <row r="8874" spans="1:9">
      <c r="A8874" s="1">
        <f ca="1">RAND()</f>
        <v>0.12293829050091987</v>
      </c>
      <c r="B8874" s="1"/>
      <c r="C8874">
        <v>14</v>
      </c>
      <c r="D8874" t="s">
        <v>18888</v>
      </c>
      <c r="E8874" t="s">
        <v>33129</v>
      </c>
      <c r="F8874">
        <v>5</v>
      </c>
      <c r="G8874" t="s">
        <v>10</v>
      </c>
      <c r="H8874" t="s">
        <v>18889</v>
      </c>
      <c r="I8874" t="s">
        <v>30540</v>
      </c>
    </row>
    <row r="8875" spans="1:9">
      <c r="A8875" s="1">
        <f ca="1">RAND()</f>
        <v>0.60043170870780949</v>
      </c>
      <c r="B8875" s="1"/>
      <c r="C8875">
        <v>19</v>
      </c>
      <c r="D8875" t="s">
        <v>18894</v>
      </c>
      <c r="E8875" t="s">
        <v>33129</v>
      </c>
      <c r="F8875">
        <v>4</v>
      </c>
      <c r="G8875" t="s">
        <v>10</v>
      </c>
      <c r="H8875" t="s">
        <v>18895</v>
      </c>
      <c r="I8875" t="s">
        <v>30540</v>
      </c>
    </row>
    <row r="8876" spans="1:9">
      <c r="A8876" s="1">
        <f ca="1">RAND()</f>
        <v>7.385492106193281E-2</v>
      </c>
      <c r="B8876" s="1"/>
      <c r="C8876">
        <v>2</v>
      </c>
      <c r="D8876" t="s">
        <v>18882</v>
      </c>
      <c r="E8876" t="s">
        <v>33129</v>
      </c>
      <c r="F8876">
        <v>4</v>
      </c>
      <c r="G8876" t="s">
        <v>2</v>
      </c>
      <c r="H8876" t="s">
        <v>18883</v>
      </c>
      <c r="I8876" t="s">
        <v>30540</v>
      </c>
    </row>
    <row r="8877" spans="1:9">
      <c r="A8877" s="1">
        <f ca="1">RAND()</f>
        <v>0.97504569910495376</v>
      </c>
      <c r="B8877" s="1"/>
      <c r="C8877">
        <v>1</v>
      </c>
      <c r="D8877" t="s">
        <v>18880</v>
      </c>
      <c r="E8877" t="s">
        <v>33129</v>
      </c>
      <c r="F8877">
        <v>4</v>
      </c>
      <c r="G8877" t="s">
        <v>2</v>
      </c>
      <c r="H8877" t="s">
        <v>18881</v>
      </c>
      <c r="I8877" t="s">
        <v>30540</v>
      </c>
    </row>
    <row r="8878" spans="1:9">
      <c r="A8878" s="1">
        <f ca="1">RAND()</f>
        <v>0.88891805442828487</v>
      </c>
      <c r="B8878" s="1"/>
      <c r="C8878">
        <v>17</v>
      </c>
      <c r="D8878" t="s">
        <v>18890</v>
      </c>
      <c r="E8878" t="s">
        <v>33129</v>
      </c>
      <c r="F8878">
        <v>4</v>
      </c>
      <c r="G8878" t="s">
        <v>10</v>
      </c>
      <c r="H8878" t="s">
        <v>18891</v>
      </c>
      <c r="I8878" t="s">
        <v>30540</v>
      </c>
    </row>
    <row r="8879" spans="1:9">
      <c r="A8879" s="1">
        <f ca="1">RAND()</f>
        <v>6.9897572216958248E-2</v>
      </c>
      <c r="B8879" s="1"/>
      <c r="C8879">
        <v>5</v>
      </c>
      <c r="D8879" t="s">
        <v>18884</v>
      </c>
      <c r="E8879" t="s">
        <v>33129</v>
      </c>
      <c r="F8879">
        <v>4</v>
      </c>
      <c r="G8879" t="s">
        <v>2</v>
      </c>
      <c r="H8879" t="s">
        <v>18885</v>
      </c>
      <c r="I8879" t="s">
        <v>30540</v>
      </c>
    </row>
    <row r="8880" spans="1:9">
      <c r="A8880" s="1">
        <f ca="1">RAND()</f>
        <v>0.73976672124744414</v>
      </c>
      <c r="B8880" s="1"/>
      <c r="C8880">
        <v>20</v>
      </c>
      <c r="D8880" t="s">
        <v>18896</v>
      </c>
      <c r="E8880" t="s">
        <v>33129</v>
      </c>
      <c r="F8880">
        <v>4</v>
      </c>
      <c r="G8880" t="s">
        <v>10</v>
      </c>
      <c r="H8880" t="s">
        <v>18897</v>
      </c>
      <c r="I8880" t="s">
        <v>30540</v>
      </c>
    </row>
    <row r="8881" spans="1:9">
      <c r="A8881" s="1">
        <f ca="1">RAND()</f>
        <v>0.12714366193571014</v>
      </c>
      <c r="B8881" s="1"/>
      <c r="C8881">
        <v>9</v>
      </c>
      <c r="D8881" t="s">
        <v>18886</v>
      </c>
      <c r="E8881" t="s">
        <v>33129</v>
      </c>
      <c r="F8881">
        <v>1</v>
      </c>
      <c r="G8881" t="s">
        <v>1</v>
      </c>
      <c r="H8881" t="s">
        <v>18887</v>
      </c>
      <c r="I8881" t="s">
        <v>30540</v>
      </c>
    </row>
    <row r="8882" spans="1:9">
      <c r="A8882" s="1">
        <f ca="1">RAND()</f>
        <v>0.62237574051819311</v>
      </c>
      <c r="B8882" s="1"/>
      <c r="C8882">
        <v>18</v>
      </c>
      <c r="D8882" t="s">
        <v>18892</v>
      </c>
      <c r="E8882" t="s">
        <v>33129</v>
      </c>
      <c r="F8882">
        <v>1</v>
      </c>
      <c r="G8882" t="s">
        <v>9</v>
      </c>
      <c r="H8882" t="s">
        <v>18893</v>
      </c>
      <c r="I8882" t="s">
        <v>30540</v>
      </c>
    </row>
    <row r="8883" spans="1:9">
      <c r="A8883" s="1">
        <f ca="1">RAND()</f>
        <v>0.86818969328863282</v>
      </c>
      <c r="B8883" s="1"/>
      <c r="C8883">
        <v>19</v>
      </c>
      <c r="D8883" t="s">
        <v>18878</v>
      </c>
      <c r="E8883" t="s">
        <v>33130</v>
      </c>
      <c r="F8883">
        <v>4</v>
      </c>
      <c r="G8883" t="s">
        <v>14</v>
      </c>
      <c r="H8883" t="s">
        <v>18879</v>
      </c>
      <c r="I8883" t="s">
        <v>30540</v>
      </c>
    </row>
    <row r="8884" spans="1:9">
      <c r="A8884" s="1">
        <f ca="1">RAND()</f>
        <v>0.19207433955570663</v>
      </c>
      <c r="B8884" s="1"/>
      <c r="C8884">
        <v>8</v>
      </c>
      <c r="D8884" t="s">
        <v>18868</v>
      </c>
      <c r="E8884" t="s">
        <v>33130</v>
      </c>
      <c r="F8884">
        <v>4</v>
      </c>
      <c r="G8884" t="s">
        <v>13</v>
      </c>
      <c r="H8884" t="s">
        <v>18869</v>
      </c>
      <c r="I8884" t="s">
        <v>30540</v>
      </c>
    </row>
    <row r="8885" spans="1:9">
      <c r="A8885" s="1">
        <f ca="1">RAND()</f>
        <v>0.42020252269255454</v>
      </c>
      <c r="B8885" s="1"/>
      <c r="C8885">
        <v>11</v>
      </c>
      <c r="D8885" t="s">
        <v>18870</v>
      </c>
      <c r="E8885" t="s">
        <v>33130</v>
      </c>
      <c r="F8885">
        <v>4</v>
      </c>
      <c r="G8885" t="s">
        <v>1</v>
      </c>
      <c r="H8885" t="s">
        <v>18871</v>
      </c>
      <c r="I8885" t="s">
        <v>30540</v>
      </c>
    </row>
    <row r="8886" spans="1:9">
      <c r="A8886" s="1">
        <f ca="1">RAND()</f>
        <v>0.60793872934708093</v>
      </c>
      <c r="B8886" s="1"/>
      <c r="C8886">
        <v>2</v>
      </c>
      <c r="D8886" t="s">
        <v>18866</v>
      </c>
      <c r="E8886" t="s">
        <v>33130</v>
      </c>
      <c r="F8886">
        <v>4</v>
      </c>
      <c r="G8886" t="s">
        <v>9</v>
      </c>
      <c r="H8886" t="s">
        <v>18867</v>
      </c>
      <c r="I8886" t="s">
        <v>30540</v>
      </c>
    </row>
    <row r="8887" spans="1:9">
      <c r="A8887" s="1">
        <f ca="1">RAND()</f>
        <v>0.79714864294573962</v>
      </c>
      <c r="B8887" s="1"/>
      <c r="C8887">
        <v>18</v>
      </c>
      <c r="D8887" t="s">
        <v>18876</v>
      </c>
      <c r="E8887" t="s">
        <v>33130</v>
      </c>
      <c r="F8887">
        <v>2</v>
      </c>
      <c r="G8887" t="s">
        <v>14</v>
      </c>
      <c r="H8887" t="s">
        <v>18877</v>
      </c>
      <c r="I8887" t="s">
        <v>30540</v>
      </c>
    </row>
    <row r="8888" spans="1:9">
      <c r="A8888" s="1">
        <f ca="1">RAND()</f>
        <v>0.3524190051474031</v>
      </c>
      <c r="B8888" s="1"/>
      <c r="C8888">
        <v>17</v>
      </c>
      <c r="D8888" t="s">
        <v>18874</v>
      </c>
      <c r="E8888" t="s">
        <v>33130</v>
      </c>
      <c r="F8888">
        <v>2</v>
      </c>
      <c r="G8888" t="s">
        <v>14</v>
      </c>
      <c r="H8888" t="s">
        <v>18875</v>
      </c>
      <c r="I8888" t="s">
        <v>30540</v>
      </c>
    </row>
    <row r="8889" spans="1:9">
      <c r="A8889" s="1">
        <f ca="1">RAND()</f>
        <v>0.45287682887140335</v>
      </c>
      <c r="B8889" s="1"/>
      <c r="C8889">
        <v>14</v>
      </c>
      <c r="D8889" t="s">
        <v>18872</v>
      </c>
      <c r="E8889" t="s">
        <v>33130</v>
      </c>
      <c r="F8889">
        <v>2</v>
      </c>
      <c r="G8889" t="s">
        <v>14</v>
      </c>
      <c r="H8889" t="s">
        <v>18873</v>
      </c>
      <c r="I8889" t="s">
        <v>30540</v>
      </c>
    </row>
    <row r="8890" spans="1:9">
      <c r="A8890" s="1">
        <f ca="1">RAND()</f>
        <v>0.70742569574381464</v>
      </c>
      <c r="B8890" s="1"/>
      <c r="C8890">
        <v>9</v>
      </c>
      <c r="D8890" t="s">
        <v>18864</v>
      </c>
      <c r="E8890" t="s">
        <v>33131</v>
      </c>
      <c r="F8890">
        <v>5</v>
      </c>
      <c r="G8890" t="s">
        <v>14</v>
      </c>
      <c r="H8890" t="s">
        <v>18865</v>
      </c>
      <c r="I8890" t="s">
        <v>30540</v>
      </c>
    </row>
    <row r="8891" spans="1:9">
      <c r="A8891" s="1">
        <f ca="1">RAND()</f>
        <v>0.23608175144598453</v>
      </c>
      <c r="B8891" s="1"/>
      <c r="C8891">
        <v>20</v>
      </c>
      <c r="D8891" t="s">
        <v>18862</v>
      </c>
      <c r="E8891" t="s">
        <v>33132</v>
      </c>
      <c r="F8891">
        <v>5</v>
      </c>
      <c r="G8891" t="s">
        <v>775</v>
      </c>
      <c r="H8891" t="s">
        <v>18863</v>
      </c>
      <c r="I8891" t="s">
        <v>30540</v>
      </c>
    </row>
    <row r="8892" spans="1:9">
      <c r="A8892" s="1">
        <f ca="1">RAND()</f>
        <v>8.4920653721519024E-2</v>
      </c>
      <c r="B8892" s="1"/>
      <c r="C8892">
        <v>13</v>
      </c>
      <c r="D8892" t="s">
        <v>18860</v>
      </c>
      <c r="E8892" t="s">
        <v>33132</v>
      </c>
      <c r="F8892">
        <v>4</v>
      </c>
      <c r="G8892" t="s">
        <v>3732</v>
      </c>
      <c r="H8892" t="s">
        <v>18861</v>
      </c>
      <c r="I8892" t="s">
        <v>30540</v>
      </c>
    </row>
    <row r="8893" spans="1:9">
      <c r="A8893" s="1">
        <f ca="1">RAND()</f>
        <v>0.9676505464465821</v>
      </c>
      <c r="B8893" s="1"/>
      <c r="C8893">
        <v>9</v>
      </c>
      <c r="D8893" t="s">
        <v>18858</v>
      </c>
      <c r="E8893" t="s">
        <v>33132</v>
      </c>
      <c r="F8893">
        <v>4</v>
      </c>
      <c r="G8893" t="s">
        <v>14</v>
      </c>
      <c r="H8893" t="s">
        <v>18859</v>
      </c>
      <c r="I8893" t="s">
        <v>30540</v>
      </c>
    </row>
    <row r="8894" spans="1:9">
      <c r="A8894" s="1">
        <f ca="1">RAND()</f>
        <v>0.62237190813303678</v>
      </c>
      <c r="B8894" s="1"/>
      <c r="C8894">
        <v>4</v>
      </c>
      <c r="D8894" t="s">
        <v>18856</v>
      </c>
      <c r="E8894" t="s">
        <v>33132</v>
      </c>
      <c r="F8894">
        <v>3</v>
      </c>
      <c r="G8894" t="s">
        <v>1426</v>
      </c>
      <c r="H8894" t="s">
        <v>18857</v>
      </c>
      <c r="I8894" t="s">
        <v>30540</v>
      </c>
    </row>
    <row r="8895" spans="1:9">
      <c r="A8895" s="1">
        <f ca="1">RAND()</f>
        <v>0.33812560808571013</v>
      </c>
      <c r="B8895" s="1"/>
      <c r="C8895">
        <v>13</v>
      </c>
      <c r="D8895" t="s">
        <v>18850</v>
      </c>
      <c r="E8895" t="s">
        <v>33133</v>
      </c>
      <c r="F8895">
        <v>4</v>
      </c>
      <c r="G8895" t="s">
        <v>14</v>
      </c>
      <c r="H8895" t="s">
        <v>18851</v>
      </c>
      <c r="I8895" t="s">
        <v>30540</v>
      </c>
    </row>
    <row r="8896" spans="1:9">
      <c r="A8896" s="1">
        <f ca="1">RAND()</f>
        <v>0.89987900652302333</v>
      </c>
      <c r="B8896" s="1"/>
      <c r="C8896">
        <v>1</v>
      </c>
      <c r="D8896" t="s">
        <v>18848</v>
      </c>
      <c r="E8896" t="s">
        <v>33133</v>
      </c>
      <c r="F8896">
        <v>4</v>
      </c>
      <c r="G8896" t="s">
        <v>10</v>
      </c>
      <c r="H8896" t="s">
        <v>18849</v>
      </c>
      <c r="I8896" t="s">
        <v>30540</v>
      </c>
    </row>
    <row r="8897" spans="1:9">
      <c r="A8897" s="1">
        <f ca="1">RAND()</f>
        <v>0.53377303395803788</v>
      </c>
      <c r="B8897" s="1"/>
      <c r="C8897">
        <v>17</v>
      </c>
      <c r="D8897" t="s">
        <v>18854</v>
      </c>
      <c r="E8897" t="s">
        <v>33133</v>
      </c>
      <c r="F8897">
        <v>4</v>
      </c>
      <c r="G8897" t="s">
        <v>14</v>
      </c>
      <c r="H8897" t="s">
        <v>18855</v>
      </c>
      <c r="I8897" t="s">
        <v>30540</v>
      </c>
    </row>
    <row r="8898" spans="1:9">
      <c r="A8898" s="1">
        <f ca="1">RAND()</f>
        <v>0.78109567386875134</v>
      </c>
      <c r="B8898" s="1"/>
      <c r="C8898">
        <v>14</v>
      </c>
      <c r="D8898" t="s">
        <v>18852</v>
      </c>
      <c r="E8898" t="s">
        <v>33133</v>
      </c>
      <c r="F8898">
        <v>3</v>
      </c>
      <c r="G8898" t="s">
        <v>14</v>
      </c>
      <c r="H8898" t="s">
        <v>18853</v>
      </c>
      <c r="I8898" t="s">
        <v>30540</v>
      </c>
    </row>
    <row r="8899" spans="1:9">
      <c r="A8899" s="1">
        <f ca="1">RAND()</f>
        <v>3.6081550182475275E-2</v>
      </c>
      <c r="B8899" s="1"/>
      <c r="C8899">
        <v>9</v>
      </c>
      <c r="D8899" t="s">
        <v>18846</v>
      </c>
      <c r="E8899" t="s">
        <v>33134</v>
      </c>
      <c r="F8899">
        <v>4</v>
      </c>
      <c r="G8899" t="s">
        <v>14</v>
      </c>
      <c r="H8899" t="s">
        <v>18847</v>
      </c>
      <c r="I8899" t="s">
        <v>30540</v>
      </c>
    </row>
    <row r="8900" spans="1:9">
      <c r="A8900" s="1">
        <f ca="1">RAND()</f>
        <v>0.89199149626110785</v>
      </c>
      <c r="B8900" s="1"/>
      <c r="C8900">
        <v>5</v>
      </c>
      <c r="D8900" t="s">
        <v>18842</v>
      </c>
      <c r="E8900" t="s">
        <v>33134</v>
      </c>
      <c r="F8900">
        <v>4</v>
      </c>
      <c r="G8900" t="s">
        <v>2</v>
      </c>
      <c r="H8900" t="s">
        <v>18843</v>
      </c>
      <c r="I8900" t="s">
        <v>30540</v>
      </c>
    </row>
    <row r="8901" spans="1:9">
      <c r="A8901" s="1">
        <f ca="1">RAND()</f>
        <v>0.29517758609243672</v>
      </c>
      <c r="B8901" s="1"/>
      <c r="C8901">
        <v>8</v>
      </c>
      <c r="D8901" t="s">
        <v>18844</v>
      </c>
      <c r="E8901" t="s">
        <v>33134</v>
      </c>
      <c r="F8901">
        <v>2</v>
      </c>
      <c r="G8901" t="s">
        <v>762</v>
      </c>
      <c r="H8901" t="s">
        <v>18845</v>
      </c>
      <c r="I8901" t="s">
        <v>30540</v>
      </c>
    </row>
    <row r="8902" spans="1:9">
      <c r="A8902" s="1">
        <f ca="1">RAND()</f>
        <v>0.17253479071407862</v>
      </c>
      <c r="B8902" s="1"/>
      <c r="C8902">
        <v>17</v>
      </c>
      <c r="D8902" t="s">
        <v>18838</v>
      </c>
      <c r="E8902" t="s">
        <v>33135</v>
      </c>
      <c r="F8902">
        <v>4</v>
      </c>
      <c r="G8902" t="s">
        <v>14</v>
      </c>
      <c r="H8902" t="s">
        <v>18839</v>
      </c>
      <c r="I8902" t="s">
        <v>30540</v>
      </c>
    </row>
    <row r="8903" spans="1:9">
      <c r="A8903" s="1">
        <f ca="1">RAND()</f>
        <v>2.9280339439131997E-2</v>
      </c>
      <c r="B8903" s="1"/>
      <c r="C8903">
        <v>19</v>
      </c>
      <c r="D8903" t="s">
        <v>18840</v>
      </c>
      <c r="E8903" t="s">
        <v>33135</v>
      </c>
      <c r="F8903">
        <v>3</v>
      </c>
      <c r="G8903" t="s">
        <v>14</v>
      </c>
      <c r="H8903" t="s">
        <v>18841</v>
      </c>
      <c r="I8903" t="s">
        <v>30540</v>
      </c>
    </row>
    <row r="8904" spans="1:9">
      <c r="A8904" s="1">
        <f ca="1">RAND()</f>
        <v>0.33432761909111353</v>
      </c>
      <c r="B8904" s="1"/>
      <c r="C8904">
        <v>15</v>
      </c>
      <c r="D8904" t="s">
        <v>18836</v>
      </c>
      <c r="E8904" t="s">
        <v>33135</v>
      </c>
      <c r="F8904">
        <v>2</v>
      </c>
      <c r="G8904" t="s">
        <v>1</v>
      </c>
      <c r="H8904" t="s">
        <v>18837</v>
      </c>
      <c r="I8904" t="s">
        <v>30540</v>
      </c>
    </row>
    <row r="8905" spans="1:9">
      <c r="A8905" s="1">
        <f ca="1">RAND()</f>
        <v>0.15410485005930008</v>
      </c>
      <c r="B8905" s="1"/>
      <c r="C8905">
        <v>10</v>
      </c>
      <c r="D8905" t="s">
        <v>18832</v>
      </c>
      <c r="E8905" t="s">
        <v>33136</v>
      </c>
      <c r="F8905">
        <v>5</v>
      </c>
      <c r="G8905" t="s">
        <v>10</v>
      </c>
      <c r="H8905" t="s">
        <v>18833</v>
      </c>
      <c r="I8905" t="s">
        <v>30540</v>
      </c>
    </row>
    <row r="8906" spans="1:9">
      <c r="A8906" s="1">
        <f ca="1">RAND()</f>
        <v>7.8759805999445098E-2</v>
      </c>
      <c r="B8906" s="1"/>
      <c r="C8906">
        <v>1</v>
      </c>
      <c r="D8906" t="s">
        <v>18824</v>
      </c>
      <c r="E8906" t="s">
        <v>33136</v>
      </c>
      <c r="F8906">
        <v>4</v>
      </c>
      <c r="G8906" t="s">
        <v>2</v>
      </c>
      <c r="H8906" t="s">
        <v>18825</v>
      </c>
      <c r="I8906" t="s">
        <v>30540</v>
      </c>
    </row>
    <row r="8907" spans="1:9">
      <c r="A8907" s="1">
        <f ca="1">RAND()</f>
        <v>0.50740956074560373</v>
      </c>
      <c r="B8907" s="1"/>
      <c r="C8907">
        <v>7</v>
      </c>
      <c r="D8907" t="s">
        <v>18830</v>
      </c>
      <c r="E8907" t="s">
        <v>33136</v>
      </c>
      <c r="F8907">
        <v>4</v>
      </c>
      <c r="G8907" t="s">
        <v>14</v>
      </c>
      <c r="H8907" t="s">
        <v>18831</v>
      </c>
      <c r="I8907" t="s">
        <v>30540</v>
      </c>
    </row>
    <row r="8908" spans="1:9">
      <c r="A8908" s="1">
        <f ca="1">RAND()</f>
        <v>0.91844829886238688</v>
      </c>
      <c r="B8908" s="1"/>
      <c r="C8908">
        <v>3</v>
      </c>
      <c r="D8908" t="s">
        <v>18826</v>
      </c>
      <c r="E8908" t="s">
        <v>33136</v>
      </c>
      <c r="F8908">
        <v>4</v>
      </c>
      <c r="G8908" t="s">
        <v>0</v>
      </c>
      <c r="H8908" t="s">
        <v>18827</v>
      </c>
      <c r="I8908" t="s">
        <v>30540</v>
      </c>
    </row>
    <row r="8909" spans="1:9">
      <c r="A8909" s="1">
        <f ca="1">RAND()</f>
        <v>0.46564603032000162</v>
      </c>
      <c r="B8909" s="1"/>
      <c r="C8909">
        <v>20</v>
      </c>
      <c r="D8909" t="s">
        <v>18834</v>
      </c>
      <c r="E8909" t="s">
        <v>33136</v>
      </c>
      <c r="F8909">
        <v>4</v>
      </c>
      <c r="G8909" t="s">
        <v>14</v>
      </c>
      <c r="H8909" t="s">
        <v>18835</v>
      </c>
      <c r="I8909" t="s">
        <v>30540</v>
      </c>
    </row>
    <row r="8910" spans="1:9">
      <c r="A8910" s="1">
        <f ca="1">RAND()</f>
        <v>0.29102924590430579</v>
      </c>
      <c r="B8910" s="1"/>
      <c r="C8910">
        <v>5</v>
      </c>
      <c r="D8910" t="s">
        <v>18828</v>
      </c>
      <c r="E8910" t="s">
        <v>33136</v>
      </c>
      <c r="F8910">
        <v>2</v>
      </c>
      <c r="G8910" t="s">
        <v>13</v>
      </c>
      <c r="H8910" t="s">
        <v>18829</v>
      </c>
      <c r="I8910" t="s">
        <v>30540</v>
      </c>
    </row>
    <row r="8911" spans="1:9">
      <c r="A8911" s="1">
        <f ca="1">RAND()</f>
        <v>0.47567061306576464</v>
      </c>
      <c r="B8911" s="1"/>
      <c r="C8911">
        <v>12</v>
      </c>
      <c r="D8911" t="s">
        <v>18820</v>
      </c>
      <c r="E8911" t="s">
        <v>33137</v>
      </c>
      <c r="F8911">
        <v>4</v>
      </c>
      <c r="G8911" t="s">
        <v>2</v>
      </c>
      <c r="H8911" t="s">
        <v>18821</v>
      </c>
      <c r="I8911" t="s">
        <v>30540</v>
      </c>
    </row>
    <row r="8912" spans="1:9">
      <c r="A8912" s="1">
        <f ca="1">RAND()</f>
        <v>3.5746797610652359E-2</v>
      </c>
      <c r="B8912" s="1"/>
      <c r="C8912">
        <v>17</v>
      </c>
      <c r="D8912" t="s">
        <v>18822</v>
      </c>
      <c r="E8912" t="s">
        <v>33137</v>
      </c>
      <c r="F8912">
        <v>4</v>
      </c>
      <c r="G8912" t="s">
        <v>14</v>
      </c>
      <c r="H8912" t="s">
        <v>18823</v>
      </c>
      <c r="I8912" t="s">
        <v>30540</v>
      </c>
    </row>
    <row r="8913" spans="1:9">
      <c r="A8913" s="1">
        <f ca="1">RAND()</f>
        <v>7.8440480127515255E-2</v>
      </c>
      <c r="B8913" s="1"/>
      <c r="C8913">
        <v>3</v>
      </c>
      <c r="D8913" t="s">
        <v>18818</v>
      </c>
      <c r="E8913" t="s">
        <v>33137</v>
      </c>
      <c r="F8913">
        <v>4</v>
      </c>
      <c r="G8913" t="s">
        <v>14</v>
      </c>
      <c r="H8913" t="s">
        <v>18819</v>
      </c>
      <c r="I8913" t="s">
        <v>30540</v>
      </c>
    </row>
    <row r="8914" spans="1:9">
      <c r="A8914" s="1">
        <f ca="1">RAND()</f>
        <v>0.43228420447297811</v>
      </c>
      <c r="B8914" s="1"/>
      <c r="C8914">
        <v>1</v>
      </c>
      <c r="D8914" t="s">
        <v>18810</v>
      </c>
      <c r="E8914" t="s">
        <v>33138</v>
      </c>
      <c r="F8914">
        <v>5</v>
      </c>
      <c r="G8914" t="s">
        <v>10</v>
      </c>
      <c r="H8914" t="s">
        <v>18811</v>
      </c>
      <c r="I8914" t="s">
        <v>30540</v>
      </c>
    </row>
    <row r="8915" spans="1:9">
      <c r="A8915" s="1">
        <f ca="1">RAND()</f>
        <v>0.87147217284817557</v>
      </c>
      <c r="B8915" s="1"/>
      <c r="C8915">
        <v>13</v>
      </c>
      <c r="D8915" t="s">
        <v>18814</v>
      </c>
      <c r="E8915" t="s">
        <v>33138</v>
      </c>
      <c r="F8915">
        <v>4</v>
      </c>
      <c r="G8915" t="s">
        <v>1</v>
      </c>
      <c r="H8915" t="s">
        <v>18815</v>
      </c>
      <c r="I8915" t="s">
        <v>30540</v>
      </c>
    </row>
    <row r="8916" spans="1:9">
      <c r="A8916" s="1">
        <f ca="1">RAND()</f>
        <v>0.98525287026525066</v>
      </c>
      <c r="B8916" s="1"/>
      <c r="C8916">
        <v>15</v>
      </c>
      <c r="D8916" t="s">
        <v>18816</v>
      </c>
      <c r="E8916" t="s">
        <v>33138</v>
      </c>
      <c r="F8916">
        <v>4</v>
      </c>
      <c r="G8916" t="s">
        <v>14</v>
      </c>
      <c r="H8916" t="s">
        <v>18817</v>
      </c>
      <c r="I8916" t="s">
        <v>30540</v>
      </c>
    </row>
    <row r="8917" spans="1:9">
      <c r="A8917" s="1">
        <f ca="1">RAND()</f>
        <v>0.26761289346726702</v>
      </c>
      <c r="B8917" s="1"/>
      <c r="C8917">
        <v>8</v>
      </c>
      <c r="D8917" t="s">
        <v>18812</v>
      </c>
      <c r="E8917" t="s">
        <v>33138</v>
      </c>
      <c r="F8917">
        <v>2</v>
      </c>
      <c r="G8917" t="s">
        <v>14</v>
      </c>
      <c r="H8917" t="s">
        <v>18813</v>
      </c>
      <c r="I8917" t="s">
        <v>30540</v>
      </c>
    </row>
    <row r="8918" spans="1:9">
      <c r="A8918" s="1">
        <f ca="1">RAND()</f>
        <v>0.58154279917670326</v>
      </c>
      <c r="B8918" s="1"/>
      <c r="C8918">
        <v>11</v>
      </c>
      <c r="D8918" t="s">
        <v>18806</v>
      </c>
      <c r="E8918" t="s">
        <v>33139</v>
      </c>
      <c r="F8918">
        <v>5</v>
      </c>
      <c r="G8918" t="s">
        <v>762</v>
      </c>
      <c r="H8918" t="s">
        <v>18807</v>
      </c>
      <c r="I8918" t="s">
        <v>30540</v>
      </c>
    </row>
    <row r="8919" spans="1:9">
      <c r="A8919" s="1">
        <f ca="1">RAND()</f>
        <v>0.73149441078222799</v>
      </c>
      <c r="B8919" s="1"/>
      <c r="C8919">
        <v>7</v>
      </c>
      <c r="D8919" t="s">
        <v>18804</v>
      </c>
      <c r="E8919" t="s">
        <v>33139</v>
      </c>
      <c r="F8919">
        <v>4</v>
      </c>
      <c r="G8919" t="s">
        <v>15</v>
      </c>
      <c r="H8919" t="s">
        <v>18805</v>
      </c>
      <c r="I8919" t="s">
        <v>30540</v>
      </c>
    </row>
    <row r="8920" spans="1:9">
      <c r="A8920" s="1">
        <f ca="1">RAND()</f>
        <v>0.10030707466872435</v>
      </c>
      <c r="B8920" s="1"/>
      <c r="C8920">
        <v>14</v>
      </c>
      <c r="D8920" t="s">
        <v>18808</v>
      </c>
      <c r="E8920" t="s">
        <v>33139</v>
      </c>
      <c r="F8920">
        <v>2</v>
      </c>
      <c r="G8920" t="s">
        <v>1431</v>
      </c>
      <c r="H8920" t="s">
        <v>18809</v>
      </c>
      <c r="I8920" t="s">
        <v>30540</v>
      </c>
    </row>
    <row r="8921" spans="1:9">
      <c r="A8921" s="1">
        <f ca="1">RAND()</f>
        <v>0.58857478516905626</v>
      </c>
      <c r="B8921" s="1"/>
      <c r="C8921">
        <v>14</v>
      </c>
      <c r="D8921" t="s">
        <v>18800</v>
      </c>
      <c r="E8921" t="s">
        <v>33140</v>
      </c>
      <c r="F8921">
        <v>5</v>
      </c>
      <c r="G8921" t="s">
        <v>14</v>
      </c>
      <c r="H8921" t="s">
        <v>18801</v>
      </c>
      <c r="I8921" t="s">
        <v>30540</v>
      </c>
    </row>
    <row r="8922" spans="1:9">
      <c r="A8922" s="1">
        <f ca="1">RAND()</f>
        <v>2.1244725030652445E-2</v>
      </c>
      <c r="B8922" s="1"/>
      <c r="C8922">
        <v>7</v>
      </c>
      <c r="D8922" t="s">
        <v>18794</v>
      </c>
      <c r="E8922" t="s">
        <v>33140</v>
      </c>
      <c r="F8922">
        <v>5</v>
      </c>
      <c r="G8922" t="s">
        <v>14</v>
      </c>
      <c r="H8922" t="s">
        <v>18795</v>
      </c>
      <c r="I8922" t="s">
        <v>30540</v>
      </c>
    </row>
    <row r="8923" spans="1:9">
      <c r="A8923" s="1">
        <f ca="1">RAND()</f>
        <v>0.34625472779268507</v>
      </c>
      <c r="B8923" s="1"/>
      <c r="C8923">
        <v>2</v>
      </c>
      <c r="D8923" t="s">
        <v>18790</v>
      </c>
      <c r="E8923" t="s">
        <v>33140</v>
      </c>
      <c r="F8923">
        <v>4</v>
      </c>
      <c r="G8923" t="s">
        <v>2</v>
      </c>
      <c r="H8923" t="s">
        <v>18791</v>
      </c>
      <c r="I8923" t="s">
        <v>30540</v>
      </c>
    </row>
    <row r="8924" spans="1:9">
      <c r="A8924" s="1">
        <f ca="1">RAND()</f>
        <v>0.78556900612531866</v>
      </c>
      <c r="B8924" s="1"/>
      <c r="C8924">
        <v>16</v>
      </c>
      <c r="D8924" t="s">
        <v>18802</v>
      </c>
      <c r="E8924" t="s">
        <v>33140</v>
      </c>
      <c r="F8924">
        <v>4</v>
      </c>
      <c r="G8924" t="s">
        <v>13</v>
      </c>
      <c r="H8924" t="s">
        <v>18803</v>
      </c>
      <c r="I8924" t="s">
        <v>30540</v>
      </c>
    </row>
    <row r="8925" spans="1:9">
      <c r="A8925" s="1">
        <f ca="1">RAND()</f>
        <v>0.54907647135433046</v>
      </c>
      <c r="B8925" s="1"/>
      <c r="C8925">
        <v>10</v>
      </c>
      <c r="D8925" t="s">
        <v>18796</v>
      </c>
      <c r="E8925" t="s">
        <v>33140</v>
      </c>
      <c r="F8925">
        <v>4</v>
      </c>
      <c r="G8925" t="s">
        <v>14</v>
      </c>
      <c r="H8925" t="s">
        <v>18797</v>
      </c>
      <c r="I8925" t="s">
        <v>30540</v>
      </c>
    </row>
    <row r="8926" spans="1:9">
      <c r="A8926" s="1">
        <f ca="1">RAND()</f>
        <v>0.71052774090762472</v>
      </c>
      <c r="B8926" s="1"/>
      <c r="C8926">
        <v>3</v>
      </c>
      <c r="D8926" t="s">
        <v>18792</v>
      </c>
      <c r="E8926" t="s">
        <v>33140</v>
      </c>
      <c r="F8926">
        <v>4</v>
      </c>
      <c r="G8926" t="s">
        <v>1</v>
      </c>
      <c r="H8926" t="s">
        <v>18793</v>
      </c>
      <c r="I8926" t="s">
        <v>30540</v>
      </c>
    </row>
    <row r="8927" spans="1:9">
      <c r="A8927" s="1">
        <f ca="1">RAND()</f>
        <v>0.57843065793260684</v>
      </c>
      <c r="B8927" s="1"/>
      <c r="C8927">
        <v>13</v>
      </c>
      <c r="D8927" t="s">
        <v>18798</v>
      </c>
      <c r="E8927" t="s">
        <v>33140</v>
      </c>
      <c r="F8927">
        <v>4</v>
      </c>
      <c r="G8927" t="s">
        <v>9</v>
      </c>
      <c r="H8927" t="s">
        <v>18799</v>
      </c>
      <c r="I8927" t="s">
        <v>30540</v>
      </c>
    </row>
    <row r="8928" spans="1:9">
      <c r="A8928" s="1">
        <f ca="1">RAND()</f>
        <v>0.37886042932513531</v>
      </c>
      <c r="B8928" s="1"/>
      <c r="C8928">
        <v>11</v>
      </c>
      <c r="D8928" t="s">
        <v>18784</v>
      </c>
      <c r="E8928" t="s">
        <v>33141</v>
      </c>
      <c r="F8928">
        <v>5</v>
      </c>
      <c r="G8928" t="s">
        <v>14</v>
      </c>
      <c r="H8928" t="s">
        <v>18785</v>
      </c>
      <c r="I8928" t="s">
        <v>30540</v>
      </c>
    </row>
    <row r="8929" spans="1:9">
      <c r="A8929" s="1">
        <f ca="1">RAND()</f>
        <v>0.79561406253918154</v>
      </c>
      <c r="B8929" s="1"/>
      <c r="C8929">
        <v>6</v>
      </c>
      <c r="D8929" t="s">
        <v>18778</v>
      </c>
      <c r="E8929" t="s">
        <v>33141</v>
      </c>
      <c r="F8929">
        <v>4</v>
      </c>
      <c r="G8929" t="s">
        <v>14</v>
      </c>
      <c r="H8929" t="s">
        <v>18779</v>
      </c>
      <c r="I8929" t="s">
        <v>30540</v>
      </c>
    </row>
    <row r="8930" spans="1:9">
      <c r="A8930" s="1">
        <f ca="1">RAND()</f>
        <v>0.3245433496037925</v>
      </c>
      <c r="B8930" s="1"/>
      <c r="C8930">
        <v>13</v>
      </c>
      <c r="D8930" t="s">
        <v>18786</v>
      </c>
      <c r="E8930" t="s">
        <v>33141</v>
      </c>
      <c r="F8930">
        <v>4</v>
      </c>
      <c r="G8930" t="s">
        <v>9</v>
      </c>
      <c r="H8930" t="s">
        <v>18787</v>
      </c>
      <c r="I8930" t="s">
        <v>30540</v>
      </c>
    </row>
    <row r="8931" spans="1:9">
      <c r="A8931" s="1">
        <f ca="1">RAND()</f>
        <v>2.2443599097392686E-2</v>
      </c>
      <c r="B8931" s="1"/>
      <c r="C8931">
        <v>9</v>
      </c>
      <c r="D8931" t="s">
        <v>18780</v>
      </c>
      <c r="E8931" t="s">
        <v>33141</v>
      </c>
      <c r="F8931">
        <v>4</v>
      </c>
      <c r="G8931" t="s">
        <v>9</v>
      </c>
      <c r="H8931" t="s">
        <v>18781</v>
      </c>
      <c r="I8931" t="s">
        <v>30540</v>
      </c>
    </row>
    <row r="8932" spans="1:9">
      <c r="A8932" s="1">
        <f ca="1">RAND()</f>
        <v>0.62007208374173095</v>
      </c>
      <c r="B8932" s="1"/>
      <c r="C8932">
        <v>10</v>
      </c>
      <c r="D8932" t="s">
        <v>18782</v>
      </c>
      <c r="E8932" t="s">
        <v>33141</v>
      </c>
      <c r="F8932">
        <v>4</v>
      </c>
      <c r="G8932" t="s">
        <v>14</v>
      </c>
      <c r="H8932" t="s">
        <v>18783</v>
      </c>
      <c r="I8932" t="s">
        <v>30540</v>
      </c>
    </row>
    <row r="8933" spans="1:9">
      <c r="A8933" s="1">
        <f ca="1">RAND()</f>
        <v>0.1682214322471598</v>
      </c>
      <c r="B8933" s="1"/>
      <c r="C8933">
        <v>16</v>
      </c>
      <c r="D8933" t="s">
        <v>18788</v>
      </c>
      <c r="E8933" t="s">
        <v>33141</v>
      </c>
      <c r="F8933">
        <v>3</v>
      </c>
      <c r="G8933" t="s">
        <v>9</v>
      </c>
      <c r="H8933" t="s">
        <v>18789</v>
      </c>
      <c r="I8933" t="s">
        <v>30540</v>
      </c>
    </row>
    <row r="8934" spans="1:9">
      <c r="A8934" s="1">
        <f ca="1">RAND()</f>
        <v>2.1212741130378299E-2</v>
      </c>
      <c r="B8934" s="1"/>
      <c r="C8934">
        <v>18</v>
      </c>
      <c r="D8934" t="s">
        <v>18776</v>
      </c>
      <c r="E8934" t="s">
        <v>33142</v>
      </c>
      <c r="F8934">
        <v>5</v>
      </c>
      <c r="G8934" t="s">
        <v>14</v>
      </c>
      <c r="H8934" t="s">
        <v>18777</v>
      </c>
      <c r="I8934" t="s">
        <v>30540</v>
      </c>
    </row>
    <row r="8935" spans="1:9">
      <c r="A8935" s="1">
        <f ca="1">RAND()</f>
        <v>0.42506917149397883</v>
      </c>
      <c r="B8935" s="1"/>
      <c r="C8935">
        <v>17</v>
      </c>
      <c r="D8935" t="s">
        <v>18774</v>
      </c>
      <c r="E8935" t="s">
        <v>33142</v>
      </c>
      <c r="F8935">
        <v>4</v>
      </c>
      <c r="G8935" t="s">
        <v>1</v>
      </c>
      <c r="H8935" t="s">
        <v>18775</v>
      </c>
      <c r="I8935" t="s">
        <v>30540</v>
      </c>
    </row>
    <row r="8936" spans="1:9">
      <c r="A8936" s="1">
        <f ca="1">RAND()</f>
        <v>0.80374696597277384</v>
      </c>
      <c r="B8936" s="1"/>
      <c r="C8936">
        <v>6</v>
      </c>
      <c r="D8936" t="s">
        <v>18772</v>
      </c>
      <c r="E8936" t="s">
        <v>33142</v>
      </c>
      <c r="F8936">
        <v>3</v>
      </c>
      <c r="G8936" t="s">
        <v>14</v>
      </c>
      <c r="H8936" t="s">
        <v>18773</v>
      </c>
      <c r="I8936" t="s">
        <v>30540</v>
      </c>
    </row>
    <row r="8937" spans="1:9">
      <c r="A8937" s="1">
        <f ca="1">RAND()</f>
        <v>0.51557723447575621</v>
      </c>
      <c r="B8937" s="1"/>
      <c r="C8937">
        <v>4</v>
      </c>
      <c r="D8937" t="s">
        <v>18756</v>
      </c>
      <c r="E8937" t="s">
        <v>33143</v>
      </c>
      <c r="F8937">
        <v>5</v>
      </c>
      <c r="G8937" t="s">
        <v>14</v>
      </c>
      <c r="H8937" t="s">
        <v>18757</v>
      </c>
      <c r="I8937" t="s">
        <v>30540</v>
      </c>
    </row>
    <row r="8938" spans="1:9">
      <c r="A8938" s="1">
        <f ca="1">RAND()</f>
        <v>0.20762923830313207</v>
      </c>
      <c r="B8938" s="1"/>
      <c r="C8938">
        <v>8</v>
      </c>
      <c r="D8938" t="s">
        <v>18764</v>
      </c>
      <c r="E8938" t="s">
        <v>33143</v>
      </c>
      <c r="F8938">
        <v>5</v>
      </c>
      <c r="G8938" t="s">
        <v>2</v>
      </c>
      <c r="H8938" t="s">
        <v>18765</v>
      </c>
      <c r="I8938" t="s">
        <v>30540</v>
      </c>
    </row>
    <row r="8939" spans="1:9">
      <c r="A8939" s="1">
        <f ca="1">RAND()</f>
        <v>0.99886079844328113</v>
      </c>
      <c r="B8939" s="1"/>
      <c r="C8939">
        <v>15</v>
      </c>
      <c r="D8939" t="s">
        <v>18770</v>
      </c>
      <c r="E8939" t="s">
        <v>33143</v>
      </c>
      <c r="F8939">
        <v>4</v>
      </c>
      <c r="G8939" t="s">
        <v>10</v>
      </c>
      <c r="H8939" t="s">
        <v>18771</v>
      </c>
      <c r="I8939" t="s">
        <v>30540</v>
      </c>
    </row>
    <row r="8940" spans="1:9">
      <c r="A8940" s="1">
        <f ca="1">RAND()</f>
        <v>0.30392778791961461</v>
      </c>
      <c r="B8940" s="1"/>
      <c r="C8940">
        <v>6</v>
      </c>
      <c r="D8940" t="s">
        <v>18760</v>
      </c>
      <c r="E8940" t="s">
        <v>33143</v>
      </c>
      <c r="F8940">
        <v>4</v>
      </c>
      <c r="G8940" t="s">
        <v>10</v>
      </c>
      <c r="H8940" t="s">
        <v>18761</v>
      </c>
      <c r="I8940" t="s">
        <v>30540</v>
      </c>
    </row>
    <row r="8941" spans="1:9">
      <c r="A8941" s="1">
        <f ca="1">RAND()</f>
        <v>0.56074104402647673</v>
      </c>
      <c r="B8941" s="1"/>
      <c r="C8941">
        <v>7</v>
      </c>
      <c r="D8941" t="s">
        <v>18762</v>
      </c>
      <c r="E8941" t="s">
        <v>33143</v>
      </c>
      <c r="F8941">
        <v>4</v>
      </c>
      <c r="G8941" t="s">
        <v>13</v>
      </c>
      <c r="H8941" t="s">
        <v>18763</v>
      </c>
      <c r="I8941" t="s">
        <v>30540</v>
      </c>
    </row>
    <row r="8942" spans="1:9">
      <c r="A8942" s="1">
        <f ca="1">RAND()</f>
        <v>0.39926792620163065</v>
      </c>
      <c r="B8942" s="1"/>
      <c r="C8942">
        <v>10</v>
      </c>
      <c r="D8942" t="s">
        <v>18766</v>
      </c>
      <c r="E8942" t="s">
        <v>33143</v>
      </c>
      <c r="F8942">
        <v>4</v>
      </c>
      <c r="G8942" t="s">
        <v>14</v>
      </c>
      <c r="H8942" t="s">
        <v>18767</v>
      </c>
      <c r="I8942" t="s">
        <v>30540</v>
      </c>
    </row>
    <row r="8943" spans="1:9">
      <c r="A8943" s="1">
        <f ca="1">RAND()</f>
        <v>9.3719403025789072E-2</v>
      </c>
      <c r="B8943" s="1"/>
      <c r="C8943">
        <v>5</v>
      </c>
      <c r="D8943" t="s">
        <v>18758</v>
      </c>
      <c r="E8943" t="s">
        <v>33143</v>
      </c>
      <c r="F8943">
        <v>4</v>
      </c>
      <c r="G8943" t="s">
        <v>14</v>
      </c>
      <c r="H8943" t="s">
        <v>18759</v>
      </c>
      <c r="I8943" t="s">
        <v>30540</v>
      </c>
    </row>
    <row r="8944" spans="1:9">
      <c r="A8944" s="1">
        <f ca="1">RAND()</f>
        <v>0.98501862520083672</v>
      </c>
      <c r="B8944" s="1"/>
      <c r="C8944">
        <v>11</v>
      </c>
      <c r="D8944" t="s">
        <v>18768</v>
      </c>
      <c r="E8944" t="s">
        <v>33143</v>
      </c>
      <c r="F8944">
        <v>3</v>
      </c>
      <c r="G8944" t="s">
        <v>14</v>
      </c>
      <c r="H8944" t="s">
        <v>18769</v>
      </c>
      <c r="I8944" t="s">
        <v>30540</v>
      </c>
    </row>
    <row r="8945" spans="1:9">
      <c r="A8945" s="1">
        <f ca="1">RAND()</f>
        <v>0.8250108680848669</v>
      </c>
      <c r="B8945" s="1"/>
      <c r="C8945">
        <v>2</v>
      </c>
      <c r="D8945" t="s">
        <v>18754</v>
      </c>
      <c r="E8945" t="s">
        <v>33143</v>
      </c>
      <c r="F8945">
        <v>2</v>
      </c>
      <c r="G8945" t="s">
        <v>10</v>
      </c>
      <c r="H8945" t="s">
        <v>18755</v>
      </c>
      <c r="I8945" t="s">
        <v>30540</v>
      </c>
    </row>
    <row r="8946" spans="1:9">
      <c r="A8946" s="1">
        <f ca="1">RAND()</f>
        <v>0.35081014290598367</v>
      </c>
      <c r="B8946" s="1"/>
      <c r="C8946">
        <v>17</v>
      </c>
      <c r="D8946" t="s">
        <v>18752</v>
      </c>
      <c r="E8946" t="s">
        <v>33144</v>
      </c>
      <c r="F8946">
        <v>5</v>
      </c>
      <c r="G8946" t="s">
        <v>3732</v>
      </c>
      <c r="H8946" t="s">
        <v>18753</v>
      </c>
      <c r="I8946" t="s">
        <v>30540</v>
      </c>
    </row>
    <row r="8947" spans="1:9">
      <c r="A8947" s="1">
        <f ca="1">RAND()</f>
        <v>0.47421258693486068</v>
      </c>
      <c r="B8947" s="1"/>
      <c r="C8947">
        <v>2</v>
      </c>
      <c r="D8947" t="s">
        <v>18746</v>
      </c>
      <c r="E8947" t="s">
        <v>33144</v>
      </c>
      <c r="F8947">
        <v>4</v>
      </c>
      <c r="G8947" t="s">
        <v>766</v>
      </c>
      <c r="H8947" t="s">
        <v>18747</v>
      </c>
      <c r="I8947" t="s">
        <v>30540</v>
      </c>
    </row>
    <row r="8948" spans="1:9">
      <c r="A8948" s="1">
        <f ca="1">RAND()</f>
        <v>0.45031366608058443</v>
      </c>
      <c r="B8948" s="1"/>
      <c r="C8948">
        <v>16</v>
      </c>
      <c r="D8948" t="s">
        <v>18750</v>
      </c>
      <c r="E8948" t="s">
        <v>33144</v>
      </c>
      <c r="F8948">
        <v>4</v>
      </c>
      <c r="G8948" t="s">
        <v>2</v>
      </c>
      <c r="H8948" t="s">
        <v>18751</v>
      </c>
      <c r="I8948" t="s">
        <v>30540</v>
      </c>
    </row>
    <row r="8949" spans="1:9">
      <c r="A8949" s="1">
        <f ca="1">RAND()</f>
        <v>0.39242842750863138</v>
      </c>
      <c r="B8949" s="1"/>
      <c r="C8949">
        <v>7</v>
      </c>
      <c r="D8949" t="s">
        <v>18748</v>
      </c>
      <c r="E8949" t="s">
        <v>33144</v>
      </c>
      <c r="F8949">
        <v>1</v>
      </c>
      <c r="G8949" t="s">
        <v>775</v>
      </c>
      <c r="H8949" t="s">
        <v>18749</v>
      </c>
      <c r="I8949" t="s">
        <v>30540</v>
      </c>
    </row>
    <row r="8950" spans="1:9">
      <c r="A8950" s="1">
        <f ca="1">RAND()</f>
        <v>9.1478782151012905E-2</v>
      </c>
      <c r="B8950" s="1"/>
      <c r="C8950">
        <v>8</v>
      </c>
      <c r="D8950" t="s">
        <v>18740</v>
      </c>
      <c r="E8950" t="s">
        <v>33145</v>
      </c>
      <c r="F8950">
        <v>4</v>
      </c>
      <c r="G8950" t="s">
        <v>10</v>
      </c>
      <c r="H8950" t="s">
        <v>18741</v>
      </c>
      <c r="I8950" t="s">
        <v>30540</v>
      </c>
    </row>
    <row r="8951" spans="1:9">
      <c r="A8951" s="1">
        <f ca="1">RAND()</f>
        <v>0.10372837836034832</v>
      </c>
      <c r="B8951" s="1"/>
      <c r="C8951">
        <v>15</v>
      </c>
      <c r="D8951" t="s">
        <v>18742</v>
      </c>
      <c r="E8951" t="s">
        <v>33145</v>
      </c>
      <c r="F8951">
        <v>4</v>
      </c>
      <c r="G8951" t="s">
        <v>9</v>
      </c>
      <c r="H8951" t="s">
        <v>18743</v>
      </c>
      <c r="I8951" t="s">
        <v>30540</v>
      </c>
    </row>
    <row r="8952" spans="1:9">
      <c r="A8952" s="1">
        <f ca="1">RAND()</f>
        <v>0.62954455137149834</v>
      </c>
      <c r="B8952" s="1"/>
      <c r="C8952">
        <v>18</v>
      </c>
      <c r="D8952" t="s">
        <v>18744</v>
      </c>
      <c r="E8952" t="s">
        <v>33145</v>
      </c>
      <c r="F8952">
        <v>4</v>
      </c>
      <c r="G8952" t="s">
        <v>13</v>
      </c>
      <c r="H8952" t="s">
        <v>18745</v>
      </c>
      <c r="I8952" t="s">
        <v>30540</v>
      </c>
    </row>
    <row r="8953" spans="1:9">
      <c r="A8953" s="1">
        <f ca="1">RAND()</f>
        <v>0.95770826084760274</v>
      </c>
      <c r="B8953" s="1"/>
      <c r="C8953">
        <v>9</v>
      </c>
      <c r="D8953" t="s">
        <v>18728</v>
      </c>
      <c r="E8953" t="s">
        <v>33146</v>
      </c>
      <c r="F8953">
        <v>5</v>
      </c>
      <c r="G8953" t="s">
        <v>14</v>
      </c>
      <c r="H8953" t="s">
        <v>18729</v>
      </c>
      <c r="I8953" t="s">
        <v>30540</v>
      </c>
    </row>
    <row r="8954" spans="1:9">
      <c r="A8954" s="1">
        <f ca="1">RAND()</f>
        <v>0.92113776472761322</v>
      </c>
      <c r="B8954" s="1"/>
      <c r="C8954">
        <v>8</v>
      </c>
      <c r="D8954" t="s">
        <v>18726</v>
      </c>
      <c r="E8954" t="s">
        <v>33146</v>
      </c>
      <c r="F8954">
        <v>5</v>
      </c>
      <c r="G8954" t="s">
        <v>10</v>
      </c>
      <c r="H8954" t="s">
        <v>18727</v>
      </c>
      <c r="I8954" t="s">
        <v>30540</v>
      </c>
    </row>
    <row r="8955" spans="1:9">
      <c r="A8955" s="1">
        <f ca="1">RAND()</f>
        <v>0.41706200904321689</v>
      </c>
      <c r="B8955" s="1"/>
      <c r="C8955">
        <v>20</v>
      </c>
      <c r="D8955" t="s">
        <v>18738</v>
      </c>
      <c r="E8955" t="s">
        <v>33146</v>
      </c>
      <c r="F8955">
        <v>4</v>
      </c>
      <c r="G8955" t="s">
        <v>10</v>
      </c>
      <c r="H8955" t="s">
        <v>18739</v>
      </c>
      <c r="I8955" t="s">
        <v>30540</v>
      </c>
    </row>
    <row r="8956" spans="1:9">
      <c r="A8956" s="1">
        <f ca="1">RAND()</f>
        <v>0.49196476396812705</v>
      </c>
      <c r="B8956" s="1"/>
      <c r="C8956">
        <v>18</v>
      </c>
      <c r="D8956" t="s">
        <v>18736</v>
      </c>
      <c r="E8956" t="s">
        <v>33146</v>
      </c>
      <c r="F8956">
        <v>4</v>
      </c>
      <c r="G8956" t="s">
        <v>14</v>
      </c>
      <c r="H8956" t="s">
        <v>18737</v>
      </c>
      <c r="I8956" t="s">
        <v>30540</v>
      </c>
    </row>
    <row r="8957" spans="1:9">
      <c r="A8957" s="1">
        <f ca="1">RAND()</f>
        <v>0.73118661529579387</v>
      </c>
      <c r="B8957" s="1"/>
      <c r="C8957">
        <v>12</v>
      </c>
      <c r="D8957" t="s">
        <v>18732</v>
      </c>
      <c r="E8957" t="s">
        <v>33146</v>
      </c>
      <c r="F8957">
        <v>4</v>
      </c>
      <c r="G8957" t="s">
        <v>14</v>
      </c>
      <c r="H8957" t="s">
        <v>18733</v>
      </c>
      <c r="I8957" t="s">
        <v>30540</v>
      </c>
    </row>
    <row r="8958" spans="1:9">
      <c r="A8958" s="1">
        <f ca="1">RAND()</f>
        <v>5.7109435393663643E-2</v>
      </c>
      <c r="B8958" s="1"/>
      <c r="C8958">
        <v>10</v>
      </c>
      <c r="D8958" t="s">
        <v>18730</v>
      </c>
      <c r="E8958" t="s">
        <v>33146</v>
      </c>
      <c r="F8958">
        <v>4</v>
      </c>
      <c r="G8958" t="s">
        <v>9</v>
      </c>
      <c r="H8958" t="s">
        <v>18731</v>
      </c>
      <c r="I8958" t="s">
        <v>30540</v>
      </c>
    </row>
    <row r="8959" spans="1:9">
      <c r="A8959" s="1">
        <f ca="1">RAND()</f>
        <v>0.99204335992036374</v>
      </c>
      <c r="B8959" s="1"/>
      <c r="C8959">
        <v>15</v>
      </c>
      <c r="D8959" t="s">
        <v>18734</v>
      </c>
      <c r="E8959" t="s">
        <v>33146</v>
      </c>
      <c r="F8959">
        <v>4</v>
      </c>
      <c r="G8959" t="s">
        <v>10</v>
      </c>
      <c r="H8959" t="s">
        <v>18735</v>
      </c>
      <c r="I8959" t="s">
        <v>30540</v>
      </c>
    </row>
    <row r="8960" spans="1:9">
      <c r="A8960" s="1">
        <f ca="1">RAND()</f>
        <v>0.60661625343227565</v>
      </c>
      <c r="B8960" s="1"/>
      <c r="C8960">
        <v>17</v>
      </c>
      <c r="D8960" t="s">
        <v>18724</v>
      </c>
      <c r="E8960" t="s">
        <v>33147</v>
      </c>
      <c r="F8960">
        <v>5</v>
      </c>
      <c r="G8960" t="s">
        <v>14</v>
      </c>
      <c r="H8960" t="s">
        <v>18725</v>
      </c>
      <c r="I8960" t="s">
        <v>30540</v>
      </c>
    </row>
    <row r="8961" spans="1:9">
      <c r="A8961" s="1">
        <f ca="1">RAND()</f>
        <v>0.46541882441627003</v>
      </c>
      <c r="B8961" s="1"/>
      <c r="C8961">
        <v>15</v>
      </c>
      <c r="D8961" t="s">
        <v>18722</v>
      </c>
      <c r="E8961" t="s">
        <v>33147</v>
      </c>
      <c r="F8961">
        <v>4</v>
      </c>
      <c r="G8961" t="s">
        <v>14</v>
      </c>
      <c r="H8961" t="s">
        <v>18723</v>
      </c>
      <c r="I8961" t="s">
        <v>30540</v>
      </c>
    </row>
    <row r="8962" spans="1:9">
      <c r="A8962" s="1">
        <f ca="1">RAND()</f>
        <v>0.99857587198403774</v>
      </c>
      <c r="B8962" s="1"/>
      <c r="C8962">
        <v>11</v>
      </c>
      <c r="D8962" t="s">
        <v>18716</v>
      </c>
      <c r="E8962" t="s">
        <v>33148</v>
      </c>
      <c r="F8962">
        <v>5</v>
      </c>
      <c r="G8962" t="s">
        <v>14</v>
      </c>
      <c r="H8962" t="s">
        <v>18717</v>
      </c>
      <c r="I8962" t="s">
        <v>30540</v>
      </c>
    </row>
    <row r="8963" spans="1:9">
      <c r="A8963" s="1">
        <f ca="1">RAND()</f>
        <v>8.4029861820260399E-2</v>
      </c>
      <c r="B8963" s="1"/>
      <c r="C8963">
        <v>4</v>
      </c>
      <c r="D8963" t="s">
        <v>18712</v>
      </c>
      <c r="E8963" t="s">
        <v>33148</v>
      </c>
      <c r="F8963">
        <v>4</v>
      </c>
      <c r="G8963" t="s">
        <v>14</v>
      </c>
      <c r="H8963" t="s">
        <v>18713</v>
      </c>
      <c r="I8963" t="s">
        <v>30540</v>
      </c>
    </row>
    <row r="8964" spans="1:9">
      <c r="A8964" s="1">
        <f ca="1">RAND()</f>
        <v>0.30294960155266759</v>
      </c>
      <c r="B8964" s="1"/>
      <c r="C8964">
        <v>16</v>
      </c>
      <c r="D8964" t="s">
        <v>18718</v>
      </c>
      <c r="E8964" t="s">
        <v>33148</v>
      </c>
      <c r="F8964">
        <v>4</v>
      </c>
      <c r="G8964" t="s">
        <v>13</v>
      </c>
      <c r="H8964" t="s">
        <v>18719</v>
      </c>
      <c r="I8964" t="s">
        <v>30540</v>
      </c>
    </row>
    <row r="8965" spans="1:9">
      <c r="A8965" s="1">
        <f ca="1">RAND()</f>
        <v>3.5102297119757875E-2</v>
      </c>
      <c r="B8965" s="1"/>
      <c r="C8965">
        <v>20</v>
      </c>
      <c r="D8965" t="s">
        <v>18720</v>
      </c>
      <c r="E8965" t="s">
        <v>33148</v>
      </c>
      <c r="F8965">
        <v>4</v>
      </c>
      <c r="G8965" t="s">
        <v>14</v>
      </c>
      <c r="H8965" t="s">
        <v>18721</v>
      </c>
      <c r="I8965" t="s">
        <v>30540</v>
      </c>
    </row>
    <row r="8966" spans="1:9">
      <c r="A8966" s="1">
        <f ca="1">RAND()</f>
        <v>0.72416484172819706</v>
      </c>
      <c r="B8966" s="1"/>
      <c r="C8966">
        <v>8</v>
      </c>
      <c r="D8966" t="s">
        <v>18714</v>
      </c>
      <c r="E8966" t="s">
        <v>33148</v>
      </c>
      <c r="F8966">
        <v>4</v>
      </c>
      <c r="G8966" t="s">
        <v>0</v>
      </c>
      <c r="H8966" t="s">
        <v>18715</v>
      </c>
      <c r="I8966" t="s">
        <v>30540</v>
      </c>
    </row>
    <row r="8967" spans="1:9">
      <c r="A8967" s="1">
        <f ca="1">RAND()</f>
        <v>0.86918853281917352</v>
      </c>
      <c r="B8967" s="1"/>
      <c r="C8967">
        <v>1</v>
      </c>
      <c r="D8967" t="s">
        <v>18710</v>
      </c>
      <c r="E8967" t="s">
        <v>33148</v>
      </c>
      <c r="F8967">
        <v>2</v>
      </c>
      <c r="G8967" t="s">
        <v>10</v>
      </c>
      <c r="H8967" t="s">
        <v>18711</v>
      </c>
      <c r="I8967" t="s">
        <v>30540</v>
      </c>
    </row>
    <row r="8968" spans="1:9">
      <c r="A8968" s="1">
        <f ca="1">RAND()</f>
        <v>6.2537127491194999E-2</v>
      </c>
      <c r="B8968" s="1"/>
      <c r="C8968">
        <v>20</v>
      </c>
      <c r="D8968" t="s">
        <v>18708</v>
      </c>
      <c r="E8968" t="s">
        <v>33149</v>
      </c>
      <c r="F8968">
        <v>5</v>
      </c>
      <c r="G8968" t="s">
        <v>775</v>
      </c>
      <c r="H8968" t="s">
        <v>18709</v>
      </c>
      <c r="I8968" t="s">
        <v>30540</v>
      </c>
    </row>
    <row r="8969" spans="1:9">
      <c r="A8969" s="1">
        <f ca="1">RAND()</f>
        <v>0.22611511915038784</v>
      </c>
      <c r="B8969" s="1"/>
      <c r="C8969">
        <v>11</v>
      </c>
      <c r="D8969" t="s">
        <v>18702</v>
      </c>
      <c r="E8969" t="s">
        <v>33149</v>
      </c>
      <c r="F8969">
        <v>4</v>
      </c>
      <c r="G8969" t="s">
        <v>1431</v>
      </c>
      <c r="H8969" t="s">
        <v>18703</v>
      </c>
      <c r="I8969" t="s">
        <v>30540</v>
      </c>
    </row>
    <row r="8970" spans="1:9">
      <c r="A8970" s="1">
        <f ca="1">RAND()</f>
        <v>0.70110558156280478</v>
      </c>
      <c r="B8970" s="1"/>
      <c r="C8970">
        <v>9</v>
      </c>
      <c r="D8970" t="s">
        <v>18700</v>
      </c>
      <c r="E8970" t="s">
        <v>33149</v>
      </c>
      <c r="F8970">
        <v>4</v>
      </c>
      <c r="G8970" t="s">
        <v>3732</v>
      </c>
      <c r="H8970" t="s">
        <v>18701</v>
      </c>
      <c r="I8970" t="s">
        <v>30540</v>
      </c>
    </row>
    <row r="8971" spans="1:9">
      <c r="A8971" s="1">
        <f ca="1">RAND()</f>
        <v>0.80034339131963272</v>
      </c>
      <c r="B8971" s="1"/>
      <c r="C8971">
        <v>15</v>
      </c>
      <c r="D8971" t="s">
        <v>18704</v>
      </c>
      <c r="E8971" t="s">
        <v>33149</v>
      </c>
      <c r="F8971">
        <v>4</v>
      </c>
      <c r="G8971" t="s">
        <v>1426</v>
      </c>
      <c r="H8971" t="s">
        <v>18705</v>
      </c>
      <c r="I8971" t="s">
        <v>30540</v>
      </c>
    </row>
    <row r="8972" spans="1:9">
      <c r="A8972" s="1">
        <f ca="1">RAND()</f>
        <v>0.63031810926433851</v>
      </c>
      <c r="B8972" s="1"/>
      <c r="C8972">
        <v>2</v>
      </c>
      <c r="D8972" t="s">
        <v>18698</v>
      </c>
      <c r="E8972" t="s">
        <v>33149</v>
      </c>
      <c r="F8972">
        <v>4</v>
      </c>
      <c r="G8972" t="s">
        <v>1</v>
      </c>
      <c r="H8972" t="s">
        <v>18699</v>
      </c>
      <c r="I8972" t="s">
        <v>30540</v>
      </c>
    </row>
    <row r="8973" spans="1:9">
      <c r="A8973" s="1">
        <f ca="1">RAND()</f>
        <v>0.54742998147678423</v>
      </c>
      <c r="B8973" s="1"/>
      <c r="C8973">
        <v>17</v>
      </c>
      <c r="D8973" t="s">
        <v>18706</v>
      </c>
      <c r="E8973" t="s">
        <v>33149</v>
      </c>
      <c r="F8973">
        <v>2</v>
      </c>
      <c r="G8973" t="s">
        <v>762</v>
      </c>
      <c r="H8973" t="s">
        <v>18707</v>
      </c>
      <c r="I8973" t="s">
        <v>30540</v>
      </c>
    </row>
    <row r="8974" spans="1:9">
      <c r="A8974" s="1">
        <f ca="1">RAND()</f>
        <v>0.29416692681751289</v>
      </c>
      <c r="B8974" s="1"/>
      <c r="C8974">
        <v>7</v>
      </c>
      <c r="D8974" t="s">
        <v>18690</v>
      </c>
      <c r="E8974" t="s">
        <v>33150</v>
      </c>
      <c r="F8974">
        <v>5</v>
      </c>
      <c r="G8974" t="s">
        <v>1</v>
      </c>
      <c r="H8974" t="s">
        <v>18691</v>
      </c>
      <c r="I8974" t="s">
        <v>30540</v>
      </c>
    </row>
    <row r="8975" spans="1:9">
      <c r="A8975" s="1">
        <f ca="1">RAND()</f>
        <v>0.10492520363405378</v>
      </c>
      <c r="B8975" s="1"/>
      <c r="C8975">
        <v>16</v>
      </c>
      <c r="D8975" t="s">
        <v>18694</v>
      </c>
      <c r="E8975" t="s">
        <v>33150</v>
      </c>
      <c r="F8975">
        <v>5</v>
      </c>
      <c r="G8975" t="s">
        <v>14</v>
      </c>
      <c r="H8975" t="s">
        <v>18695</v>
      </c>
      <c r="I8975" t="s">
        <v>30540</v>
      </c>
    </row>
    <row r="8976" spans="1:9">
      <c r="A8976" s="1">
        <f ca="1">RAND()</f>
        <v>9.3398657217695913E-2</v>
      </c>
      <c r="B8976" s="1"/>
      <c r="C8976">
        <v>19</v>
      </c>
      <c r="D8976" t="s">
        <v>18696</v>
      </c>
      <c r="E8976" t="s">
        <v>33150</v>
      </c>
      <c r="F8976">
        <v>5</v>
      </c>
      <c r="G8976" t="s">
        <v>14</v>
      </c>
      <c r="H8976" t="s">
        <v>18697</v>
      </c>
      <c r="I8976" t="s">
        <v>30540</v>
      </c>
    </row>
    <row r="8977" spans="1:9">
      <c r="A8977" s="1">
        <f ca="1">RAND()</f>
        <v>0.58178809017169397</v>
      </c>
      <c r="B8977" s="1"/>
      <c r="C8977">
        <v>5</v>
      </c>
      <c r="D8977" t="s">
        <v>18686</v>
      </c>
      <c r="E8977" t="s">
        <v>33150</v>
      </c>
      <c r="F8977">
        <v>4</v>
      </c>
      <c r="G8977" t="s">
        <v>15</v>
      </c>
      <c r="H8977" t="s">
        <v>18687</v>
      </c>
      <c r="I8977" t="s">
        <v>30540</v>
      </c>
    </row>
    <row r="8978" spans="1:9">
      <c r="A8978" s="1">
        <f ca="1">RAND()</f>
        <v>0.42683448264312207</v>
      </c>
      <c r="B8978" s="1"/>
      <c r="C8978">
        <v>6</v>
      </c>
      <c r="D8978" t="s">
        <v>18688</v>
      </c>
      <c r="E8978" t="s">
        <v>33150</v>
      </c>
      <c r="F8978">
        <v>4</v>
      </c>
      <c r="G8978" t="s">
        <v>14</v>
      </c>
      <c r="H8978" t="s">
        <v>18689</v>
      </c>
      <c r="I8978" t="s">
        <v>30540</v>
      </c>
    </row>
    <row r="8979" spans="1:9">
      <c r="A8979" s="1">
        <f ca="1">RAND()</f>
        <v>0.91937804525149791</v>
      </c>
      <c r="B8979" s="1"/>
      <c r="C8979">
        <v>15</v>
      </c>
      <c r="D8979" t="s">
        <v>18692</v>
      </c>
      <c r="E8979" t="s">
        <v>33150</v>
      </c>
      <c r="F8979">
        <v>2</v>
      </c>
      <c r="G8979" t="s">
        <v>13</v>
      </c>
      <c r="H8979" t="s">
        <v>18693</v>
      </c>
      <c r="I8979" t="s">
        <v>30540</v>
      </c>
    </row>
    <row r="8980" spans="1:9">
      <c r="A8980" s="1">
        <f ca="1">RAND()</f>
        <v>0.27928276614895409</v>
      </c>
      <c r="B8980" s="1"/>
      <c r="C8980">
        <v>14</v>
      </c>
      <c r="D8980" t="s">
        <v>18678</v>
      </c>
      <c r="E8980" t="s">
        <v>33151</v>
      </c>
      <c r="F8980">
        <v>4</v>
      </c>
      <c r="G8980" t="s">
        <v>13</v>
      </c>
      <c r="H8980" t="s">
        <v>18679</v>
      </c>
      <c r="I8980" t="s">
        <v>30540</v>
      </c>
    </row>
    <row r="8981" spans="1:9">
      <c r="A8981" s="1">
        <f ca="1">RAND()</f>
        <v>0.14239850757639272</v>
      </c>
      <c r="B8981" s="1"/>
      <c r="C8981">
        <v>18</v>
      </c>
      <c r="D8981" t="s">
        <v>18682</v>
      </c>
      <c r="E8981" t="s">
        <v>33151</v>
      </c>
      <c r="F8981">
        <v>4</v>
      </c>
      <c r="G8981" t="s">
        <v>10</v>
      </c>
      <c r="H8981" t="s">
        <v>18683</v>
      </c>
      <c r="I8981" t="s">
        <v>30540</v>
      </c>
    </row>
    <row r="8982" spans="1:9">
      <c r="A8982" s="1">
        <f ca="1">RAND()</f>
        <v>0.55329802286801033</v>
      </c>
      <c r="B8982" s="1"/>
      <c r="C8982">
        <v>16</v>
      </c>
      <c r="D8982" t="s">
        <v>18680</v>
      </c>
      <c r="E8982" t="s">
        <v>33151</v>
      </c>
      <c r="F8982">
        <v>4</v>
      </c>
      <c r="G8982" t="s">
        <v>1</v>
      </c>
      <c r="H8982" t="s">
        <v>18681</v>
      </c>
      <c r="I8982" t="s">
        <v>30540</v>
      </c>
    </row>
    <row r="8983" spans="1:9">
      <c r="A8983" s="1">
        <f ca="1">RAND()</f>
        <v>0.53518853875186057</v>
      </c>
      <c r="B8983" s="1"/>
      <c r="C8983">
        <v>4</v>
      </c>
      <c r="D8983" t="s">
        <v>18676</v>
      </c>
      <c r="E8983" t="s">
        <v>33151</v>
      </c>
      <c r="F8983">
        <v>4</v>
      </c>
      <c r="G8983" t="s">
        <v>10</v>
      </c>
      <c r="H8983" t="s">
        <v>18677</v>
      </c>
      <c r="I8983" t="s">
        <v>30540</v>
      </c>
    </row>
    <row r="8984" spans="1:9">
      <c r="A8984" s="1">
        <f ca="1">RAND()</f>
        <v>0.57521350319036557</v>
      </c>
      <c r="B8984" s="1"/>
      <c r="C8984">
        <v>1</v>
      </c>
      <c r="D8984" t="s">
        <v>18674</v>
      </c>
      <c r="E8984" t="s">
        <v>33151</v>
      </c>
      <c r="F8984">
        <v>4</v>
      </c>
      <c r="G8984" t="s">
        <v>14</v>
      </c>
      <c r="H8984" t="s">
        <v>18675</v>
      </c>
      <c r="I8984" t="s">
        <v>30540</v>
      </c>
    </row>
    <row r="8985" spans="1:9">
      <c r="A8985" s="1">
        <f ca="1">RAND()</f>
        <v>0.16340205077769221</v>
      </c>
      <c r="B8985" s="1"/>
      <c r="C8985">
        <v>19</v>
      </c>
      <c r="D8985" t="s">
        <v>18684</v>
      </c>
      <c r="E8985" t="s">
        <v>33151</v>
      </c>
      <c r="F8985">
        <v>2</v>
      </c>
      <c r="G8985" t="s">
        <v>13</v>
      </c>
      <c r="H8985" t="s">
        <v>18685</v>
      </c>
      <c r="I8985" t="s">
        <v>30540</v>
      </c>
    </row>
    <row r="8986" spans="1:9">
      <c r="A8986" s="1">
        <f ca="1">RAND()</f>
        <v>0.25838401197992911</v>
      </c>
      <c r="B8986" s="1"/>
      <c r="C8986">
        <v>5</v>
      </c>
      <c r="D8986" t="s">
        <v>18666</v>
      </c>
      <c r="E8986" t="s">
        <v>33152</v>
      </c>
      <c r="F8986">
        <v>4</v>
      </c>
      <c r="G8986" t="s">
        <v>0</v>
      </c>
      <c r="H8986" t="s">
        <v>18667</v>
      </c>
      <c r="I8986" t="s">
        <v>30540</v>
      </c>
    </row>
    <row r="8987" spans="1:9">
      <c r="A8987" s="1">
        <f ca="1">RAND()</f>
        <v>0.56548366529404603</v>
      </c>
      <c r="B8987" s="1"/>
      <c r="C8987">
        <v>17</v>
      </c>
      <c r="D8987" t="s">
        <v>18668</v>
      </c>
      <c r="E8987" t="s">
        <v>33152</v>
      </c>
      <c r="F8987">
        <v>4</v>
      </c>
      <c r="G8987" t="s">
        <v>3732</v>
      </c>
      <c r="H8987" t="s">
        <v>18669</v>
      </c>
      <c r="I8987" t="s">
        <v>30540</v>
      </c>
    </row>
    <row r="8988" spans="1:9">
      <c r="A8988" s="1">
        <f ca="1">RAND()</f>
        <v>0.99752230384222917</v>
      </c>
      <c r="B8988" s="1"/>
      <c r="C8988">
        <v>20</v>
      </c>
      <c r="D8988" t="s">
        <v>18672</v>
      </c>
      <c r="E8988" t="s">
        <v>33152</v>
      </c>
      <c r="F8988">
        <v>4</v>
      </c>
      <c r="G8988" t="s">
        <v>2</v>
      </c>
      <c r="H8988" t="s">
        <v>18673</v>
      </c>
      <c r="I8988" t="s">
        <v>30540</v>
      </c>
    </row>
    <row r="8989" spans="1:9">
      <c r="A8989" s="1">
        <f ca="1">RAND()</f>
        <v>3.2724384239468662E-3</v>
      </c>
      <c r="B8989" s="1"/>
      <c r="C8989">
        <v>18</v>
      </c>
      <c r="D8989" t="s">
        <v>18670</v>
      </c>
      <c r="E8989" t="s">
        <v>33152</v>
      </c>
      <c r="F8989">
        <v>3</v>
      </c>
      <c r="G8989" t="s">
        <v>14</v>
      </c>
      <c r="H8989" t="s">
        <v>18671</v>
      </c>
      <c r="I8989" t="s">
        <v>30540</v>
      </c>
    </row>
    <row r="8990" spans="1:9">
      <c r="A8990" s="1">
        <f ca="1">RAND()</f>
        <v>0.21803308268796484</v>
      </c>
      <c r="B8990" s="1"/>
      <c r="C8990">
        <v>1</v>
      </c>
      <c r="D8990" t="s">
        <v>18664</v>
      </c>
      <c r="E8990" t="s">
        <v>33152</v>
      </c>
      <c r="F8990">
        <v>3</v>
      </c>
      <c r="G8990" t="s">
        <v>13</v>
      </c>
      <c r="H8990" t="s">
        <v>18665</v>
      </c>
      <c r="I8990" t="s">
        <v>30540</v>
      </c>
    </row>
    <row r="8991" spans="1:9">
      <c r="A8991" s="1">
        <f ca="1">RAND()</f>
        <v>0.66761782595753372</v>
      </c>
      <c r="B8991" s="1"/>
      <c r="C8991">
        <v>20</v>
      </c>
      <c r="D8991" t="s">
        <v>18662</v>
      </c>
      <c r="E8991" t="s">
        <v>33153</v>
      </c>
      <c r="F8991">
        <v>5</v>
      </c>
      <c r="G8991" t="s">
        <v>10</v>
      </c>
      <c r="H8991" t="s">
        <v>18663</v>
      </c>
      <c r="I8991" t="s">
        <v>30540</v>
      </c>
    </row>
    <row r="8992" spans="1:9">
      <c r="A8992" s="1">
        <f ca="1">RAND()</f>
        <v>0.31959315002344379</v>
      </c>
      <c r="B8992" s="1"/>
      <c r="C8992">
        <v>15</v>
      </c>
      <c r="D8992" t="s">
        <v>18656</v>
      </c>
      <c r="E8992" t="s">
        <v>33153</v>
      </c>
      <c r="F8992">
        <v>4</v>
      </c>
      <c r="G8992" t="s">
        <v>10</v>
      </c>
      <c r="H8992" t="s">
        <v>18657</v>
      </c>
      <c r="I8992" t="s">
        <v>30540</v>
      </c>
    </row>
    <row r="8993" spans="1:9">
      <c r="A8993" s="1">
        <f ca="1">RAND()</f>
        <v>0.83217632277781539</v>
      </c>
      <c r="B8993" s="1"/>
      <c r="C8993">
        <v>19</v>
      </c>
      <c r="D8993" t="s">
        <v>18660</v>
      </c>
      <c r="E8993" t="s">
        <v>33153</v>
      </c>
      <c r="F8993">
        <v>2</v>
      </c>
      <c r="G8993" t="s">
        <v>10</v>
      </c>
      <c r="H8993" t="s">
        <v>18661</v>
      </c>
      <c r="I8993" t="s">
        <v>30540</v>
      </c>
    </row>
    <row r="8994" spans="1:9">
      <c r="A8994" s="1">
        <f ca="1">RAND()</f>
        <v>0.21977983214008179</v>
      </c>
      <c r="B8994" s="1"/>
      <c r="C8994">
        <v>9</v>
      </c>
      <c r="D8994" t="s">
        <v>18654</v>
      </c>
      <c r="E8994" t="s">
        <v>33153</v>
      </c>
      <c r="F8994">
        <v>2</v>
      </c>
      <c r="G8994" t="s">
        <v>1</v>
      </c>
      <c r="H8994" t="s">
        <v>18655</v>
      </c>
      <c r="I8994" t="s">
        <v>30540</v>
      </c>
    </row>
    <row r="8995" spans="1:9">
      <c r="A8995" s="1">
        <f ca="1">RAND()</f>
        <v>0.84441059864662271</v>
      </c>
      <c r="B8995" s="1"/>
      <c r="C8995">
        <v>17</v>
      </c>
      <c r="D8995" t="s">
        <v>18658</v>
      </c>
      <c r="E8995" t="s">
        <v>33153</v>
      </c>
      <c r="F8995">
        <v>2</v>
      </c>
      <c r="G8995" t="s">
        <v>13</v>
      </c>
      <c r="H8995" t="s">
        <v>18659</v>
      </c>
      <c r="I8995" t="s">
        <v>30540</v>
      </c>
    </row>
    <row r="8996" spans="1:9">
      <c r="A8996" s="1">
        <f ca="1">RAND()</f>
        <v>0.75613393328719369</v>
      </c>
      <c r="B8996" s="1"/>
      <c r="C8996">
        <v>6</v>
      </c>
      <c r="D8996" t="s">
        <v>18644</v>
      </c>
      <c r="E8996" t="s">
        <v>33154</v>
      </c>
      <c r="F8996">
        <v>5</v>
      </c>
      <c r="G8996" t="s">
        <v>10</v>
      </c>
      <c r="H8996" t="s">
        <v>18645</v>
      </c>
      <c r="I8996" t="s">
        <v>30540</v>
      </c>
    </row>
    <row r="8997" spans="1:9">
      <c r="A8997" s="1">
        <f ca="1">RAND()</f>
        <v>5.6691884322371489E-2</v>
      </c>
      <c r="B8997" s="1"/>
      <c r="C8997">
        <v>8</v>
      </c>
      <c r="D8997" t="s">
        <v>18648</v>
      </c>
      <c r="E8997" t="s">
        <v>33154</v>
      </c>
      <c r="F8997">
        <v>4</v>
      </c>
      <c r="G8997" t="s">
        <v>10</v>
      </c>
      <c r="H8997" t="s">
        <v>18649</v>
      </c>
      <c r="I8997" t="s">
        <v>30540</v>
      </c>
    </row>
    <row r="8998" spans="1:9">
      <c r="A8998" s="1">
        <f ca="1">RAND()</f>
        <v>0.35847482554825849</v>
      </c>
      <c r="B8998" s="1"/>
      <c r="C8998">
        <v>13</v>
      </c>
      <c r="D8998" t="s">
        <v>18652</v>
      </c>
      <c r="E8998" t="s">
        <v>33154</v>
      </c>
      <c r="F8998">
        <v>4</v>
      </c>
      <c r="G8998" t="s">
        <v>10</v>
      </c>
      <c r="H8998" t="s">
        <v>18653</v>
      </c>
      <c r="I8998" t="s">
        <v>30540</v>
      </c>
    </row>
    <row r="8999" spans="1:9">
      <c r="A8999" s="1">
        <f ca="1">RAND()</f>
        <v>0.5354033607292813</v>
      </c>
      <c r="B8999" s="1"/>
      <c r="C8999">
        <v>10</v>
      </c>
      <c r="D8999" t="s">
        <v>18650</v>
      </c>
      <c r="E8999" t="s">
        <v>33154</v>
      </c>
      <c r="F8999">
        <v>4</v>
      </c>
      <c r="G8999" t="s">
        <v>13</v>
      </c>
      <c r="H8999" t="s">
        <v>18651</v>
      </c>
      <c r="I8999" t="s">
        <v>30540</v>
      </c>
    </row>
    <row r="9000" spans="1:9">
      <c r="A9000" s="1">
        <f ca="1">RAND()</f>
        <v>0.45405602730448746</v>
      </c>
      <c r="B9000" s="1"/>
      <c r="C9000">
        <v>7</v>
      </c>
      <c r="D9000" t="s">
        <v>18646</v>
      </c>
      <c r="E9000" t="s">
        <v>33154</v>
      </c>
      <c r="F9000">
        <v>4</v>
      </c>
      <c r="G9000" t="s">
        <v>10</v>
      </c>
      <c r="H9000" t="s">
        <v>18647</v>
      </c>
      <c r="I9000" t="s">
        <v>30540</v>
      </c>
    </row>
    <row r="9001" spans="1:9">
      <c r="A9001" s="1">
        <f ca="1">RAND()</f>
        <v>0.26436463872996585</v>
      </c>
      <c r="B9001" s="1"/>
      <c r="C9001">
        <v>12</v>
      </c>
      <c r="D9001" t="s">
        <v>18638</v>
      </c>
      <c r="E9001" t="s">
        <v>33155</v>
      </c>
      <c r="F9001">
        <v>5</v>
      </c>
      <c r="G9001" t="s">
        <v>13</v>
      </c>
      <c r="H9001" t="s">
        <v>18639</v>
      </c>
      <c r="I9001" t="s">
        <v>30540</v>
      </c>
    </row>
    <row r="9002" spans="1:9">
      <c r="A9002" s="1">
        <f ca="1">RAND()</f>
        <v>5.8233370975151133E-2</v>
      </c>
      <c r="B9002" s="1"/>
      <c r="C9002">
        <v>7</v>
      </c>
      <c r="D9002" t="s">
        <v>18636</v>
      </c>
      <c r="E9002" t="s">
        <v>33155</v>
      </c>
      <c r="F9002">
        <v>4</v>
      </c>
      <c r="G9002" t="s">
        <v>10</v>
      </c>
      <c r="H9002" t="s">
        <v>18637</v>
      </c>
      <c r="I9002" t="s">
        <v>30540</v>
      </c>
    </row>
    <row r="9003" spans="1:9">
      <c r="A9003" s="1">
        <f ca="1">RAND()</f>
        <v>0.17708721498194202</v>
      </c>
      <c r="B9003" s="1"/>
      <c r="C9003">
        <v>4</v>
      </c>
      <c r="D9003" t="s">
        <v>18634</v>
      </c>
      <c r="E9003" t="s">
        <v>33155</v>
      </c>
      <c r="F9003">
        <v>3</v>
      </c>
      <c r="G9003" t="s">
        <v>15</v>
      </c>
      <c r="H9003" t="s">
        <v>18635</v>
      </c>
      <c r="I9003" t="s">
        <v>30540</v>
      </c>
    </row>
    <row r="9004" spans="1:9">
      <c r="A9004" s="1">
        <f ca="1">RAND()</f>
        <v>0.39049616537688081</v>
      </c>
      <c r="B9004" s="1"/>
      <c r="C9004">
        <v>17</v>
      </c>
      <c r="D9004" t="s">
        <v>18642</v>
      </c>
      <c r="E9004" t="s">
        <v>33155</v>
      </c>
      <c r="F9004">
        <v>3</v>
      </c>
      <c r="G9004" t="s">
        <v>10</v>
      </c>
      <c r="H9004" t="s">
        <v>18643</v>
      </c>
      <c r="I9004" t="s">
        <v>30540</v>
      </c>
    </row>
    <row r="9005" spans="1:9">
      <c r="A9005" s="1">
        <f ca="1">RAND()</f>
        <v>0.81487319007555081</v>
      </c>
      <c r="B9005" s="1"/>
      <c r="C9005">
        <v>15</v>
      </c>
      <c r="D9005" t="s">
        <v>18640</v>
      </c>
      <c r="E9005" t="s">
        <v>33155</v>
      </c>
      <c r="F9005">
        <v>2</v>
      </c>
      <c r="G9005" t="s">
        <v>2</v>
      </c>
      <c r="H9005" t="s">
        <v>18641</v>
      </c>
      <c r="I9005" t="s">
        <v>30540</v>
      </c>
    </row>
    <row r="9006" spans="1:9">
      <c r="A9006" s="1">
        <f ca="1">RAND()</f>
        <v>0.70860552664549081</v>
      </c>
      <c r="B9006" s="1"/>
      <c r="C9006">
        <v>8</v>
      </c>
      <c r="D9006" t="s">
        <v>18624</v>
      </c>
      <c r="E9006" t="s">
        <v>33156</v>
      </c>
      <c r="F9006">
        <v>4</v>
      </c>
      <c r="G9006" t="s">
        <v>14</v>
      </c>
      <c r="H9006" t="s">
        <v>18625</v>
      </c>
      <c r="I9006" t="s">
        <v>30540</v>
      </c>
    </row>
    <row r="9007" spans="1:9">
      <c r="A9007" s="1">
        <f ca="1">RAND()</f>
        <v>0.56314540949199199</v>
      </c>
      <c r="B9007" s="1"/>
      <c r="C9007">
        <v>14</v>
      </c>
      <c r="D9007" t="s">
        <v>18630</v>
      </c>
      <c r="E9007" t="s">
        <v>33156</v>
      </c>
      <c r="F9007">
        <v>4</v>
      </c>
      <c r="G9007" t="s">
        <v>14</v>
      </c>
      <c r="H9007" t="s">
        <v>18631</v>
      </c>
      <c r="I9007" t="s">
        <v>30540</v>
      </c>
    </row>
    <row r="9008" spans="1:9">
      <c r="A9008" s="1">
        <f ca="1">RAND()</f>
        <v>3.275765028639277E-2</v>
      </c>
      <c r="B9008" s="1"/>
      <c r="C9008">
        <v>5</v>
      </c>
      <c r="D9008" t="s">
        <v>18620</v>
      </c>
      <c r="E9008" t="s">
        <v>33156</v>
      </c>
      <c r="F9008">
        <v>4</v>
      </c>
      <c r="G9008" t="s">
        <v>0</v>
      </c>
      <c r="H9008" t="s">
        <v>18621</v>
      </c>
      <c r="I9008" t="s">
        <v>30540</v>
      </c>
    </row>
    <row r="9009" spans="1:9">
      <c r="A9009" s="1">
        <f ca="1">RAND()</f>
        <v>0.22707002390925368</v>
      </c>
      <c r="B9009" s="1"/>
      <c r="C9009">
        <v>18</v>
      </c>
      <c r="D9009" t="s">
        <v>18632</v>
      </c>
      <c r="E9009" t="s">
        <v>33156</v>
      </c>
      <c r="F9009">
        <v>4</v>
      </c>
      <c r="G9009" t="s">
        <v>14</v>
      </c>
      <c r="H9009" t="s">
        <v>18633</v>
      </c>
      <c r="I9009" t="s">
        <v>30540</v>
      </c>
    </row>
    <row r="9010" spans="1:9">
      <c r="A9010" s="1">
        <f ca="1">RAND()</f>
        <v>0.46732950878159651</v>
      </c>
      <c r="B9010" s="1"/>
      <c r="C9010">
        <v>10</v>
      </c>
      <c r="D9010" t="s">
        <v>18626</v>
      </c>
      <c r="E9010" t="s">
        <v>33156</v>
      </c>
      <c r="F9010">
        <v>4</v>
      </c>
      <c r="G9010" t="s">
        <v>14</v>
      </c>
      <c r="H9010" t="s">
        <v>18627</v>
      </c>
      <c r="I9010" t="s">
        <v>30540</v>
      </c>
    </row>
    <row r="9011" spans="1:9">
      <c r="A9011" s="1">
        <f ca="1">RAND()</f>
        <v>0.12080942727502431</v>
      </c>
      <c r="B9011" s="1"/>
      <c r="C9011">
        <v>7</v>
      </c>
      <c r="D9011" t="s">
        <v>18622</v>
      </c>
      <c r="E9011" t="s">
        <v>33156</v>
      </c>
      <c r="F9011">
        <v>2</v>
      </c>
      <c r="G9011" t="s">
        <v>10</v>
      </c>
      <c r="H9011" t="s">
        <v>18623</v>
      </c>
      <c r="I9011" t="s">
        <v>30540</v>
      </c>
    </row>
    <row r="9012" spans="1:9">
      <c r="A9012" s="1">
        <f ca="1">RAND()</f>
        <v>0.54921440864432813</v>
      </c>
      <c r="B9012" s="1"/>
      <c r="C9012">
        <v>13</v>
      </c>
      <c r="D9012" t="s">
        <v>18628</v>
      </c>
      <c r="E9012" t="s">
        <v>33156</v>
      </c>
      <c r="F9012">
        <v>2</v>
      </c>
      <c r="G9012" t="s">
        <v>0</v>
      </c>
      <c r="H9012" t="s">
        <v>18629</v>
      </c>
      <c r="I9012" t="s">
        <v>30540</v>
      </c>
    </row>
    <row r="9013" spans="1:9">
      <c r="A9013" s="1">
        <f ca="1">RAND()</f>
        <v>5.6512512528860137E-2</v>
      </c>
      <c r="B9013" s="1"/>
      <c r="C9013">
        <v>1</v>
      </c>
      <c r="D9013" t="s">
        <v>18618</v>
      </c>
      <c r="E9013" t="s">
        <v>33156</v>
      </c>
      <c r="F9013">
        <v>1</v>
      </c>
      <c r="G9013" t="s">
        <v>2</v>
      </c>
      <c r="H9013" t="s">
        <v>18619</v>
      </c>
      <c r="I9013" t="s">
        <v>30540</v>
      </c>
    </row>
    <row r="9014" spans="1:9">
      <c r="A9014" s="1">
        <f ca="1">RAND()</f>
        <v>8.7709558066231263E-2</v>
      </c>
      <c r="B9014" s="1"/>
      <c r="C9014">
        <v>7</v>
      </c>
      <c r="D9014" t="s">
        <v>18608</v>
      </c>
      <c r="E9014" t="s">
        <v>33157</v>
      </c>
      <c r="F9014">
        <v>5</v>
      </c>
      <c r="G9014" t="s">
        <v>2</v>
      </c>
      <c r="H9014" t="s">
        <v>18609</v>
      </c>
      <c r="I9014" t="s">
        <v>30540</v>
      </c>
    </row>
    <row r="9015" spans="1:9">
      <c r="A9015" s="1">
        <f ca="1">RAND()</f>
        <v>0.83863155966627378</v>
      </c>
      <c r="B9015" s="1"/>
      <c r="C9015">
        <v>4</v>
      </c>
      <c r="D9015" t="s">
        <v>18606</v>
      </c>
      <c r="E9015" t="s">
        <v>33157</v>
      </c>
      <c r="F9015">
        <v>4</v>
      </c>
      <c r="G9015" t="s">
        <v>15</v>
      </c>
      <c r="H9015" t="s">
        <v>18607</v>
      </c>
      <c r="I9015" t="s">
        <v>30540</v>
      </c>
    </row>
    <row r="9016" spans="1:9">
      <c r="A9016" s="1">
        <f ca="1">RAND()</f>
        <v>0.16964811004033098</v>
      </c>
      <c r="B9016" s="1"/>
      <c r="C9016">
        <v>8</v>
      </c>
      <c r="D9016" t="s">
        <v>18610</v>
      </c>
      <c r="E9016" t="s">
        <v>33157</v>
      </c>
      <c r="F9016">
        <v>4</v>
      </c>
      <c r="G9016" t="s">
        <v>1</v>
      </c>
      <c r="H9016" t="s">
        <v>18611</v>
      </c>
      <c r="I9016" t="s">
        <v>30540</v>
      </c>
    </row>
    <row r="9017" spans="1:9">
      <c r="A9017" s="1">
        <f ca="1">RAND()</f>
        <v>0.14188421990451539</v>
      </c>
      <c r="B9017" s="1"/>
      <c r="C9017">
        <v>16</v>
      </c>
      <c r="D9017" t="s">
        <v>18616</v>
      </c>
      <c r="E9017" t="s">
        <v>33157</v>
      </c>
      <c r="F9017">
        <v>4</v>
      </c>
      <c r="G9017" t="s">
        <v>14</v>
      </c>
      <c r="H9017" t="s">
        <v>18617</v>
      </c>
      <c r="I9017" t="s">
        <v>30540</v>
      </c>
    </row>
    <row r="9018" spans="1:9">
      <c r="A9018" s="1">
        <f ca="1">RAND()</f>
        <v>0.4806733264841424</v>
      </c>
      <c r="B9018" s="1"/>
      <c r="C9018">
        <v>11</v>
      </c>
      <c r="D9018" t="s">
        <v>18614</v>
      </c>
      <c r="E9018" t="s">
        <v>33157</v>
      </c>
      <c r="F9018">
        <v>4</v>
      </c>
      <c r="G9018" t="s">
        <v>14</v>
      </c>
      <c r="H9018" t="s">
        <v>18615</v>
      </c>
      <c r="I9018" t="s">
        <v>30540</v>
      </c>
    </row>
    <row r="9019" spans="1:9">
      <c r="A9019" s="1">
        <f ca="1">RAND()</f>
        <v>0.93500876206910155</v>
      </c>
      <c r="B9019" s="1"/>
      <c r="C9019">
        <v>3</v>
      </c>
      <c r="D9019" t="s">
        <v>18604</v>
      </c>
      <c r="E9019" t="s">
        <v>33157</v>
      </c>
      <c r="F9019">
        <v>3</v>
      </c>
      <c r="G9019" t="s">
        <v>1431</v>
      </c>
      <c r="H9019" t="s">
        <v>18605</v>
      </c>
      <c r="I9019" t="s">
        <v>30540</v>
      </c>
    </row>
    <row r="9020" spans="1:9">
      <c r="A9020" s="1">
        <f ca="1">RAND()</f>
        <v>6.4804787989447887E-2</v>
      </c>
      <c r="B9020" s="1"/>
      <c r="C9020">
        <v>9</v>
      </c>
      <c r="D9020" t="s">
        <v>18612</v>
      </c>
      <c r="E9020" t="s">
        <v>33157</v>
      </c>
      <c r="F9020">
        <v>2</v>
      </c>
      <c r="G9020" t="s">
        <v>775</v>
      </c>
      <c r="H9020" t="s">
        <v>18613</v>
      </c>
      <c r="I9020" t="s">
        <v>30540</v>
      </c>
    </row>
    <row r="9021" spans="1:9">
      <c r="A9021" s="1">
        <f ca="1">RAND()</f>
        <v>0.9585085385974188</v>
      </c>
      <c r="B9021" s="1"/>
      <c r="C9021">
        <v>9</v>
      </c>
      <c r="D9021" t="s">
        <v>18598</v>
      </c>
      <c r="E9021" t="s">
        <v>33158</v>
      </c>
      <c r="F9021">
        <v>5</v>
      </c>
      <c r="G9021" t="s">
        <v>14</v>
      </c>
      <c r="H9021" t="s">
        <v>18599</v>
      </c>
      <c r="I9021" t="s">
        <v>30540</v>
      </c>
    </row>
    <row r="9022" spans="1:9">
      <c r="A9022" s="1">
        <f ca="1">RAND()</f>
        <v>0.99870677885644699</v>
      </c>
      <c r="B9022" s="1"/>
      <c r="C9022">
        <v>13</v>
      </c>
      <c r="D9022" t="s">
        <v>18600</v>
      </c>
      <c r="E9022" t="s">
        <v>33158</v>
      </c>
      <c r="F9022">
        <v>4</v>
      </c>
      <c r="G9022" t="s">
        <v>1</v>
      </c>
      <c r="H9022" t="s">
        <v>18601</v>
      </c>
      <c r="I9022" t="s">
        <v>30540</v>
      </c>
    </row>
    <row r="9023" spans="1:9">
      <c r="A9023" s="1">
        <f ca="1">RAND()</f>
        <v>0.60094401457264979</v>
      </c>
      <c r="B9023" s="1"/>
      <c r="C9023">
        <v>20</v>
      </c>
      <c r="D9023" t="s">
        <v>18602</v>
      </c>
      <c r="E9023" t="s">
        <v>33158</v>
      </c>
      <c r="F9023">
        <v>2</v>
      </c>
      <c r="G9023" t="s">
        <v>0</v>
      </c>
      <c r="H9023" t="s">
        <v>18603</v>
      </c>
      <c r="I9023" t="s">
        <v>30540</v>
      </c>
    </row>
    <row r="9024" spans="1:9">
      <c r="A9024" s="1">
        <f ca="1">RAND()</f>
        <v>0.23423776526317153</v>
      </c>
      <c r="B9024" s="1"/>
      <c r="C9024">
        <v>6</v>
      </c>
      <c r="D9024" t="s">
        <v>18590</v>
      </c>
      <c r="E9024" t="s">
        <v>33159</v>
      </c>
      <c r="F9024">
        <v>5</v>
      </c>
      <c r="G9024" t="s">
        <v>14</v>
      </c>
      <c r="H9024" t="s">
        <v>18591</v>
      </c>
      <c r="I9024" t="s">
        <v>30540</v>
      </c>
    </row>
    <row r="9025" spans="1:9">
      <c r="A9025" s="1">
        <f ca="1">RAND()</f>
        <v>0.90037337536688511</v>
      </c>
      <c r="B9025" s="1"/>
      <c r="C9025">
        <v>2</v>
      </c>
      <c r="D9025" t="s">
        <v>18586</v>
      </c>
      <c r="E9025" t="s">
        <v>33159</v>
      </c>
      <c r="F9025">
        <v>4</v>
      </c>
      <c r="G9025" t="s">
        <v>10</v>
      </c>
      <c r="H9025" t="s">
        <v>18587</v>
      </c>
      <c r="I9025" t="s">
        <v>30540</v>
      </c>
    </row>
    <row r="9026" spans="1:9">
      <c r="A9026" s="1">
        <f ca="1">RAND()</f>
        <v>0.83031376113321087</v>
      </c>
      <c r="B9026" s="1"/>
      <c r="C9026">
        <v>15</v>
      </c>
      <c r="D9026" t="s">
        <v>18592</v>
      </c>
      <c r="E9026" t="s">
        <v>33159</v>
      </c>
      <c r="F9026">
        <v>4</v>
      </c>
      <c r="G9026" t="s">
        <v>0</v>
      </c>
      <c r="H9026" t="s">
        <v>18593</v>
      </c>
      <c r="I9026" t="s">
        <v>30540</v>
      </c>
    </row>
    <row r="9027" spans="1:9">
      <c r="A9027" s="1">
        <f ca="1">RAND()</f>
        <v>0.90488226914998549</v>
      </c>
      <c r="B9027" s="1"/>
      <c r="C9027">
        <v>18</v>
      </c>
      <c r="D9027" t="s">
        <v>18596</v>
      </c>
      <c r="E9027" t="s">
        <v>33159</v>
      </c>
      <c r="F9027">
        <v>4</v>
      </c>
      <c r="G9027" t="s">
        <v>14</v>
      </c>
      <c r="H9027" t="s">
        <v>18597</v>
      </c>
      <c r="I9027" t="s">
        <v>30540</v>
      </c>
    </row>
    <row r="9028" spans="1:9">
      <c r="A9028" s="1">
        <f ca="1">RAND()</f>
        <v>0.22595152337391267</v>
      </c>
      <c r="B9028" s="1"/>
      <c r="C9028">
        <v>3</v>
      </c>
      <c r="D9028" t="s">
        <v>18588</v>
      </c>
      <c r="E9028" t="s">
        <v>33159</v>
      </c>
      <c r="F9028">
        <v>3</v>
      </c>
      <c r="G9028" t="s">
        <v>10</v>
      </c>
      <c r="H9028" t="s">
        <v>18589</v>
      </c>
      <c r="I9028" t="s">
        <v>30540</v>
      </c>
    </row>
    <row r="9029" spans="1:9">
      <c r="A9029" s="1">
        <f ca="1">RAND()</f>
        <v>0.88840274251680673</v>
      </c>
      <c r="B9029" s="1"/>
      <c r="C9029">
        <v>17</v>
      </c>
      <c r="D9029" t="s">
        <v>18594</v>
      </c>
      <c r="E9029" t="s">
        <v>33159</v>
      </c>
      <c r="F9029">
        <v>3</v>
      </c>
      <c r="G9029" t="s">
        <v>0</v>
      </c>
      <c r="H9029" t="s">
        <v>18595</v>
      </c>
      <c r="I9029" t="s">
        <v>30540</v>
      </c>
    </row>
    <row r="9030" spans="1:9">
      <c r="A9030" s="1">
        <f ca="1">RAND()</f>
        <v>0.57806108091232311</v>
      </c>
      <c r="B9030" s="1"/>
      <c r="C9030">
        <v>8</v>
      </c>
      <c r="D9030" t="s">
        <v>18580</v>
      </c>
      <c r="E9030" t="s">
        <v>33160</v>
      </c>
      <c r="F9030">
        <v>5</v>
      </c>
      <c r="G9030" t="s">
        <v>14</v>
      </c>
      <c r="H9030" t="s">
        <v>18581</v>
      </c>
      <c r="I9030" t="s">
        <v>30540</v>
      </c>
    </row>
    <row r="9031" spans="1:9">
      <c r="A9031" s="1">
        <f ca="1">RAND()</f>
        <v>0.20932371767833813</v>
      </c>
      <c r="B9031" s="1"/>
      <c r="C9031">
        <v>18</v>
      </c>
      <c r="D9031" t="s">
        <v>18582</v>
      </c>
      <c r="E9031" t="s">
        <v>33160</v>
      </c>
      <c r="F9031">
        <v>5</v>
      </c>
      <c r="G9031" t="s">
        <v>14</v>
      </c>
      <c r="H9031" t="s">
        <v>18583</v>
      </c>
      <c r="I9031" t="s">
        <v>30540</v>
      </c>
    </row>
    <row r="9032" spans="1:9">
      <c r="A9032" s="1">
        <f ca="1">RAND()</f>
        <v>0.35671153456881777</v>
      </c>
      <c r="B9032" s="1"/>
      <c r="C9032">
        <v>20</v>
      </c>
      <c r="D9032" t="s">
        <v>18584</v>
      </c>
      <c r="E9032" t="s">
        <v>33160</v>
      </c>
      <c r="F9032">
        <v>5</v>
      </c>
      <c r="G9032" t="s">
        <v>13</v>
      </c>
      <c r="H9032" t="s">
        <v>18585</v>
      </c>
      <c r="I9032" t="s">
        <v>30540</v>
      </c>
    </row>
    <row r="9033" spans="1:9">
      <c r="A9033" s="1">
        <f ca="1">RAND()</f>
        <v>0.16167888532918506</v>
      </c>
      <c r="B9033" s="1"/>
      <c r="C9033">
        <v>15</v>
      </c>
      <c r="D9033" t="s">
        <v>18576</v>
      </c>
      <c r="E9033" t="s">
        <v>33161</v>
      </c>
      <c r="F9033">
        <v>5</v>
      </c>
      <c r="G9033" t="s">
        <v>9</v>
      </c>
      <c r="H9033" t="s">
        <v>18577</v>
      </c>
      <c r="I9033" t="s">
        <v>30540</v>
      </c>
    </row>
    <row r="9034" spans="1:9">
      <c r="A9034" s="1">
        <f ca="1">RAND()</f>
        <v>0.17642187929858344</v>
      </c>
      <c r="B9034" s="1"/>
      <c r="C9034">
        <v>16</v>
      </c>
      <c r="D9034" t="s">
        <v>18578</v>
      </c>
      <c r="E9034" t="s">
        <v>33161</v>
      </c>
      <c r="F9034">
        <v>5</v>
      </c>
      <c r="G9034" t="s">
        <v>1</v>
      </c>
      <c r="H9034" t="s">
        <v>18579</v>
      </c>
      <c r="I9034" t="s">
        <v>30540</v>
      </c>
    </row>
    <row r="9035" spans="1:9">
      <c r="A9035" s="1">
        <f ca="1">RAND()</f>
        <v>0.15904443333742746</v>
      </c>
      <c r="B9035" s="1"/>
      <c r="C9035">
        <v>2</v>
      </c>
      <c r="D9035" t="s">
        <v>18568</v>
      </c>
      <c r="E9035" t="s">
        <v>33161</v>
      </c>
      <c r="F9035">
        <v>5</v>
      </c>
      <c r="G9035" t="s">
        <v>15</v>
      </c>
      <c r="H9035" t="s">
        <v>18569</v>
      </c>
      <c r="I9035" t="s">
        <v>30540</v>
      </c>
    </row>
    <row r="9036" spans="1:9">
      <c r="A9036" s="1">
        <f ca="1">RAND()</f>
        <v>6.7046593386838715E-2</v>
      </c>
      <c r="B9036" s="1"/>
      <c r="C9036">
        <v>10</v>
      </c>
      <c r="D9036" t="s">
        <v>18572</v>
      </c>
      <c r="E9036" t="s">
        <v>33161</v>
      </c>
      <c r="F9036">
        <v>4</v>
      </c>
      <c r="G9036" t="s">
        <v>14</v>
      </c>
      <c r="H9036" t="s">
        <v>18573</v>
      </c>
      <c r="I9036" t="s">
        <v>30540</v>
      </c>
    </row>
    <row r="9037" spans="1:9">
      <c r="A9037" s="1">
        <f ca="1">RAND()</f>
        <v>0.32966738726931755</v>
      </c>
      <c r="B9037" s="1"/>
      <c r="C9037">
        <v>1</v>
      </c>
      <c r="D9037" t="s">
        <v>18566</v>
      </c>
      <c r="E9037" t="s">
        <v>33161</v>
      </c>
      <c r="F9037">
        <v>4</v>
      </c>
      <c r="G9037" t="s">
        <v>10</v>
      </c>
      <c r="H9037" t="s">
        <v>18567</v>
      </c>
      <c r="I9037" t="s">
        <v>30540</v>
      </c>
    </row>
    <row r="9038" spans="1:9">
      <c r="A9038" s="1">
        <f ca="1">RAND()</f>
        <v>0.12738513723939415</v>
      </c>
      <c r="B9038" s="1"/>
      <c r="C9038">
        <v>8</v>
      </c>
      <c r="D9038" t="s">
        <v>18570</v>
      </c>
      <c r="E9038" t="s">
        <v>33161</v>
      </c>
      <c r="F9038">
        <v>4</v>
      </c>
      <c r="G9038" t="s">
        <v>14</v>
      </c>
      <c r="H9038" t="s">
        <v>18571</v>
      </c>
      <c r="I9038" t="s">
        <v>30540</v>
      </c>
    </row>
    <row r="9039" spans="1:9">
      <c r="A9039" s="1">
        <f ca="1">RAND()</f>
        <v>0.3255066167970434</v>
      </c>
      <c r="B9039" s="1"/>
      <c r="C9039">
        <v>14</v>
      </c>
      <c r="D9039" t="s">
        <v>18574</v>
      </c>
      <c r="E9039" t="s">
        <v>33161</v>
      </c>
      <c r="F9039">
        <v>4</v>
      </c>
      <c r="G9039" t="s">
        <v>14</v>
      </c>
      <c r="H9039" t="s">
        <v>18575</v>
      </c>
      <c r="I9039" t="s">
        <v>30540</v>
      </c>
    </row>
    <row r="9040" spans="1:9">
      <c r="A9040" s="1">
        <f ca="1">RAND()</f>
        <v>0.56286025829070618</v>
      </c>
      <c r="B9040" s="1"/>
      <c r="C9040">
        <v>18</v>
      </c>
      <c r="D9040" t="s">
        <v>18564</v>
      </c>
      <c r="E9040" t="s">
        <v>33162</v>
      </c>
      <c r="F9040">
        <v>4</v>
      </c>
      <c r="G9040" t="s">
        <v>2</v>
      </c>
      <c r="H9040" t="s">
        <v>18565</v>
      </c>
      <c r="I9040" t="s">
        <v>30540</v>
      </c>
    </row>
    <row r="9041" spans="1:9">
      <c r="A9041" s="1">
        <f ca="1">RAND()</f>
        <v>0.96065085543578399</v>
      </c>
      <c r="B9041" s="1"/>
      <c r="C9041">
        <v>9</v>
      </c>
      <c r="D9041" t="s">
        <v>18560</v>
      </c>
      <c r="E9041" t="s">
        <v>33162</v>
      </c>
      <c r="F9041">
        <v>4</v>
      </c>
      <c r="G9041" t="s">
        <v>762</v>
      </c>
      <c r="H9041" t="s">
        <v>18561</v>
      </c>
      <c r="I9041" t="s">
        <v>30540</v>
      </c>
    </row>
    <row r="9042" spans="1:9">
      <c r="A9042" s="1">
        <f ca="1">RAND()</f>
        <v>2.9313821804742179E-2</v>
      </c>
      <c r="B9042" s="1"/>
      <c r="C9042">
        <v>15</v>
      </c>
      <c r="D9042" t="s">
        <v>18562</v>
      </c>
      <c r="E9042" t="s">
        <v>33162</v>
      </c>
      <c r="F9042">
        <v>2</v>
      </c>
      <c r="G9042" t="s">
        <v>3732</v>
      </c>
      <c r="H9042" t="s">
        <v>18563</v>
      </c>
      <c r="I9042" t="s">
        <v>30540</v>
      </c>
    </row>
    <row r="9043" spans="1:9">
      <c r="A9043" s="1">
        <f ca="1">RAND()</f>
        <v>0.61895339957357309</v>
      </c>
      <c r="B9043" s="1"/>
      <c r="C9043">
        <v>12</v>
      </c>
      <c r="D9043" t="s">
        <v>18558</v>
      </c>
      <c r="E9043" t="s">
        <v>33163</v>
      </c>
      <c r="F9043">
        <v>4</v>
      </c>
      <c r="G9043" t="s">
        <v>14</v>
      </c>
      <c r="H9043" t="s">
        <v>18559</v>
      </c>
      <c r="I9043" t="s">
        <v>30540</v>
      </c>
    </row>
    <row r="9044" spans="1:9">
      <c r="A9044" s="1">
        <f ca="1">RAND()</f>
        <v>0.93150638699319066</v>
      </c>
      <c r="B9044" s="1"/>
      <c r="C9044">
        <v>7</v>
      </c>
      <c r="D9044" t="s">
        <v>18552</v>
      </c>
      <c r="E9044" t="s">
        <v>33163</v>
      </c>
      <c r="F9044">
        <v>4</v>
      </c>
      <c r="G9044" t="s">
        <v>14</v>
      </c>
      <c r="H9044" t="s">
        <v>18553</v>
      </c>
      <c r="I9044" t="s">
        <v>30540</v>
      </c>
    </row>
    <row r="9045" spans="1:9">
      <c r="A9045" s="1">
        <f ca="1">RAND()</f>
        <v>0.75447653067937503</v>
      </c>
      <c r="B9045" s="1"/>
      <c r="C9045">
        <v>10</v>
      </c>
      <c r="D9045" t="s">
        <v>18554</v>
      </c>
      <c r="E9045" t="s">
        <v>33163</v>
      </c>
      <c r="F9045">
        <v>4</v>
      </c>
      <c r="G9045" t="s">
        <v>9</v>
      </c>
      <c r="H9045" t="s">
        <v>18555</v>
      </c>
      <c r="I9045" t="s">
        <v>30540</v>
      </c>
    </row>
    <row r="9046" spans="1:9">
      <c r="A9046" s="1">
        <f ca="1">RAND()</f>
        <v>0.82537218114444455</v>
      </c>
      <c r="B9046" s="1"/>
      <c r="C9046">
        <v>11</v>
      </c>
      <c r="D9046" t="s">
        <v>18556</v>
      </c>
      <c r="E9046" t="s">
        <v>33163</v>
      </c>
      <c r="F9046">
        <v>1</v>
      </c>
      <c r="G9046" t="s">
        <v>9</v>
      </c>
      <c r="H9046" t="s">
        <v>18557</v>
      </c>
      <c r="I9046" t="s">
        <v>30540</v>
      </c>
    </row>
    <row r="9047" spans="1:9">
      <c r="A9047" s="1">
        <f ca="1">RAND()</f>
        <v>0.86442894854024399</v>
      </c>
      <c r="B9047" s="1"/>
      <c r="C9047">
        <v>14</v>
      </c>
      <c r="D9047" t="s">
        <v>18544</v>
      </c>
      <c r="E9047" t="s">
        <v>33164</v>
      </c>
      <c r="F9047">
        <v>5</v>
      </c>
      <c r="G9047" t="s">
        <v>14</v>
      </c>
      <c r="H9047" t="s">
        <v>18545</v>
      </c>
      <c r="I9047" t="s">
        <v>30540</v>
      </c>
    </row>
    <row r="9048" spans="1:9">
      <c r="A9048" s="1">
        <f ca="1">RAND()</f>
        <v>0.27871065687536112</v>
      </c>
      <c r="B9048" s="1"/>
      <c r="C9048">
        <v>10</v>
      </c>
      <c r="D9048" t="s">
        <v>18540</v>
      </c>
      <c r="E9048" t="s">
        <v>33164</v>
      </c>
      <c r="F9048">
        <v>5</v>
      </c>
      <c r="G9048" t="s">
        <v>14</v>
      </c>
      <c r="H9048" t="s">
        <v>18541</v>
      </c>
      <c r="I9048" t="s">
        <v>30540</v>
      </c>
    </row>
    <row r="9049" spans="1:9">
      <c r="A9049" s="1">
        <f ca="1">RAND()</f>
        <v>0.94121099860366897</v>
      </c>
      <c r="B9049" s="1"/>
      <c r="C9049">
        <v>17</v>
      </c>
      <c r="D9049" t="s">
        <v>18546</v>
      </c>
      <c r="E9049" t="s">
        <v>33164</v>
      </c>
      <c r="F9049">
        <v>4</v>
      </c>
      <c r="G9049" t="s">
        <v>14</v>
      </c>
      <c r="H9049" t="s">
        <v>18547</v>
      </c>
      <c r="I9049" t="s">
        <v>30540</v>
      </c>
    </row>
    <row r="9050" spans="1:9">
      <c r="A9050" s="1">
        <f ca="1">RAND()</f>
        <v>0.54303922566080476</v>
      </c>
      <c r="B9050" s="1"/>
      <c r="C9050">
        <v>19</v>
      </c>
      <c r="D9050" t="s">
        <v>18548</v>
      </c>
      <c r="E9050" t="s">
        <v>33164</v>
      </c>
      <c r="F9050">
        <v>4</v>
      </c>
      <c r="G9050" t="s">
        <v>14</v>
      </c>
      <c r="H9050" t="s">
        <v>18549</v>
      </c>
      <c r="I9050" t="s">
        <v>30540</v>
      </c>
    </row>
    <row r="9051" spans="1:9">
      <c r="A9051" s="1">
        <f ca="1">RAND()</f>
        <v>0.36488463478417743</v>
      </c>
      <c r="B9051" s="1"/>
      <c r="C9051">
        <v>20</v>
      </c>
      <c r="D9051" t="s">
        <v>18550</v>
      </c>
      <c r="E9051" t="s">
        <v>33164</v>
      </c>
      <c r="F9051">
        <v>4</v>
      </c>
      <c r="G9051" t="s">
        <v>13</v>
      </c>
      <c r="H9051" t="s">
        <v>18551</v>
      </c>
      <c r="I9051" t="s">
        <v>30540</v>
      </c>
    </row>
    <row r="9052" spans="1:9">
      <c r="A9052" s="1">
        <f ca="1">RAND()</f>
        <v>0.17081198596103053</v>
      </c>
      <c r="B9052" s="1"/>
      <c r="C9052">
        <v>3</v>
      </c>
      <c r="D9052" t="s">
        <v>18538</v>
      </c>
      <c r="E9052" t="s">
        <v>33164</v>
      </c>
      <c r="F9052">
        <v>4</v>
      </c>
      <c r="G9052" t="s">
        <v>13</v>
      </c>
      <c r="H9052" t="s">
        <v>18539</v>
      </c>
      <c r="I9052" t="s">
        <v>30540</v>
      </c>
    </row>
    <row r="9053" spans="1:9">
      <c r="A9053" s="1">
        <f ca="1">RAND()</f>
        <v>0.20298306554693257</v>
      </c>
      <c r="B9053" s="1"/>
      <c r="C9053">
        <v>12</v>
      </c>
      <c r="D9053" t="s">
        <v>18542</v>
      </c>
      <c r="E9053" t="s">
        <v>33164</v>
      </c>
      <c r="F9053">
        <v>4</v>
      </c>
      <c r="G9053" t="s">
        <v>1</v>
      </c>
      <c r="H9053" t="s">
        <v>18543</v>
      </c>
      <c r="I9053" t="s">
        <v>30540</v>
      </c>
    </row>
    <row r="9054" spans="1:9">
      <c r="A9054" s="1">
        <f ca="1">RAND()</f>
        <v>0.56037880744067581</v>
      </c>
      <c r="B9054" s="1"/>
      <c r="C9054">
        <v>10</v>
      </c>
      <c r="D9054" t="s">
        <v>18532</v>
      </c>
      <c r="E9054" t="s">
        <v>33165</v>
      </c>
      <c r="F9054">
        <v>5</v>
      </c>
      <c r="G9054" t="s">
        <v>10</v>
      </c>
      <c r="H9054" t="s">
        <v>18533</v>
      </c>
      <c r="I9054" t="s">
        <v>30540</v>
      </c>
    </row>
    <row r="9055" spans="1:9">
      <c r="A9055" s="1">
        <f ca="1">RAND()</f>
        <v>0.73374864089092617</v>
      </c>
      <c r="B9055" s="1"/>
      <c r="C9055">
        <v>5</v>
      </c>
      <c r="D9055" t="s">
        <v>18528</v>
      </c>
      <c r="E9055" t="s">
        <v>33165</v>
      </c>
      <c r="F9055">
        <v>5</v>
      </c>
      <c r="G9055" t="s">
        <v>2</v>
      </c>
      <c r="H9055" t="s">
        <v>18529</v>
      </c>
      <c r="I9055" t="s">
        <v>30540</v>
      </c>
    </row>
    <row r="9056" spans="1:9">
      <c r="A9056" s="1">
        <f ca="1">RAND()</f>
        <v>0.56362271208666981</v>
      </c>
      <c r="B9056" s="1"/>
      <c r="C9056">
        <v>8</v>
      </c>
      <c r="D9056" t="s">
        <v>18530</v>
      </c>
      <c r="E9056" t="s">
        <v>33165</v>
      </c>
      <c r="F9056">
        <v>4</v>
      </c>
      <c r="G9056" t="s">
        <v>2</v>
      </c>
      <c r="H9056" t="s">
        <v>18531</v>
      </c>
      <c r="I9056" t="s">
        <v>30540</v>
      </c>
    </row>
    <row r="9057" spans="1:9">
      <c r="A9057" s="1">
        <f ca="1">RAND()</f>
        <v>0.96467368610571513</v>
      </c>
      <c r="B9057" s="1"/>
      <c r="C9057">
        <v>12</v>
      </c>
      <c r="D9057" t="s">
        <v>18534</v>
      </c>
      <c r="E9057" t="s">
        <v>33165</v>
      </c>
      <c r="F9057">
        <v>4</v>
      </c>
      <c r="G9057" t="s">
        <v>15</v>
      </c>
      <c r="H9057" t="s">
        <v>18535</v>
      </c>
      <c r="I9057" t="s">
        <v>30540</v>
      </c>
    </row>
    <row r="9058" spans="1:9">
      <c r="A9058" s="1">
        <f ca="1">RAND()</f>
        <v>0.71664859168271855</v>
      </c>
      <c r="B9058" s="1"/>
      <c r="C9058">
        <v>18</v>
      </c>
      <c r="D9058" t="s">
        <v>18536</v>
      </c>
      <c r="E9058" t="s">
        <v>33165</v>
      </c>
      <c r="F9058">
        <v>2</v>
      </c>
      <c r="G9058" t="s">
        <v>14</v>
      </c>
      <c r="H9058" t="s">
        <v>18537</v>
      </c>
      <c r="I9058" t="s">
        <v>30540</v>
      </c>
    </row>
    <row r="9059" spans="1:9">
      <c r="A9059" s="1">
        <f ca="1">RAND()</f>
        <v>0.78360654733939339</v>
      </c>
      <c r="B9059" s="1"/>
      <c r="C9059">
        <v>8</v>
      </c>
      <c r="D9059" t="s">
        <v>18522</v>
      </c>
      <c r="E9059" t="s">
        <v>33166</v>
      </c>
      <c r="F9059">
        <v>4</v>
      </c>
      <c r="G9059" t="s">
        <v>10</v>
      </c>
      <c r="H9059" t="s">
        <v>18523</v>
      </c>
      <c r="I9059" t="s">
        <v>30540</v>
      </c>
    </row>
    <row r="9060" spans="1:9">
      <c r="A9060" s="1">
        <f ca="1">RAND()</f>
        <v>0.94937014198924041</v>
      </c>
      <c r="B9060" s="1"/>
      <c r="C9060">
        <v>7</v>
      </c>
      <c r="D9060" t="s">
        <v>18520</v>
      </c>
      <c r="E9060" t="s">
        <v>33166</v>
      </c>
      <c r="F9060">
        <v>4</v>
      </c>
      <c r="G9060" t="s">
        <v>14</v>
      </c>
      <c r="H9060" t="s">
        <v>18521</v>
      </c>
      <c r="I9060" t="s">
        <v>30540</v>
      </c>
    </row>
    <row r="9061" spans="1:9">
      <c r="A9061" s="1">
        <f ca="1">RAND()</f>
        <v>1.8901310472120625E-2</v>
      </c>
      <c r="B9061" s="1"/>
      <c r="C9061">
        <v>16</v>
      </c>
      <c r="D9061" t="s">
        <v>18524</v>
      </c>
      <c r="E9061" t="s">
        <v>33166</v>
      </c>
      <c r="F9061">
        <v>4</v>
      </c>
      <c r="G9061" t="s">
        <v>14</v>
      </c>
      <c r="H9061" t="s">
        <v>18525</v>
      </c>
      <c r="I9061" t="s">
        <v>30540</v>
      </c>
    </row>
    <row r="9062" spans="1:9">
      <c r="A9062" s="1">
        <f ca="1">RAND()</f>
        <v>0.48220592270143137</v>
      </c>
      <c r="B9062" s="1"/>
      <c r="C9062">
        <v>18</v>
      </c>
      <c r="D9062" t="s">
        <v>18526</v>
      </c>
      <c r="E9062" t="s">
        <v>33166</v>
      </c>
      <c r="F9062">
        <v>3</v>
      </c>
      <c r="G9062" t="s">
        <v>14</v>
      </c>
      <c r="H9062" t="s">
        <v>18527</v>
      </c>
      <c r="I9062" t="s">
        <v>30540</v>
      </c>
    </row>
    <row r="9063" spans="1:9">
      <c r="A9063" s="1">
        <f ca="1">RAND()</f>
        <v>0.42868631013602077</v>
      </c>
      <c r="B9063" s="1"/>
      <c r="C9063">
        <v>2</v>
      </c>
      <c r="D9063" t="s">
        <v>18518</v>
      </c>
      <c r="E9063" t="s">
        <v>33166</v>
      </c>
      <c r="F9063">
        <v>2</v>
      </c>
      <c r="G9063" t="s">
        <v>10</v>
      </c>
      <c r="H9063" t="s">
        <v>18519</v>
      </c>
      <c r="I9063" t="s">
        <v>30540</v>
      </c>
    </row>
    <row r="9064" spans="1:9">
      <c r="A9064" s="1">
        <f ca="1">RAND()</f>
        <v>0.41369182681445438</v>
      </c>
      <c r="B9064" s="1"/>
      <c r="C9064">
        <v>18</v>
      </c>
      <c r="D9064" t="s">
        <v>18514</v>
      </c>
      <c r="E9064" t="s">
        <v>33167</v>
      </c>
      <c r="F9064">
        <v>4</v>
      </c>
      <c r="G9064" t="s">
        <v>14</v>
      </c>
      <c r="H9064" t="s">
        <v>18515</v>
      </c>
      <c r="I9064" t="s">
        <v>30540</v>
      </c>
    </row>
    <row r="9065" spans="1:9">
      <c r="A9065" s="1">
        <f ca="1">RAND()</f>
        <v>0.69259267335032293</v>
      </c>
      <c r="B9065" s="1"/>
      <c r="C9065">
        <v>19</v>
      </c>
      <c r="D9065" t="s">
        <v>18516</v>
      </c>
      <c r="E9065" t="s">
        <v>33167</v>
      </c>
      <c r="F9065">
        <v>2</v>
      </c>
      <c r="G9065" t="s">
        <v>14</v>
      </c>
      <c r="H9065" t="s">
        <v>18517</v>
      </c>
      <c r="I9065" t="s">
        <v>30540</v>
      </c>
    </row>
    <row r="9066" spans="1:9">
      <c r="A9066" s="1">
        <f ca="1">RAND()</f>
        <v>2.1650480138918571E-2</v>
      </c>
      <c r="B9066" s="1"/>
      <c r="C9066">
        <v>7</v>
      </c>
      <c r="D9066" t="s">
        <v>18508</v>
      </c>
      <c r="E9066" t="s">
        <v>33168</v>
      </c>
      <c r="F9066">
        <v>4</v>
      </c>
      <c r="G9066" t="s">
        <v>14</v>
      </c>
      <c r="H9066" t="s">
        <v>18509</v>
      </c>
      <c r="I9066" t="s">
        <v>30540</v>
      </c>
    </row>
    <row r="9067" spans="1:9">
      <c r="A9067" s="1">
        <f ca="1">RAND()</f>
        <v>0.94129897321237377</v>
      </c>
      <c r="B9067" s="1"/>
      <c r="C9067">
        <v>2</v>
      </c>
      <c r="D9067" t="s">
        <v>18504</v>
      </c>
      <c r="E9067" t="s">
        <v>33168</v>
      </c>
      <c r="F9067">
        <v>4</v>
      </c>
      <c r="G9067" t="s">
        <v>15</v>
      </c>
      <c r="H9067" t="s">
        <v>18505</v>
      </c>
      <c r="I9067" t="s">
        <v>30540</v>
      </c>
    </row>
    <row r="9068" spans="1:9">
      <c r="A9068" s="1">
        <f ca="1">RAND()</f>
        <v>0.15940800272865896</v>
      </c>
      <c r="B9068" s="1"/>
      <c r="C9068">
        <v>14</v>
      </c>
      <c r="D9068" t="s">
        <v>18510</v>
      </c>
      <c r="E9068" t="s">
        <v>33168</v>
      </c>
      <c r="F9068">
        <v>4</v>
      </c>
      <c r="G9068" t="s">
        <v>9</v>
      </c>
      <c r="H9068" t="s">
        <v>18511</v>
      </c>
      <c r="I9068" t="s">
        <v>30540</v>
      </c>
    </row>
    <row r="9069" spans="1:9">
      <c r="A9069" s="1">
        <f ca="1">RAND()</f>
        <v>0.26615765373268219</v>
      </c>
      <c r="B9069" s="1"/>
      <c r="C9069">
        <v>19</v>
      </c>
      <c r="D9069" t="s">
        <v>18512</v>
      </c>
      <c r="E9069" t="s">
        <v>33168</v>
      </c>
      <c r="F9069">
        <v>3</v>
      </c>
      <c r="G9069" t="s">
        <v>14</v>
      </c>
      <c r="H9069" t="s">
        <v>18513</v>
      </c>
      <c r="I9069" t="s">
        <v>30540</v>
      </c>
    </row>
    <row r="9070" spans="1:9">
      <c r="A9070" s="1">
        <f ca="1">RAND()</f>
        <v>0.17119924933655684</v>
      </c>
      <c r="B9070" s="1"/>
      <c r="C9070">
        <v>4</v>
      </c>
      <c r="D9070" t="s">
        <v>18506</v>
      </c>
      <c r="E9070" t="s">
        <v>33168</v>
      </c>
      <c r="F9070">
        <v>2</v>
      </c>
      <c r="G9070" t="s">
        <v>10</v>
      </c>
      <c r="H9070" t="s">
        <v>18507</v>
      </c>
      <c r="I9070" t="s">
        <v>30540</v>
      </c>
    </row>
    <row r="9071" spans="1:9">
      <c r="A9071" s="1">
        <f ca="1">RAND()</f>
        <v>0.32844771149556629</v>
      </c>
      <c r="B9071" s="1"/>
      <c r="C9071">
        <v>11</v>
      </c>
      <c r="D9071" t="s">
        <v>18502</v>
      </c>
      <c r="E9071" t="s">
        <v>33169</v>
      </c>
      <c r="F9071">
        <v>5</v>
      </c>
      <c r="G9071" t="s">
        <v>14</v>
      </c>
      <c r="H9071" t="s">
        <v>18503</v>
      </c>
      <c r="I9071" t="s">
        <v>30540</v>
      </c>
    </row>
    <row r="9072" spans="1:9">
      <c r="A9072" s="1">
        <f ca="1">RAND()</f>
        <v>0.69468259157866086</v>
      </c>
      <c r="B9072" s="1"/>
      <c r="C9072">
        <v>8</v>
      </c>
      <c r="D9072" t="s">
        <v>18500</v>
      </c>
      <c r="E9072" t="s">
        <v>33169</v>
      </c>
      <c r="F9072">
        <v>5</v>
      </c>
      <c r="G9072" t="s">
        <v>10</v>
      </c>
      <c r="H9072" t="s">
        <v>18501</v>
      </c>
      <c r="I9072" t="s">
        <v>30540</v>
      </c>
    </row>
    <row r="9073" spans="1:9">
      <c r="A9073" s="1">
        <f ca="1">RAND()</f>
        <v>0.66519632756802061</v>
      </c>
      <c r="B9073" s="1"/>
      <c r="C9073">
        <v>4</v>
      </c>
      <c r="D9073" t="s">
        <v>18498</v>
      </c>
      <c r="E9073" t="s">
        <v>33169</v>
      </c>
      <c r="F9073">
        <v>4</v>
      </c>
      <c r="G9073" t="s">
        <v>14</v>
      </c>
      <c r="H9073" t="s">
        <v>18499</v>
      </c>
      <c r="I9073" t="s">
        <v>30540</v>
      </c>
    </row>
    <row r="9074" spans="1:9">
      <c r="A9074" s="1">
        <f ca="1">RAND()</f>
        <v>5.9667972622162835E-2</v>
      </c>
      <c r="B9074" s="1"/>
      <c r="C9074">
        <v>2</v>
      </c>
      <c r="D9074" t="s">
        <v>18496</v>
      </c>
      <c r="E9074" t="s">
        <v>33169</v>
      </c>
      <c r="F9074">
        <v>4</v>
      </c>
      <c r="G9074" t="s">
        <v>10</v>
      </c>
      <c r="H9074" t="s">
        <v>18497</v>
      </c>
      <c r="I9074" t="s">
        <v>30540</v>
      </c>
    </row>
    <row r="9075" spans="1:9">
      <c r="A9075" s="1">
        <f ca="1">RAND()</f>
        <v>0.64597489342293812</v>
      </c>
      <c r="B9075" s="1"/>
      <c r="C9075">
        <v>17</v>
      </c>
      <c r="D9075" t="s">
        <v>18490</v>
      </c>
      <c r="E9075" t="s">
        <v>33170</v>
      </c>
      <c r="F9075">
        <v>5</v>
      </c>
      <c r="G9075" t="s">
        <v>14</v>
      </c>
      <c r="H9075" t="s">
        <v>18491</v>
      </c>
      <c r="I9075" t="s">
        <v>30540</v>
      </c>
    </row>
    <row r="9076" spans="1:9">
      <c r="A9076" s="1">
        <f ca="1">RAND()</f>
        <v>0.86106813639624591</v>
      </c>
      <c r="B9076" s="1"/>
      <c r="C9076">
        <v>14</v>
      </c>
      <c r="D9076" t="s">
        <v>18488</v>
      </c>
      <c r="E9076" t="s">
        <v>33170</v>
      </c>
      <c r="F9076">
        <v>4</v>
      </c>
      <c r="G9076" t="s">
        <v>14</v>
      </c>
      <c r="H9076" t="s">
        <v>18489</v>
      </c>
      <c r="I9076" t="s">
        <v>30540</v>
      </c>
    </row>
    <row r="9077" spans="1:9">
      <c r="A9077" s="1">
        <f ca="1">RAND()</f>
        <v>0.58919712005782887</v>
      </c>
      <c r="B9077" s="1"/>
      <c r="C9077">
        <v>18</v>
      </c>
      <c r="D9077" t="s">
        <v>18492</v>
      </c>
      <c r="E9077" t="s">
        <v>33170</v>
      </c>
      <c r="F9077">
        <v>4</v>
      </c>
      <c r="G9077" t="s">
        <v>14</v>
      </c>
      <c r="H9077" t="s">
        <v>18493</v>
      </c>
      <c r="I9077" t="s">
        <v>30540</v>
      </c>
    </row>
    <row r="9078" spans="1:9">
      <c r="A9078" s="1">
        <f ca="1">RAND()</f>
        <v>0.90376785328584053</v>
      </c>
      <c r="B9078" s="1"/>
      <c r="C9078">
        <v>20</v>
      </c>
      <c r="D9078" t="s">
        <v>18494</v>
      </c>
      <c r="E9078" t="s">
        <v>33170</v>
      </c>
      <c r="F9078">
        <v>2</v>
      </c>
      <c r="G9078" t="s">
        <v>14</v>
      </c>
      <c r="H9078" t="s">
        <v>18495</v>
      </c>
      <c r="I9078" t="s">
        <v>30540</v>
      </c>
    </row>
    <row r="9079" spans="1:9">
      <c r="A9079" s="1">
        <f ca="1">RAND()</f>
        <v>0.10047140225551809</v>
      </c>
      <c r="B9079" s="1"/>
      <c r="C9079">
        <v>12</v>
      </c>
      <c r="D9079" t="s">
        <v>18482</v>
      </c>
      <c r="E9079" t="s">
        <v>33171</v>
      </c>
      <c r="F9079">
        <v>5</v>
      </c>
      <c r="G9079" t="s">
        <v>10</v>
      </c>
      <c r="H9079" t="s">
        <v>18483</v>
      </c>
      <c r="I9079" t="s">
        <v>30540</v>
      </c>
    </row>
    <row r="9080" spans="1:9">
      <c r="A9080" s="1">
        <f ca="1">RAND()</f>
        <v>0.73526123234470031</v>
      </c>
      <c r="B9080" s="1"/>
      <c r="C9080">
        <v>1</v>
      </c>
      <c r="D9080" t="s">
        <v>18474</v>
      </c>
      <c r="E9080" t="s">
        <v>33171</v>
      </c>
      <c r="F9080">
        <v>4</v>
      </c>
      <c r="G9080" t="s">
        <v>9</v>
      </c>
      <c r="H9080" t="s">
        <v>18475</v>
      </c>
      <c r="I9080" t="s">
        <v>30540</v>
      </c>
    </row>
    <row r="9081" spans="1:9">
      <c r="A9081" s="1">
        <f ca="1">RAND()</f>
        <v>0.58358264378262292</v>
      </c>
      <c r="B9081" s="1"/>
      <c r="C9081">
        <v>5</v>
      </c>
      <c r="D9081" t="s">
        <v>18478</v>
      </c>
      <c r="E9081" t="s">
        <v>33171</v>
      </c>
      <c r="F9081">
        <v>4</v>
      </c>
      <c r="G9081" t="s">
        <v>1</v>
      </c>
      <c r="H9081" t="s">
        <v>18479</v>
      </c>
      <c r="I9081" t="s">
        <v>30540</v>
      </c>
    </row>
    <row r="9082" spans="1:9">
      <c r="A9082" s="1">
        <f ca="1">RAND()</f>
        <v>0.87033322442288241</v>
      </c>
      <c r="B9082" s="1"/>
      <c r="C9082">
        <v>4</v>
      </c>
      <c r="D9082" t="s">
        <v>18476</v>
      </c>
      <c r="E9082" t="s">
        <v>33171</v>
      </c>
      <c r="F9082">
        <v>4</v>
      </c>
      <c r="G9082" t="s">
        <v>10</v>
      </c>
      <c r="H9082" t="s">
        <v>18477</v>
      </c>
      <c r="I9082" t="s">
        <v>30540</v>
      </c>
    </row>
    <row r="9083" spans="1:9">
      <c r="A9083" s="1">
        <f ca="1">RAND()</f>
        <v>0.98474017514342582</v>
      </c>
      <c r="B9083" s="1"/>
      <c r="C9083">
        <v>6</v>
      </c>
      <c r="D9083" t="s">
        <v>18480</v>
      </c>
      <c r="E9083" t="s">
        <v>33171</v>
      </c>
      <c r="F9083">
        <v>4</v>
      </c>
      <c r="G9083" t="s">
        <v>10</v>
      </c>
      <c r="H9083" t="s">
        <v>18481</v>
      </c>
      <c r="I9083" t="s">
        <v>30540</v>
      </c>
    </row>
    <row r="9084" spans="1:9">
      <c r="A9084" s="1">
        <f ca="1">RAND()</f>
        <v>0.91538000835532418</v>
      </c>
      <c r="B9084" s="1"/>
      <c r="C9084">
        <v>18</v>
      </c>
      <c r="D9084" t="s">
        <v>18486</v>
      </c>
      <c r="E9084" t="s">
        <v>33171</v>
      </c>
      <c r="F9084">
        <v>4</v>
      </c>
      <c r="G9084" t="s">
        <v>10</v>
      </c>
      <c r="H9084" t="s">
        <v>18487</v>
      </c>
      <c r="I9084" t="s">
        <v>30540</v>
      </c>
    </row>
    <row r="9085" spans="1:9">
      <c r="A9085" s="1">
        <f ca="1">RAND()</f>
        <v>0.32747099619765496</v>
      </c>
      <c r="B9085" s="1"/>
      <c r="C9085">
        <v>13</v>
      </c>
      <c r="D9085" t="s">
        <v>18484</v>
      </c>
      <c r="E9085" t="s">
        <v>33171</v>
      </c>
      <c r="F9085">
        <v>4</v>
      </c>
      <c r="G9085" t="s">
        <v>10</v>
      </c>
      <c r="H9085" t="s">
        <v>18485</v>
      </c>
      <c r="I9085" t="s">
        <v>30540</v>
      </c>
    </row>
    <row r="9086" spans="1:9">
      <c r="A9086" s="1">
        <f ca="1">RAND()</f>
        <v>0.48645407473724478</v>
      </c>
      <c r="B9086" s="1"/>
      <c r="C9086">
        <v>20</v>
      </c>
      <c r="D9086" t="s">
        <v>18472</v>
      </c>
      <c r="E9086" t="s">
        <v>33172</v>
      </c>
      <c r="F9086">
        <v>5</v>
      </c>
      <c r="G9086" t="s">
        <v>2738</v>
      </c>
      <c r="H9086" t="s">
        <v>18473</v>
      </c>
      <c r="I9086" t="s">
        <v>30540</v>
      </c>
    </row>
    <row r="9087" spans="1:9">
      <c r="A9087" s="1">
        <f ca="1">RAND()</f>
        <v>0.85698975231545271</v>
      </c>
      <c r="B9087" s="1"/>
      <c r="C9087">
        <v>12</v>
      </c>
      <c r="D9087" t="s">
        <v>18470</v>
      </c>
      <c r="E9087" t="s">
        <v>33172</v>
      </c>
      <c r="F9087">
        <v>4</v>
      </c>
      <c r="G9087" t="s">
        <v>762</v>
      </c>
      <c r="H9087" t="s">
        <v>18471</v>
      </c>
      <c r="I9087" t="s">
        <v>30540</v>
      </c>
    </row>
    <row r="9088" spans="1:9">
      <c r="A9088" s="1">
        <f ca="1">RAND()</f>
        <v>0.21514398241388899</v>
      </c>
      <c r="B9088" s="1"/>
      <c r="C9088">
        <v>6</v>
      </c>
      <c r="D9088" t="s">
        <v>18468</v>
      </c>
      <c r="E9088" t="s">
        <v>33172</v>
      </c>
      <c r="F9088">
        <v>3</v>
      </c>
      <c r="G9088" t="s">
        <v>1431</v>
      </c>
      <c r="H9088" t="s">
        <v>18469</v>
      </c>
      <c r="I9088" t="s">
        <v>30540</v>
      </c>
    </row>
    <row r="9089" spans="1:9">
      <c r="A9089" s="1">
        <f ca="1">RAND()</f>
        <v>5.2965961951469409E-2</v>
      </c>
      <c r="B9089" s="1"/>
      <c r="C9089">
        <v>9</v>
      </c>
      <c r="D9089" t="s">
        <v>18464</v>
      </c>
      <c r="E9089" t="s">
        <v>33173</v>
      </c>
      <c r="F9089">
        <v>5</v>
      </c>
      <c r="G9089" t="s">
        <v>14</v>
      </c>
      <c r="H9089" t="s">
        <v>18465</v>
      </c>
      <c r="I9089" t="s">
        <v>30540</v>
      </c>
    </row>
    <row r="9090" spans="1:9">
      <c r="A9090" s="1">
        <f ca="1">RAND()</f>
        <v>0.14679449299343261</v>
      </c>
      <c r="B9090" s="1"/>
      <c r="C9090">
        <v>14</v>
      </c>
      <c r="D9090" t="s">
        <v>18466</v>
      </c>
      <c r="E9090" t="s">
        <v>33173</v>
      </c>
      <c r="F9090">
        <v>4</v>
      </c>
      <c r="G9090" t="s">
        <v>14</v>
      </c>
      <c r="H9090" t="s">
        <v>18467</v>
      </c>
      <c r="I9090" t="s">
        <v>30540</v>
      </c>
    </row>
    <row r="9091" spans="1:9">
      <c r="A9091" s="1">
        <f ca="1">RAND()</f>
        <v>5.6995977810972098E-2</v>
      </c>
      <c r="B9091" s="1"/>
      <c r="C9091">
        <v>8</v>
      </c>
      <c r="D9091" t="s">
        <v>18456</v>
      </c>
      <c r="E9091" t="s">
        <v>33174</v>
      </c>
      <c r="F9091">
        <v>4</v>
      </c>
      <c r="G9091" t="s">
        <v>1</v>
      </c>
      <c r="H9091" t="s">
        <v>18457</v>
      </c>
      <c r="I9091" t="s">
        <v>30540</v>
      </c>
    </row>
    <row r="9092" spans="1:9">
      <c r="A9092" s="1">
        <f ca="1">RAND()</f>
        <v>0.94222528005584805</v>
      </c>
      <c r="B9092" s="1"/>
      <c r="C9092">
        <v>17</v>
      </c>
      <c r="D9092" t="s">
        <v>18462</v>
      </c>
      <c r="E9092" t="s">
        <v>33174</v>
      </c>
      <c r="F9092">
        <v>4</v>
      </c>
      <c r="G9092" t="s">
        <v>14</v>
      </c>
      <c r="H9092" t="s">
        <v>18463</v>
      </c>
      <c r="I9092" t="s">
        <v>30540</v>
      </c>
    </row>
    <row r="9093" spans="1:9">
      <c r="A9093" s="1">
        <f ca="1">RAND()</f>
        <v>0.22556971084710353</v>
      </c>
      <c r="B9093" s="1"/>
      <c r="C9093">
        <v>4</v>
      </c>
      <c r="D9093" t="s">
        <v>18452</v>
      </c>
      <c r="E9093" t="s">
        <v>33174</v>
      </c>
      <c r="F9093">
        <v>4</v>
      </c>
      <c r="G9093" t="s">
        <v>9</v>
      </c>
      <c r="H9093" t="s">
        <v>18453</v>
      </c>
      <c r="I9093" t="s">
        <v>30540</v>
      </c>
    </row>
    <row r="9094" spans="1:9">
      <c r="A9094" s="1">
        <f ca="1">RAND()</f>
        <v>0.70812504645306129</v>
      </c>
      <c r="B9094" s="1"/>
      <c r="C9094">
        <v>13</v>
      </c>
      <c r="D9094" t="s">
        <v>18458</v>
      </c>
      <c r="E9094" t="s">
        <v>33174</v>
      </c>
      <c r="F9094">
        <v>4</v>
      </c>
      <c r="G9094" t="s">
        <v>14</v>
      </c>
      <c r="H9094" t="s">
        <v>18459</v>
      </c>
      <c r="I9094" t="s">
        <v>30540</v>
      </c>
    </row>
    <row r="9095" spans="1:9">
      <c r="A9095" s="1">
        <f ca="1">RAND()</f>
        <v>0.98256015288674425</v>
      </c>
      <c r="B9095" s="1"/>
      <c r="C9095">
        <v>14</v>
      </c>
      <c r="D9095" t="s">
        <v>18460</v>
      </c>
      <c r="E9095" t="s">
        <v>33174</v>
      </c>
      <c r="F9095">
        <v>4</v>
      </c>
      <c r="G9095" t="s">
        <v>9</v>
      </c>
      <c r="H9095" t="s">
        <v>18461</v>
      </c>
      <c r="I9095" t="s">
        <v>30540</v>
      </c>
    </row>
    <row r="9096" spans="1:9">
      <c r="A9096" s="1">
        <f ca="1">RAND()</f>
        <v>0.90021314090810678</v>
      </c>
      <c r="B9096" s="1"/>
      <c r="C9096">
        <v>6</v>
      </c>
      <c r="D9096" t="s">
        <v>18454</v>
      </c>
      <c r="E9096" t="s">
        <v>33174</v>
      </c>
      <c r="F9096">
        <v>3</v>
      </c>
      <c r="G9096" t="s">
        <v>14</v>
      </c>
      <c r="H9096" t="s">
        <v>18455</v>
      </c>
      <c r="I9096" t="s">
        <v>30540</v>
      </c>
    </row>
    <row r="9097" spans="1:9">
      <c r="A9097" s="1">
        <f ca="1">RAND()</f>
        <v>5.9416312170979979E-2</v>
      </c>
      <c r="B9097" s="1"/>
      <c r="C9097">
        <v>3</v>
      </c>
      <c r="D9097" t="s">
        <v>18450</v>
      </c>
      <c r="E9097" t="s">
        <v>33174</v>
      </c>
      <c r="F9097">
        <v>1</v>
      </c>
      <c r="G9097" t="s">
        <v>10</v>
      </c>
      <c r="H9097" t="s">
        <v>18451</v>
      </c>
      <c r="I9097" t="s">
        <v>30540</v>
      </c>
    </row>
    <row r="9098" spans="1:9">
      <c r="A9098" s="1">
        <f ca="1">RAND()</f>
        <v>0.38381313249344817</v>
      </c>
      <c r="B9098" s="1"/>
      <c r="C9098">
        <v>11</v>
      </c>
      <c r="D9098" t="s">
        <v>18448</v>
      </c>
      <c r="E9098" t="s">
        <v>33175</v>
      </c>
      <c r="F9098">
        <v>5</v>
      </c>
      <c r="G9098" t="s">
        <v>14</v>
      </c>
      <c r="H9098" t="s">
        <v>18449</v>
      </c>
      <c r="I9098" t="s">
        <v>30540</v>
      </c>
    </row>
    <row r="9099" spans="1:9">
      <c r="A9099" s="1">
        <f ca="1">RAND()</f>
        <v>0.82752277043952405</v>
      </c>
      <c r="B9099" s="1"/>
      <c r="C9099">
        <v>9</v>
      </c>
      <c r="D9099" t="s">
        <v>18446</v>
      </c>
      <c r="E9099" t="s">
        <v>33175</v>
      </c>
      <c r="F9099">
        <v>5</v>
      </c>
      <c r="G9099" t="s">
        <v>0</v>
      </c>
      <c r="H9099" t="s">
        <v>18447</v>
      </c>
      <c r="I9099" t="s">
        <v>30540</v>
      </c>
    </row>
    <row r="9100" spans="1:9">
      <c r="A9100" s="1">
        <f ca="1">RAND()</f>
        <v>0.1541820903646649</v>
      </c>
      <c r="B9100" s="1"/>
      <c r="C9100">
        <v>1</v>
      </c>
      <c r="D9100" t="s">
        <v>18444</v>
      </c>
      <c r="E9100" t="s">
        <v>33175</v>
      </c>
      <c r="F9100">
        <v>3</v>
      </c>
      <c r="G9100" t="s">
        <v>9</v>
      </c>
      <c r="H9100" t="s">
        <v>18445</v>
      </c>
      <c r="I9100" t="s">
        <v>30540</v>
      </c>
    </row>
    <row r="9101" spans="1:9">
      <c r="A9101" s="1">
        <f ca="1">RAND()</f>
        <v>0.15667300603455114</v>
      </c>
      <c r="B9101" s="1"/>
      <c r="C9101">
        <v>18</v>
      </c>
      <c r="D9101" t="s">
        <v>18440</v>
      </c>
      <c r="E9101" t="s">
        <v>33176</v>
      </c>
      <c r="F9101">
        <v>4</v>
      </c>
      <c r="G9101" t="s">
        <v>14</v>
      </c>
      <c r="H9101" t="s">
        <v>18441</v>
      </c>
      <c r="I9101" t="s">
        <v>30540</v>
      </c>
    </row>
    <row r="9102" spans="1:9">
      <c r="A9102" s="1">
        <f ca="1">RAND()</f>
        <v>8.0218911289447581E-2</v>
      </c>
      <c r="B9102" s="1"/>
      <c r="C9102">
        <v>19</v>
      </c>
      <c r="D9102" t="s">
        <v>18442</v>
      </c>
      <c r="E9102" t="s">
        <v>33176</v>
      </c>
      <c r="F9102">
        <v>4</v>
      </c>
      <c r="G9102" t="s">
        <v>9</v>
      </c>
      <c r="H9102" t="s">
        <v>18443</v>
      </c>
      <c r="I9102" t="s">
        <v>30540</v>
      </c>
    </row>
    <row r="9103" spans="1:9">
      <c r="A9103" s="1">
        <f ca="1">RAND()</f>
        <v>2.3914549811297703E-2</v>
      </c>
      <c r="B9103" s="1"/>
      <c r="C9103">
        <v>7</v>
      </c>
      <c r="D9103" t="s">
        <v>18438</v>
      </c>
      <c r="E9103" t="s">
        <v>33176</v>
      </c>
      <c r="F9103">
        <v>2</v>
      </c>
      <c r="G9103" t="s">
        <v>14</v>
      </c>
      <c r="H9103" t="s">
        <v>18439</v>
      </c>
      <c r="I9103" t="s">
        <v>30540</v>
      </c>
    </row>
    <row r="9104" spans="1:9">
      <c r="A9104" s="1">
        <f ca="1">RAND()</f>
        <v>0.631559666816779</v>
      </c>
      <c r="B9104" s="1"/>
      <c r="C9104">
        <v>5</v>
      </c>
      <c r="D9104" t="s">
        <v>18436</v>
      </c>
      <c r="E9104" t="s">
        <v>33176</v>
      </c>
      <c r="F9104">
        <v>2</v>
      </c>
      <c r="G9104" t="s">
        <v>14</v>
      </c>
      <c r="H9104" t="s">
        <v>18437</v>
      </c>
      <c r="I9104" t="s">
        <v>30540</v>
      </c>
    </row>
    <row r="9105" spans="1:9">
      <c r="A9105" s="1">
        <f ca="1">RAND()</f>
        <v>0.49495816846393859</v>
      </c>
      <c r="B9105" s="1"/>
      <c r="C9105">
        <v>2</v>
      </c>
      <c r="D9105" t="s">
        <v>18434</v>
      </c>
      <c r="E9105" t="s">
        <v>33176</v>
      </c>
      <c r="F9105">
        <v>2</v>
      </c>
      <c r="G9105" t="s">
        <v>10</v>
      </c>
      <c r="H9105" t="s">
        <v>18435</v>
      </c>
      <c r="I9105" t="s">
        <v>30540</v>
      </c>
    </row>
    <row r="9106" spans="1:9">
      <c r="A9106" s="1">
        <f ca="1">RAND()</f>
        <v>0.84608960586300341</v>
      </c>
      <c r="B9106" s="1"/>
      <c r="C9106">
        <v>12</v>
      </c>
      <c r="D9106" t="s">
        <v>18430</v>
      </c>
      <c r="E9106" t="s">
        <v>33177</v>
      </c>
      <c r="F9106">
        <v>5</v>
      </c>
      <c r="G9106" t="s">
        <v>2738</v>
      </c>
      <c r="H9106" t="s">
        <v>18431</v>
      </c>
      <c r="I9106" t="s">
        <v>30540</v>
      </c>
    </row>
    <row r="9107" spans="1:9">
      <c r="A9107" s="1">
        <f ca="1">RAND()</f>
        <v>0.66811851511816689</v>
      </c>
      <c r="B9107" s="1"/>
      <c r="C9107">
        <v>1</v>
      </c>
      <c r="D9107" t="s">
        <v>18424</v>
      </c>
      <c r="E9107" t="s">
        <v>33177</v>
      </c>
      <c r="F9107">
        <v>4</v>
      </c>
      <c r="G9107" t="s">
        <v>2</v>
      </c>
      <c r="H9107" t="s">
        <v>18425</v>
      </c>
      <c r="I9107" t="s">
        <v>30540</v>
      </c>
    </row>
    <row r="9108" spans="1:9">
      <c r="A9108" s="1">
        <f ca="1">RAND()</f>
        <v>0.34397874603141576</v>
      </c>
      <c r="B9108" s="1"/>
      <c r="C9108">
        <v>19</v>
      </c>
      <c r="D9108" t="s">
        <v>18432</v>
      </c>
      <c r="E9108" t="s">
        <v>33177</v>
      </c>
      <c r="F9108">
        <v>4</v>
      </c>
      <c r="G9108" t="s">
        <v>10</v>
      </c>
      <c r="H9108" t="s">
        <v>18433</v>
      </c>
      <c r="I9108" t="s">
        <v>30540</v>
      </c>
    </row>
    <row r="9109" spans="1:9">
      <c r="A9109" s="1">
        <f ca="1">RAND()</f>
        <v>0.88276763887816057</v>
      </c>
      <c r="B9109" s="1"/>
      <c r="C9109">
        <v>2</v>
      </c>
      <c r="D9109" t="s">
        <v>18426</v>
      </c>
      <c r="E9109" t="s">
        <v>33177</v>
      </c>
      <c r="F9109">
        <v>4</v>
      </c>
      <c r="G9109" t="s">
        <v>1431</v>
      </c>
      <c r="H9109" t="s">
        <v>18427</v>
      </c>
      <c r="I9109" t="s">
        <v>30540</v>
      </c>
    </row>
    <row r="9110" spans="1:9">
      <c r="A9110" s="1">
        <f ca="1">RAND()</f>
        <v>0.92907469910930618</v>
      </c>
      <c r="B9110" s="1"/>
      <c r="C9110">
        <v>9</v>
      </c>
      <c r="D9110" t="s">
        <v>18428</v>
      </c>
      <c r="E9110" t="s">
        <v>33177</v>
      </c>
      <c r="F9110">
        <v>2</v>
      </c>
      <c r="G9110" t="s">
        <v>3732</v>
      </c>
      <c r="H9110" t="s">
        <v>18429</v>
      </c>
      <c r="I9110" t="s">
        <v>30540</v>
      </c>
    </row>
    <row r="9111" spans="1:9">
      <c r="A9111" s="1">
        <f ca="1">RAND()</f>
        <v>0.61132484652019869</v>
      </c>
      <c r="B9111" s="1"/>
      <c r="C9111">
        <v>14</v>
      </c>
      <c r="D9111" t="s">
        <v>18418</v>
      </c>
      <c r="E9111" t="s">
        <v>33178</v>
      </c>
      <c r="F9111">
        <v>4</v>
      </c>
      <c r="G9111" t="s">
        <v>1</v>
      </c>
      <c r="H9111" t="s">
        <v>18419</v>
      </c>
      <c r="I9111" t="s">
        <v>30540</v>
      </c>
    </row>
    <row r="9112" spans="1:9">
      <c r="A9112" s="1">
        <f ca="1">RAND()</f>
        <v>0.58660118712615383</v>
      </c>
      <c r="B9112" s="1"/>
      <c r="C9112">
        <v>18</v>
      </c>
      <c r="D9112" t="s">
        <v>18422</v>
      </c>
      <c r="E9112" t="s">
        <v>33178</v>
      </c>
      <c r="F9112">
        <v>4</v>
      </c>
      <c r="G9112" t="s">
        <v>14</v>
      </c>
      <c r="H9112" t="s">
        <v>18423</v>
      </c>
      <c r="I9112" t="s">
        <v>30540</v>
      </c>
    </row>
    <row r="9113" spans="1:9">
      <c r="A9113" s="1">
        <f ca="1">RAND()</f>
        <v>0.87999247379903112</v>
      </c>
      <c r="B9113" s="1"/>
      <c r="C9113">
        <v>5</v>
      </c>
      <c r="D9113" t="s">
        <v>18414</v>
      </c>
      <c r="E9113" t="s">
        <v>33178</v>
      </c>
      <c r="F9113">
        <v>3</v>
      </c>
      <c r="G9113" t="s">
        <v>9</v>
      </c>
      <c r="H9113" t="s">
        <v>18415</v>
      </c>
      <c r="I9113" t="s">
        <v>30540</v>
      </c>
    </row>
    <row r="9114" spans="1:9">
      <c r="A9114" s="1">
        <f ca="1">RAND()</f>
        <v>0.75605131016815208</v>
      </c>
      <c r="B9114" s="1"/>
      <c r="C9114">
        <v>10</v>
      </c>
      <c r="D9114" t="s">
        <v>18416</v>
      </c>
      <c r="E9114" t="s">
        <v>33178</v>
      </c>
      <c r="F9114">
        <v>2</v>
      </c>
      <c r="G9114" t="s">
        <v>14</v>
      </c>
      <c r="H9114" t="s">
        <v>18417</v>
      </c>
      <c r="I9114" t="s">
        <v>30540</v>
      </c>
    </row>
    <row r="9115" spans="1:9">
      <c r="A9115" s="1">
        <f ca="1">RAND()</f>
        <v>0.65166451733748321</v>
      </c>
      <c r="B9115" s="1"/>
      <c r="C9115">
        <v>17</v>
      </c>
      <c r="D9115" t="s">
        <v>18420</v>
      </c>
      <c r="E9115" t="s">
        <v>33178</v>
      </c>
      <c r="F9115">
        <v>2</v>
      </c>
      <c r="G9115" t="s">
        <v>14</v>
      </c>
      <c r="H9115" t="s">
        <v>18421</v>
      </c>
      <c r="I9115" t="s">
        <v>30540</v>
      </c>
    </row>
    <row r="9116" spans="1:9">
      <c r="A9116" s="1">
        <f ca="1">RAND()</f>
        <v>0.10630131257037068</v>
      </c>
      <c r="B9116" s="1"/>
      <c r="C9116">
        <v>11</v>
      </c>
      <c r="D9116" t="s">
        <v>18410</v>
      </c>
      <c r="E9116" t="s">
        <v>33179</v>
      </c>
      <c r="F9116">
        <v>5</v>
      </c>
      <c r="G9116" t="s">
        <v>13</v>
      </c>
      <c r="H9116" t="s">
        <v>18411</v>
      </c>
      <c r="I9116" t="s">
        <v>30540</v>
      </c>
    </row>
    <row r="9117" spans="1:9">
      <c r="A9117" s="1">
        <f ca="1">RAND()</f>
        <v>0.53441302066175667</v>
      </c>
      <c r="B9117" s="1"/>
      <c r="C9117">
        <v>9</v>
      </c>
      <c r="D9117" t="s">
        <v>18408</v>
      </c>
      <c r="E9117" t="s">
        <v>33179</v>
      </c>
      <c r="F9117">
        <v>5</v>
      </c>
      <c r="G9117" t="s">
        <v>14</v>
      </c>
      <c r="H9117" t="s">
        <v>18409</v>
      </c>
      <c r="I9117" t="s">
        <v>30540</v>
      </c>
    </row>
    <row r="9118" spans="1:9">
      <c r="A9118" s="1">
        <f ca="1">RAND()</f>
        <v>1.7682885367496515E-2</v>
      </c>
      <c r="B9118" s="1"/>
      <c r="C9118">
        <v>20</v>
      </c>
      <c r="D9118" t="s">
        <v>18412</v>
      </c>
      <c r="E9118" t="s">
        <v>33179</v>
      </c>
      <c r="F9118">
        <v>4</v>
      </c>
      <c r="G9118" t="s">
        <v>14</v>
      </c>
      <c r="H9118" t="s">
        <v>18413</v>
      </c>
      <c r="I9118" t="s">
        <v>30540</v>
      </c>
    </row>
    <row r="9119" spans="1:9">
      <c r="A9119" s="1">
        <f ca="1">RAND()</f>
        <v>0.90029627338690099</v>
      </c>
      <c r="B9119" s="1"/>
      <c r="C9119">
        <v>1</v>
      </c>
      <c r="D9119" t="s">
        <v>18406</v>
      </c>
      <c r="E9119" t="s">
        <v>33179</v>
      </c>
      <c r="F9119">
        <v>4</v>
      </c>
      <c r="G9119" t="s">
        <v>2</v>
      </c>
      <c r="H9119" t="s">
        <v>18407</v>
      </c>
      <c r="I9119" t="s">
        <v>30540</v>
      </c>
    </row>
    <row r="9120" spans="1:9">
      <c r="A9120" s="1">
        <f ca="1">RAND()</f>
        <v>3.8123930947047802E-2</v>
      </c>
      <c r="B9120" s="1"/>
      <c r="C9120">
        <v>15</v>
      </c>
      <c r="D9120" t="s">
        <v>18402</v>
      </c>
      <c r="E9120" t="s">
        <v>33180</v>
      </c>
      <c r="F9120">
        <v>5</v>
      </c>
      <c r="G9120" t="s">
        <v>14</v>
      </c>
      <c r="H9120" t="s">
        <v>18403</v>
      </c>
      <c r="I9120" t="s">
        <v>30540</v>
      </c>
    </row>
    <row r="9121" spans="1:9">
      <c r="A9121" s="1">
        <f ca="1">RAND()</f>
        <v>0.56993488608639054</v>
      </c>
      <c r="B9121" s="1"/>
      <c r="C9121">
        <v>18</v>
      </c>
      <c r="D9121" t="s">
        <v>18404</v>
      </c>
      <c r="E9121" t="s">
        <v>33180</v>
      </c>
      <c r="F9121">
        <v>5</v>
      </c>
      <c r="G9121" t="s">
        <v>0</v>
      </c>
      <c r="H9121" t="s">
        <v>18405</v>
      </c>
      <c r="I9121" t="s">
        <v>30540</v>
      </c>
    </row>
    <row r="9122" spans="1:9">
      <c r="A9122" s="1">
        <f ca="1">RAND()</f>
        <v>0.95691925712043846</v>
      </c>
      <c r="B9122" s="1"/>
      <c r="C9122">
        <v>3</v>
      </c>
      <c r="D9122" t="s">
        <v>18396</v>
      </c>
      <c r="E9122" t="s">
        <v>33180</v>
      </c>
      <c r="F9122">
        <v>4</v>
      </c>
      <c r="G9122" t="s">
        <v>15</v>
      </c>
      <c r="H9122" t="s">
        <v>18397</v>
      </c>
      <c r="I9122" t="s">
        <v>30540</v>
      </c>
    </row>
    <row r="9123" spans="1:9">
      <c r="A9123" s="1">
        <f ca="1">RAND()</f>
        <v>0.37201061437914751</v>
      </c>
      <c r="B9123" s="1"/>
      <c r="C9123">
        <v>7</v>
      </c>
      <c r="D9123" t="s">
        <v>18398</v>
      </c>
      <c r="E9123" t="s">
        <v>33180</v>
      </c>
      <c r="F9123">
        <v>2</v>
      </c>
      <c r="G9123" t="s">
        <v>14</v>
      </c>
      <c r="H9123" t="s">
        <v>18399</v>
      </c>
      <c r="I9123" t="s">
        <v>30540</v>
      </c>
    </row>
    <row r="9124" spans="1:9">
      <c r="A9124" s="1">
        <f ca="1">RAND()</f>
        <v>0.1706994110311556</v>
      </c>
      <c r="B9124" s="1"/>
      <c r="C9124">
        <v>12</v>
      </c>
      <c r="D9124" t="s">
        <v>18400</v>
      </c>
      <c r="E9124" t="s">
        <v>33180</v>
      </c>
      <c r="F9124">
        <v>2</v>
      </c>
      <c r="G9124" t="s">
        <v>13</v>
      </c>
      <c r="H9124" t="s">
        <v>18401</v>
      </c>
      <c r="I9124" t="s">
        <v>30540</v>
      </c>
    </row>
    <row r="9125" spans="1:9">
      <c r="A9125" s="1">
        <f ca="1">RAND()</f>
        <v>0.9133606929053778</v>
      </c>
      <c r="B9125" s="1"/>
      <c r="C9125">
        <v>15</v>
      </c>
      <c r="D9125" t="s">
        <v>18390</v>
      </c>
      <c r="E9125" t="s">
        <v>33181</v>
      </c>
      <c r="F9125">
        <v>5</v>
      </c>
      <c r="G9125" t="s">
        <v>9</v>
      </c>
      <c r="H9125" t="s">
        <v>18391</v>
      </c>
      <c r="I9125" t="s">
        <v>30540</v>
      </c>
    </row>
    <row r="9126" spans="1:9">
      <c r="A9126" s="1">
        <f ca="1">RAND()</f>
        <v>0.2178157924432601</v>
      </c>
      <c r="B9126" s="1"/>
      <c r="C9126">
        <v>7</v>
      </c>
      <c r="D9126" t="s">
        <v>18384</v>
      </c>
      <c r="E9126" t="s">
        <v>33181</v>
      </c>
      <c r="F9126">
        <v>5</v>
      </c>
      <c r="G9126" t="s">
        <v>14</v>
      </c>
      <c r="H9126" t="s">
        <v>18385</v>
      </c>
      <c r="I9126" t="s">
        <v>30540</v>
      </c>
    </row>
    <row r="9127" spans="1:9">
      <c r="A9127" s="1">
        <f ca="1">RAND()</f>
        <v>0.19691049085879853</v>
      </c>
      <c r="B9127" s="1"/>
      <c r="C9127">
        <v>8</v>
      </c>
      <c r="D9127" t="s">
        <v>18386</v>
      </c>
      <c r="E9127" t="s">
        <v>33181</v>
      </c>
      <c r="F9127">
        <v>4</v>
      </c>
      <c r="G9127" t="s">
        <v>14</v>
      </c>
      <c r="H9127" t="s">
        <v>18387</v>
      </c>
      <c r="I9127" t="s">
        <v>30540</v>
      </c>
    </row>
    <row r="9128" spans="1:9">
      <c r="A9128" s="1">
        <f ca="1">RAND()</f>
        <v>5.9206657431001286E-3</v>
      </c>
      <c r="B9128" s="1"/>
      <c r="C9128">
        <v>18</v>
      </c>
      <c r="D9128" t="s">
        <v>18394</v>
      </c>
      <c r="E9128" t="s">
        <v>33181</v>
      </c>
      <c r="F9128">
        <v>4</v>
      </c>
      <c r="G9128" t="s">
        <v>13</v>
      </c>
      <c r="H9128" t="s">
        <v>18395</v>
      </c>
      <c r="I9128" t="s">
        <v>30540</v>
      </c>
    </row>
    <row r="9129" spans="1:9">
      <c r="A9129" s="1">
        <f ca="1">RAND()</f>
        <v>0.72325298307957198</v>
      </c>
      <c r="B9129" s="1"/>
      <c r="C9129">
        <v>17</v>
      </c>
      <c r="D9129" t="s">
        <v>18392</v>
      </c>
      <c r="E9129" t="s">
        <v>33181</v>
      </c>
      <c r="F9129">
        <v>4</v>
      </c>
      <c r="G9129" t="s">
        <v>1</v>
      </c>
      <c r="H9129" t="s">
        <v>18393</v>
      </c>
      <c r="I9129" t="s">
        <v>30540</v>
      </c>
    </row>
    <row r="9130" spans="1:9">
      <c r="A9130" s="1">
        <f ca="1">RAND()</f>
        <v>0.8250921573036667</v>
      </c>
      <c r="B9130" s="1"/>
      <c r="C9130">
        <v>6</v>
      </c>
      <c r="D9130" t="s">
        <v>18382</v>
      </c>
      <c r="E9130" t="s">
        <v>33181</v>
      </c>
      <c r="F9130">
        <v>3</v>
      </c>
      <c r="G9130" t="s">
        <v>10</v>
      </c>
      <c r="H9130" t="s">
        <v>18383</v>
      </c>
      <c r="I9130" t="s">
        <v>30540</v>
      </c>
    </row>
    <row r="9131" spans="1:9">
      <c r="A9131" s="1">
        <f ca="1">RAND()</f>
        <v>0.48264618216844868</v>
      </c>
      <c r="B9131" s="1"/>
      <c r="C9131">
        <v>9</v>
      </c>
      <c r="D9131" t="s">
        <v>18388</v>
      </c>
      <c r="E9131" t="s">
        <v>33181</v>
      </c>
      <c r="F9131">
        <v>2</v>
      </c>
      <c r="G9131" t="s">
        <v>13</v>
      </c>
      <c r="H9131" t="s">
        <v>18389</v>
      </c>
      <c r="I9131" t="s">
        <v>30540</v>
      </c>
    </row>
    <row r="9132" spans="1:9">
      <c r="A9132" s="1">
        <f ca="1">RAND()</f>
        <v>0.4482048189120954</v>
      </c>
      <c r="B9132" s="1"/>
      <c r="C9132">
        <v>19</v>
      </c>
      <c r="D9132" t="s">
        <v>18380</v>
      </c>
      <c r="E9132" t="s">
        <v>33182</v>
      </c>
      <c r="F9132">
        <v>4</v>
      </c>
      <c r="G9132" t="s">
        <v>14</v>
      </c>
      <c r="H9132" t="s">
        <v>18381</v>
      </c>
      <c r="I9132" t="s">
        <v>30540</v>
      </c>
    </row>
    <row r="9133" spans="1:9">
      <c r="A9133" s="1">
        <f ca="1">RAND()</f>
        <v>0.94676236001084324</v>
      </c>
      <c r="B9133" s="1"/>
      <c r="C9133">
        <v>7</v>
      </c>
      <c r="D9133" t="s">
        <v>18376</v>
      </c>
      <c r="E9133" t="s">
        <v>33182</v>
      </c>
      <c r="F9133">
        <v>4</v>
      </c>
      <c r="G9133" t="s">
        <v>762</v>
      </c>
      <c r="H9133" t="s">
        <v>18377</v>
      </c>
      <c r="I9133" t="s">
        <v>30540</v>
      </c>
    </row>
    <row r="9134" spans="1:9">
      <c r="A9134" s="1">
        <f ca="1">RAND()</f>
        <v>2.1884141377491062E-2</v>
      </c>
      <c r="B9134" s="1"/>
      <c r="C9134">
        <v>8</v>
      </c>
      <c r="D9134" t="s">
        <v>18378</v>
      </c>
      <c r="E9134" t="s">
        <v>33182</v>
      </c>
      <c r="F9134">
        <v>4</v>
      </c>
      <c r="G9134" t="s">
        <v>1431</v>
      </c>
      <c r="H9134" t="s">
        <v>18379</v>
      </c>
      <c r="I9134" t="s">
        <v>30540</v>
      </c>
    </row>
    <row r="9135" spans="1:9">
      <c r="A9135" s="1">
        <f ca="1">RAND()</f>
        <v>0.30702066784494053</v>
      </c>
      <c r="B9135" s="1"/>
      <c r="C9135">
        <v>16</v>
      </c>
      <c r="D9135" t="s">
        <v>18374</v>
      </c>
      <c r="E9135" t="s">
        <v>33183</v>
      </c>
      <c r="F9135">
        <v>5</v>
      </c>
      <c r="G9135" t="s">
        <v>1</v>
      </c>
      <c r="H9135" t="s">
        <v>18375</v>
      </c>
      <c r="I9135" t="s">
        <v>30540</v>
      </c>
    </row>
    <row r="9136" spans="1:9">
      <c r="A9136" s="1">
        <f ca="1">RAND()</f>
        <v>0.97501885309802194</v>
      </c>
      <c r="B9136" s="1"/>
      <c r="C9136">
        <v>12</v>
      </c>
      <c r="D9136" t="s">
        <v>18370</v>
      </c>
      <c r="E9136" t="s">
        <v>33183</v>
      </c>
      <c r="F9136">
        <v>4</v>
      </c>
      <c r="G9136" t="s">
        <v>14</v>
      </c>
      <c r="H9136" t="s">
        <v>18371</v>
      </c>
      <c r="I9136" t="s">
        <v>30540</v>
      </c>
    </row>
    <row r="9137" spans="1:9">
      <c r="A9137" s="1">
        <f ca="1">RAND()</f>
        <v>0.29882514884026035</v>
      </c>
      <c r="B9137" s="1"/>
      <c r="C9137">
        <v>4</v>
      </c>
      <c r="D9137" t="s">
        <v>18368</v>
      </c>
      <c r="E9137" t="s">
        <v>33183</v>
      </c>
      <c r="F9137">
        <v>4</v>
      </c>
      <c r="G9137" t="s">
        <v>14</v>
      </c>
      <c r="H9137" t="s">
        <v>18369</v>
      </c>
      <c r="I9137" t="s">
        <v>30540</v>
      </c>
    </row>
    <row r="9138" spans="1:9">
      <c r="A9138" s="1">
        <f ca="1">RAND()</f>
        <v>0.11094591726790182</v>
      </c>
      <c r="B9138" s="1"/>
      <c r="C9138">
        <v>13</v>
      </c>
      <c r="D9138" t="s">
        <v>18372</v>
      </c>
      <c r="E9138" t="s">
        <v>33183</v>
      </c>
      <c r="F9138">
        <v>2</v>
      </c>
      <c r="G9138" t="s">
        <v>14</v>
      </c>
      <c r="H9138" t="s">
        <v>18373</v>
      </c>
      <c r="I9138" t="s">
        <v>30540</v>
      </c>
    </row>
    <row r="9139" spans="1:9">
      <c r="A9139" s="1">
        <f ca="1">RAND()</f>
        <v>0.69900683861453716</v>
      </c>
      <c r="B9139" s="1"/>
      <c r="C9139">
        <v>1</v>
      </c>
      <c r="D9139" t="s">
        <v>18354</v>
      </c>
      <c r="E9139" t="s">
        <v>33184</v>
      </c>
      <c r="F9139">
        <v>5</v>
      </c>
      <c r="G9139" t="s">
        <v>2</v>
      </c>
      <c r="H9139" t="s">
        <v>18355</v>
      </c>
      <c r="I9139" t="s">
        <v>30540</v>
      </c>
    </row>
    <row r="9140" spans="1:9">
      <c r="A9140" s="1">
        <f ca="1">RAND()</f>
        <v>0.32641678472413926</v>
      </c>
      <c r="B9140" s="1"/>
      <c r="C9140">
        <v>18</v>
      </c>
      <c r="D9140" t="s">
        <v>18366</v>
      </c>
      <c r="E9140" t="s">
        <v>33184</v>
      </c>
      <c r="F9140">
        <v>5</v>
      </c>
      <c r="G9140" t="s">
        <v>13</v>
      </c>
      <c r="H9140" t="s">
        <v>18367</v>
      </c>
      <c r="I9140" t="s">
        <v>30540</v>
      </c>
    </row>
    <row r="9141" spans="1:9">
      <c r="A9141" s="1">
        <f ca="1">RAND()</f>
        <v>7.251441799551861E-2</v>
      </c>
      <c r="B9141" s="1"/>
      <c r="C9141">
        <v>4</v>
      </c>
      <c r="D9141" t="s">
        <v>18360</v>
      </c>
      <c r="E9141" t="s">
        <v>33184</v>
      </c>
      <c r="F9141">
        <v>5</v>
      </c>
      <c r="G9141" t="s">
        <v>0</v>
      </c>
      <c r="H9141" t="s">
        <v>18361</v>
      </c>
      <c r="I9141" t="s">
        <v>30540</v>
      </c>
    </row>
    <row r="9142" spans="1:9">
      <c r="A9142" s="1">
        <f ca="1">RAND()</f>
        <v>0.37360921146077986</v>
      </c>
      <c r="B9142" s="1"/>
      <c r="C9142">
        <v>2</v>
      </c>
      <c r="D9142" t="s">
        <v>18356</v>
      </c>
      <c r="E9142" t="s">
        <v>33184</v>
      </c>
      <c r="F9142">
        <v>3</v>
      </c>
      <c r="G9142" t="s">
        <v>10</v>
      </c>
      <c r="H9142" t="s">
        <v>18357</v>
      </c>
      <c r="I9142" t="s">
        <v>30540</v>
      </c>
    </row>
    <row r="9143" spans="1:9">
      <c r="A9143" s="1">
        <f ca="1">RAND()</f>
        <v>0.40828344240336056</v>
      </c>
      <c r="B9143" s="1"/>
      <c r="C9143">
        <v>17</v>
      </c>
      <c r="D9143" t="s">
        <v>18364</v>
      </c>
      <c r="E9143" t="s">
        <v>33184</v>
      </c>
      <c r="F9143">
        <v>3</v>
      </c>
      <c r="G9143" t="s">
        <v>14</v>
      </c>
      <c r="H9143" t="s">
        <v>18365</v>
      </c>
      <c r="I9143" t="s">
        <v>30540</v>
      </c>
    </row>
    <row r="9144" spans="1:9">
      <c r="A9144" s="1">
        <f ca="1">RAND()</f>
        <v>0.59466035214579493</v>
      </c>
      <c r="B9144" s="1"/>
      <c r="C9144">
        <v>7</v>
      </c>
      <c r="D9144" t="s">
        <v>18362</v>
      </c>
      <c r="E9144" t="s">
        <v>33184</v>
      </c>
      <c r="F9144">
        <v>2</v>
      </c>
      <c r="G9144" t="s">
        <v>15</v>
      </c>
      <c r="H9144" t="s">
        <v>18363</v>
      </c>
      <c r="I9144" t="s">
        <v>30540</v>
      </c>
    </row>
    <row r="9145" spans="1:9">
      <c r="A9145" s="1">
        <f ca="1">RAND()</f>
        <v>0.58459251149802438</v>
      </c>
      <c r="B9145" s="1"/>
      <c r="C9145">
        <v>3</v>
      </c>
      <c r="D9145" t="s">
        <v>18358</v>
      </c>
      <c r="E9145" t="s">
        <v>33184</v>
      </c>
      <c r="F9145">
        <v>2</v>
      </c>
      <c r="G9145" t="s">
        <v>13</v>
      </c>
      <c r="H9145" t="s">
        <v>18359</v>
      </c>
      <c r="I9145" t="s">
        <v>30540</v>
      </c>
    </row>
    <row r="9146" spans="1:9">
      <c r="A9146" s="1">
        <f ca="1">RAND()</f>
        <v>0.91031217633032513</v>
      </c>
      <c r="B9146" s="1"/>
      <c r="C9146">
        <v>7</v>
      </c>
      <c r="D9146" t="s">
        <v>18352</v>
      </c>
      <c r="E9146" t="s">
        <v>33185</v>
      </c>
      <c r="F9146">
        <v>4</v>
      </c>
      <c r="G9146" t="s">
        <v>14</v>
      </c>
      <c r="H9146" t="s">
        <v>18353</v>
      </c>
      <c r="I9146" t="s">
        <v>30540</v>
      </c>
    </row>
    <row r="9147" spans="1:9">
      <c r="A9147" s="1">
        <f ca="1">RAND()</f>
        <v>8.0343999559163715E-2</v>
      </c>
      <c r="B9147" s="1"/>
      <c r="C9147">
        <v>5</v>
      </c>
      <c r="D9147" t="s">
        <v>18346</v>
      </c>
      <c r="E9147" t="s">
        <v>33186</v>
      </c>
      <c r="F9147">
        <v>5</v>
      </c>
      <c r="G9147" t="s">
        <v>14</v>
      </c>
      <c r="H9147" t="s">
        <v>18347</v>
      </c>
      <c r="I9147" t="s">
        <v>30540</v>
      </c>
    </row>
    <row r="9148" spans="1:9">
      <c r="A9148" s="1">
        <f ca="1">RAND()</f>
        <v>0.70969991445126612</v>
      </c>
      <c r="B9148" s="1"/>
      <c r="C9148">
        <v>12</v>
      </c>
      <c r="D9148" t="s">
        <v>18350</v>
      </c>
      <c r="E9148" t="s">
        <v>33186</v>
      </c>
      <c r="F9148">
        <v>4</v>
      </c>
      <c r="G9148" t="s">
        <v>14</v>
      </c>
      <c r="H9148" t="s">
        <v>18351</v>
      </c>
      <c r="I9148" t="s">
        <v>30540</v>
      </c>
    </row>
    <row r="9149" spans="1:9">
      <c r="A9149" s="1">
        <f ca="1">RAND()</f>
        <v>0.84303687521062043</v>
      </c>
      <c r="B9149" s="1"/>
      <c r="C9149">
        <v>10</v>
      </c>
      <c r="D9149" t="s">
        <v>18348</v>
      </c>
      <c r="E9149" t="s">
        <v>33186</v>
      </c>
      <c r="F9149">
        <v>4</v>
      </c>
      <c r="G9149" t="s">
        <v>9</v>
      </c>
      <c r="H9149" t="s">
        <v>18349</v>
      </c>
      <c r="I9149" t="s">
        <v>30540</v>
      </c>
    </row>
    <row r="9150" spans="1:9">
      <c r="A9150" s="1">
        <f ca="1">RAND()</f>
        <v>5.933151731571118E-2</v>
      </c>
      <c r="B9150" s="1"/>
      <c r="C9150">
        <v>15</v>
      </c>
      <c r="D9150" t="s">
        <v>18340</v>
      </c>
      <c r="E9150" t="s">
        <v>33187</v>
      </c>
      <c r="F9150">
        <v>5</v>
      </c>
      <c r="G9150" t="s">
        <v>14</v>
      </c>
      <c r="H9150" t="s">
        <v>18341</v>
      </c>
      <c r="I9150" t="s">
        <v>30540</v>
      </c>
    </row>
    <row r="9151" spans="1:9">
      <c r="A9151" s="1">
        <f ca="1">RAND()</f>
        <v>0.4290278431859923</v>
      </c>
      <c r="B9151" s="1"/>
      <c r="C9151">
        <v>19</v>
      </c>
      <c r="D9151" t="s">
        <v>18344</v>
      </c>
      <c r="E9151" t="s">
        <v>33187</v>
      </c>
      <c r="F9151">
        <v>5</v>
      </c>
      <c r="G9151" t="s">
        <v>14</v>
      </c>
      <c r="H9151" t="s">
        <v>18345</v>
      </c>
      <c r="I9151" t="s">
        <v>30540</v>
      </c>
    </row>
    <row r="9152" spans="1:9">
      <c r="A9152" s="1">
        <f ca="1">RAND()</f>
        <v>0.78139991395824948</v>
      </c>
      <c r="B9152" s="1"/>
      <c r="C9152">
        <v>17</v>
      </c>
      <c r="D9152" t="s">
        <v>18342</v>
      </c>
      <c r="E9152" t="s">
        <v>33187</v>
      </c>
      <c r="F9152">
        <v>4</v>
      </c>
      <c r="G9152" t="s">
        <v>0</v>
      </c>
      <c r="H9152" t="s">
        <v>18343</v>
      </c>
      <c r="I9152" t="s">
        <v>30540</v>
      </c>
    </row>
    <row r="9153" spans="1:9">
      <c r="A9153" s="1">
        <f ca="1">RAND()</f>
        <v>0.45180831230118923</v>
      </c>
      <c r="B9153" s="1"/>
      <c r="C9153">
        <v>11</v>
      </c>
      <c r="D9153" t="s">
        <v>18338</v>
      </c>
      <c r="E9153" t="s">
        <v>33187</v>
      </c>
      <c r="F9153">
        <v>4</v>
      </c>
      <c r="G9153" t="s">
        <v>14</v>
      </c>
      <c r="H9153" t="s">
        <v>18339</v>
      </c>
      <c r="I9153" t="s">
        <v>30540</v>
      </c>
    </row>
    <row r="9154" spans="1:9">
      <c r="A9154" s="1">
        <f ca="1">RAND()</f>
        <v>0.2853177761208151</v>
      </c>
      <c r="B9154" s="1"/>
      <c r="C9154">
        <v>19</v>
      </c>
      <c r="D9154" t="s">
        <v>18334</v>
      </c>
      <c r="E9154" t="s">
        <v>33188</v>
      </c>
      <c r="F9154">
        <v>5</v>
      </c>
      <c r="G9154" t="s">
        <v>10</v>
      </c>
      <c r="H9154" t="s">
        <v>18335</v>
      </c>
      <c r="I9154" t="s">
        <v>30540</v>
      </c>
    </row>
    <row r="9155" spans="1:9">
      <c r="A9155" s="1">
        <f ca="1">RAND()</f>
        <v>0.5371267389030977</v>
      </c>
      <c r="B9155" s="1"/>
      <c r="C9155">
        <v>11</v>
      </c>
      <c r="D9155" t="s">
        <v>18328</v>
      </c>
      <c r="E9155" t="s">
        <v>33188</v>
      </c>
      <c r="F9155">
        <v>4</v>
      </c>
      <c r="G9155" t="s">
        <v>0</v>
      </c>
      <c r="H9155" t="s">
        <v>18329</v>
      </c>
      <c r="I9155" t="s">
        <v>30540</v>
      </c>
    </row>
    <row r="9156" spans="1:9">
      <c r="A9156" s="1">
        <f ca="1">RAND()</f>
        <v>3.61320890234198E-2</v>
      </c>
      <c r="B9156" s="1"/>
      <c r="C9156">
        <v>2</v>
      </c>
      <c r="D9156" t="s">
        <v>18324</v>
      </c>
      <c r="E9156" t="s">
        <v>33188</v>
      </c>
      <c r="F9156">
        <v>4</v>
      </c>
      <c r="G9156" t="s">
        <v>9</v>
      </c>
      <c r="H9156" t="s">
        <v>18325</v>
      </c>
      <c r="I9156" t="s">
        <v>30540</v>
      </c>
    </row>
    <row r="9157" spans="1:9">
      <c r="A9157" s="1">
        <f ca="1">RAND()</f>
        <v>0.99044586298846771</v>
      </c>
      <c r="B9157" s="1"/>
      <c r="C9157">
        <v>12</v>
      </c>
      <c r="D9157" t="s">
        <v>18330</v>
      </c>
      <c r="E9157" t="s">
        <v>33188</v>
      </c>
      <c r="F9157">
        <v>4</v>
      </c>
      <c r="G9157" t="s">
        <v>10</v>
      </c>
      <c r="H9157" t="s">
        <v>18331</v>
      </c>
      <c r="I9157" t="s">
        <v>30540</v>
      </c>
    </row>
    <row r="9158" spans="1:9">
      <c r="A9158" s="1">
        <f ca="1">RAND()</f>
        <v>0.66474397044810163</v>
      </c>
      <c r="B9158" s="1"/>
      <c r="C9158">
        <v>10</v>
      </c>
      <c r="D9158" t="s">
        <v>18326</v>
      </c>
      <c r="E9158" t="s">
        <v>33188</v>
      </c>
      <c r="F9158">
        <v>4</v>
      </c>
      <c r="G9158" t="s">
        <v>10</v>
      </c>
      <c r="H9158" t="s">
        <v>18327</v>
      </c>
      <c r="I9158" t="s">
        <v>30540</v>
      </c>
    </row>
    <row r="9159" spans="1:9">
      <c r="A9159" s="1">
        <f ca="1">RAND()</f>
        <v>0.81407094057153706</v>
      </c>
      <c r="B9159" s="1"/>
      <c r="C9159">
        <v>13</v>
      </c>
      <c r="D9159" t="s">
        <v>18332</v>
      </c>
      <c r="E9159" t="s">
        <v>33188</v>
      </c>
      <c r="F9159">
        <v>4</v>
      </c>
      <c r="G9159" t="s">
        <v>10</v>
      </c>
      <c r="H9159" t="s">
        <v>18333</v>
      </c>
      <c r="I9159" t="s">
        <v>30540</v>
      </c>
    </row>
    <row r="9160" spans="1:9">
      <c r="A9160" s="1">
        <f ca="1">RAND()</f>
        <v>0.83211106838594173</v>
      </c>
      <c r="B9160" s="1"/>
      <c r="C9160">
        <v>20</v>
      </c>
      <c r="D9160" t="s">
        <v>18336</v>
      </c>
      <c r="E9160" t="s">
        <v>33188</v>
      </c>
      <c r="F9160">
        <v>3</v>
      </c>
      <c r="G9160" t="s">
        <v>13</v>
      </c>
      <c r="H9160" t="s">
        <v>18337</v>
      </c>
      <c r="I9160" t="s">
        <v>30540</v>
      </c>
    </row>
    <row r="9161" spans="1:9">
      <c r="A9161" s="1">
        <f ca="1">RAND()</f>
        <v>0.2451760507142513</v>
      </c>
      <c r="B9161" s="1"/>
      <c r="C9161">
        <v>14</v>
      </c>
      <c r="D9161" t="s">
        <v>18316</v>
      </c>
      <c r="E9161" t="s">
        <v>33189</v>
      </c>
      <c r="F9161">
        <v>4</v>
      </c>
      <c r="G9161" t="s">
        <v>14</v>
      </c>
      <c r="H9161" t="s">
        <v>18317</v>
      </c>
      <c r="I9161" t="s">
        <v>30540</v>
      </c>
    </row>
    <row r="9162" spans="1:9">
      <c r="A9162" s="1">
        <f ca="1">RAND()</f>
        <v>0.247747524992327</v>
      </c>
      <c r="B9162" s="1"/>
      <c r="C9162">
        <v>15</v>
      </c>
      <c r="D9162" t="s">
        <v>18318</v>
      </c>
      <c r="E9162" t="s">
        <v>33189</v>
      </c>
      <c r="F9162">
        <v>4</v>
      </c>
      <c r="G9162" t="s">
        <v>14</v>
      </c>
      <c r="H9162" t="s">
        <v>18319</v>
      </c>
      <c r="I9162" t="s">
        <v>30540</v>
      </c>
    </row>
    <row r="9163" spans="1:9">
      <c r="A9163" s="1">
        <f ca="1">RAND()</f>
        <v>0.29704257548268687</v>
      </c>
      <c r="B9163" s="1"/>
      <c r="C9163">
        <v>10</v>
      </c>
      <c r="D9163" t="s">
        <v>18310</v>
      </c>
      <c r="E9163" t="s">
        <v>33189</v>
      </c>
      <c r="F9163">
        <v>4</v>
      </c>
      <c r="G9163" t="s">
        <v>14</v>
      </c>
      <c r="H9163" t="s">
        <v>18311</v>
      </c>
      <c r="I9163" t="s">
        <v>30540</v>
      </c>
    </row>
    <row r="9164" spans="1:9">
      <c r="A9164" s="1">
        <f ca="1">RAND()</f>
        <v>0.21068629338433842</v>
      </c>
      <c r="B9164" s="1"/>
      <c r="C9164">
        <v>20</v>
      </c>
      <c r="D9164" t="s">
        <v>18322</v>
      </c>
      <c r="E9164" t="s">
        <v>33189</v>
      </c>
      <c r="F9164">
        <v>4</v>
      </c>
      <c r="G9164" t="s">
        <v>14</v>
      </c>
      <c r="H9164" t="s">
        <v>18323</v>
      </c>
      <c r="I9164" t="s">
        <v>30540</v>
      </c>
    </row>
    <row r="9165" spans="1:9">
      <c r="A9165" s="1">
        <f ca="1">RAND()</f>
        <v>0.80825777851901692</v>
      </c>
      <c r="B9165" s="1"/>
      <c r="C9165">
        <v>12</v>
      </c>
      <c r="D9165" t="s">
        <v>18314</v>
      </c>
      <c r="E9165" t="s">
        <v>33189</v>
      </c>
      <c r="F9165">
        <v>4</v>
      </c>
      <c r="G9165" t="s">
        <v>14</v>
      </c>
      <c r="H9165" t="s">
        <v>18315</v>
      </c>
      <c r="I9165" t="s">
        <v>30540</v>
      </c>
    </row>
    <row r="9166" spans="1:9">
      <c r="A9166" s="1">
        <f ca="1">RAND()</f>
        <v>0.58153775485576065</v>
      </c>
      <c r="B9166" s="1"/>
      <c r="C9166">
        <v>3</v>
      </c>
      <c r="D9166" t="s">
        <v>18308</v>
      </c>
      <c r="E9166" t="s">
        <v>33189</v>
      </c>
      <c r="F9166">
        <v>4</v>
      </c>
      <c r="G9166" t="s">
        <v>9</v>
      </c>
      <c r="H9166" t="s">
        <v>18309</v>
      </c>
      <c r="I9166" t="s">
        <v>30540</v>
      </c>
    </row>
    <row r="9167" spans="1:9">
      <c r="A9167" s="1">
        <f ca="1">RAND()</f>
        <v>0.52005982340650836</v>
      </c>
      <c r="B9167" s="1"/>
      <c r="C9167">
        <v>18</v>
      </c>
      <c r="D9167" t="s">
        <v>18320</v>
      </c>
      <c r="E9167" t="s">
        <v>33189</v>
      </c>
      <c r="F9167">
        <v>4</v>
      </c>
      <c r="G9167" t="s">
        <v>1</v>
      </c>
      <c r="H9167" t="s">
        <v>18321</v>
      </c>
      <c r="I9167" t="s">
        <v>30540</v>
      </c>
    </row>
    <row r="9168" spans="1:9">
      <c r="A9168" s="1">
        <f ca="1">RAND()</f>
        <v>9.7652660653872903E-2</v>
      </c>
      <c r="B9168" s="1"/>
      <c r="C9168">
        <v>11</v>
      </c>
      <c r="D9168" t="s">
        <v>18312</v>
      </c>
      <c r="E9168" t="s">
        <v>33189</v>
      </c>
      <c r="F9168">
        <v>3</v>
      </c>
      <c r="G9168" t="s">
        <v>1</v>
      </c>
      <c r="H9168" t="s">
        <v>18313</v>
      </c>
      <c r="I9168" t="s">
        <v>30540</v>
      </c>
    </row>
    <row r="9169" spans="1:9">
      <c r="A9169" s="1">
        <f ca="1">RAND()</f>
        <v>0.54138364422662577</v>
      </c>
      <c r="B9169" s="1"/>
      <c r="C9169">
        <v>11</v>
      </c>
      <c r="D9169" t="s">
        <v>18300</v>
      </c>
      <c r="E9169" t="s">
        <v>33190</v>
      </c>
      <c r="F9169">
        <v>5</v>
      </c>
      <c r="G9169" t="s">
        <v>0</v>
      </c>
      <c r="H9169" t="s">
        <v>18301</v>
      </c>
      <c r="I9169" t="s">
        <v>30540</v>
      </c>
    </row>
    <row r="9170" spans="1:9">
      <c r="A9170" s="1">
        <f ca="1">RAND()</f>
        <v>9.9037895000008147E-3</v>
      </c>
      <c r="B9170" s="1"/>
      <c r="C9170">
        <v>5</v>
      </c>
      <c r="D9170" t="s">
        <v>18296</v>
      </c>
      <c r="E9170" t="s">
        <v>33190</v>
      </c>
      <c r="F9170">
        <v>4</v>
      </c>
      <c r="G9170" t="s">
        <v>10</v>
      </c>
      <c r="H9170" t="s">
        <v>18297</v>
      </c>
      <c r="I9170" t="s">
        <v>30540</v>
      </c>
    </row>
    <row r="9171" spans="1:9">
      <c r="A9171" s="1">
        <f ca="1">RAND()</f>
        <v>0.24863372108327064</v>
      </c>
      <c r="B9171" s="1"/>
      <c r="C9171">
        <v>14</v>
      </c>
      <c r="D9171" t="s">
        <v>18304</v>
      </c>
      <c r="E9171" t="s">
        <v>33190</v>
      </c>
      <c r="F9171">
        <v>4</v>
      </c>
      <c r="G9171" t="s">
        <v>1</v>
      </c>
      <c r="H9171" t="s">
        <v>18305</v>
      </c>
      <c r="I9171" t="s">
        <v>30540</v>
      </c>
    </row>
    <row r="9172" spans="1:9">
      <c r="A9172" s="1">
        <f ca="1">RAND()</f>
        <v>0.5590926514149539</v>
      </c>
      <c r="B9172" s="1"/>
      <c r="C9172">
        <v>16</v>
      </c>
      <c r="D9172" t="s">
        <v>18306</v>
      </c>
      <c r="E9172" t="s">
        <v>33190</v>
      </c>
      <c r="F9172">
        <v>4</v>
      </c>
      <c r="G9172" t="s">
        <v>10</v>
      </c>
      <c r="H9172" t="s">
        <v>18307</v>
      </c>
      <c r="I9172" t="s">
        <v>30540</v>
      </c>
    </row>
    <row r="9173" spans="1:9">
      <c r="A9173" s="1">
        <f ca="1">RAND()</f>
        <v>0.61829445821782147</v>
      </c>
      <c r="B9173" s="1"/>
      <c r="C9173">
        <v>8</v>
      </c>
      <c r="D9173" t="s">
        <v>18298</v>
      </c>
      <c r="E9173" t="s">
        <v>33190</v>
      </c>
      <c r="F9173">
        <v>3</v>
      </c>
      <c r="G9173" t="s">
        <v>10</v>
      </c>
      <c r="H9173" t="s">
        <v>18299</v>
      </c>
      <c r="I9173" t="s">
        <v>30540</v>
      </c>
    </row>
    <row r="9174" spans="1:9">
      <c r="A9174" s="1">
        <f ca="1">RAND()</f>
        <v>0.52469053706460667</v>
      </c>
      <c r="B9174" s="1"/>
      <c r="C9174">
        <v>12</v>
      </c>
      <c r="D9174" t="s">
        <v>18302</v>
      </c>
      <c r="E9174" t="s">
        <v>33190</v>
      </c>
      <c r="F9174">
        <v>2</v>
      </c>
      <c r="G9174" t="s">
        <v>10</v>
      </c>
      <c r="H9174" t="s">
        <v>18303</v>
      </c>
      <c r="I9174" t="s">
        <v>30540</v>
      </c>
    </row>
    <row r="9175" spans="1:9">
      <c r="A9175" s="1">
        <f ca="1">RAND()</f>
        <v>0.61237175924384679</v>
      </c>
      <c r="B9175" s="1"/>
      <c r="C9175">
        <v>17</v>
      </c>
      <c r="D9175" t="s">
        <v>18292</v>
      </c>
      <c r="E9175" t="s">
        <v>33191</v>
      </c>
      <c r="F9175">
        <v>5</v>
      </c>
      <c r="G9175" t="s">
        <v>14</v>
      </c>
      <c r="H9175" t="s">
        <v>18293</v>
      </c>
      <c r="I9175" t="s">
        <v>30540</v>
      </c>
    </row>
    <row r="9176" spans="1:9">
      <c r="A9176" s="1">
        <f ca="1">RAND()</f>
        <v>0.55678432532522271</v>
      </c>
      <c r="B9176" s="1"/>
      <c r="C9176">
        <v>20</v>
      </c>
      <c r="D9176" t="s">
        <v>18294</v>
      </c>
      <c r="E9176" t="s">
        <v>33191</v>
      </c>
      <c r="F9176">
        <v>4</v>
      </c>
      <c r="G9176" t="s">
        <v>2738</v>
      </c>
      <c r="H9176" t="s">
        <v>18295</v>
      </c>
      <c r="I9176" t="s">
        <v>30540</v>
      </c>
    </row>
    <row r="9177" spans="1:9">
      <c r="A9177" s="1">
        <f ca="1">RAND()</f>
        <v>0.36955668903223227</v>
      </c>
      <c r="B9177" s="1"/>
      <c r="C9177">
        <v>6</v>
      </c>
      <c r="D9177" t="s">
        <v>18290</v>
      </c>
      <c r="E9177" t="s">
        <v>33191</v>
      </c>
      <c r="F9177">
        <v>2</v>
      </c>
      <c r="G9177" t="s">
        <v>1</v>
      </c>
      <c r="H9177" t="s">
        <v>18291</v>
      </c>
      <c r="I9177" t="s">
        <v>30540</v>
      </c>
    </row>
    <row r="9178" spans="1:9">
      <c r="A9178" s="1">
        <f ca="1">RAND()</f>
        <v>0.80885737607451524</v>
      </c>
      <c r="B9178" s="1"/>
      <c r="C9178">
        <v>4</v>
      </c>
      <c r="D9178" t="s">
        <v>18280</v>
      </c>
      <c r="E9178" t="s">
        <v>33192</v>
      </c>
      <c r="F9178">
        <v>5</v>
      </c>
      <c r="G9178" t="s">
        <v>14</v>
      </c>
      <c r="H9178" t="s">
        <v>18281</v>
      </c>
      <c r="I9178" t="s">
        <v>30540</v>
      </c>
    </row>
    <row r="9179" spans="1:9">
      <c r="A9179" s="1">
        <f ca="1">RAND()</f>
        <v>0.58132078784507191</v>
      </c>
      <c r="B9179" s="1"/>
      <c r="C9179">
        <v>6</v>
      </c>
      <c r="D9179" t="s">
        <v>18282</v>
      </c>
      <c r="E9179" t="s">
        <v>33192</v>
      </c>
      <c r="F9179">
        <v>4</v>
      </c>
      <c r="G9179" t="s">
        <v>14</v>
      </c>
      <c r="H9179" t="s">
        <v>18283</v>
      </c>
      <c r="I9179" t="s">
        <v>30540</v>
      </c>
    </row>
    <row r="9180" spans="1:9">
      <c r="A9180" s="1">
        <f ca="1">RAND()</f>
        <v>8.5469190595735878E-2</v>
      </c>
      <c r="B9180" s="1"/>
      <c r="C9180">
        <v>17</v>
      </c>
      <c r="D9180" t="s">
        <v>18286</v>
      </c>
      <c r="E9180" t="s">
        <v>33192</v>
      </c>
      <c r="F9180">
        <v>4</v>
      </c>
      <c r="G9180" t="s">
        <v>14</v>
      </c>
      <c r="H9180" t="s">
        <v>18287</v>
      </c>
      <c r="I9180" t="s">
        <v>30540</v>
      </c>
    </row>
    <row r="9181" spans="1:9">
      <c r="A9181" s="1">
        <f ca="1">RAND()</f>
        <v>0.5026461306107155</v>
      </c>
      <c r="B9181" s="1"/>
      <c r="C9181">
        <v>20</v>
      </c>
      <c r="D9181" t="s">
        <v>18288</v>
      </c>
      <c r="E9181" t="s">
        <v>33192</v>
      </c>
      <c r="F9181">
        <v>4</v>
      </c>
      <c r="G9181" t="s">
        <v>1</v>
      </c>
      <c r="H9181" t="s">
        <v>18289</v>
      </c>
      <c r="I9181" t="s">
        <v>30540</v>
      </c>
    </row>
    <row r="9182" spans="1:9">
      <c r="A9182" s="1">
        <f ca="1">RAND()</f>
        <v>6.3766030015207864E-2</v>
      </c>
      <c r="B9182" s="1"/>
      <c r="C9182">
        <v>2</v>
      </c>
      <c r="D9182" t="s">
        <v>18278</v>
      </c>
      <c r="E9182" t="s">
        <v>33192</v>
      </c>
      <c r="F9182">
        <v>4</v>
      </c>
      <c r="G9182" t="s">
        <v>2</v>
      </c>
      <c r="H9182" t="s">
        <v>18279</v>
      </c>
      <c r="I9182" t="s">
        <v>30540</v>
      </c>
    </row>
    <row r="9183" spans="1:9">
      <c r="A9183" s="1">
        <f ca="1">RAND()</f>
        <v>0.96711437090978325</v>
      </c>
      <c r="B9183" s="1"/>
      <c r="C9183">
        <v>16</v>
      </c>
      <c r="D9183" t="s">
        <v>18284</v>
      </c>
      <c r="E9183" t="s">
        <v>33192</v>
      </c>
      <c r="F9183">
        <v>4</v>
      </c>
      <c r="G9183" t="s">
        <v>10</v>
      </c>
      <c r="H9183" t="s">
        <v>18285</v>
      </c>
      <c r="I9183" t="s">
        <v>30540</v>
      </c>
    </row>
    <row r="9184" spans="1:9">
      <c r="A9184" s="1">
        <f ca="1">RAND()</f>
        <v>0.12944480977638395</v>
      </c>
      <c r="B9184" s="1"/>
      <c r="C9184">
        <v>1</v>
      </c>
      <c r="D9184" t="s">
        <v>18266</v>
      </c>
      <c r="E9184" t="s">
        <v>33193</v>
      </c>
      <c r="F9184">
        <v>4</v>
      </c>
      <c r="G9184" t="s">
        <v>10</v>
      </c>
      <c r="H9184" t="s">
        <v>18267</v>
      </c>
      <c r="I9184" t="s">
        <v>30540</v>
      </c>
    </row>
    <row r="9185" spans="1:9">
      <c r="A9185" s="1">
        <f ca="1">RAND()</f>
        <v>0.75573961564293979</v>
      </c>
      <c r="B9185" s="1"/>
      <c r="C9185">
        <v>11</v>
      </c>
      <c r="D9185" t="s">
        <v>18272</v>
      </c>
      <c r="E9185" t="s">
        <v>33193</v>
      </c>
      <c r="F9185">
        <v>4</v>
      </c>
      <c r="G9185" t="s">
        <v>13</v>
      </c>
      <c r="H9185" t="s">
        <v>18273</v>
      </c>
      <c r="I9185" t="s">
        <v>30540</v>
      </c>
    </row>
    <row r="9186" spans="1:9">
      <c r="A9186" s="1">
        <f ca="1">RAND()</f>
        <v>0.54372377110979619</v>
      </c>
      <c r="B9186" s="1"/>
      <c r="C9186">
        <v>15</v>
      </c>
      <c r="D9186" t="s">
        <v>18274</v>
      </c>
      <c r="E9186" t="s">
        <v>33193</v>
      </c>
      <c r="F9186">
        <v>4</v>
      </c>
      <c r="G9186" t="s">
        <v>0</v>
      </c>
      <c r="H9186" t="s">
        <v>18275</v>
      </c>
      <c r="I9186" t="s">
        <v>30540</v>
      </c>
    </row>
    <row r="9187" spans="1:9">
      <c r="A9187" s="1">
        <f ca="1">RAND()</f>
        <v>0.89340658367998804</v>
      </c>
      <c r="B9187" s="1"/>
      <c r="C9187">
        <v>9</v>
      </c>
      <c r="D9187" t="s">
        <v>18270</v>
      </c>
      <c r="E9187" t="s">
        <v>33193</v>
      </c>
      <c r="F9187">
        <v>4</v>
      </c>
      <c r="G9187" t="s">
        <v>14</v>
      </c>
      <c r="H9187" t="s">
        <v>18271</v>
      </c>
      <c r="I9187" t="s">
        <v>30540</v>
      </c>
    </row>
    <row r="9188" spans="1:9">
      <c r="A9188" s="1">
        <f ca="1">RAND()</f>
        <v>0.27882691892902989</v>
      </c>
      <c r="B9188" s="1"/>
      <c r="C9188">
        <v>18</v>
      </c>
      <c r="D9188" t="s">
        <v>18276</v>
      </c>
      <c r="E9188" t="s">
        <v>33193</v>
      </c>
      <c r="F9188">
        <v>3</v>
      </c>
      <c r="G9188" t="s">
        <v>14</v>
      </c>
      <c r="H9188" t="s">
        <v>18277</v>
      </c>
      <c r="I9188" t="s">
        <v>30540</v>
      </c>
    </row>
    <row r="9189" spans="1:9">
      <c r="A9189" s="1">
        <f ca="1">RAND()</f>
        <v>0.51620632815748091</v>
      </c>
      <c r="B9189" s="1"/>
      <c r="C9189">
        <v>4</v>
      </c>
      <c r="D9189" t="s">
        <v>18268</v>
      </c>
      <c r="E9189" t="s">
        <v>33193</v>
      </c>
      <c r="F9189">
        <v>2</v>
      </c>
      <c r="G9189" t="s">
        <v>14</v>
      </c>
      <c r="H9189" t="s">
        <v>18269</v>
      </c>
      <c r="I9189" t="s">
        <v>30540</v>
      </c>
    </row>
    <row r="9190" spans="1:9">
      <c r="A9190" s="1">
        <f ca="1">RAND()</f>
        <v>0.51554788662265605</v>
      </c>
      <c r="B9190" s="1"/>
      <c r="C9190">
        <v>20</v>
      </c>
      <c r="D9190" t="s">
        <v>18264</v>
      </c>
      <c r="E9190" t="s">
        <v>33194</v>
      </c>
      <c r="F9190">
        <v>5</v>
      </c>
      <c r="G9190" t="s">
        <v>14</v>
      </c>
      <c r="H9190" t="s">
        <v>18265</v>
      </c>
      <c r="I9190" t="s">
        <v>30540</v>
      </c>
    </row>
    <row r="9191" spans="1:9">
      <c r="A9191" s="1">
        <f ca="1">RAND()</f>
        <v>0.26911484476446501</v>
      </c>
      <c r="B9191" s="1"/>
      <c r="C9191">
        <v>3</v>
      </c>
      <c r="D9191" t="s">
        <v>18256</v>
      </c>
      <c r="E9191" t="s">
        <v>33194</v>
      </c>
      <c r="F9191">
        <v>4</v>
      </c>
      <c r="G9191" t="s">
        <v>15</v>
      </c>
      <c r="H9191" t="s">
        <v>18257</v>
      </c>
      <c r="I9191" t="s">
        <v>30540</v>
      </c>
    </row>
    <row r="9192" spans="1:9">
      <c r="A9192" s="1">
        <f ca="1">RAND()</f>
        <v>2.6185054808234964E-2</v>
      </c>
      <c r="B9192" s="1"/>
      <c r="C9192">
        <v>18</v>
      </c>
      <c r="D9192" t="s">
        <v>18262</v>
      </c>
      <c r="E9192" t="s">
        <v>33194</v>
      </c>
      <c r="F9192">
        <v>4</v>
      </c>
      <c r="G9192" t="s">
        <v>14</v>
      </c>
      <c r="H9192" t="s">
        <v>18263</v>
      </c>
      <c r="I9192" t="s">
        <v>30540</v>
      </c>
    </row>
    <row r="9193" spans="1:9">
      <c r="A9193" s="1">
        <f ca="1">RAND()</f>
        <v>0.57493500792773589</v>
      </c>
      <c r="B9193" s="1"/>
      <c r="C9193">
        <v>6</v>
      </c>
      <c r="D9193" t="s">
        <v>18258</v>
      </c>
      <c r="E9193" t="s">
        <v>33194</v>
      </c>
      <c r="F9193">
        <v>4</v>
      </c>
      <c r="G9193" t="s">
        <v>14</v>
      </c>
      <c r="H9193" t="s">
        <v>18259</v>
      </c>
      <c r="I9193" t="s">
        <v>30540</v>
      </c>
    </row>
    <row r="9194" spans="1:9">
      <c r="A9194" s="1">
        <f ca="1">RAND()</f>
        <v>0.97253225417210554</v>
      </c>
      <c r="B9194" s="1"/>
      <c r="C9194">
        <v>14</v>
      </c>
      <c r="D9194" t="s">
        <v>18260</v>
      </c>
      <c r="E9194" t="s">
        <v>33194</v>
      </c>
      <c r="F9194">
        <v>1</v>
      </c>
      <c r="G9194" t="s">
        <v>1</v>
      </c>
      <c r="H9194" t="s">
        <v>18261</v>
      </c>
      <c r="I9194" t="s">
        <v>30540</v>
      </c>
    </row>
    <row r="9195" spans="1:9">
      <c r="A9195" s="1">
        <f ca="1">RAND()</f>
        <v>0.60852272185089074</v>
      </c>
      <c r="B9195" s="1"/>
      <c r="C9195">
        <v>19</v>
      </c>
      <c r="D9195" t="s">
        <v>18254</v>
      </c>
      <c r="E9195" t="s">
        <v>33195</v>
      </c>
      <c r="F9195">
        <v>5</v>
      </c>
      <c r="G9195" t="s">
        <v>1</v>
      </c>
      <c r="H9195" t="s">
        <v>18255</v>
      </c>
      <c r="I9195" t="s">
        <v>30540</v>
      </c>
    </row>
    <row r="9196" spans="1:9">
      <c r="A9196" s="1">
        <f ca="1">RAND()</f>
        <v>0.36910865449685737</v>
      </c>
      <c r="B9196" s="1"/>
      <c r="C9196">
        <v>2</v>
      </c>
      <c r="D9196" t="s">
        <v>18246</v>
      </c>
      <c r="E9196" t="s">
        <v>33195</v>
      </c>
      <c r="F9196">
        <v>4</v>
      </c>
      <c r="G9196" t="s">
        <v>10</v>
      </c>
      <c r="H9196" t="s">
        <v>18247</v>
      </c>
      <c r="I9196" t="s">
        <v>30540</v>
      </c>
    </row>
    <row r="9197" spans="1:9">
      <c r="A9197" s="1">
        <f ca="1">RAND()</f>
        <v>0.84944444795911966</v>
      </c>
      <c r="B9197" s="1"/>
      <c r="C9197">
        <v>14</v>
      </c>
      <c r="D9197" t="s">
        <v>18250</v>
      </c>
      <c r="E9197" t="s">
        <v>33195</v>
      </c>
      <c r="F9197">
        <v>4</v>
      </c>
      <c r="G9197" t="s">
        <v>14</v>
      </c>
      <c r="H9197" t="s">
        <v>18251</v>
      </c>
      <c r="I9197" t="s">
        <v>30540</v>
      </c>
    </row>
    <row r="9198" spans="1:9">
      <c r="A9198" s="1">
        <f ca="1">RAND()</f>
        <v>0.58351704617403644</v>
      </c>
      <c r="B9198" s="1"/>
      <c r="C9198">
        <v>12</v>
      </c>
      <c r="D9198" t="s">
        <v>18248</v>
      </c>
      <c r="E9198" t="s">
        <v>33195</v>
      </c>
      <c r="F9198">
        <v>3</v>
      </c>
      <c r="G9198" t="s">
        <v>9</v>
      </c>
      <c r="H9198" t="s">
        <v>18249</v>
      </c>
      <c r="I9198" t="s">
        <v>30540</v>
      </c>
    </row>
    <row r="9199" spans="1:9">
      <c r="A9199" s="1">
        <f ca="1">RAND()</f>
        <v>0.45534814825248726</v>
      </c>
      <c r="B9199" s="1"/>
      <c r="C9199">
        <v>16</v>
      </c>
      <c r="D9199" t="s">
        <v>18252</v>
      </c>
      <c r="E9199" t="s">
        <v>33195</v>
      </c>
      <c r="F9199">
        <v>2</v>
      </c>
      <c r="G9199" t="s">
        <v>14</v>
      </c>
      <c r="H9199" t="s">
        <v>18253</v>
      </c>
      <c r="I9199" t="s">
        <v>30540</v>
      </c>
    </row>
    <row r="9200" spans="1:9">
      <c r="A9200" s="1">
        <f ca="1">RAND()</f>
        <v>0.536616673334536</v>
      </c>
      <c r="B9200" s="1"/>
      <c r="C9200">
        <v>16</v>
      </c>
      <c r="D9200" t="s">
        <v>18244</v>
      </c>
      <c r="E9200" t="s">
        <v>33196</v>
      </c>
      <c r="F9200">
        <v>5</v>
      </c>
      <c r="G9200" t="s">
        <v>9</v>
      </c>
      <c r="H9200" t="s">
        <v>18245</v>
      </c>
      <c r="I9200" t="s">
        <v>30540</v>
      </c>
    </row>
    <row r="9201" spans="1:9">
      <c r="A9201" s="1">
        <f ca="1">RAND()</f>
        <v>9.6286720737787546E-2</v>
      </c>
      <c r="B9201" s="1"/>
      <c r="C9201">
        <v>3</v>
      </c>
      <c r="D9201" t="s">
        <v>18240</v>
      </c>
      <c r="E9201" t="s">
        <v>33196</v>
      </c>
      <c r="F9201">
        <v>4</v>
      </c>
      <c r="G9201" t="s">
        <v>13</v>
      </c>
      <c r="H9201" t="s">
        <v>18241</v>
      </c>
      <c r="I9201" t="s">
        <v>30540</v>
      </c>
    </row>
    <row r="9202" spans="1:9">
      <c r="A9202" s="1">
        <f ca="1">RAND()</f>
        <v>0.58644716090129745</v>
      </c>
      <c r="B9202" s="1"/>
      <c r="C9202">
        <v>7</v>
      </c>
      <c r="D9202" t="s">
        <v>18242</v>
      </c>
      <c r="E9202" t="s">
        <v>33196</v>
      </c>
      <c r="F9202">
        <v>2</v>
      </c>
      <c r="G9202" t="s">
        <v>770</v>
      </c>
      <c r="H9202" t="s">
        <v>18243</v>
      </c>
      <c r="I9202" t="s">
        <v>30540</v>
      </c>
    </row>
    <row r="9203" spans="1:9">
      <c r="A9203" s="1">
        <f ca="1">RAND()</f>
        <v>0.78525236641372376</v>
      </c>
      <c r="B9203" s="1"/>
      <c r="C9203">
        <v>15</v>
      </c>
      <c r="D9203" t="s">
        <v>18236</v>
      </c>
      <c r="E9203" t="s">
        <v>33197</v>
      </c>
      <c r="F9203">
        <v>4</v>
      </c>
      <c r="G9203" t="s">
        <v>14</v>
      </c>
      <c r="H9203" t="s">
        <v>18237</v>
      </c>
      <c r="I9203" t="s">
        <v>30540</v>
      </c>
    </row>
    <row r="9204" spans="1:9">
      <c r="A9204" s="1">
        <f ca="1">RAND()</f>
        <v>0.47970314598151054</v>
      </c>
      <c r="B9204" s="1"/>
      <c r="C9204">
        <v>9</v>
      </c>
      <c r="D9204" t="s">
        <v>18232</v>
      </c>
      <c r="E9204" t="s">
        <v>33197</v>
      </c>
      <c r="F9204">
        <v>4</v>
      </c>
      <c r="G9204" t="s">
        <v>14</v>
      </c>
      <c r="H9204" t="s">
        <v>18233</v>
      </c>
      <c r="I9204" t="s">
        <v>30540</v>
      </c>
    </row>
    <row r="9205" spans="1:9">
      <c r="A9205" s="1">
        <f ca="1">RAND()</f>
        <v>0.77849281104309276</v>
      </c>
      <c r="B9205" s="1"/>
      <c r="C9205">
        <v>20</v>
      </c>
      <c r="D9205" t="s">
        <v>18238</v>
      </c>
      <c r="E9205" t="s">
        <v>33197</v>
      </c>
      <c r="F9205">
        <v>4</v>
      </c>
      <c r="G9205" t="s">
        <v>1</v>
      </c>
      <c r="H9205" t="s">
        <v>18239</v>
      </c>
      <c r="I9205" t="s">
        <v>30540</v>
      </c>
    </row>
    <row r="9206" spans="1:9">
      <c r="A9206" s="1">
        <f ca="1">RAND()</f>
        <v>1.8089599311570503E-2</v>
      </c>
      <c r="B9206" s="1"/>
      <c r="C9206">
        <v>13</v>
      </c>
      <c r="D9206" t="s">
        <v>18234</v>
      </c>
      <c r="E9206" t="s">
        <v>33197</v>
      </c>
      <c r="F9206">
        <v>3</v>
      </c>
      <c r="G9206" t="s">
        <v>1</v>
      </c>
      <c r="H9206" t="s">
        <v>18235</v>
      </c>
      <c r="I9206" t="s">
        <v>30540</v>
      </c>
    </row>
    <row r="9207" spans="1:9">
      <c r="A9207" s="1">
        <f ca="1">RAND()</f>
        <v>0.43416110489620408</v>
      </c>
      <c r="B9207" s="1"/>
      <c r="C9207">
        <v>18</v>
      </c>
      <c r="D9207" t="s">
        <v>18228</v>
      </c>
      <c r="E9207" t="s">
        <v>33198</v>
      </c>
      <c r="F9207">
        <v>5</v>
      </c>
      <c r="G9207" t="s">
        <v>10</v>
      </c>
      <c r="H9207" t="s">
        <v>18229</v>
      </c>
      <c r="I9207" t="s">
        <v>30540</v>
      </c>
    </row>
    <row r="9208" spans="1:9">
      <c r="A9208" s="1">
        <f ca="1">RAND()</f>
        <v>0.2745159900526255</v>
      </c>
      <c r="B9208" s="1"/>
      <c r="C9208">
        <v>9</v>
      </c>
      <c r="D9208" t="s">
        <v>18220</v>
      </c>
      <c r="E9208" t="s">
        <v>33198</v>
      </c>
      <c r="F9208">
        <v>5</v>
      </c>
      <c r="G9208" t="s">
        <v>14</v>
      </c>
      <c r="H9208" t="s">
        <v>18221</v>
      </c>
      <c r="I9208" t="s">
        <v>30540</v>
      </c>
    </row>
    <row r="9209" spans="1:9">
      <c r="A9209" s="1">
        <f ca="1">RAND()</f>
        <v>0.24361330338993015</v>
      </c>
      <c r="B9209" s="1"/>
      <c r="C9209">
        <v>10</v>
      </c>
      <c r="D9209" t="s">
        <v>18222</v>
      </c>
      <c r="E9209" t="s">
        <v>33198</v>
      </c>
      <c r="F9209">
        <v>4</v>
      </c>
      <c r="G9209" t="s">
        <v>0</v>
      </c>
      <c r="H9209" t="s">
        <v>18223</v>
      </c>
      <c r="I9209" t="s">
        <v>30540</v>
      </c>
    </row>
    <row r="9210" spans="1:9">
      <c r="A9210" s="1">
        <f ca="1">RAND()</f>
        <v>0.77335563739436819</v>
      </c>
      <c r="B9210" s="1"/>
      <c r="C9210">
        <v>19</v>
      </c>
      <c r="D9210" t="s">
        <v>18230</v>
      </c>
      <c r="E9210" t="s">
        <v>33198</v>
      </c>
      <c r="F9210">
        <v>4</v>
      </c>
      <c r="G9210" t="s">
        <v>14</v>
      </c>
      <c r="H9210" t="s">
        <v>18231</v>
      </c>
      <c r="I9210" t="s">
        <v>30540</v>
      </c>
    </row>
    <row r="9211" spans="1:9">
      <c r="A9211" s="1">
        <f ca="1">RAND()</f>
        <v>0.87599127778665242</v>
      </c>
      <c r="B9211" s="1"/>
      <c r="C9211">
        <v>3</v>
      </c>
      <c r="D9211" t="s">
        <v>18216</v>
      </c>
      <c r="E9211" t="s">
        <v>33198</v>
      </c>
      <c r="F9211">
        <v>4</v>
      </c>
      <c r="G9211" t="s">
        <v>9</v>
      </c>
      <c r="H9211" t="s">
        <v>18217</v>
      </c>
      <c r="I9211" t="s">
        <v>30540</v>
      </c>
    </row>
    <row r="9212" spans="1:9">
      <c r="A9212" s="1">
        <f ca="1">RAND()</f>
        <v>0.68704160047873553</v>
      </c>
      <c r="B9212" s="1"/>
      <c r="C9212">
        <v>11</v>
      </c>
      <c r="D9212" t="s">
        <v>18224</v>
      </c>
      <c r="E9212" t="s">
        <v>33198</v>
      </c>
      <c r="F9212">
        <v>4</v>
      </c>
      <c r="G9212" t="s">
        <v>14</v>
      </c>
      <c r="H9212" t="s">
        <v>18225</v>
      </c>
      <c r="I9212" t="s">
        <v>30540</v>
      </c>
    </row>
    <row r="9213" spans="1:9">
      <c r="A9213" s="1">
        <f ca="1">RAND()</f>
        <v>0.29436662087530896</v>
      </c>
      <c r="B9213" s="1"/>
      <c r="C9213">
        <v>8</v>
      </c>
      <c r="D9213" t="s">
        <v>18218</v>
      </c>
      <c r="E9213" t="s">
        <v>33198</v>
      </c>
      <c r="F9213">
        <v>2</v>
      </c>
      <c r="G9213" t="s">
        <v>10</v>
      </c>
      <c r="H9213" t="s">
        <v>18219</v>
      </c>
      <c r="I9213" t="s">
        <v>30540</v>
      </c>
    </row>
    <row r="9214" spans="1:9">
      <c r="A9214" s="1">
        <f ca="1">RAND()</f>
        <v>7.5121374487227999E-2</v>
      </c>
      <c r="B9214" s="1"/>
      <c r="C9214">
        <v>15</v>
      </c>
      <c r="D9214" t="s">
        <v>18226</v>
      </c>
      <c r="E9214" t="s">
        <v>33198</v>
      </c>
      <c r="F9214">
        <v>2</v>
      </c>
      <c r="G9214" t="s">
        <v>10</v>
      </c>
      <c r="H9214" t="s">
        <v>18227</v>
      </c>
      <c r="I9214" t="s">
        <v>30540</v>
      </c>
    </row>
    <row r="9215" spans="1:9">
      <c r="A9215" s="1">
        <f ca="1">RAND()</f>
        <v>0.43677242151359774</v>
      </c>
      <c r="B9215" s="1"/>
      <c r="C9215">
        <v>18</v>
      </c>
      <c r="D9215" t="s">
        <v>18212</v>
      </c>
      <c r="E9215" t="s">
        <v>33199</v>
      </c>
      <c r="F9215">
        <v>4</v>
      </c>
      <c r="G9215" t="s">
        <v>14</v>
      </c>
      <c r="H9215" t="s">
        <v>18213</v>
      </c>
      <c r="I9215" t="s">
        <v>30540</v>
      </c>
    </row>
    <row r="9216" spans="1:9">
      <c r="A9216" s="1">
        <f ca="1">RAND()</f>
        <v>0.57852056889424019</v>
      </c>
      <c r="B9216" s="1"/>
      <c r="C9216">
        <v>12</v>
      </c>
      <c r="D9216" t="s">
        <v>18208</v>
      </c>
      <c r="E9216" t="s">
        <v>33199</v>
      </c>
      <c r="F9216">
        <v>4</v>
      </c>
      <c r="G9216" t="s">
        <v>14</v>
      </c>
      <c r="H9216" t="s">
        <v>18209</v>
      </c>
      <c r="I9216" t="s">
        <v>30540</v>
      </c>
    </row>
    <row r="9217" spans="1:9">
      <c r="A9217" s="1">
        <f ca="1">RAND()</f>
        <v>0.96120965268825609</v>
      </c>
      <c r="B9217" s="1"/>
      <c r="C9217">
        <v>19</v>
      </c>
      <c r="D9217" t="s">
        <v>18214</v>
      </c>
      <c r="E9217" t="s">
        <v>33199</v>
      </c>
      <c r="F9217">
        <v>4</v>
      </c>
      <c r="G9217" t="s">
        <v>14</v>
      </c>
      <c r="H9217" t="s">
        <v>18215</v>
      </c>
      <c r="I9217" t="s">
        <v>30540</v>
      </c>
    </row>
    <row r="9218" spans="1:9">
      <c r="A9218" s="1">
        <f ca="1">RAND()</f>
        <v>0.24870700893492026</v>
      </c>
      <c r="B9218" s="1"/>
      <c r="C9218">
        <v>6</v>
      </c>
      <c r="D9218" t="s">
        <v>18204</v>
      </c>
      <c r="E9218" t="s">
        <v>33199</v>
      </c>
      <c r="F9218">
        <v>4</v>
      </c>
      <c r="G9218" t="s">
        <v>0</v>
      </c>
      <c r="H9218" t="s">
        <v>18205</v>
      </c>
      <c r="I9218" t="s">
        <v>30540</v>
      </c>
    </row>
    <row r="9219" spans="1:9">
      <c r="A9219" s="1">
        <f ca="1">RAND()</f>
        <v>0.54766169813692767</v>
      </c>
      <c r="B9219" s="1"/>
      <c r="C9219">
        <v>2</v>
      </c>
      <c r="D9219" t="s">
        <v>18202</v>
      </c>
      <c r="E9219" t="s">
        <v>33199</v>
      </c>
      <c r="F9219">
        <v>4</v>
      </c>
      <c r="G9219" t="s">
        <v>9</v>
      </c>
      <c r="H9219" t="s">
        <v>18203</v>
      </c>
      <c r="I9219" t="s">
        <v>30540</v>
      </c>
    </row>
    <row r="9220" spans="1:9">
      <c r="A9220" s="1">
        <f ca="1">RAND()</f>
        <v>0.87033219824173647</v>
      </c>
      <c r="B9220" s="1"/>
      <c r="C9220">
        <v>16</v>
      </c>
      <c r="D9220" t="s">
        <v>18210</v>
      </c>
      <c r="E9220" t="s">
        <v>33199</v>
      </c>
      <c r="F9220">
        <v>4</v>
      </c>
      <c r="G9220" t="s">
        <v>1</v>
      </c>
      <c r="H9220" t="s">
        <v>18211</v>
      </c>
      <c r="I9220" t="s">
        <v>30540</v>
      </c>
    </row>
    <row r="9221" spans="1:9">
      <c r="A9221" s="1">
        <f ca="1">RAND()</f>
        <v>0.71356472988725439</v>
      </c>
      <c r="B9221" s="1"/>
      <c r="C9221">
        <v>11</v>
      </c>
      <c r="D9221" t="s">
        <v>18206</v>
      </c>
      <c r="E9221" t="s">
        <v>33199</v>
      </c>
      <c r="F9221">
        <v>2</v>
      </c>
      <c r="G9221" t="s">
        <v>14</v>
      </c>
      <c r="H9221" t="s">
        <v>18207</v>
      </c>
      <c r="I9221" t="s">
        <v>30540</v>
      </c>
    </row>
    <row r="9222" spans="1:9">
      <c r="A9222" s="1">
        <f ca="1">RAND()</f>
        <v>0.18231151863763251</v>
      </c>
      <c r="B9222" s="1"/>
      <c r="C9222">
        <v>4</v>
      </c>
      <c r="D9222" t="s">
        <v>18194</v>
      </c>
      <c r="E9222" t="s">
        <v>33200</v>
      </c>
      <c r="F9222">
        <v>5</v>
      </c>
      <c r="G9222" t="s">
        <v>10</v>
      </c>
      <c r="H9222" t="s">
        <v>18195</v>
      </c>
      <c r="I9222" t="s">
        <v>30540</v>
      </c>
    </row>
    <row r="9223" spans="1:9">
      <c r="A9223" s="1">
        <f ca="1">RAND()</f>
        <v>0.13368120345411605</v>
      </c>
      <c r="B9223" s="1"/>
      <c r="C9223">
        <v>2</v>
      </c>
      <c r="D9223" t="s">
        <v>18192</v>
      </c>
      <c r="E9223" t="s">
        <v>33200</v>
      </c>
      <c r="F9223">
        <v>4</v>
      </c>
      <c r="G9223" t="s">
        <v>10</v>
      </c>
      <c r="H9223" t="s">
        <v>18193</v>
      </c>
      <c r="I9223" t="s">
        <v>30540</v>
      </c>
    </row>
    <row r="9224" spans="1:9">
      <c r="A9224" s="1">
        <f ca="1">RAND()</f>
        <v>0.47659267557335616</v>
      </c>
      <c r="B9224" s="1"/>
      <c r="C9224">
        <v>9</v>
      </c>
      <c r="D9224" t="s">
        <v>18200</v>
      </c>
      <c r="E9224" t="s">
        <v>33200</v>
      </c>
      <c r="F9224">
        <v>4</v>
      </c>
      <c r="G9224" t="s">
        <v>14</v>
      </c>
      <c r="H9224" t="s">
        <v>18201</v>
      </c>
      <c r="I9224" t="s">
        <v>30540</v>
      </c>
    </row>
    <row r="9225" spans="1:9">
      <c r="A9225" s="1">
        <f ca="1">RAND()</f>
        <v>0.94567507840249476</v>
      </c>
      <c r="B9225" s="1"/>
      <c r="C9225">
        <v>5</v>
      </c>
      <c r="D9225" t="s">
        <v>18196</v>
      </c>
      <c r="E9225" t="s">
        <v>33200</v>
      </c>
      <c r="F9225">
        <v>4</v>
      </c>
      <c r="G9225" t="s">
        <v>2</v>
      </c>
      <c r="H9225" t="s">
        <v>18197</v>
      </c>
      <c r="I9225" t="s">
        <v>30540</v>
      </c>
    </row>
    <row r="9226" spans="1:9">
      <c r="A9226" s="1">
        <f ca="1">RAND()</f>
        <v>0.58652890771215882</v>
      </c>
      <c r="B9226" s="1"/>
      <c r="C9226">
        <v>8</v>
      </c>
      <c r="D9226" t="s">
        <v>18198</v>
      </c>
      <c r="E9226" t="s">
        <v>33200</v>
      </c>
      <c r="F9226">
        <v>4</v>
      </c>
      <c r="G9226" t="s">
        <v>14</v>
      </c>
      <c r="H9226" t="s">
        <v>18199</v>
      </c>
      <c r="I9226" t="s">
        <v>30540</v>
      </c>
    </row>
    <row r="9227" spans="1:9">
      <c r="A9227" s="1">
        <f ca="1">RAND()</f>
        <v>0.99207961669374267</v>
      </c>
      <c r="B9227" s="1"/>
      <c r="C9227">
        <v>1</v>
      </c>
      <c r="D9227" t="s">
        <v>18190</v>
      </c>
      <c r="E9227" t="s">
        <v>33200</v>
      </c>
      <c r="F9227">
        <v>2</v>
      </c>
      <c r="G9227" t="s">
        <v>10</v>
      </c>
      <c r="H9227" t="s">
        <v>18191</v>
      </c>
      <c r="I9227" t="s">
        <v>30540</v>
      </c>
    </row>
    <row r="9228" spans="1:9">
      <c r="A9228" s="1">
        <f ca="1">RAND()</f>
        <v>0.30554766533135957</v>
      </c>
      <c r="B9228" s="1"/>
      <c r="C9228">
        <v>12</v>
      </c>
      <c r="D9228" t="s">
        <v>18182</v>
      </c>
      <c r="E9228" t="s">
        <v>33201</v>
      </c>
      <c r="F9228">
        <v>5</v>
      </c>
      <c r="G9228" t="s">
        <v>14</v>
      </c>
      <c r="H9228" t="s">
        <v>18183</v>
      </c>
      <c r="I9228" t="s">
        <v>30540</v>
      </c>
    </row>
    <row r="9229" spans="1:9">
      <c r="A9229" s="1">
        <f ca="1">RAND()</f>
        <v>0.73347330599639071</v>
      </c>
      <c r="B9229" s="1"/>
      <c r="C9229">
        <v>20</v>
      </c>
      <c r="D9229" t="s">
        <v>18188</v>
      </c>
      <c r="E9229" t="s">
        <v>33201</v>
      </c>
      <c r="F9229">
        <v>4</v>
      </c>
      <c r="G9229" t="s">
        <v>1431</v>
      </c>
      <c r="H9229" t="s">
        <v>18189</v>
      </c>
      <c r="I9229" t="s">
        <v>30540</v>
      </c>
    </row>
    <row r="9230" spans="1:9">
      <c r="A9230" s="1">
        <f ca="1">RAND()</f>
        <v>0.42399706995824504</v>
      </c>
      <c r="B9230" s="1"/>
      <c r="C9230">
        <v>18</v>
      </c>
      <c r="D9230" t="s">
        <v>18186</v>
      </c>
      <c r="E9230" t="s">
        <v>33201</v>
      </c>
      <c r="F9230">
        <v>4</v>
      </c>
      <c r="G9230" t="s">
        <v>14</v>
      </c>
      <c r="H9230" t="s">
        <v>18187</v>
      </c>
      <c r="I9230" t="s">
        <v>30540</v>
      </c>
    </row>
    <row r="9231" spans="1:9">
      <c r="A9231" s="1">
        <f ca="1">RAND()</f>
        <v>0.64324241587553643</v>
      </c>
      <c r="B9231" s="1"/>
      <c r="C9231">
        <v>3</v>
      </c>
      <c r="D9231" t="s">
        <v>18180</v>
      </c>
      <c r="E9231" t="s">
        <v>33201</v>
      </c>
      <c r="F9231">
        <v>4</v>
      </c>
      <c r="G9231" t="s">
        <v>762</v>
      </c>
      <c r="H9231" t="s">
        <v>18181</v>
      </c>
      <c r="I9231" t="s">
        <v>30540</v>
      </c>
    </row>
    <row r="9232" spans="1:9">
      <c r="A9232" s="1">
        <f ca="1">RAND()</f>
        <v>0.34390333324605649</v>
      </c>
      <c r="B9232" s="1"/>
      <c r="C9232">
        <v>1</v>
      </c>
      <c r="D9232" t="s">
        <v>18178</v>
      </c>
      <c r="E9232" t="s">
        <v>33201</v>
      </c>
      <c r="F9232">
        <v>4</v>
      </c>
      <c r="G9232" t="s">
        <v>15</v>
      </c>
      <c r="H9232" t="s">
        <v>18179</v>
      </c>
      <c r="I9232" t="s">
        <v>30540</v>
      </c>
    </row>
    <row r="9233" spans="1:9">
      <c r="A9233" s="1">
        <f ca="1">RAND()</f>
        <v>0.74431412848312295</v>
      </c>
      <c r="B9233" s="1"/>
      <c r="C9233">
        <v>17</v>
      </c>
      <c r="D9233" t="s">
        <v>18184</v>
      </c>
      <c r="E9233" t="s">
        <v>33201</v>
      </c>
      <c r="F9233">
        <v>1</v>
      </c>
      <c r="G9233" t="s">
        <v>3107</v>
      </c>
      <c r="H9233" t="s">
        <v>18185</v>
      </c>
      <c r="I9233" t="s">
        <v>30540</v>
      </c>
    </row>
    <row r="9234" spans="1:9">
      <c r="A9234" s="1">
        <f ca="1">RAND()</f>
        <v>0.78708648904528422</v>
      </c>
      <c r="B9234" s="1"/>
      <c r="C9234">
        <v>16</v>
      </c>
      <c r="D9234" t="s">
        <v>18170</v>
      </c>
      <c r="E9234" t="s">
        <v>33202</v>
      </c>
      <c r="F9234">
        <v>5</v>
      </c>
      <c r="G9234" t="s">
        <v>0</v>
      </c>
      <c r="H9234" t="s">
        <v>18171</v>
      </c>
      <c r="I9234" t="s">
        <v>30540</v>
      </c>
    </row>
    <row r="9235" spans="1:9">
      <c r="A9235" s="1">
        <f ca="1">RAND()</f>
        <v>0.31103678085496222</v>
      </c>
      <c r="B9235" s="1"/>
      <c r="C9235">
        <v>4</v>
      </c>
      <c r="D9235" t="s">
        <v>18168</v>
      </c>
      <c r="E9235" t="s">
        <v>33202</v>
      </c>
      <c r="F9235">
        <v>4</v>
      </c>
      <c r="G9235" t="s">
        <v>13</v>
      </c>
      <c r="H9235" t="s">
        <v>18169</v>
      </c>
      <c r="I9235" t="s">
        <v>30540</v>
      </c>
    </row>
    <row r="9236" spans="1:9">
      <c r="A9236" s="1">
        <f ca="1">RAND()</f>
        <v>0.21715558415318936</v>
      </c>
      <c r="B9236" s="1"/>
      <c r="C9236">
        <v>20</v>
      </c>
      <c r="D9236" t="s">
        <v>18176</v>
      </c>
      <c r="E9236" t="s">
        <v>33202</v>
      </c>
      <c r="F9236">
        <v>4</v>
      </c>
      <c r="G9236" t="s">
        <v>10</v>
      </c>
      <c r="H9236" t="s">
        <v>18177</v>
      </c>
      <c r="I9236" t="s">
        <v>30540</v>
      </c>
    </row>
    <row r="9237" spans="1:9">
      <c r="A9237" s="1">
        <f ca="1">RAND()</f>
        <v>9.61712976453174E-2</v>
      </c>
      <c r="B9237" s="1"/>
      <c r="C9237">
        <v>17</v>
      </c>
      <c r="D9237" t="s">
        <v>18172</v>
      </c>
      <c r="E9237" t="s">
        <v>33202</v>
      </c>
      <c r="F9237">
        <v>3</v>
      </c>
      <c r="G9237" t="s">
        <v>2</v>
      </c>
      <c r="H9237" t="s">
        <v>18173</v>
      </c>
      <c r="I9237" t="s">
        <v>30540</v>
      </c>
    </row>
    <row r="9238" spans="1:9">
      <c r="A9238" s="1">
        <f ca="1">RAND()</f>
        <v>0.61884392139691291</v>
      </c>
      <c r="B9238" s="1"/>
      <c r="C9238">
        <v>19</v>
      </c>
      <c r="D9238" t="s">
        <v>18174</v>
      </c>
      <c r="E9238" t="s">
        <v>33202</v>
      </c>
      <c r="F9238">
        <v>2</v>
      </c>
      <c r="G9238" t="s">
        <v>10</v>
      </c>
      <c r="H9238" t="s">
        <v>18175</v>
      </c>
      <c r="I9238" t="s">
        <v>30540</v>
      </c>
    </row>
    <row r="9239" spans="1:9">
      <c r="A9239" s="1">
        <f ca="1">RAND()</f>
        <v>0.87486201034440614</v>
      </c>
      <c r="B9239" s="1"/>
      <c r="C9239">
        <v>12</v>
      </c>
      <c r="D9239" t="s">
        <v>18162</v>
      </c>
      <c r="E9239" t="s">
        <v>33203</v>
      </c>
      <c r="F9239">
        <v>4</v>
      </c>
      <c r="G9239" t="s">
        <v>14</v>
      </c>
      <c r="H9239" t="s">
        <v>18163</v>
      </c>
      <c r="I9239" t="s">
        <v>30540</v>
      </c>
    </row>
    <row r="9240" spans="1:9">
      <c r="A9240" s="1">
        <f ca="1">RAND()</f>
        <v>0.78577933878183492</v>
      </c>
      <c r="B9240" s="1"/>
      <c r="C9240">
        <v>9</v>
      </c>
      <c r="D9240" t="s">
        <v>18158</v>
      </c>
      <c r="E9240" t="s">
        <v>33203</v>
      </c>
      <c r="F9240">
        <v>4</v>
      </c>
      <c r="G9240" t="s">
        <v>14</v>
      </c>
      <c r="H9240" t="s">
        <v>18159</v>
      </c>
      <c r="I9240" t="s">
        <v>30540</v>
      </c>
    </row>
    <row r="9241" spans="1:9">
      <c r="A9241" s="1">
        <f ca="1">RAND()</f>
        <v>0.17565561146135089</v>
      </c>
      <c r="B9241" s="1"/>
      <c r="C9241">
        <v>10</v>
      </c>
      <c r="D9241" t="s">
        <v>18160</v>
      </c>
      <c r="E9241" t="s">
        <v>33203</v>
      </c>
      <c r="F9241">
        <v>4</v>
      </c>
      <c r="G9241" t="s">
        <v>14</v>
      </c>
      <c r="H9241" t="s">
        <v>18161</v>
      </c>
      <c r="I9241" t="s">
        <v>30540</v>
      </c>
    </row>
    <row r="9242" spans="1:9">
      <c r="A9242" s="1">
        <f ca="1">RAND()</f>
        <v>0.25168365549418381</v>
      </c>
      <c r="B9242" s="1"/>
      <c r="C9242">
        <v>20</v>
      </c>
      <c r="D9242" t="s">
        <v>18166</v>
      </c>
      <c r="E9242" t="s">
        <v>33203</v>
      </c>
      <c r="F9242">
        <v>4</v>
      </c>
      <c r="G9242" t="s">
        <v>1</v>
      </c>
      <c r="H9242" t="s">
        <v>18167</v>
      </c>
      <c r="I9242" t="s">
        <v>30540</v>
      </c>
    </row>
    <row r="9243" spans="1:9">
      <c r="A9243" s="1">
        <f ca="1">RAND()</f>
        <v>0.11738773838743999</v>
      </c>
      <c r="B9243" s="1"/>
      <c r="C9243">
        <v>16</v>
      </c>
      <c r="D9243" t="s">
        <v>18164</v>
      </c>
      <c r="E9243" t="s">
        <v>33203</v>
      </c>
      <c r="F9243">
        <v>4</v>
      </c>
      <c r="G9243" t="s">
        <v>0</v>
      </c>
      <c r="H9243" t="s">
        <v>18165</v>
      </c>
      <c r="I9243" t="s">
        <v>30540</v>
      </c>
    </row>
    <row r="9244" spans="1:9">
      <c r="A9244" s="1">
        <f ca="1">RAND()</f>
        <v>0.8877563547319014</v>
      </c>
      <c r="B9244" s="1"/>
      <c r="C9244">
        <v>14</v>
      </c>
      <c r="D9244" t="s">
        <v>18150</v>
      </c>
      <c r="E9244" t="s">
        <v>33204</v>
      </c>
      <c r="F9244">
        <v>5</v>
      </c>
      <c r="G9244" t="s">
        <v>14</v>
      </c>
      <c r="H9244" t="s">
        <v>18151</v>
      </c>
      <c r="I9244" t="s">
        <v>30540</v>
      </c>
    </row>
    <row r="9245" spans="1:9">
      <c r="A9245" s="1">
        <f ca="1">RAND()</f>
        <v>1.7574917141584434E-2</v>
      </c>
      <c r="B9245" s="1"/>
      <c r="C9245">
        <v>17</v>
      </c>
      <c r="D9245" t="s">
        <v>18152</v>
      </c>
      <c r="E9245" t="s">
        <v>33204</v>
      </c>
      <c r="F9245">
        <v>5</v>
      </c>
      <c r="G9245" t="s">
        <v>14</v>
      </c>
      <c r="H9245" t="s">
        <v>18153</v>
      </c>
      <c r="I9245" t="s">
        <v>30540</v>
      </c>
    </row>
    <row r="9246" spans="1:9">
      <c r="A9246" s="1">
        <f ca="1">RAND()</f>
        <v>0.57917512133830373</v>
      </c>
      <c r="B9246" s="1"/>
      <c r="C9246">
        <v>19</v>
      </c>
      <c r="D9246" t="s">
        <v>18156</v>
      </c>
      <c r="E9246" t="s">
        <v>33204</v>
      </c>
      <c r="F9246">
        <v>5</v>
      </c>
      <c r="G9246" t="s">
        <v>14</v>
      </c>
      <c r="H9246" t="s">
        <v>18157</v>
      </c>
      <c r="I9246" t="s">
        <v>30540</v>
      </c>
    </row>
    <row r="9247" spans="1:9">
      <c r="A9247" s="1">
        <f ca="1">RAND()</f>
        <v>0.59182277015056106</v>
      </c>
      <c r="B9247" s="1"/>
      <c r="C9247">
        <v>1</v>
      </c>
      <c r="D9247" t="s">
        <v>18146</v>
      </c>
      <c r="E9247" t="s">
        <v>33204</v>
      </c>
      <c r="F9247">
        <v>4</v>
      </c>
      <c r="G9247" t="s">
        <v>2</v>
      </c>
      <c r="H9247" t="s">
        <v>18147</v>
      </c>
      <c r="I9247" t="s">
        <v>30540</v>
      </c>
    </row>
    <row r="9248" spans="1:9">
      <c r="A9248" s="1">
        <f ca="1">RAND()</f>
        <v>0.17703778924855518</v>
      </c>
      <c r="B9248" s="1"/>
      <c r="C9248">
        <v>4</v>
      </c>
      <c r="D9248" t="s">
        <v>18148</v>
      </c>
      <c r="E9248" t="s">
        <v>33204</v>
      </c>
      <c r="F9248">
        <v>4</v>
      </c>
      <c r="G9248" t="s">
        <v>0</v>
      </c>
      <c r="H9248" t="s">
        <v>18149</v>
      </c>
      <c r="I9248" t="s">
        <v>30540</v>
      </c>
    </row>
    <row r="9249" spans="1:9">
      <c r="A9249" s="1">
        <f ca="1">RAND()</f>
        <v>0.54573391103244706</v>
      </c>
      <c r="B9249" s="1"/>
      <c r="C9249">
        <v>18</v>
      </c>
      <c r="D9249" t="s">
        <v>18154</v>
      </c>
      <c r="E9249" t="s">
        <v>33204</v>
      </c>
      <c r="F9249">
        <v>4</v>
      </c>
      <c r="G9249" t="s">
        <v>2</v>
      </c>
      <c r="H9249" t="s">
        <v>18155</v>
      </c>
      <c r="I9249" t="s">
        <v>30540</v>
      </c>
    </row>
    <row r="9250" spans="1:9">
      <c r="A9250" s="1">
        <f ca="1">RAND()</f>
        <v>0.31501175827954475</v>
      </c>
      <c r="B9250" s="1"/>
      <c r="C9250">
        <v>14</v>
      </c>
      <c r="D9250" t="s">
        <v>18138</v>
      </c>
      <c r="E9250" t="s">
        <v>33205</v>
      </c>
      <c r="F9250">
        <v>5</v>
      </c>
      <c r="G9250" t="s">
        <v>1</v>
      </c>
      <c r="H9250" t="s">
        <v>18139</v>
      </c>
      <c r="I9250" t="s">
        <v>30540</v>
      </c>
    </row>
    <row r="9251" spans="1:9">
      <c r="A9251" s="1">
        <f ca="1">RAND()</f>
        <v>0.17852986661823567</v>
      </c>
      <c r="B9251" s="1"/>
      <c r="C9251">
        <v>19</v>
      </c>
      <c r="D9251" t="s">
        <v>18142</v>
      </c>
      <c r="E9251" t="s">
        <v>33205</v>
      </c>
      <c r="F9251">
        <v>5</v>
      </c>
      <c r="G9251" t="s">
        <v>14</v>
      </c>
      <c r="H9251" t="s">
        <v>18143</v>
      </c>
      <c r="I9251" t="s">
        <v>30540</v>
      </c>
    </row>
    <row r="9252" spans="1:9">
      <c r="A9252" s="1">
        <f ca="1">RAND()</f>
        <v>1.0886505440786953E-2</v>
      </c>
      <c r="B9252" s="1"/>
      <c r="C9252">
        <v>7</v>
      </c>
      <c r="D9252" t="s">
        <v>18136</v>
      </c>
      <c r="E9252" t="s">
        <v>33205</v>
      </c>
      <c r="F9252">
        <v>4</v>
      </c>
      <c r="G9252" t="s">
        <v>14</v>
      </c>
      <c r="H9252" t="s">
        <v>18137</v>
      </c>
      <c r="I9252" t="s">
        <v>30540</v>
      </c>
    </row>
    <row r="9253" spans="1:9">
      <c r="A9253" s="1">
        <f ca="1">RAND()</f>
        <v>0.73527097925808338</v>
      </c>
      <c r="B9253" s="1"/>
      <c r="C9253">
        <v>20</v>
      </c>
      <c r="D9253" t="s">
        <v>18144</v>
      </c>
      <c r="E9253" t="s">
        <v>33205</v>
      </c>
      <c r="F9253">
        <v>4</v>
      </c>
      <c r="G9253" t="s">
        <v>0</v>
      </c>
      <c r="H9253" t="s">
        <v>18145</v>
      </c>
      <c r="I9253" t="s">
        <v>30540</v>
      </c>
    </row>
    <row r="9254" spans="1:9">
      <c r="A9254" s="1">
        <f ca="1">RAND()</f>
        <v>0.19822225168576724</v>
      </c>
      <c r="B9254" s="1"/>
      <c r="C9254">
        <v>17</v>
      </c>
      <c r="D9254" t="s">
        <v>18140</v>
      </c>
      <c r="E9254" t="s">
        <v>33205</v>
      </c>
      <c r="F9254">
        <v>2</v>
      </c>
      <c r="G9254" t="s">
        <v>14</v>
      </c>
      <c r="H9254" t="s">
        <v>18141</v>
      </c>
      <c r="I9254" t="s">
        <v>30540</v>
      </c>
    </row>
    <row r="9255" spans="1:9">
      <c r="A9255" s="1">
        <f ca="1">RAND()</f>
        <v>0.57173296313293098</v>
      </c>
      <c r="B9255" s="1"/>
      <c r="C9255">
        <v>18</v>
      </c>
      <c r="D9255" t="s">
        <v>18134</v>
      </c>
      <c r="E9255" t="s">
        <v>33206</v>
      </c>
      <c r="F9255">
        <v>5</v>
      </c>
      <c r="G9255" t="s">
        <v>13</v>
      </c>
      <c r="H9255" t="s">
        <v>18135</v>
      </c>
      <c r="I9255" t="s">
        <v>30540</v>
      </c>
    </row>
    <row r="9256" spans="1:9">
      <c r="A9256" s="1">
        <f ca="1">RAND()</f>
        <v>9.2562983538055477E-2</v>
      </c>
      <c r="B9256" s="1"/>
      <c r="C9256">
        <v>17</v>
      </c>
      <c r="D9256" t="s">
        <v>18132</v>
      </c>
      <c r="E9256" t="s">
        <v>33206</v>
      </c>
      <c r="F9256">
        <v>4</v>
      </c>
      <c r="G9256" t="s">
        <v>762</v>
      </c>
      <c r="H9256" t="s">
        <v>18133</v>
      </c>
      <c r="I9256" t="s">
        <v>30540</v>
      </c>
    </row>
    <row r="9257" spans="1:9">
      <c r="A9257" s="1">
        <f ca="1">RAND()</f>
        <v>9.028467800193507E-2</v>
      </c>
      <c r="B9257" s="1"/>
      <c r="C9257">
        <v>20</v>
      </c>
      <c r="D9257" t="s">
        <v>18130</v>
      </c>
      <c r="E9257" t="s">
        <v>33207</v>
      </c>
      <c r="F9257">
        <v>5</v>
      </c>
      <c r="G9257" t="s">
        <v>14</v>
      </c>
      <c r="H9257" t="s">
        <v>18131</v>
      </c>
      <c r="I9257" t="s">
        <v>30540</v>
      </c>
    </row>
    <row r="9258" spans="1:9">
      <c r="A9258" s="1">
        <f ca="1">RAND()</f>
        <v>0.8804834300807467</v>
      </c>
      <c r="B9258" s="1"/>
      <c r="C9258">
        <v>17</v>
      </c>
      <c r="D9258" t="s">
        <v>18126</v>
      </c>
      <c r="E9258" t="s">
        <v>33207</v>
      </c>
      <c r="F9258">
        <v>4</v>
      </c>
      <c r="G9258" t="s">
        <v>14</v>
      </c>
      <c r="H9258" t="s">
        <v>18127</v>
      </c>
      <c r="I9258" t="s">
        <v>30540</v>
      </c>
    </row>
    <row r="9259" spans="1:9">
      <c r="A9259" s="1">
        <f ca="1">RAND()</f>
        <v>0.24965797304574544</v>
      </c>
      <c r="B9259" s="1"/>
      <c r="C9259">
        <v>10</v>
      </c>
      <c r="D9259" t="s">
        <v>18124</v>
      </c>
      <c r="E9259" t="s">
        <v>33207</v>
      </c>
      <c r="F9259">
        <v>4</v>
      </c>
      <c r="G9259" t="s">
        <v>9</v>
      </c>
      <c r="H9259" t="s">
        <v>18125</v>
      </c>
      <c r="I9259" t="s">
        <v>30540</v>
      </c>
    </row>
    <row r="9260" spans="1:9">
      <c r="A9260" s="1">
        <f ca="1">RAND()</f>
        <v>0.32082777614458691</v>
      </c>
      <c r="B9260" s="1"/>
      <c r="C9260">
        <v>18</v>
      </c>
      <c r="D9260" t="s">
        <v>18128</v>
      </c>
      <c r="E9260" t="s">
        <v>33207</v>
      </c>
      <c r="F9260">
        <v>4</v>
      </c>
      <c r="G9260" t="s">
        <v>10</v>
      </c>
      <c r="H9260" t="s">
        <v>18129</v>
      </c>
      <c r="I9260" t="s">
        <v>30540</v>
      </c>
    </row>
    <row r="9261" spans="1:9">
      <c r="A9261" s="1">
        <f ca="1">RAND()</f>
        <v>0.92653373882700907</v>
      </c>
      <c r="B9261" s="1"/>
      <c r="C9261">
        <v>5</v>
      </c>
      <c r="D9261" t="s">
        <v>18122</v>
      </c>
      <c r="E9261" t="s">
        <v>33207</v>
      </c>
      <c r="F9261">
        <v>3</v>
      </c>
      <c r="G9261" t="s">
        <v>2</v>
      </c>
      <c r="H9261" t="s">
        <v>18123</v>
      </c>
      <c r="I9261" t="s">
        <v>30540</v>
      </c>
    </row>
    <row r="9262" spans="1:9">
      <c r="A9262" s="1">
        <f ca="1">RAND()</f>
        <v>0.53733834092473332</v>
      </c>
      <c r="B9262" s="1"/>
      <c r="C9262">
        <v>3</v>
      </c>
      <c r="D9262" t="s">
        <v>18120</v>
      </c>
      <c r="E9262" t="s">
        <v>33207</v>
      </c>
      <c r="F9262">
        <v>3</v>
      </c>
      <c r="G9262" t="s">
        <v>1</v>
      </c>
      <c r="H9262" t="s">
        <v>18121</v>
      </c>
      <c r="I9262" t="s">
        <v>30540</v>
      </c>
    </row>
    <row r="9263" spans="1:9">
      <c r="A9263" s="1">
        <f ca="1">RAND()</f>
        <v>0.60971287227709559</v>
      </c>
      <c r="B9263" s="1"/>
      <c r="C9263">
        <v>2</v>
      </c>
      <c r="D9263" t="s">
        <v>18118</v>
      </c>
      <c r="E9263" t="s">
        <v>33207</v>
      </c>
      <c r="F9263">
        <v>2</v>
      </c>
      <c r="G9263" t="s">
        <v>2</v>
      </c>
      <c r="H9263" t="s">
        <v>18119</v>
      </c>
      <c r="I9263" t="s">
        <v>30540</v>
      </c>
    </row>
    <row r="9264" spans="1:9">
      <c r="A9264" s="1">
        <f ca="1">RAND()</f>
        <v>0.64974945578317633</v>
      </c>
      <c r="B9264" s="1"/>
      <c r="C9264">
        <v>7</v>
      </c>
      <c r="D9264" t="s">
        <v>18106</v>
      </c>
      <c r="E9264" t="s">
        <v>33208</v>
      </c>
      <c r="F9264">
        <v>4</v>
      </c>
      <c r="G9264" t="s">
        <v>15</v>
      </c>
      <c r="H9264" t="s">
        <v>18107</v>
      </c>
      <c r="I9264" t="s">
        <v>30540</v>
      </c>
    </row>
    <row r="9265" spans="1:9">
      <c r="A9265" s="1">
        <f ca="1">RAND()</f>
        <v>0.32643463000228379</v>
      </c>
      <c r="B9265" s="1"/>
      <c r="C9265">
        <v>20</v>
      </c>
      <c r="D9265" t="s">
        <v>18116</v>
      </c>
      <c r="E9265" t="s">
        <v>33208</v>
      </c>
      <c r="F9265">
        <v>4</v>
      </c>
      <c r="G9265" t="s">
        <v>1</v>
      </c>
      <c r="H9265" t="s">
        <v>18117</v>
      </c>
      <c r="I9265" t="s">
        <v>30540</v>
      </c>
    </row>
    <row r="9266" spans="1:9">
      <c r="A9266" s="1">
        <f ca="1">RAND()</f>
        <v>0.5423858731987321</v>
      </c>
      <c r="B9266" s="1"/>
      <c r="C9266">
        <v>18</v>
      </c>
      <c r="D9266" t="s">
        <v>18114</v>
      </c>
      <c r="E9266" t="s">
        <v>33208</v>
      </c>
      <c r="F9266">
        <v>4</v>
      </c>
      <c r="G9266" t="s">
        <v>9</v>
      </c>
      <c r="H9266" t="s">
        <v>18115</v>
      </c>
      <c r="I9266" t="s">
        <v>30540</v>
      </c>
    </row>
    <row r="9267" spans="1:9">
      <c r="A9267" s="1">
        <f ca="1">RAND()</f>
        <v>0.48190320988866153</v>
      </c>
      <c r="B9267" s="1"/>
      <c r="C9267">
        <v>14</v>
      </c>
      <c r="D9267" t="s">
        <v>18110</v>
      </c>
      <c r="E9267" t="s">
        <v>33208</v>
      </c>
      <c r="F9267">
        <v>3</v>
      </c>
      <c r="G9267" t="s">
        <v>14</v>
      </c>
      <c r="H9267" t="s">
        <v>18111</v>
      </c>
      <c r="I9267" t="s">
        <v>30540</v>
      </c>
    </row>
    <row r="9268" spans="1:9">
      <c r="A9268" s="1">
        <f ca="1">RAND()</f>
        <v>0.10933757173220082</v>
      </c>
      <c r="B9268" s="1"/>
      <c r="C9268">
        <v>11</v>
      </c>
      <c r="D9268" t="s">
        <v>18108</v>
      </c>
      <c r="E9268" t="s">
        <v>33208</v>
      </c>
      <c r="F9268">
        <v>3</v>
      </c>
      <c r="G9268" t="s">
        <v>14</v>
      </c>
      <c r="H9268" t="s">
        <v>18109</v>
      </c>
      <c r="I9268" t="s">
        <v>30540</v>
      </c>
    </row>
    <row r="9269" spans="1:9">
      <c r="A9269" s="1">
        <f ca="1">RAND()</f>
        <v>0.69999302887404136</v>
      </c>
      <c r="B9269" s="1"/>
      <c r="C9269">
        <v>16</v>
      </c>
      <c r="D9269" t="s">
        <v>18112</v>
      </c>
      <c r="E9269" t="s">
        <v>33208</v>
      </c>
      <c r="F9269">
        <v>2</v>
      </c>
      <c r="G9269" t="s">
        <v>14</v>
      </c>
      <c r="H9269" t="s">
        <v>18113</v>
      </c>
      <c r="I9269" t="s">
        <v>30540</v>
      </c>
    </row>
    <row r="9270" spans="1:9">
      <c r="A9270" s="1">
        <f ca="1">RAND()</f>
        <v>0.10569583955634765</v>
      </c>
      <c r="B9270" s="1"/>
      <c r="C9270">
        <v>7</v>
      </c>
      <c r="D9270" t="s">
        <v>18098</v>
      </c>
      <c r="E9270" t="s">
        <v>33209</v>
      </c>
      <c r="F9270">
        <v>5</v>
      </c>
      <c r="G9270" t="s">
        <v>10</v>
      </c>
      <c r="H9270" t="s">
        <v>18099</v>
      </c>
      <c r="I9270" t="s">
        <v>30540</v>
      </c>
    </row>
    <row r="9271" spans="1:9">
      <c r="A9271" s="1">
        <f ca="1">RAND()</f>
        <v>0.38885525035075164</v>
      </c>
      <c r="B9271" s="1"/>
      <c r="C9271">
        <v>11</v>
      </c>
      <c r="D9271" t="s">
        <v>18100</v>
      </c>
      <c r="E9271" t="s">
        <v>33209</v>
      </c>
      <c r="F9271">
        <v>5</v>
      </c>
      <c r="G9271" t="s">
        <v>10</v>
      </c>
      <c r="H9271" t="s">
        <v>18101</v>
      </c>
      <c r="I9271" t="s">
        <v>30540</v>
      </c>
    </row>
    <row r="9272" spans="1:9">
      <c r="A9272" s="1">
        <f ca="1">RAND()</f>
        <v>0.54361944373850513</v>
      </c>
      <c r="B9272" s="1"/>
      <c r="C9272">
        <v>19</v>
      </c>
      <c r="D9272" t="s">
        <v>18104</v>
      </c>
      <c r="E9272" t="s">
        <v>33209</v>
      </c>
      <c r="F9272">
        <v>4</v>
      </c>
      <c r="G9272" t="s">
        <v>10</v>
      </c>
      <c r="H9272" t="s">
        <v>18105</v>
      </c>
      <c r="I9272" t="s">
        <v>30540</v>
      </c>
    </row>
    <row r="9273" spans="1:9">
      <c r="A9273" s="1">
        <f ca="1">RAND()</f>
        <v>0.12550378583788802</v>
      </c>
      <c r="B9273" s="1"/>
      <c r="C9273">
        <v>16</v>
      </c>
      <c r="D9273" t="s">
        <v>18102</v>
      </c>
      <c r="E9273" t="s">
        <v>33209</v>
      </c>
      <c r="F9273">
        <v>4</v>
      </c>
      <c r="G9273" t="s">
        <v>10</v>
      </c>
      <c r="H9273" t="s">
        <v>18103</v>
      </c>
      <c r="I9273" t="s">
        <v>30540</v>
      </c>
    </row>
    <row r="9274" spans="1:9">
      <c r="A9274" s="1">
        <f ca="1">RAND()</f>
        <v>0.37451059213623383</v>
      </c>
      <c r="B9274" s="1"/>
      <c r="C9274">
        <v>4</v>
      </c>
      <c r="D9274" t="s">
        <v>18096</v>
      </c>
      <c r="E9274" t="s">
        <v>33209</v>
      </c>
      <c r="F9274">
        <v>4</v>
      </c>
      <c r="G9274" t="s">
        <v>2</v>
      </c>
      <c r="H9274" t="s">
        <v>18097</v>
      </c>
      <c r="I9274" t="s">
        <v>30540</v>
      </c>
    </row>
    <row r="9275" spans="1:9">
      <c r="A9275" s="1">
        <f ca="1">RAND()</f>
        <v>4.2922283504987502E-2</v>
      </c>
      <c r="B9275" s="1"/>
      <c r="C9275">
        <v>9</v>
      </c>
      <c r="D9275" t="s">
        <v>18088</v>
      </c>
      <c r="E9275" t="s">
        <v>33210</v>
      </c>
      <c r="F9275">
        <v>5</v>
      </c>
      <c r="G9275" t="s">
        <v>10</v>
      </c>
      <c r="H9275" t="s">
        <v>18089</v>
      </c>
      <c r="I9275" t="s">
        <v>30540</v>
      </c>
    </row>
    <row r="9276" spans="1:9">
      <c r="A9276" s="1">
        <f ca="1">RAND()</f>
        <v>5.364474200298297E-2</v>
      </c>
      <c r="B9276" s="1"/>
      <c r="C9276">
        <v>16</v>
      </c>
      <c r="D9276" t="s">
        <v>18092</v>
      </c>
      <c r="E9276" t="s">
        <v>33210</v>
      </c>
      <c r="F9276">
        <v>5</v>
      </c>
      <c r="G9276" t="s">
        <v>10</v>
      </c>
      <c r="H9276" t="s">
        <v>18093</v>
      </c>
      <c r="I9276" t="s">
        <v>30540</v>
      </c>
    </row>
    <row r="9277" spans="1:9">
      <c r="A9277" s="1">
        <f ca="1">RAND()</f>
        <v>0.93518743735622556</v>
      </c>
      <c r="B9277" s="1"/>
      <c r="C9277">
        <v>18</v>
      </c>
      <c r="D9277" t="s">
        <v>18094</v>
      </c>
      <c r="E9277" t="s">
        <v>33210</v>
      </c>
      <c r="F9277">
        <v>5</v>
      </c>
      <c r="G9277" t="s">
        <v>10</v>
      </c>
      <c r="H9277" t="s">
        <v>18095</v>
      </c>
      <c r="I9277" t="s">
        <v>30540</v>
      </c>
    </row>
    <row r="9278" spans="1:9">
      <c r="A9278" s="1">
        <f ca="1">RAND()</f>
        <v>0.96539821010593208</v>
      </c>
      <c r="B9278" s="1"/>
      <c r="C9278">
        <v>5</v>
      </c>
      <c r="D9278" t="s">
        <v>18084</v>
      </c>
      <c r="E9278" t="s">
        <v>33210</v>
      </c>
      <c r="F9278">
        <v>5</v>
      </c>
      <c r="G9278" t="s">
        <v>10</v>
      </c>
      <c r="H9278" t="s">
        <v>18085</v>
      </c>
      <c r="I9278" t="s">
        <v>30540</v>
      </c>
    </row>
    <row r="9279" spans="1:9">
      <c r="A9279" s="1">
        <f ca="1">RAND()</f>
        <v>0.42721391291417621</v>
      </c>
      <c r="B9279" s="1"/>
      <c r="C9279">
        <v>7</v>
      </c>
      <c r="D9279" t="s">
        <v>18086</v>
      </c>
      <c r="E9279" t="s">
        <v>33210</v>
      </c>
      <c r="F9279">
        <v>5</v>
      </c>
      <c r="G9279" t="s">
        <v>10</v>
      </c>
      <c r="H9279" t="s">
        <v>18087</v>
      </c>
      <c r="I9279" t="s">
        <v>30540</v>
      </c>
    </row>
    <row r="9280" spans="1:9">
      <c r="A9280" s="1">
        <f ca="1">RAND()</f>
        <v>0.83924023089111</v>
      </c>
      <c r="B9280" s="1"/>
      <c r="C9280">
        <v>14</v>
      </c>
      <c r="D9280" t="s">
        <v>18090</v>
      </c>
      <c r="E9280" t="s">
        <v>33210</v>
      </c>
      <c r="F9280">
        <v>2</v>
      </c>
      <c r="G9280" t="s">
        <v>1</v>
      </c>
      <c r="H9280" t="s">
        <v>18091</v>
      </c>
      <c r="I9280" t="s">
        <v>30540</v>
      </c>
    </row>
    <row r="9281" spans="1:9">
      <c r="A9281" s="1">
        <f ca="1">RAND()</f>
        <v>0.49258343356970391</v>
      </c>
      <c r="B9281" s="1"/>
      <c r="C9281">
        <v>16</v>
      </c>
      <c r="D9281" t="s">
        <v>18082</v>
      </c>
      <c r="E9281" t="s">
        <v>33211</v>
      </c>
      <c r="F9281">
        <v>4</v>
      </c>
      <c r="G9281" t="s">
        <v>9</v>
      </c>
      <c r="H9281" t="s">
        <v>18083</v>
      </c>
      <c r="I9281" t="s">
        <v>30540</v>
      </c>
    </row>
    <row r="9282" spans="1:9">
      <c r="A9282" s="1">
        <f ca="1">RAND()</f>
        <v>0.28402124802384809</v>
      </c>
      <c r="B9282" s="1"/>
      <c r="C9282">
        <v>9</v>
      </c>
      <c r="D9282" t="s">
        <v>18078</v>
      </c>
      <c r="E9282" t="s">
        <v>33211</v>
      </c>
      <c r="F9282">
        <v>4</v>
      </c>
      <c r="G9282" t="s">
        <v>14</v>
      </c>
      <c r="H9282" t="s">
        <v>18079</v>
      </c>
      <c r="I9282" t="s">
        <v>30540</v>
      </c>
    </row>
    <row r="9283" spans="1:9">
      <c r="A9283" s="1">
        <f ca="1">RAND()</f>
        <v>0.94163487281736824</v>
      </c>
      <c r="B9283" s="1"/>
      <c r="C9283">
        <v>15</v>
      </c>
      <c r="D9283" t="s">
        <v>18080</v>
      </c>
      <c r="E9283" t="s">
        <v>33211</v>
      </c>
      <c r="F9283">
        <v>4</v>
      </c>
      <c r="G9283" t="s">
        <v>14</v>
      </c>
      <c r="H9283" t="s">
        <v>18081</v>
      </c>
      <c r="I9283" t="s">
        <v>30540</v>
      </c>
    </row>
    <row r="9284" spans="1:9">
      <c r="A9284" s="1">
        <f ca="1">RAND()</f>
        <v>1.543607585100093E-2</v>
      </c>
      <c r="B9284" s="1"/>
      <c r="C9284">
        <v>3</v>
      </c>
      <c r="D9284" t="s">
        <v>18076</v>
      </c>
      <c r="E9284" t="s">
        <v>33211</v>
      </c>
      <c r="F9284">
        <v>3</v>
      </c>
      <c r="G9284" t="s">
        <v>9</v>
      </c>
      <c r="H9284" t="s">
        <v>18077</v>
      </c>
      <c r="I9284" t="s">
        <v>30540</v>
      </c>
    </row>
    <row r="9285" spans="1:9">
      <c r="A9285" s="1">
        <f ca="1">RAND()</f>
        <v>0.49979229185407015</v>
      </c>
      <c r="B9285" s="1"/>
      <c r="C9285">
        <v>20</v>
      </c>
      <c r="D9285" t="s">
        <v>18074</v>
      </c>
      <c r="E9285" t="s">
        <v>33212</v>
      </c>
      <c r="F9285">
        <v>5</v>
      </c>
      <c r="G9285" t="s">
        <v>9</v>
      </c>
      <c r="H9285" t="s">
        <v>18075</v>
      </c>
      <c r="I9285" t="s">
        <v>30540</v>
      </c>
    </row>
    <row r="9286" spans="1:9">
      <c r="A9286" s="1">
        <f ca="1">RAND()</f>
        <v>0.23674839381159374</v>
      </c>
      <c r="B9286" s="1"/>
      <c r="C9286">
        <v>6</v>
      </c>
      <c r="D9286" t="s">
        <v>18068</v>
      </c>
      <c r="E9286" t="s">
        <v>33212</v>
      </c>
      <c r="F9286">
        <v>4</v>
      </c>
      <c r="G9286" t="s">
        <v>2</v>
      </c>
      <c r="H9286" t="s">
        <v>18069</v>
      </c>
      <c r="I9286" t="s">
        <v>30540</v>
      </c>
    </row>
    <row r="9287" spans="1:9">
      <c r="A9287" s="1">
        <f ca="1">RAND()</f>
        <v>0.38322819801429631</v>
      </c>
      <c r="B9287" s="1"/>
      <c r="C9287">
        <v>17</v>
      </c>
      <c r="D9287" t="s">
        <v>18070</v>
      </c>
      <c r="E9287" t="s">
        <v>33212</v>
      </c>
      <c r="F9287">
        <v>4</v>
      </c>
      <c r="G9287" t="s">
        <v>14</v>
      </c>
      <c r="H9287" t="s">
        <v>18071</v>
      </c>
      <c r="I9287" t="s">
        <v>30540</v>
      </c>
    </row>
    <row r="9288" spans="1:9">
      <c r="A9288" s="1">
        <f ca="1">RAND()</f>
        <v>0.18479348546364949</v>
      </c>
      <c r="B9288" s="1"/>
      <c r="C9288">
        <v>18</v>
      </c>
      <c r="D9288" t="s">
        <v>18072</v>
      </c>
      <c r="E9288" t="s">
        <v>33212</v>
      </c>
      <c r="F9288">
        <v>3</v>
      </c>
      <c r="G9288" t="s">
        <v>14</v>
      </c>
      <c r="H9288" t="s">
        <v>18073</v>
      </c>
      <c r="I9288" t="s">
        <v>30540</v>
      </c>
    </row>
    <row r="9289" spans="1:9">
      <c r="A9289" s="1">
        <f ca="1">RAND()</f>
        <v>1.3563023886561831E-2</v>
      </c>
      <c r="B9289" s="1"/>
      <c r="C9289">
        <v>1</v>
      </c>
      <c r="D9289" t="s">
        <v>18064</v>
      </c>
      <c r="E9289" t="s">
        <v>33212</v>
      </c>
      <c r="F9289">
        <v>3</v>
      </c>
      <c r="G9289" t="s">
        <v>10</v>
      </c>
      <c r="H9289" t="s">
        <v>18065</v>
      </c>
      <c r="I9289" t="s">
        <v>30540</v>
      </c>
    </row>
    <row r="9290" spans="1:9">
      <c r="A9290" s="1">
        <f ca="1">RAND()</f>
        <v>7.8605539471797714E-2</v>
      </c>
      <c r="B9290" s="1"/>
      <c r="C9290">
        <v>4</v>
      </c>
      <c r="D9290" t="s">
        <v>18066</v>
      </c>
      <c r="E9290" t="s">
        <v>33212</v>
      </c>
      <c r="F9290">
        <v>3</v>
      </c>
      <c r="G9290" t="s">
        <v>9</v>
      </c>
      <c r="H9290" t="s">
        <v>18067</v>
      </c>
      <c r="I9290" t="s">
        <v>30540</v>
      </c>
    </row>
    <row r="9291" spans="1:9">
      <c r="A9291" s="1">
        <f ca="1">RAND()</f>
        <v>0.2036101808162577</v>
      </c>
      <c r="B9291" s="1"/>
      <c r="C9291">
        <v>19</v>
      </c>
      <c r="D9291" t="s">
        <v>18062</v>
      </c>
      <c r="E9291" t="s">
        <v>33213</v>
      </c>
      <c r="F9291">
        <v>4</v>
      </c>
      <c r="G9291" t="s">
        <v>0</v>
      </c>
      <c r="H9291" t="s">
        <v>18063</v>
      </c>
      <c r="I9291" t="s">
        <v>30540</v>
      </c>
    </row>
    <row r="9292" spans="1:9">
      <c r="A9292" s="1">
        <f ca="1">RAND()</f>
        <v>0.4834552149213357</v>
      </c>
      <c r="B9292" s="1"/>
      <c r="C9292">
        <v>17</v>
      </c>
      <c r="D9292" t="s">
        <v>18060</v>
      </c>
      <c r="E9292" t="s">
        <v>33213</v>
      </c>
      <c r="F9292">
        <v>4</v>
      </c>
      <c r="G9292" t="s">
        <v>14</v>
      </c>
      <c r="H9292" t="s">
        <v>18061</v>
      </c>
      <c r="I9292" t="s">
        <v>30540</v>
      </c>
    </row>
    <row r="9293" spans="1:9">
      <c r="A9293" s="1">
        <f ca="1">RAND()</f>
        <v>0.68206171580105324</v>
      </c>
      <c r="B9293" s="1"/>
      <c r="C9293">
        <v>12</v>
      </c>
      <c r="D9293" t="s">
        <v>18056</v>
      </c>
      <c r="E9293" t="s">
        <v>33213</v>
      </c>
      <c r="F9293">
        <v>4</v>
      </c>
      <c r="G9293" t="s">
        <v>14</v>
      </c>
      <c r="H9293" t="s">
        <v>18057</v>
      </c>
      <c r="I9293" t="s">
        <v>30540</v>
      </c>
    </row>
    <row r="9294" spans="1:9">
      <c r="A9294" s="1">
        <f ca="1">RAND()</f>
        <v>4.3836153955278401E-2</v>
      </c>
      <c r="B9294" s="1"/>
      <c r="C9294">
        <v>16</v>
      </c>
      <c r="D9294" t="s">
        <v>18058</v>
      </c>
      <c r="E9294" t="s">
        <v>33213</v>
      </c>
      <c r="F9294">
        <v>2</v>
      </c>
      <c r="G9294" t="s">
        <v>14</v>
      </c>
      <c r="H9294" t="s">
        <v>18059</v>
      </c>
      <c r="I9294" t="s">
        <v>30540</v>
      </c>
    </row>
    <row r="9295" spans="1:9">
      <c r="A9295" s="1">
        <f ca="1">RAND()</f>
        <v>0.21612155109028341</v>
      </c>
      <c r="B9295" s="1"/>
      <c r="C9295">
        <v>15</v>
      </c>
      <c r="D9295" t="s">
        <v>18050</v>
      </c>
      <c r="E9295" t="s">
        <v>33214</v>
      </c>
      <c r="F9295">
        <v>5</v>
      </c>
      <c r="G9295" t="s">
        <v>14</v>
      </c>
      <c r="H9295" t="s">
        <v>18051</v>
      </c>
      <c r="I9295" t="s">
        <v>30540</v>
      </c>
    </row>
    <row r="9296" spans="1:9">
      <c r="A9296" s="1">
        <f ca="1">RAND()</f>
        <v>0.96975093018431768</v>
      </c>
      <c r="B9296" s="1"/>
      <c r="C9296">
        <v>11</v>
      </c>
      <c r="D9296" t="s">
        <v>18048</v>
      </c>
      <c r="E9296" t="s">
        <v>33214</v>
      </c>
      <c r="F9296">
        <v>5</v>
      </c>
      <c r="G9296" t="s">
        <v>14</v>
      </c>
      <c r="H9296" t="s">
        <v>18049</v>
      </c>
      <c r="I9296" t="s">
        <v>30540</v>
      </c>
    </row>
    <row r="9297" spans="1:9">
      <c r="A9297" s="1">
        <f ca="1">RAND()</f>
        <v>0.51412958910157314</v>
      </c>
      <c r="B9297" s="1"/>
      <c r="C9297">
        <v>2</v>
      </c>
      <c r="D9297" t="s">
        <v>18044</v>
      </c>
      <c r="E9297" t="s">
        <v>33214</v>
      </c>
      <c r="F9297">
        <v>4</v>
      </c>
      <c r="G9297" t="s">
        <v>14</v>
      </c>
      <c r="H9297" t="s">
        <v>18045</v>
      </c>
      <c r="I9297" t="s">
        <v>30540</v>
      </c>
    </row>
    <row r="9298" spans="1:9">
      <c r="A9298" s="1">
        <f ca="1">RAND()</f>
        <v>2.1406924757197077E-2</v>
      </c>
      <c r="B9298" s="1"/>
      <c r="C9298">
        <v>10</v>
      </c>
      <c r="D9298" t="s">
        <v>18046</v>
      </c>
      <c r="E9298" t="s">
        <v>33214</v>
      </c>
      <c r="F9298">
        <v>4</v>
      </c>
      <c r="G9298" t="s">
        <v>10</v>
      </c>
      <c r="H9298" t="s">
        <v>18047</v>
      </c>
      <c r="I9298" t="s">
        <v>30540</v>
      </c>
    </row>
    <row r="9299" spans="1:9">
      <c r="A9299" s="1">
        <f ca="1">RAND()</f>
        <v>0.98474557382888706</v>
      </c>
      <c r="B9299" s="1"/>
      <c r="C9299">
        <v>16</v>
      </c>
      <c r="D9299" t="s">
        <v>18052</v>
      </c>
      <c r="E9299" t="s">
        <v>33214</v>
      </c>
      <c r="F9299">
        <v>4</v>
      </c>
      <c r="G9299" t="s">
        <v>14</v>
      </c>
      <c r="H9299" t="s">
        <v>18053</v>
      </c>
      <c r="I9299" t="s">
        <v>30540</v>
      </c>
    </row>
    <row r="9300" spans="1:9">
      <c r="A9300" s="1">
        <f ca="1">RAND()</f>
        <v>0.51093333755244419</v>
      </c>
      <c r="B9300" s="1"/>
      <c r="C9300">
        <v>17</v>
      </c>
      <c r="D9300" t="s">
        <v>18054</v>
      </c>
      <c r="E9300" t="s">
        <v>33214</v>
      </c>
      <c r="F9300">
        <v>4</v>
      </c>
      <c r="G9300" t="s">
        <v>1</v>
      </c>
      <c r="H9300" t="s">
        <v>18055</v>
      </c>
      <c r="I9300" t="s">
        <v>30540</v>
      </c>
    </row>
    <row r="9301" spans="1:9">
      <c r="A9301" s="1">
        <f ca="1">RAND()</f>
        <v>0.8985647155735712</v>
      </c>
      <c r="B9301" s="1"/>
      <c r="C9301">
        <v>1</v>
      </c>
      <c r="D9301" t="s">
        <v>18042</v>
      </c>
      <c r="E9301" t="s">
        <v>33214</v>
      </c>
      <c r="F9301">
        <v>2</v>
      </c>
      <c r="G9301" t="s">
        <v>2</v>
      </c>
      <c r="H9301" t="s">
        <v>18043</v>
      </c>
      <c r="I9301" t="s">
        <v>30540</v>
      </c>
    </row>
    <row r="9302" spans="1:9">
      <c r="A9302" s="1">
        <f ca="1">RAND()</f>
        <v>0.53909941322688248</v>
      </c>
      <c r="B9302" s="1"/>
      <c r="C9302">
        <v>8</v>
      </c>
      <c r="D9302" t="s">
        <v>18038</v>
      </c>
      <c r="E9302" t="s">
        <v>33215</v>
      </c>
      <c r="F9302">
        <v>4</v>
      </c>
      <c r="G9302" t="s">
        <v>3732</v>
      </c>
      <c r="H9302" t="s">
        <v>18039</v>
      </c>
      <c r="I9302" t="s">
        <v>30540</v>
      </c>
    </row>
    <row r="9303" spans="1:9">
      <c r="A9303" s="1">
        <f ca="1">RAND()</f>
        <v>0.26009793106135604</v>
      </c>
      <c r="B9303" s="1"/>
      <c r="C9303">
        <v>7</v>
      </c>
      <c r="D9303" t="s">
        <v>18036</v>
      </c>
      <c r="E9303" t="s">
        <v>33215</v>
      </c>
      <c r="F9303">
        <v>3</v>
      </c>
      <c r="G9303" t="s">
        <v>2229</v>
      </c>
      <c r="H9303" t="s">
        <v>18037</v>
      </c>
      <c r="I9303" t="s">
        <v>30540</v>
      </c>
    </row>
    <row r="9304" spans="1:9">
      <c r="A9304" s="1">
        <f ca="1">RAND()</f>
        <v>0.26869848071271596</v>
      </c>
      <c r="B9304" s="1"/>
      <c r="C9304">
        <v>20</v>
      </c>
      <c r="D9304" t="s">
        <v>18040</v>
      </c>
      <c r="E9304" t="s">
        <v>33215</v>
      </c>
      <c r="F9304">
        <v>2</v>
      </c>
      <c r="G9304" t="s">
        <v>14</v>
      </c>
      <c r="H9304" t="s">
        <v>18041</v>
      </c>
      <c r="I9304" t="s">
        <v>30540</v>
      </c>
    </row>
    <row r="9305" spans="1:9">
      <c r="A9305" s="1">
        <f ca="1">RAND()</f>
        <v>0.32498414397291009</v>
      </c>
      <c r="B9305" s="1"/>
      <c r="C9305">
        <v>5</v>
      </c>
      <c r="D9305" t="s">
        <v>18032</v>
      </c>
      <c r="E9305" t="s">
        <v>33216</v>
      </c>
      <c r="F9305">
        <v>5</v>
      </c>
      <c r="G9305" t="s">
        <v>14</v>
      </c>
      <c r="H9305" t="s">
        <v>18033</v>
      </c>
      <c r="I9305" t="s">
        <v>30540</v>
      </c>
    </row>
    <row r="9306" spans="1:9">
      <c r="A9306" s="1">
        <f ca="1">RAND()</f>
        <v>5.7450632109034894E-2</v>
      </c>
      <c r="B9306" s="1"/>
      <c r="C9306">
        <v>8</v>
      </c>
      <c r="D9306" t="s">
        <v>18034</v>
      </c>
      <c r="E9306" t="s">
        <v>33216</v>
      </c>
      <c r="F9306">
        <v>4</v>
      </c>
      <c r="G9306" t="s">
        <v>14</v>
      </c>
      <c r="H9306" t="s">
        <v>18035</v>
      </c>
      <c r="I9306" t="s">
        <v>30540</v>
      </c>
    </row>
    <row r="9307" spans="1:9">
      <c r="A9307" s="1">
        <f ca="1">RAND()</f>
        <v>0.49098797344626521</v>
      </c>
      <c r="B9307" s="1"/>
      <c r="C9307">
        <v>1</v>
      </c>
      <c r="D9307" t="s">
        <v>18028</v>
      </c>
      <c r="E9307" t="s">
        <v>33216</v>
      </c>
      <c r="F9307">
        <v>4</v>
      </c>
      <c r="G9307" t="s">
        <v>2</v>
      </c>
      <c r="H9307" t="s">
        <v>18029</v>
      </c>
      <c r="I9307" t="s">
        <v>30540</v>
      </c>
    </row>
    <row r="9308" spans="1:9">
      <c r="A9308" s="1">
        <f ca="1">RAND()</f>
        <v>0.49313364200913956</v>
      </c>
      <c r="B9308" s="1"/>
      <c r="C9308">
        <v>4</v>
      </c>
      <c r="D9308" t="s">
        <v>18030</v>
      </c>
      <c r="E9308" t="s">
        <v>33216</v>
      </c>
      <c r="F9308">
        <v>4</v>
      </c>
      <c r="G9308" t="s">
        <v>10</v>
      </c>
      <c r="H9308" t="s">
        <v>18031</v>
      </c>
      <c r="I9308" t="s">
        <v>30540</v>
      </c>
    </row>
    <row r="9309" spans="1:9">
      <c r="A9309" s="1">
        <f ca="1">RAND()</f>
        <v>0.8067001194982315</v>
      </c>
      <c r="B9309" s="1"/>
      <c r="C9309">
        <v>13</v>
      </c>
      <c r="D9309" t="s">
        <v>18022</v>
      </c>
      <c r="E9309" t="s">
        <v>33217</v>
      </c>
      <c r="F9309">
        <v>5</v>
      </c>
      <c r="G9309" t="s">
        <v>14</v>
      </c>
      <c r="H9309" t="s">
        <v>18023</v>
      </c>
      <c r="I9309" t="s">
        <v>30540</v>
      </c>
    </row>
    <row r="9310" spans="1:9">
      <c r="A9310" s="1">
        <f ca="1">RAND()</f>
        <v>0.43059498765955817</v>
      </c>
      <c r="B9310" s="1"/>
      <c r="C9310">
        <v>9</v>
      </c>
      <c r="D9310" t="s">
        <v>18018</v>
      </c>
      <c r="E9310" t="s">
        <v>33217</v>
      </c>
      <c r="F9310">
        <v>4</v>
      </c>
      <c r="G9310" t="s">
        <v>14</v>
      </c>
      <c r="H9310" t="s">
        <v>18019</v>
      </c>
      <c r="I9310" t="s">
        <v>30540</v>
      </c>
    </row>
    <row r="9311" spans="1:9">
      <c r="A9311" s="1">
        <f ca="1">RAND()</f>
        <v>0.50733202015187062</v>
      </c>
      <c r="B9311" s="1"/>
      <c r="C9311">
        <v>16</v>
      </c>
      <c r="D9311" t="s">
        <v>18024</v>
      </c>
      <c r="E9311" t="s">
        <v>33217</v>
      </c>
      <c r="F9311">
        <v>4</v>
      </c>
      <c r="G9311" t="s">
        <v>9</v>
      </c>
      <c r="H9311" t="s">
        <v>18025</v>
      </c>
      <c r="I9311" t="s">
        <v>30540</v>
      </c>
    </row>
    <row r="9312" spans="1:9">
      <c r="A9312" s="1">
        <f ca="1">RAND()</f>
        <v>0.27384370056005591</v>
      </c>
      <c r="B9312" s="1"/>
      <c r="C9312">
        <v>10</v>
      </c>
      <c r="D9312" t="s">
        <v>18020</v>
      </c>
      <c r="E9312" t="s">
        <v>33217</v>
      </c>
      <c r="F9312">
        <v>2</v>
      </c>
      <c r="G9312" t="s">
        <v>10</v>
      </c>
      <c r="H9312" t="s">
        <v>18021</v>
      </c>
      <c r="I9312" t="s">
        <v>30540</v>
      </c>
    </row>
    <row r="9313" spans="1:9">
      <c r="A9313" s="1">
        <f ca="1">RAND()</f>
        <v>0.14867207777665969</v>
      </c>
      <c r="B9313" s="1"/>
      <c r="C9313">
        <v>20</v>
      </c>
      <c r="D9313" t="s">
        <v>18026</v>
      </c>
      <c r="E9313" t="s">
        <v>33217</v>
      </c>
      <c r="F9313">
        <v>1</v>
      </c>
      <c r="G9313" t="s">
        <v>14</v>
      </c>
      <c r="H9313" t="s">
        <v>18027</v>
      </c>
      <c r="I9313" t="s">
        <v>30540</v>
      </c>
    </row>
    <row r="9314" spans="1:9">
      <c r="A9314" s="1">
        <f ca="1">RAND()</f>
        <v>0.31092763276377222</v>
      </c>
      <c r="B9314" s="1"/>
      <c r="C9314">
        <v>7</v>
      </c>
      <c r="D9314" t="s">
        <v>18012</v>
      </c>
      <c r="E9314" t="s">
        <v>33218</v>
      </c>
      <c r="F9314">
        <v>4</v>
      </c>
      <c r="G9314" t="s">
        <v>14</v>
      </c>
      <c r="H9314" t="s">
        <v>18013</v>
      </c>
      <c r="I9314" t="s">
        <v>30540</v>
      </c>
    </row>
    <row r="9315" spans="1:9">
      <c r="A9315" s="1">
        <f ca="1">RAND()</f>
        <v>0.55111321251069034</v>
      </c>
      <c r="B9315" s="1"/>
      <c r="C9315">
        <v>5</v>
      </c>
      <c r="D9315" t="s">
        <v>18010</v>
      </c>
      <c r="E9315" t="s">
        <v>33218</v>
      </c>
      <c r="F9315">
        <v>4</v>
      </c>
      <c r="G9315" t="s">
        <v>0</v>
      </c>
      <c r="H9315" t="s">
        <v>18011</v>
      </c>
      <c r="I9315" t="s">
        <v>30540</v>
      </c>
    </row>
    <row r="9316" spans="1:9">
      <c r="A9316" s="1">
        <f ca="1">RAND()</f>
        <v>0.71555772127358841</v>
      </c>
      <c r="B9316" s="1"/>
      <c r="C9316">
        <v>11</v>
      </c>
      <c r="D9316" t="s">
        <v>18016</v>
      </c>
      <c r="E9316" t="s">
        <v>33218</v>
      </c>
      <c r="F9316">
        <v>2</v>
      </c>
      <c r="G9316" t="s">
        <v>0</v>
      </c>
      <c r="H9316" t="s">
        <v>18017</v>
      </c>
      <c r="I9316" t="s">
        <v>30540</v>
      </c>
    </row>
    <row r="9317" spans="1:9">
      <c r="A9317" s="1">
        <f ca="1">RAND()</f>
        <v>0.8926210665164982</v>
      </c>
      <c r="B9317" s="1"/>
      <c r="C9317">
        <v>8</v>
      </c>
      <c r="D9317" t="s">
        <v>18014</v>
      </c>
      <c r="E9317" t="s">
        <v>33218</v>
      </c>
      <c r="F9317">
        <v>1</v>
      </c>
      <c r="G9317" t="s">
        <v>10</v>
      </c>
      <c r="H9317" t="s">
        <v>18015</v>
      </c>
      <c r="I9317" t="s">
        <v>30540</v>
      </c>
    </row>
    <row r="9318" spans="1:9">
      <c r="A9318" s="1">
        <f ca="1">RAND()</f>
        <v>0.75263615840180165</v>
      </c>
      <c r="B9318" s="1"/>
      <c r="C9318">
        <v>14</v>
      </c>
      <c r="D9318" t="s">
        <v>18004</v>
      </c>
      <c r="E9318" t="s">
        <v>33219</v>
      </c>
      <c r="F9318">
        <v>5</v>
      </c>
      <c r="G9318" t="s">
        <v>14</v>
      </c>
      <c r="H9318" t="s">
        <v>18005</v>
      </c>
      <c r="I9318" t="s">
        <v>30540</v>
      </c>
    </row>
    <row r="9319" spans="1:9">
      <c r="A9319" s="1">
        <f ca="1">RAND()</f>
        <v>0.24025851973916501</v>
      </c>
      <c r="B9319" s="1"/>
      <c r="C9319">
        <v>1</v>
      </c>
      <c r="D9319" t="s">
        <v>18000</v>
      </c>
      <c r="E9319" t="s">
        <v>33219</v>
      </c>
      <c r="F9319">
        <v>5</v>
      </c>
      <c r="G9319" t="s">
        <v>2</v>
      </c>
      <c r="H9319" t="s">
        <v>18001</v>
      </c>
      <c r="I9319" t="s">
        <v>30540</v>
      </c>
    </row>
    <row r="9320" spans="1:9">
      <c r="A9320" s="1">
        <f ca="1">RAND()</f>
        <v>0.37942344083433999</v>
      </c>
      <c r="B9320" s="1"/>
      <c r="C9320">
        <v>16</v>
      </c>
      <c r="D9320" t="s">
        <v>18006</v>
      </c>
      <c r="E9320" t="s">
        <v>33219</v>
      </c>
      <c r="F9320">
        <v>4</v>
      </c>
      <c r="G9320" t="s">
        <v>1</v>
      </c>
      <c r="H9320" t="s">
        <v>18007</v>
      </c>
      <c r="I9320" t="s">
        <v>30540</v>
      </c>
    </row>
    <row r="9321" spans="1:9">
      <c r="A9321" s="1">
        <f ca="1">RAND()</f>
        <v>0.17773366640129107</v>
      </c>
      <c r="B9321" s="1"/>
      <c r="C9321">
        <v>12</v>
      </c>
      <c r="D9321" t="s">
        <v>18002</v>
      </c>
      <c r="E9321" t="s">
        <v>33219</v>
      </c>
      <c r="F9321">
        <v>4</v>
      </c>
      <c r="G9321" t="s">
        <v>14</v>
      </c>
      <c r="H9321" t="s">
        <v>18003</v>
      </c>
      <c r="I9321" t="s">
        <v>30540</v>
      </c>
    </row>
    <row r="9322" spans="1:9">
      <c r="A9322" s="1">
        <f ca="1">RAND()</f>
        <v>0.98889209542128653</v>
      </c>
      <c r="B9322" s="1"/>
      <c r="C9322">
        <v>17</v>
      </c>
      <c r="D9322" t="s">
        <v>18008</v>
      </c>
      <c r="E9322" t="s">
        <v>33219</v>
      </c>
      <c r="F9322">
        <v>4</v>
      </c>
      <c r="G9322" t="s">
        <v>14</v>
      </c>
      <c r="H9322" t="s">
        <v>18009</v>
      </c>
      <c r="I9322" t="s">
        <v>30540</v>
      </c>
    </row>
    <row r="9323" spans="1:9">
      <c r="A9323" s="1">
        <f ca="1">RAND()</f>
        <v>0.27181840186084549</v>
      </c>
      <c r="B9323" s="1"/>
      <c r="C9323">
        <v>14</v>
      </c>
      <c r="D9323" t="s">
        <v>17996</v>
      </c>
      <c r="E9323" t="s">
        <v>33220</v>
      </c>
      <c r="F9323">
        <v>5</v>
      </c>
      <c r="G9323" t="s">
        <v>14</v>
      </c>
      <c r="H9323" t="s">
        <v>17997</v>
      </c>
      <c r="I9323" t="s">
        <v>30540</v>
      </c>
    </row>
    <row r="9324" spans="1:9">
      <c r="A9324" s="1">
        <f ca="1">RAND()</f>
        <v>0.98956434223286049</v>
      </c>
      <c r="B9324" s="1"/>
      <c r="C9324">
        <v>3</v>
      </c>
      <c r="D9324" t="s">
        <v>17994</v>
      </c>
      <c r="E9324" t="s">
        <v>33220</v>
      </c>
      <c r="F9324">
        <v>4</v>
      </c>
      <c r="G9324" t="s">
        <v>2226</v>
      </c>
      <c r="H9324" t="s">
        <v>17995</v>
      </c>
      <c r="I9324" t="s">
        <v>30540</v>
      </c>
    </row>
    <row r="9325" spans="1:9">
      <c r="A9325" s="1">
        <f ca="1">RAND()</f>
        <v>0.75446613294767539</v>
      </c>
      <c r="B9325" s="1"/>
      <c r="C9325">
        <v>17</v>
      </c>
      <c r="D9325" t="s">
        <v>17998</v>
      </c>
      <c r="E9325" t="s">
        <v>33220</v>
      </c>
      <c r="F9325">
        <v>4</v>
      </c>
      <c r="G9325" t="s">
        <v>765</v>
      </c>
      <c r="H9325" t="s">
        <v>17999</v>
      </c>
      <c r="I9325" t="s">
        <v>30540</v>
      </c>
    </row>
    <row r="9326" spans="1:9">
      <c r="A9326" s="1">
        <f ca="1">RAND()</f>
        <v>0.95500580010279912</v>
      </c>
      <c r="B9326" s="1"/>
      <c r="C9326">
        <v>7</v>
      </c>
      <c r="D9326" t="s">
        <v>17988</v>
      </c>
      <c r="E9326" t="s">
        <v>33221</v>
      </c>
      <c r="F9326">
        <v>5</v>
      </c>
      <c r="G9326" t="s">
        <v>9</v>
      </c>
      <c r="H9326" t="s">
        <v>17989</v>
      </c>
      <c r="I9326" t="s">
        <v>30540</v>
      </c>
    </row>
    <row r="9327" spans="1:9">
      <c r="A9327" s="1">
        <f ca="1">RAND()</f>
        <v>0.36714082201597109</v>
      </c>
      <c r="B9327" s="1"/>
      <c r="C9327">
        <v>5</v>
      </c>
      <c r="D9327" t="s">
        <v>17986</v>
      </c>
      <c r="E9327" t="s">
        <v>33221</v>
      </c>
      <c r="F9327">
        <v>4</v>
      </c>
      <c r="G9327" t="s">
        <v>13</v>
      </c>
      <c r="H9327" t="s">
        <v>17987</v>
      </c>
      <c r="I9327" t="s">
        <v>30540</v>
      </c>
    </row>
    <row r="9328" spans="1:9">
      <c r="A9328" s="1">
        <f ca="1">RAND()</f>
        <v>0.64644089977490704</v>
      </c>
      <c r="B9328" s="1"/>
      <c r="C9328">
        <v>9</v>
      </c>
      <c r="D9328" t="s">
        <v>17990</v>
      </c>
      <c r="E9328" t="s">
        <v>33221</v>
      </c>
      <c r="F9328">
        <v>4</v>
      </c>
      <c r="G9328" t="s">
        <v>14</v>
      </c>
      <c r="H9328" t="s">
        <v>17991</v>
      </c>
      <c r="I9328" t="s">
        <v>30540</v>
      </c>
    </row>
    <row r="9329" spans="1:9">
      <c r="A9329" s="1">
        <f ca="1">RAND()</f>
        <v>0.48324360787952103</v>
      </c>
      <c r="B9329" s="1"/>
      <c r="C9329">
        <v>17</v>
      </c>
      <c r="D9329" t="s">
        <v>17992</v>
      </c>
      <c r="E9329" t="s">
        <v>33221</v>
      </c>
      <c r="F9329">
        <v>3</v>
      </c>
      <c r="G9329" t="s">
        <v>14</v>
      </c>
      <c r="H9329" t="s">
        <v>17993</v>
      </c>
      <c r="I9329" t="s">
        <v>30540</v>
      </c>
    </row>
    <row r="9330" spans="1:9">
      <c r="A9330" s="1">
        <f ca="1">RAND()</f>
        <v>0.69516896914626947</v>
      </c>
      <c r="B9330" s="1"/>
      <c r="C9330">
        <v>15</v>
      </c>
      <c r="D9330" t="s">
        <v>17982</v>
      </c>
      <c r="E9330" t="s">
        <v>33222</v>
      </c>
      <c r="F9330">
        <v>5</v>
      </c>
      <c r="G9330" t="s">
        <v>10</v>
      </c>
      <c r="H9330" t="s">
        <v>17983</v>
      </c>
      <c r="I9330" t="s">
        <v>30540</v>
      </c>
    </row>
    <row r="9331" spans="1:9">
      <c r="A9331" s="1">
        <f ca="1">RAND()</f>
        <v>0.42990103993870443</v>
      </c>
      <c r="B9331" s="1"/>
      <c r="C9331">
        <v>1</v>
      </c>
      <c r="D9331" t="s">
        <v>17980</v>
      </c>
      <c r="E9331" t="s">
        <v>33222</v>
      </c>
      <c r="F9331">
        <v>5</v>
      </c>
      <c r="G9331" t="s">
        <v>10</v>
      </c>
      <c r="H9331" t="s">
        <v>17981</v>
      </c>
      <c r="I9331" t="s">
        <v>30540</v>
      </c>
    </row>
    <row r="9332" spans="1:9">
      <c r="A9332" s="1">
        <f ca="1">RAND()</f>
        <v>0.18898890228733545</v>
      </c>
      <c r="B9332" s="1"/>
      <c r="C9332">
        <v>17</v>
      </c>
      <c r="D9332" t="s">
        <v>17984</v>
      </c>
      <c r="E9332" t="s">
        <v>33222</v>
      </c>
      <c r="F9332">
        <v>4</v>
      </c>
      <c r="G9332" t="s">
        <v>14</v>
      </c>
      <c r="H9332" t="s">
        <v>17985</v>
      </c>
      <c r="I9332" t="s">
        <v>30540</v>
      </c>
    </row>
    <row r="9333" spans="1:9">
      <c r="A9333" s="1">
        <f ca="1">RAND()</f>
        <v>0.9450916406861779</v>
      </c>
      <c r="B9333" s="1"/>
      <c r="C9333">
        <v>12</v>
      </c>
      <c r="D9333" t="s">
        <v>17974</v>
      </c>
      <c r="E9333" t="s">
        <v>33223</v>
      </c>
      <c r="F9333">
        <v>4</v>
      </c>
      <c r="G9333" t="s">
        <v>14</v>
      </c>
      <c r="H9333" t="s">
        <v>17975</v>
      </c>
      <c r="I9333" t="s">
        <v>30540</v>
      </c>
    </row>
    <row r="9334" spans="1:9">
      <c r="A9334" s="1">
        <f ca="1">RAND()</f>
        <v>0.12650013374143254</v>
      </c>
      <c r="B9334" s="1"/>
      <c r="C9334">
        <v>11</v>
      </c>
      <c r="D9334" t="s">
        <v>17972</v>
      </c>
      <c r="E9334" t="s">
        <v>33223</v>
      </c>
      <c r="F9334">
        <v>4</v>
      </c>
      <c r="G9334" t="s">
        <v>0</v>
      </c>
      <c r="H9334" t="s">
        <v>17973</v>
      </c>
      <c r="I9334" t="s">
        <v>30540</v>
      </c>
    </row>
    <row r="9335" spans="1:9">
      <c r="A9335" s="1">
        <f ca="1">RAND()</f>
        <v>0.18005358453718923</v>
      </c>
      <c r="B9335" s="1"/>
      <c r="C9335">
        <v>16</v>
      </c>
      <c r="D9335" t="s">
        <v>17976</v>
      </c>
      <c r="E9335" t="s">
        <v>33223</v>
      </c>
      <c r="F9335">
        <v>4</v>
      </c>
      <c r="G9335" t="s">
        <v>14</v>
      </c>
      <c r="H9335" t="s">
        <v>17977</v>
      </c>
      <c r="I9335" t="s">
        <v>30540</v>
      </c>
    </row>
    <row r="9336" spans="1:9">
      <c r="A9336" s="1">
        <f ca="1">RAND()</f>
        <v>0.6179582607701678</v>
      </c>
      <c r="B9336" s="1"/>
      <c r="C9336">
        <v>3</v>
      </c>
      <c r="D9336" t="s">
        <v>17970</v>
      </c>
      <c r="E9336" t="s">
        <v>33223</v>
      </c>
      <c r="F9336">
        <v>4</v>
      </c>
      <c r="G9336" t="s">
        <v>9</v>
      </c>
      <c r="H9336" t="s">
        <v>17971</v>
      </c>
      <c r="I9336" t="s">
        <v>30540</v>
      </c>
    </row>
    <row r="9337" spans="1:9">
      <c r="A9337" s="1">
        <f ca="1">RAND()</f>
        <v>0.83698336153816333</v>
      </c>
      <c r="B9337" s="1"/>
      <c r="C9337">
        <v>17</v>
      </c>
      <c r="D9337" t="s">
        <v>17978</v>
      </c>
      <c r="E9337" t="s">
        <v>33223</v>
      </c>
      <c r="F9337">
        <v>2</v>
      </c>
      <c r="G9337" t="s">
        <v>14</v>
      </c>
      <c r="H9337" t="s">
        <v>17979</v>
      </c>
      <c r="I9337" t="s">
        <v>30540</v>
      </c>
    </row>
    <row r="9338" spans="1:9">
      <c r="A9338" s="1">
        <f ca="1">RAND()</f>
        <v>0.10091429438424904</v>
      </c>
      <c r="B9338" s="1"/>
      <c r="C9338">
        <v>10</v>
      </c>
      <c r="D9338" t="s">
        <v>17966</v>
      </c>
      <c r="E9338" t="s">
        <v>33224</v>
      </c>
      <c r="F9338">
        <v>4</v>
      </c>
      <c r="G9338" t="s">
        <v>15</v>
      </c>
      <c r="H9338" t="s">
        <v>17967</v>
      </c>
      <c r="I9338" t="s">
        <v>30540</v>
      </c>
    </row>
    <row r="9339" spans="1:9">
      <c r="A9339" s="1">
        <f ca="1">RAND()</f>
        <v>0.94425729176743456</v>
      </c>
      <c r="B9339" s="1"/>
      <c r="C9339">
        <v>17</v>
      </c>
      <c r="D9339" t="s">
        <v>17968</v>
      </c>
      <c r="E9339" t="s">
        <v>33224</v>
      </c>
      <c r="F9339">
        <v>4</v>
      </c>
      <c r="G9339" t="s">
        <v>14</v>
      </c>
      <c r="H9339" t="s">
        <v>17969</v>
      </c>
      <c r="I9339" t="s">
        <v>30540</v>
      </c>
    </row>
    <row r="9340" spans="1:9">
      <c r="A9340" s="1">
        <f ca="1">RAND()</f>
        <v>0.42458044668305073</v>
      </c>
      <c r="B9340" s="1"/>
      <c r="C9340">
        <v>1</v>
      </c>
      <c r="D9340" t="s">
        <v>17964</v>
      </c>
      <c r="E9340" t="s">
        <v>33224</v>
      </c>
      <c r="F9340">
        <v>3</v>
      </c>
      <c r="G9340" t="s">
        <v>10</v>
      </c>
      <c r="H9340" t="s">
        <v>17965</v>
      </c>
      <c r="I9340" t="s">
        <v>30540</v>
      </c>
    </row>
    <row r="9341" spans="1:9">
      <c r="A9341" s="1">
        <f ca="1">RAND()</f>
        <v>0.6279615509720754</v>
      </c>
      <c r="B9341" s="1"/>
      <c r="C9341">
        <v>4</v>
      </c>
      <c r="D9341" t="s">
        <v>17958</v>
      </c>
      <c r="E9341" t="s">
        <v>33225</v>
      </c>
      <c r="F9341">
        <v>4</v>
      </c>
      <c r="G9341" t="s">
        <v>10</v>
      </c>
      <c r="H9341" t="s">
        <v>17959</v>
      </c>
      <c r="I9341" t="s">
        <v>30540</v>
      </c>
    </row>
    <row r="9342" spans="1:9">
      <c r="A9342" s="1">
        <f ca="1">RAND()</f>
        <v>0.69504838183429452</v>
      </c>
      <c r="B9342" s="1"/>
      <c r="C9342">
        <v>12</v>
      </c>
      <c r="D9342" t="s">
        <v>17960</v>
      </c>
      <c r="E9342" t="s">
        <v>33225</v>
      </c>
      <c r="F9342">
        <v>4</v>
      </c>
      <c r="G9342" t="s">
        <v>3732</v>
      </c>
      <c r="H9342" t="s">
        <v>17961</v>
      </c>
      <c r="I9342" t="s">
        <v>30540</v>
      </c>
    </row>
    <row r="9343" spans="1:9">
      <c r="A9343" s="1">
        <f ca="1">RAND()</f>
        <v>0.75681939034825518</v>
      </c>
      <c r="B9343" s="1"/>
      <c r="C9343">
        <v>19</v>
      </c>
      <c r="D9343" t="s">
        <v>17962</v>
      </c>
      <c r="E9343" t="s">
        <v>33225</v>
      </c>
      <c r="F9343">
        <v>4</v>
      </c>
      <c r="G9343" t="s">
        <v>14</v>
      </c>
      <c r="H9343" t="s">
        <v>17963</v>
      </c>
      <c r="I9343" t="s">
        <v>30540</v>
      </c>
    </row>
    <row r="9344" spans="1:9">
      <c r="A9344" s="1">
        <f ca="1">RAND()</f>
        <v>0.56554150905062406</v>
      </c>
      <c r="B9344" s="1"/>
      <c r="C9344">
        <v>15</v>
      </c>
      <c r="D9344" t="s">
        <v>17954</v>
      </c>
      <c r="E9344" t="s">
        <v>33226</v>
      </c>
      <c r="F9344">
        <v>4</v>
      </c>
      <c r="G9344" t="s">
        <v>14</v>
      </c>
      <c r="H9344" t="s">
        <v>17955</v>
      </c>
      <c r="I9344" t="s">
        <v>30540</v>
      </c>
    </row>
    <row r="9345" spans="1:9">
      <c r="A9345" s="1">
        <f ca="1">RAND()</f>
        <v>2.3653326297744193E-2</v>
      </c>
      <c r="B9345" s="1"/>
      <c r="C9345">
        <v>17</v>
      </c>
      <c r="D9345" t="s">
        <v>17956</v>
      </c>
      <c r="E9345" t="s">
        <v>33226</v>
      </c>
      <c r="F9345">
        <v>4</v>
      </c>
      <c r="G9345" t="s">
        <v>14</v>
      </c>
      <c r="H9345" t="s">
        <v>17957</v>
      </c>
      <c r="I9345" t="s">
        <v>30540</v>
      </c>
    </row>
    <row r="9346" spans="1:9">
      <c r="A9346" s="1">
        <f ca="1">RAND()</f>
        <v>0.8512075786349681</v>
      </c>
      <c r="B9346" s="1"/>
      <c r="C9346">
        <v>9</v>
      </c>
      <c r="D9346" t="s">
        <v>17952</v>
      </c>
      <c r="E9346" t="s">
        <v>33226</v>
      </c>
      <c r="F9346">
        <v>3</v>
      </c>
      <c r="G9346" t="s">
        <v>14</v>
      </c>
      <c r="H9346" t="s">
        <v>17953</v>
      </c>
      <c r="I9346" t="s">
        <v>30540</v>
      </c>
    </row>
    <row r="9347" spans="1:9">
      <c r="A9347" s="1">
        <f ca="1">RAND()</f>
        <v>0.83014428863331513</v>
      </c>
      <c r="B9347" s="1"/>
      <c r="C9347">
        <v>6</v>
      </c>
      <c r="D9347" t="s">
        <v>17950</v>
      </c>
      <c r="E9347" t="s">
        <v>33226</v>
      </c>
      <c r="F9347">
        <v>3</v>
      </c>
      <c r="G9347" t="s">
        <v>13</v>
      </c>
      <c r="H9347" t="s">
        <v>17951</v>
      </c>
      <c r="I9347" t="s">
        <v>30540</v>
      </c>
    </row>
    <row r="9348" spans="1:9">
      <c r="A9348" s="1">
        <f ca="1">RAND()</f>
        <v>0.72098471603036507</v>
      </c>
      <c r="B9348" s="1"/>
      <c r="C9348">
        <v>20</v>
      </c>
      <c r="D9348" t="s">
        <v>17948</v>
      </c>
      <c r="E9348" t="s">
        <v>33227</v>
      </c>
      <c r="F9348">
        <v>5</v>
      </c>
      <c r="G9348" t="s">
        <v>10</v>
      </c>
      <c r="H9348" t="s">
        <v>17949</v>
      </c>
      <c r="I9348" t="s">
        <v>30540</v>
      </c>
    </row>
    <row r="9349" spans="1:9">
      <c r="A9349" s="1">
        <f ca="1">RAND()</f>
        <v>0.82229098954240654</v>
      </c>
      <c r="B9349" s="1"/>
      <c r="C9349">
        <v>9</v>
      </c>
      <c r="D9349" t="s">
        <v>17944</v>
      </c>
      <c r="E9349" t="s">
        <v>33227</v>
      </c>
      <c r="F9349">
        <v>4</v>
      </c>
      <c r="G9349" t="s">
        <v>10</v>
      </c>
      <c r="H9349" t="s">
        <v>17945</v>
      </c>
      <c r="I9349" t="s">
        <v>30540</v>
      </c>
    </row>
    <row r="9350" spans="1:9">
      <c r="A9350" s="1">
        <f ca="1">RAND()</f>
        <v>0.92903334281786421</v>
      </c>
      <c r="B9350" s="1"/>
      <c r="C9350">
        <v>12</v>
      </c>
      <c r="D9350" t="s">
        <v>17946</v>
      </c>
      <c r="E9350" t="s">
        <v>33227</v>
      </c>
      <c r="F9350">
        <v>4</v>
      </c>
      <c r="G9350" t="s">
        <v>2</v>
      </c>
      <c r="H9350" t="s">
        <v>17947</v>
      </c>
      <c r="I9350" t="s">
        <v>30540</v>
      </c>
    </row>
    <row r="9351" spans="1:9">
      <c r="A9351" s="1">
        <f ca="1">RAND()</f>
        <v>0.99881842285735589</v>
      </c>
      <c r="B9351" s="1"/>
      <c r="C9351">
        <v>8</v>
      </c>
      <c r="D9351" t="s">
        <v>17942</v>
      </c>
      <c r="E9351" t="s">
        <v>33227</v>
      </c>
      <c r="F9351">
        <v>3</v>
      </c>
      <c r="G9351" t="s">
        <v>0</v>
      </c>
      <c r="H9351" t="s">
        <v>17943</v>
      </c>
      <c r="I9351" t="s">
        <v>30540</v>
      </c>
    </row>
    <row r="9352" spans="1:9">
      <c r="A9352" s="1">
        <f ca="1">RAND()</f>
        <v>0.59991446297310125</v>
      </c>
      <c r="B9352" s="1"/>
      <c r="C9352">
        <v>3</v>
      </c>
      <c r="D9352" t="s">
        <v>17936</v>
      </c>
      <c r="E9352" t="s">
        <v>33228</v>
      </c>
      <c r="F9352">
        <v>4</v>
      </c>
      <c r="G9352" t="s">
        <v>2</v>
      </c>
      <c r="H9352" t="s">
        <v>17937</v>
      </c>
      <c r="I9352" t="s">
        <v>30540</v>
      </c>
    </row>
    <row r="9353" spans="1:9">
      <c r="A9353" s="1">
        <f ca="1">RAND()</f>
        <v>0.7295176893898887</v>
      </c>
      <c r="B9353" s="1"/>
      <c r="C9353">
        <v>7</v>
      </c>
      <c r="D9353" t="s">
        <v>17938</v>
      </c>
      <c r="E9353" t="s">
        <v>33228</v>
      </c>
      <c r="F9353">
        <v>4</v>
      </c>
      <c r="G9353" t="s">
        <v>14</v>
      </c>
      <c r="H9353" t="s">
        <v>17939</v>
      </c>
      <c r="I9353" t="s">
        <v>30540</v>
      </c>
    </row>
    <row r="9354" spans="1:9">
      <c r="A9354" s="1">
        <f ca="1">RAND()</f>
        <v>0.36048372607930812</v>
      </c>
      <c r="B9354" s="1"/>
      <c r="C9354">
        <v>16</v>
      </c>
      <c r="D9354" t="s">
        <v>17940</v>
      </c>
      <c r="E9354" t="s">
        <v>33228</v>
      </c>
      <c r="F9354">
        <v>2</v>
      </c>
      <c r="G9354" t="s">
        <v>14</v>
      </c>
      <c r="H9354" t="s">
        <v>17941</v>
      </c>
      <c r="I9354" t="s">
        <v>30540</v>
      </c>
    </row>
    <row r="9355" spans="1:9">
      <c r="A9355" s="1">
        <f ca="1">RAND()</f>
        <v>2.5012402357439845E-2</v>
      </c>
      <c r="B9355" s="1"/>
      <c r="C9355">
        <v>9</v>
      </c>
      <c r="D9355" t="s">
        <v>17930</v>
      </c>
      <c r="E9355" t="s">
        <v>33229</v>
      </c>
      <c r="F9355">
        <v>5</v>
      </c>
      <c r="G9355" t="s">
        <v>14</v>
      </c>
      <c r="H9355" t="s">
        <v>17931</v>
      </c>
      <c r="I9355" t="s">
        <v>30540</v>
      </c>
    </row>
    <row r="9356" spans="1:9">
      <c r="A9356" s="1">
        <f ca="1">RAND()</f>
        <v>0.26981061202918932</v>
      </c>
      <c r="B9356" s="1"/>
      <c r="C9356">
        <v>17</v>
      </c>
      <c r="D9356" t="s">
        <v>17934</v>
      </c>
      <c r="E9356" t="s">
        <v>33229</v>
      </c>
      <c r="F9356">
        <v>4</v>
      </c>
      <c r="G9356" t="s">
        <v>14</v>
      </c>
      <c r="H9356" t="s">
        <v>17935</v>
      </c>
      <c r="I9356" t="s">
        <v>30540</v>
      </c>
    </row>
    <row r="9357" spans="1:9">
      <c r="A9357" s="1">
        <f ca="1">RAND()</f>
        <v>0.75412739505486537</v>
      </c>
      <c r="B9357" s="1"/>
      <c r="C9357">
        <v>16</v>
      </c>
      <c r="D9357" t="s">
        <v>17932</v>
      </c>
      <c r="E9357" t="s">
        <v>33229</v>
      </c>
      <c r="F9357">
        <v>4</v>
      </c>
      <c r="G9357" t="s">
        <v>14</v>
      </c>
      <c r="H9357" t="s">
        <v>17933</v>
      </c>
      <c r="I9357" t="s">
        <v>30540</v>
      </c>
    </row>
    <row r="9358" spans="1:9">
      <c r="A9358" s="1">
        <f ca="1">RAND()</f>
        <v>7.1587039842994082E-2</v>
      </c>
      <c r="B9358" s="1"/>
      <c r="C9358">
        <v>7</v>
      </c>
      <c r="D9358" t="s">
        <v>17926</v>
      </c>
      <c r="E9358" t="s">
        <v>33230</v>
      </c>
      <c r="F9358">
        <v>5</v>
      </c>
      <c r="G9358" t="s">
        <v>770</v>
      </c>
      <c r="H9358" t="s">
        <v>17927</v>
      </c>
      <c r="I9358" t="s">
        <v>30540</v>
      </c>
    </row>
    <row r="9359" spans="1:9">
      <c r="A9359" s="1">
        <f ca="1">RAND()</f>
        <v>7.4633424983444607E-3</v>
      </c>
      <c r="B9359" s="1"/>
      <c r="C9359">
        <v>20</v>
      </c>
      <c r="D9359" t="s">
        <v>17928</v>
      </c>
      <c r="E9359" t="s">
        <v>33230</v>
      </c>
      <c r="F9359">
        <v>4</v>
      </c>
      <c r="G9359" t="s">
        <v>14</v>
      </c>
      <c r="H9359" t="s">
        <v>17929</v>
      </c>
      <c r="I9359" t="s">
        <v>30540</v>
      </c>
    </row>
    <row r="9360" spans="1:9">
      <c r="A9360" s="1">
        <f ca="1">RAND()</f>
        <v>0.35428606767963633</v>
      </c>
      <c r="B9360" s="1"/>
      <c r="C9360">
        <v>4</v>
      </c>
      <c r="D9360" t="s">
        <v>17924</v>
      </c>
      <c r="E9360" t="s">
        <v>33230</v>
      </c>
      <c r="F9360">
        <v>4</v>
      </c>
      <c r="G9360" t="s">
        <v>1295</v>
      </c>
      <c r="H9360" t="s">
        <v>17925</v>
      </c>
      <c r="I9360" t="s">
        <v>30540</v>
      </c>
    </row>
    <row r="9361" spans="1:9">
      <c r="A9361" s="1">
        <f ca="1">RAND()</f>
        <v>0.69542393774356182</v>
      </c>
      <c r="B9361" s="1"/>
      <c r="C9361">
        <v>7</v>
      </c>
      <c r="D9361" t="s">
        <v>17914</v>
      </c>
      <c r="E9361" t="s">
        <v>33231</v>
      </c>
      <c r="F9361">
        <v>5</v>
      </c>
      <c r="G9361" t="s">
        <v>14</v>
      </c>
      <c r="H9361" t="s">
        <v>17915</v>
      </c>
      <c r="I9361" t="s">
        <v>30540</v>
      </c>
    </row>
    <row r="9362" spans="1:9">
      <c r="A9362" s="1">
        <f ca="1">RAND()</f>
        <v>0.21714801070805967</v>
      </c>
      <c r="B9362" s="1"/>
      <c r="C9362">
        <v>9</v>
      </c>
      <c r="D9362" t="s">
        <v>17916</v>
      </c>
      <c r="E9362" t="s">
        <v>33231</v>
      </c>
      <c r="F9362">
        <v>5</v>
      </c>
      <c r="G9362" t="s">
        <v>14</v>
      </c>
      <c r="H9362" t="s">
        <v>17917</v>
      </c>
      <c r="I9362" t="s">
        <v>30540</v>
      </c>
    </row>
    <row r="9363" spans="1:9">
      <c r="A9363" s="1">
        <f ca="1">RAND()</f>
        <v>0.99680451868783859</v>
      </c>
      <c r="B9363" s="1"/>
      <c r="C9363">
        <v>18</v>
      </c>
      <c r="D9363" t="s">
        <v>17920</v>
      </c>
      <c r="E9363" t="s">
        <v>33231</v>
      </c>
      <c r="F9363">
        <v>4</v>
      </c>
      <c r="G9363" t="s">
        <v>1</v>
      </c>
      <c r="H9363" t="s">
        <v>17921</v>
      </c>
      <c r="I9363" t="s">
        <v>30540</v>
      </c>
    </row>
    <row r="9364" spans="1:9">
      <c r="A9364" s="1">
        <f ca="1">RAND()</f>
        <v>0.80933294377604104</v>
      </c>
      <c r="B9364" s="1"/>
      <c r="C9364">
        <v>20</v>
      </c>
      <c r="D9364" t="s">
        <v>17922</v>
      </c>
      <c r="E9364" t="s">
        <v>33231</v>
      </c>
      <c r="F9364">
        <v>4</v>
      </c>
      <c r="G9364" t="s">
        <v>13</v>
      </c>
      <c r="H9364" t="s">
        <v>17923</v>
      </c>
      <c r="I9364" t="s">
        <v>30540</v>
      </c>
    </row>
    <row r="9365" spans="1:9">
      <c r="A9365" s="1">
        <f ca="1">RAND()</f>
        <v>0.62383396971191374</v>
      </c>
      <c r="B9365" s="1"/>
      <c r="C9365">
        <v>13</v>
      </c>
      <c r="D9365" t="s">
        <v>17918</v>
      </c>
      <c r="E9365" t="s">
        <v>33231</v>
      </c>
      <c r="F9365">
        <v>2</v>
      </c>
      <c r="G9365" t="s">
        <v>14</v>
      </c>
      <c r="H9365" t="s">
        <v>17919</v>
      </c>
      <c r="I9365" t="s">
        <v>30540</v>
      </c>
    </row>
    <row r="9366" spans="1:9">
      <c r="A9366" s="1">
        <f ca="1">RAND()</f>
        <v>0.91686196040885448</v>
      </c>
      <c r="B9366" s="1"/>
      <c r="C9366">
        <v>20</v>
      </c>
      <c r="D9366" t="s">
        <v>17912</v>
      </c>
      <c r="E9366" t="s">
        <v>33232</v>
      </c>
      <c r="F9366">
        <v>4</v>
      </c>
      <c r="G9366" t="s">
        <v>1</v>
      </c>
      <c r="H9366" t="s">
        <v>17913</v>
      </c>
      <c r="I9366" t="s">
        <v>30540</v>
      </c>
    </row>
    <row r="9367" spans="1:9">
      <c r="A9367" s="1">
        <f ca="1">RAND()</f>
        <v>0.50229112827319333</v>
      </c>
      <c r="B9367" s="1"/>
      <c r="C9367">
        <v>3</v>
      </c>
      <c r="D9367" t="s">
        <v>17902</v>
      </c>
      <c r="E9367" t="s">
        <v>33232</v>
      </c>
      <c r="F9367">
        <v>4</v>
      </c>
      <c r="G9367" t="s">
        <v>10</v>
      </c>
      <c r="H9367" t="s">
        <v>17903</v>
      </c>
      <c r="I9367" t="s">
        <v>30540</v>
      </c>
    </row>
    <row r="9368" spans="1:9">
      <c r="A9368" s="1">
        <f ca="1">RAND()</f>
        <v>0.60010771582030731</v>
      </c>
      <c r="B9368" s="1"/>
      <c r="C9368">
        <v>4</v>
      </c>
      <c r="D9368" t="s">
        <v>17904</v>
      </c>
      <c r="E9368" t="s">
        <v>33232</v>
      </c>
      <c r="F9368">
        <v>4</v>
      </c>
      <c r="G9368" t="s">
        <v>9</v>
      </c>
      <c r="H9368" t="s">
        <v>17905</v>
      </c>
      <c r="I9368" t="s">
        <v>30540</v>
      </c>
    </row>
    <row r="9369" spans="1:9">
      <c r="A9369" s="1">
        <f ca="1">RAND()</f>
        <v>0.70475691067739887</v>
      </c>
      <c r="B9369" s="1"/>
      <c r="C9369">
        <v>12</v>
      </c>
      <c r="D9369" t="s">
        <v>17906</v>
      </c>
      <c r="E9369" t="s">
        <v>33232</v>
      </c>
      <c r="F9369">
        <v>4</v>
      </c>
      <c r="G9369" t="s">
        <v>13</v>
      </c>
      <c r="H9369" t="s">
        <v>17907</v>
      </c>
      <c r="I9369" t="s">
        <v>30540</v>
      </c>
    </row>
    <row r="9370" spans="1:9">
      <c r="A9370" s="1">
        <f ca="1">RAND()</f>
        <v>0.71128847344016122</v>
      </c>
      <c r="B9370" s="1"/>
      <c r="C9370">
        <v>15</v>
      </c>
      <c r="D9370" t="s">
        <v>17908</v>
      </c>
      <c r="E9370" t="s">
        <v>33232</v>
      </c>
      <c r="F9370">
        <v>4</v>
      </c>
      <c r="G9370" t="s">
        <v>14</v>
      </c>
      <c r="H9370" t="s">
        <v>17909</v>
      </c>
      <c r="I9370" t="s">
        <v>30540</v>
      </c>
    </row>
    <row r="9371" spans="1:9">
      <c r="A9371" s="1">
        <f ca="1">RAND()</f>
        <v>0.84825390462511063</v>
      </c>
      <c r="B9371" s="1"/>
      <c r="C9371">
        <v>18</v>
      </c>
      <c r="D9371" t="s">
        <v>17910</v>
      </c>
      <c r="E9371" t="s">
        <v>33232</v>
      </c>
      <c r="F9371">
        <v>3</v>
      </c>
      <c r="G9371" t="s">
        <v>14</v>
      </c>
      <c r="H9371" t="s">
        <v>17911</v>
      </c>
      <c r="I9371" t="s">
        <v>30540</v>
      </c>
    </row>
    <row r="9372" spans="1:9">
      <c r="A9372" s="1">
        <f ca="1">RAND()</f>
        <v>0.21448383492292367</v>
      </c>
      <c r="B9372" s="1"/>
      <c r="C9372">
        <v>4</v>
      </c>
      <c r="D9372" t="s">
        <v>17892</v>
      </c>
      <c r="E9372" t="s">
        <v>33233</v>
      </c>
      <c r="F9372">
        <v>5</v>
      </c>
      <c r="G9372" t="s">
        <v>15</v>
      </c>
      <c r="H9372" t="s">
        <v>17893</v>
      </c>
      <c r="I9372" t="s">
        <v>30540</v>
      </c>
    </row>
    <row r="9373" spans="1:9">
      <c r="A9373" s="1">
        <f ca="1">RAND()</f>
        <v>0.70905464375684046</v>
      </c>
      <c r="B9373" s="1"/>
      <c r="C9373">
        <v>14</v>
      </c>
      <c r="D9373" t="s">
        <v>17896</v>
      </c>
      <c r="E9373" t="s">
        <v>33233</v>
      </c>
      <c r="F9373">
        <v>5</v>
      </c>
      <c r="G9373" t="s">
        <v>14</v>
      </c>
      <c r="H9373" t="s">
        <v>17897</v>
      </c>
      <c r="I9373" t="s">
        <v>30540</v>
      </c>
    </row>
    <row r="9374" spans="1:9">
      <c r="A9374" s="1">
        <f ca="1">RAND()</f>
        <v>0.10005721101235754</v>
      </c>
      <c r="B9374" s="1"/>
      <c r="C9374">
        <v>9</v>
      </c>
      <c r="D9374" t="s">
        <v>17894</v>
      </c>
      <c r="E9374" t="s">
        <v>33233</v>
      </c>
      <c r="F9374">
        <v>4</v>
      </c>
      <c r="G9374" t="s">
        <v>14</v>
      </c>
      <c r="H9374" t="s">
        <v>17895</v>
      </c>
      <c r="I9374" t="s">
        <v>30540</v>
      </c>
    </row>
    <row r="9375" spans="1:9">
      <c r="A9375" s="1">
        <f ca="1">RAND()</f>
        <v>0.56480042874539438</v>
      </c>
      <c r="B9375" s="1"/>
      <c r="C9375">
        <v>19</v>
      </c>
      <c r="D9375" t="s">
        <v>17900</v>
      </c>
      <c r="E9375" t="s">
        <v>33233</v>
      </c>
      <c r="F9375">
        <v>4</v>
      </c>
      <c r="G9375" t="s">
        <v>14</v>
      </c>
      <c r="H9375" t="s">
        <v>17901</v>
      </c>
      <c r="I9375" t="s">
        <v>30540</v>
      </c>
    </row>
    <row r="9376" spans="1:9">
      <c r="A9376" s="1">
        <f ca="1">RAND()</f>
        <v>0.25796824526118389</v>
      </c>
      <c r="B9376" s="1"/>
      <c r="C9376">
        <v>15</v>
      </c>
      <c r="D9376" t="s">
        <v>17898</v>
      </c>
      <c r="E9376" t="s">
        <v>33233</v>
      </c>
      <c r="F9376">
        <v>2</v>
      </c>
      <c r="G9376" t="s">
        <v>14</v>
      </c>
      <c r="H9376" t="s">
        <v>17899</v>
      </c>
      <c r="I9376" t="s">
        <v>30540</v>
      </c>
    </row>
    <row r="9377" spans="1:9">
      <c r="A9377" s="1">
        <f ca="1">RAND()</f>
        <v>0.33921157968050619</v>
      </c>
      <c r="B9377" s="1"/>
      <c r="C9377">
        <v>18</v>
      </c>
      <c r="D9377" t="s">
        <v>17890</v>
      </c>
      <c r="E9377" t="s">
        <v>33234</v>
      </c>
      <c r="F9377">
        <v>5</v>
      </c>
      <c r="G9377" t="s">
        <v>9</v>
      </c>
      <c r="H9377" t="s">
        <v>17891</v>
      </c>
      <c r="I9377" t="s">
        <v>30540</v>
      </c>
    </row>
    <row r="9378" spans="1:9">
      <c r="A9378" s="1">
        <f ca="1">RAND()</f>
        <v>0.60994235371639705</v>
      </c>
      <c r="B9378" s="1"/>
      <c r="C9378">
        <v>1</v>
      </c>
      <c r="D9378" t="s">
        <v>17884</v>
      </c>
      <c r="E9378" t="s">
        <v>33234</v>
      </c>
      <c r="F9378">
        <v>4</v>
      </c>
      <c r="G9378" t="s">
        <v>10</v>
      </c>
      <c r="H9378" t="s">
        <v>17885</v>
      </c>
      <c r="I9378" t="s">
        <v>30540</v>
      </c>
    </row>
    <row r="9379" spans="1:9">
      <c r="A9379" s="1">
        <f ca="1">RAND()</f>
        <v>0.93630590494824961</v>
      </c>
      <c r="B9379" s="1"/>
      <c r="C9379">
        <v>11</v>
      </c>
      <c r="D9379" t="s">
        <v>17888</v>
      </c>
      <c r="E9379" t="s">
        <v>33234</v>
      </c>
      <c r="F9379">
        <v>4</v>
      </c>
      <c r="G9379" t="s">
        <v>0</v>
      </c>
      <c r="H9379" t="s">
        <v>17889</v>
      </c>
      <c r="I9379" t="s">
        <v>30540</v>
      </c>
    </row>
    <row r="9380" spans="1:9">
      <c r="A9380" s="1">
        <f ca="1">RAND()</f>
        <v>5.4096948925720478E-2</v>
      </c>
      <c r="B9380" s="1"/>
      <c r="C9380">
        <v>4</v>
      </c>
      <c r="D9380" t="s">
        <v>17886</v>
      </c>
      <c r="E9380" t="s">
        <v>33234</v>
      </c>
      <c r="F9380">
        <v>4</v>
      </c>
      <c r="G9380" t="s">
        <v>14</v>
      </c>
      <c r="H9380" t="s">
        <v>17887</v>
      </c>
      <c r="I9380" t="s">
        <v>30540</v>
      </c>
    </row>
    <row r="9381" spans="1:9">
      <c r="A9381" s="1">
        <f ca="1">RAND()</f>
        <v>0.57409049626494402</v>
      </c>
      <c r="B9381" s="1"/>
      <c r="C9381">
        <v>12</v>
      </c>
      <c r="D9381" t="s">
        <v>17880</v>
      </c>
      <c r="E9381" t="s">
        <v>33235</v>
      </c>
      <c r="F9381">
        <v>5</v>
      </c>
      <c r="G9381" t="s">
        <v>13</v>
      </c>
      <c r="H9381" t="s">
        <v>17881</v>
      </c>
      <c r="I9381" t="s">
        <v>30540</v>
      </c>
    </row>
    <row r="9382" spans="1:9">
      <c r="A9382" s="1">
        <f ca="1">RAND()</f>
        <v>0.12619416102007741</v>
      </c>
      <c r="B9382" s="1"/>
      <c r="C9382">
        <v>2</v>
      </c>
      <c r="D9382" t="s">
        <v>17878</v>
      </c>
      <c r="E9382" t="s">
        <v>33235</v>
      </c>
      <c r="F9382">
        <v>4</v>
      </c>
      <c r="G9382" t="s">
        <v>1431</v>
      </c>
      <c r="H9382" t="s">
        <v>17879</v>
      </c>
      <c r="I9382" t="s">
        <v>30540</v>
      </c>
    </row>
    <row r="9383" spans="1:9">
      <c r="A9383" s="1">
        <f ca="1">RAND()</f>
        <v>0.13522567522107287</v>
      </c>
      <c r="B9383" s="1"/>
      <c r="C9383">
        <v>16</v>
      </c>
      <c r="D9383" t="s">
        <v>17882</v>
      </c>
      <c r="E9383" t="s">
        <v>33235</v>
      </c>
      <c r="F9383">
        <v>4</v>
      </c>
      <c r="G9383" t="s">
        <v>14</v>
      </c>
      <c r="H9383" t="s">
        <v>17883</v>
      </c>
      <c r="I9383" t="s">
        <v>30540</v>
      </c>
    </row>
    <row r="9384" spans="1:9">
      <c r="A9384" s="1">
        <f ca="1">RAND()</f>
        <v>0.29371090380009623</v>
      </c>
      <c r="B9384" s="1"/>
      <c r="C9384">
        <v>10</v>
      </c>
      <c r="D9384" t="s">
        <v>17876</v>
      </c>
      <c r="E9384" t="s">
        <v>33236</v>
      </c>
      <c r="F9384">
        <v>5</v>
      </c>
      <c r="G9384" t="s">
        <v>14</v>
      </c>
      <c r="H9384" t="s">
        <v>17877</v>
      </c>
      <c r="I9384" t="s">
        <v>30540</v>
      </c>
    </row>
    <row r="9385" spans="1:9">
      <c r="A9385" s="1">
        <f ca="1">RAND()</f>
        <v>0.13171591630229929</v>
      </c>
      <c r="B9385" s="1"/>
      <c r="C9385">
        <v>5</v>
      </c>
      <c r="D9385" t="s">
        <v>17874</v>
      </c>
      <c r="E9385" t="s">
        <v>33236</v>
      </c>
      <c r="F9385">
        <v>4</v>
      </c>
      <c r="G9385" t="s">
        <v>14</v>
      </c>
      <c r="H9385" t="s">
        <v>17875</v>
      </c>
      <c r="I9385" t="s">
        <v>30540</v>
      </c>
    </row>
    <row r="9386" spans="1:9">
      <c r="A9386" s="1">
        <f ca="1">RAND()</f>
        <v>0.57641388129573035</v>
      </c>
      <c r="B9386" s="1"/>
      <c r="C9386">
        <v>13</v>
      </c>
      <c r="D9386" t="s">
        <v>17870</v>
      </c>
      <c r="E9386" t="s">
        <v>33237</v>
      </c>
      <c r="F9386">
        <v>5</v>
      </c>
      <c r="G9386" t="s">
        <v>14</v>
      </c>
      <c r="H9386" t="s">
        <v>17871</v>
      </c>
      <c r="I9386" t="s">
        <v>30540</v>
      </c>
    </row>
    <row r="9387" spans="1:9">
      <c r="A9387" s="1">
        <f ca="1">RAND()</f>
        <v>4.1026075303656206E-3</v>
      </c>
      <c r="B9387" s="1"/>
      <c r="C9387">
        <v>3</v>
      </c>
      <c r="D9387" t="s">
        <v>17864</v>
      </c>
      <c r="E9387" t="s">
        <v>33237</v>
      </c>
      <c r="F9387">
        <v>5</v>
      </c>
      <c r="G9387" t="s">
        <v>10</v>
      </c>
      <c r="H9387" t="s">
        <v>17865</v>
      </c>
      <c r="I9387" t="s">
        <v>30540</v>
      </c>
    </row>
    <row r="9388" spans="1:9">
      <c r="A9388" s="1">
        <f ca="1">RAND()</f>
        <v>0.28562511147788061</v>
      </c>
      <c r="B9388" s="1"/>
      <c r="C9388">
        <v>9</v>
      </c>
      <c r="D9388" t="s">
        <v>17866</v>
      </c>
      <c r="E9388" t="s">
        <v>33237</v>
      </c>
      <c r="F9388">
        <v>5</v>
      </c>
      <c r="G9388" t="s">
        <v>9</v>
      </c>
      <c r="H9388" t="s">
        <v>17867</v>
      </c>
      <c r="I9388" t="s">
        <v>30540</v>
      </c>
    </row>
    <row r="9389" spans="1:9">
      <c r="A9389" s="1">
        <f ca="1">RAND()</f>
        <v>0.81590158350673836</v>
      </c>
      <c r="B9389" s="1"/>
      <c r="C9389">
        <v>2</v>
      </c>
      <c r="D9389" t="s">
        <v>17862</v>
      </c>
      <c r="E9389" t="s">
        <v>33237</v>
      </c>
      <c r="F9389">
        <v>5</v>
      </c>
      <c r="G9389" t="s">
        <v>15</v>
      </c>
      <c r="H9389" t="s">
        <v>17863</v>
      </c>
      <c r="I9389" t="s">
        <v>30540</v>
      </c>
    </row>
    <row r="9390" spans="1:9">
      <c r="A9390" s="1">
        <f ca="1">RAND()</f>
        <v>0.92377481877455447</v>
      </c>
      <c r="B9390" s="1"/>
      <c r="C9390">
        <v>12</v>
      </c>
      <c r="D9390" t="s">
        <v>17868</v>
      </c>
      <c r="E9390" t="s">
        <v>33237</v>
      </c>
      <c r="F9390">
        <v>4</v>
      </c>
      <c r="G9390" t="s">
        <v>14</v>
      </c>
      <c r="H9390" t="s">
        <v>17869</v>
      </c>
      <c r="I9390" t="s">
        <v>30540</v>
      </c>
    </row>
    <row r="9391" spans="1:9">
      <c r="A9391" s="1">
        <f ca="1">RAND()</f>
        <v>0.89681247173202094</v>
      </c>
      <c r="B9391" s="1"/>
      <c r="C9391">
        <v>15</v>
      </c>
      <c r="D9391" t="s">
        <v>17872</v>
      </c>
      <c r="E9391" t="s">
        <v>33237</v>
      </c>
      <c r="F9391">
        <v>4</v>
      </c>
      <c r="G9391" t="s">
        <v>14</v>
      </c>
      <c r="H9391" t="s">
        <v>17873</v>
      </c>
      <c r="I9391" t="s">
        <v>30540</v>
      </c>
    </row>
    <row r="9392" spans="1:9">
      <c r="A9392" s="1">
        <f ca="1">RAND()</f>
        <v>0.30474930335751249</v>
      </c>
      <c r="B9392" s="1"/>
      <c r="C9392">
        <v>11</v>
      </c>
      <c r="D9392" t="s">
        <v>17856</v>
      </c>
      <c r="E9392" t="s">
        <v>33238</v>
      </c>
      <c r="F9392">
        <v>5</v>
      </c>
      <c r="G9392" t="s">
        <v>9</v>
      </c>
      <c r="H9392" t="s">
        <v>17857</v>
      </c>
      <c r="I9392" t="s">
        <v>30540</v>
      </c>
    </row>
    <row r="9393" spans="1:9">
      <c r="A9393" s="1">
        <f ca="1">RAND()</f>
        <v>0.59798277143763801</v>
      </c>
      <c r="B9393" s="1"/>
      <c r="C9393">
        <v>2</v>
      </c>
      <c r="D9393" t="s">
        <v>17850</v>
      </c>
      <c r="E9393" t="s">
        <v>33238</v>
      </c>
      <c r="F9393">
        <v>4</v>
      </c>
      <c r="G9393" t="s">
        <v>2</v>
      </c>
      <c r="H9393" t="s">
        <v>17851</v>
      </c>
      <c r="I9393" t="s">
        <v>30540</v>
      </c>
    </row>
    <row r="9394" spans="1:9">
      <c r="A9394" s="1">
        <f ca="1">RAND()</f>
        <v>0.74400400637965292</v>
      </c>
      <c r="B9394" s="1"/>
      <c r="C9394">
        <v>16</v>
      </c>
      <c r="D9394" t="s">
        <v>17858</v>
      </c>
      <c r="E9394" t="s">
        <v>33238</v>
      </c>
      <c r="F9394">
        <v>4</v>
      </c>
      <c r="G9394" t="s">
        <v>1</v>
      </c>
      <c r="H9394" t="s">
        <v>17859</v>
      </c>
      <c r="I9394" t="s">
        <v>30540</v>
      </c>
    </row>
    <row r="9395" spans="1:9">
      <c r="A9395" s="1">
        <f ca="1">RAND()</f>
        <v>0.41458794035974689</v>
      </c>
      <c r="B9395" s="1"/>
      <c r="C9395">
        <v>9</v>
      </c>
      <c r="D9395" t="s">
        <v>17854</v>
      </c>
      <c r="E9395" t="s">
        <v>33238</v>
      </c>
      <c r="F9395">
        <v>4</v>
      </c>
      <c r="G9395" t="s">
        <v>14</v>
      </c>
      <c r="H9395" t="s">
        <v>17855</v>
      </c>
      <c r="I9395" t="s">
        <v>30540</v>
      </c>
    </row>
    <row r="9396" spans="1:9">
      <c r="A9396" s="1">
        <f ca="1">RAND()</f>
        <v>0.36329501669910891</v>
      </c>
      <c r="B9396" s="1"/>
      <c r="C9396">
        <v>8</v>
      </c>
      <c r="D9396" t="s">
        <v>17852</v>
      </c>
      <c r="E9396" t="s">
        <v>33238</v>
      </c>
      <c r="F9396">
        <v>4</v>
      </c>
      <c r="G9396" t="s">
        <v>14</v>
      </c>
      <c r="H9396" t="s">
        <v>17853</v>
      </c>
      <c r="I9396" t="s">
        <v>30540</v>
      </c>
    </row>
    <row r="9397" spans="1:9">
      <c r="A9397" s="1">
        <f ca="1">RAND()</f>
        <v>0.82510121447192897</v>
      </c>
      <c r="B9397" s="1"/>
      <c r="C9397">
        <v>1</v>
      </c>
      <c r="D9397" t="s">
        <v>17848</v>
      </c>
      <c r="E9397" t="s">
        <v>33238</v>
      </c>
      <c r="F9397">
        <v>4</v>
      </c>
      <c r="G9397" t="s">
        <v>10</v>
      </c>
      <c r="H9397" t="s">
        <v>17849</v>
      </c>
      <c r="I9397" t="s">
        <v>30540</v>
      </c>
    </row>
    <row r="9398" spans="1:9">
      <c r="A9398" s="1">
        <f ca="1">RAND()</f>
        <v>0.75705401299600705</v>
      </c>
      <c r="B9398" s="1"/>
      <c r="C9398">
        <v>20</v>
      </c>
      <c r="D9398" t="s">
        <v>17860</v>
      </c>
      <c r="E9398" t="s">
        <v>33238</v>
      </c>
      <c r="F9398">
        <v>3</v>
      </c>
      <c r="G9398" t="s">
        <v>14</v>
      </c>
      <c r="H9398" t="s">
        <v>17861</v>
      </c>
      <c r="I9398" t="s">
        <v>30540</v>
      </c>
    </row>
    <row r="9399" spans="1:9">
      <c r="A9399" s="1">
        <f ca="1">RAND()</f>
        <v>0.86320721338048245</v>
      </c>
      <c r="B9399" s="1"/>
      <c r="C9399">
        <v>15</v>
      </c>
      <c r="D9399" t="s">
        <v>17846</v>
      </c>
      <c r="E9399" t="s">
        <v>33239</v>
      </c>
      <c r="F9399">
        <v>5</v>
      </c>
      <c r="G9399" t="s">
        <v>14</v>
      </c>
      <c r="H9399" t="s">
        <v>17847</v>
      </c>
      <c r="I9399" t="s">
        <v>30540</v>
      </c>
    </row>
    <row r="9400" spans="1:9">
      <c r="A9400" s="1">
        <f ca="1">RAND()</f>
        <v>0.1371495726777896</v>
      </c>
      <c r="B9400" s="1"/>
      <c r="C9400">
        <v>10</v>
      </c>
      <c r="D9400" t="s">
        <v>17838</v>
      </c>
      <c r="E9400" t="s">
        <v>33239</v>
      </c>
      <c r="F9400">
        <v>5</v>
      </c>
      <c r="G9400" t="s">
        <v>13</v>
      </c>
      <c r="H9400" t="s">
        <v>17839</v>
      </c>
      <c r="I9400" t="s">
        <v>30540</v>
      </c>
    </row>
    <row r="9401" spans="1:9">
      <c r="A9401" s="1">
        <f ca="1">RAND()</f>
        <v>0.42804453189099434</v>
      </c>
      <c r="B9401" s="1"/>
      <c r="C9401">
        <v>3</v>
      </c>
      <c r="D9401" t="s">
        <v>17836</v>
      </c>
      <c r="E9401" t="s">
        <v>33239</v>
      </c>
      <c r="F9401">
        <v>5</v>
      </c>
      <c r="G9401" t="s">
        <v>10</v>
      </c>
      <c r="H9401" t="s">
        <v>17837</v>
      </c>
      <c r="I9401" t="s">
        <v>30540</v>
      </c>
    </row>
    <row r="9402" spans="1:9">
      <c r="A9402" s="1">
        <f ca="1">RAND()</f>
        <v>3.3500842708631295E-2</v>
      </c>
      <c r="B9402" s="1"/>
      <c r="C9402">
        <v>13</v>
      </c>
      <c r="D9402" t="s">
        <v>17842</v>
      </c>
      <c r="E9402" t="s">
        <v>33239</v>
      </c>
      <c r="F9402">
        <v>4</v>
      </c>
      <c r="G9402" t="s">
        <v>1</v>
      </c>
      <c r="H9402" t="s">
        <v>17843</v>
      </c>
      <c r="I9402" t="s">
        <v>30540</v>
      </c>
    </row>
    <row r="9403" spans="1:9">
      <c r="A9403" s="1">
        <f ca="1">RAND()</f>
        <v>0.56770306537154014</v>
      </c>
      <c r="B9403" s="1"/>
      <c r="C9403">
        <v>14</v>
      </c>
      <c r="D9403" t="s">
        <v>17844</v>
      </c>
      <c r="E9403" t="s">
        <v>33239</v>
      </c>
      <c r="F9403">
        <v>4</v>
      </c>
      <c r="G9403" t="s">
        <v>14</v>
      </c>
      <c r="H9403" t="s">
        <v>17845</v>
      </c>
      <c r="I9403" t="s">
        <v>30540</v>
      </c>
    </row>
    <row r="9404" spans="1:9">
      <c r="A9404" s="1">
        <f ca="1">RAND()</f>
        <v>0.15604680769496915</v>
      </c>
      <c r="B9404" s="1"/>
      <c r="C9404">
        <v>12</v>
      </c>
      <c r="D9404" t="s">
        <v>17840</v>
      </c>
      <c r="E9404" t="s">
        <v>33239</v>
      </c>
      <c r="F9404">
        <v>3</v>
      </c>
      <c r="G9404" t="s">
        <v>14</v>
      </c>
      <c r="H9404" t="s">
        <v>17841</v>
      </c>
      <c r="I9404" t="s">
        <v>30540</v>
      </c>
    </row>
    <row r="9405" spans="1:9">
      <c r="A9405" s="1">
        <f ca="1">RAND()</f>
        <v>0.44053787729701344</v>
      </c>
      <c r="B9405" s="1"/>
      <c r="C9405">
        <v>17</v>
      </c>
      <c r="D9405" t="s">
        <v>17832</v>
      </c>
      <c r="E9405" t="s">
        <v>33240</v>
      </c>
      <c r="F9405">
        <v>5</v>
      </c>
      <c r="G9405" t="s">
        <v>1</v>
      </c>
      <c r="H9405" t="s">
        <v>17833</v>
      </c>
      <c r="I9405" t="s">
        <v>30540</v>
      </c>
    </row>
    <row r="9406" spans="1:9">
      <c r="A9406" s="1">
        <f ca="1">RAND()</f>
        <v>0.75499748013483636</v>
      </c>
      <c r="B9406" s="1"/>
      <c r="C9406">
        <v>19</v>
      </c>
      <c r="D9406" t="s">
        <v>17834</v>
      </c>
      <c r="E9406" t="s">
        <v>33240</v>
      </c>
      <c r="F9406">
        <v>4</v>
      </c>
      <c r="G9406" t="s">
        <v>2</v>
      </c>
      <c r="H9406" t="s">
        <v>17835</v>
      </c>
      <c r="I9406" t="s">
        <v>30540</v>
      </c>
    </row>
    <row r="9407" spans="1:9">
      <c r="A9407" s="1">
        <f ca="1">RAND()</f>
        <v>0.26274154168868202</v>
      </c>
      <c r="B9407" s="1"/>
      <c r="C9407">
        <v>9</v>
      </c>
      <c r="D9407" t="s">
        <v>17828</v>
      </c>
      <c r="E9407" t="s">
        <v>33240</v>
      </c>
      <c r="F9407">
        <v>4</v>
      </c>
      <c r="G9407" t="s">
        <v>13</v>
      </c>
      <c r="H9407" t="s">
        <v>17829</v>
      </c>
      <c r="I9407" t="s">
        <v>30540</v>
      </c>
    </row>
    <row r="9408" spans="1:9">
      <c r="A9408" s="1">
        <f ca="1">RAND()</f>
        <v>0.54428537241441111</v>
      </c>
      <c r="B9408" s="1"/>
      <c r="C9408">
        <v>13</v>
      </c>
      <c r="D9408" t="s">
        <v>17830</v>
      </c>
      <c r="E9408" t="s">
        <v>33240</v>
      </c>
      <c r="F9408">
        <v>3</v>
      </c>
      <c r="G9408" t="s">
        <v>1431</v>
      </c>
      <c r="H9408" t="s">
        <v>17831</v>
      </c>
      <c r="I9408" t="s">
        <v>30540</v>
      </c>
    </row>
    <row r="9409" spans="1:9">
      <c r="A9409" s="1">
        <f ca="1">RAND()</f>
        <v>9.2810909167054589E-2</v>
      </c>
      <c r="B9409" s="1"/>
      <c r="C9409">
        <v>11</v>
      </c>
      <c r="D9409" t="s">
        <v>17824</v>
      </c>
      <c r="E9409" t="s">
        <v>33241</v>
      </c>
      <c r="F9409">
        <v>4</v>
      </c>
      <c r="G9409" t="s">
        <v>14</v>
      </c>
      <c r="H9409" t="s">
        <v>17825</v>
      </c>
      <c r="I9409" t="s">
        <v>30540</v>
      </c>
    </row>
    <row r="9410" spans="1:9">
      <c r="A9410" s="1">
        <f ca="1">RAND()</f>
        <v>0.4037758933907184</v>
      </c>
      <c r="B9410" s="1"/>
      <c r="C9410">
        <v>13</v>
      </c>
      <c r="D9410" t="s">
        <v>17826</v>
      </c>
      <c r="E9410" t="s">
        <v>33241</v>
      </c>
      <c r="F9410">
        <v>4</v>
      </c>
      <c r="G9410" t="s">
        <v>15</v>
      </c>
      <c r="H9410" t="s">
        <v>17827</v>
      </c>
      <c r="I9410" t="s">
        <v>30540</v>
      </c>
    </row>
    <row r="9411" spans="1:9">
      <c r="A9411" s="1">
        <f ca="1">RAND()</f>
        <v>0.46756882329185245</v>
      </c>
      <c r="B9411" s="1"/>
      <c r="C9411">
        <v>18</v>
      </c>
      <c r="D9411" t="s">
        <v>17822</v>
      </c>
      <c r="E9411" t="s">
        <v>33242</v>
      </c>
      <c r="F9411">
        <v>5</v>
      </c>
      <c r="G9411" t="s">
        <v>14</v>
      </c>
      <c r="H9411" t="s">
        <v>17823</v>
      </c>
      <c r="I9411" t="s">
        <v>30540</v>
      </c>
    </row>
    <row r="9412" spans="1:9">
      <c r="A9412" s="1">
        <f ca="1">RAND()</f>
        <v>0.69789570255938183</v>
      </c>
      <c r="B9412" s="1"/>
      <c r="C9412">
        <v>12</v>
      </c>
      <c r="D9412" t="s">
        <v>17818</v>
      </c>
      <c r="E9412" t="s">
        <v>33242</v>
      </c>
      <c r="F9412">
        <v>4</v>
      </c>
      <c r="G9412" t="s">
        <v>14</v>
      </c>
      <c r="H9412" t="s">
        <v>17819</v>
      </c>
      <c r="I9412" t="s">
        <v>30540</v>
      </c>
    </row>
    <row r="9413" spans="1:9">
      <c r="A9413" s="1">
        <f ca="1">RAND()</f>
        <v>0.86206942114770069</v>
      </c>
      <c r="B9413" s="1"/>
      <c r="C9413">
        <v>15</v>
      </c>
      <c r="D9413" t="s">
        <v>17820</v>
      </c>
      <c r="E9413" t="s">
        <v>33242</v>
      </c>
      <c r="F9413">
        <v>4</v>
      </c>
      <c r="G9413" t="s">
        <v>14</v>
      </c>
      <c r="H9413" t="s">
        <v>17821</v>
      </c>
      <c r="I9413" t="s">
        <v>30540</v>
      </c>
    </row>
    <row r="9414" spans="1:9">
      <c r="A9414" s="1">
        <f ca="1">RAND()</f>
        <v>0.28686293378512784</v>
      </c>
      <c r="B9414" s="1"/>
      <c r="C9414">
        <v>12</v>
      </c>
      <c r="D9414" t="s">
        <v>17808</v>
      </c>
      <c r="E9414" t="s">
        <v>33243</v>
      </c>
      <c r="F9414">
        <v>5</v>
      </c>
      <c r="G9414" t="s">
        <v>0</v>
      </c>
      <c r="H9414" t="s">
        <v>17809</v>
      </c>
      <c r="I9414" t="s">
        <v>30540</v>
      </c>
    </row>
    <row r="9415" spans="1:9">
      <c r="A9415" s="1">
        <f ca="1">RAND()</f>
        <v>0.52926031364182724</v>
      </c>
      <c r="B9415" s="1"/>
      <c r="C9415">
        <v>20</v>
      </c>
      <c r="D9415" t="s">
        <v>17816</v>
      </c>
      <c r="E9415" t="s">
        <v>33243</v>
      </c>
      <c r="F9415">
        <v>4</v>
      </c>
      <c r="G9415" t="s">
        <v>14</v>
      </c>
      <c r="H9415" t="s">
        <v>17817</v>
      </c>
      <c r="I9415" t="s">
        <v>30540</v>
      </c>
    </row>
    <row r="9416" spans="1:9">
      <c r="A9416" s="1">
        <f ca="1">RAND()</f>
        <v>0.40245597315054704</v>
      </c>
      <c r="B9416" s="1"/>
      <c r="C9416">
        <v>18</v>
      </c>
      <c r="D9416" t="s">
        <v>17812</v>
      </c>
      <c r="E9416" t="s">
        <v>33243</v>
      </c>
      <c r="F9416">
        <v>4</v>
      </c>
      <c r="G9416" t="s">
        <v>14</v>
      </c>
      <c r="H9416" t="s">
        <v>17813</v>
      </c>
      <c r="I9416" t="s">
        <v>30540</v>
      </c>
    </row>
    <row r="9417" spans="1:9">
      <c r="A9417" s="1">
        <f ca="1">RAND()</f>
        <v>0.72829534931699424</v>
      </c>
      <c r="B9417" s="1"/>
      <c r="C9417">
        <v>17</v>
      </c>
      <c r="D9417" t="s">
        <v>17810</v>
      </c>
      <c r="E9417" t="s">
        <v>33243</v>
      </c>
      <c r="F9417">
        <v>4</v>
      </c>
      <c r="G9417" t="s">
        <v>14</v>
      </c>
      <c r="H9417" t="s">
        <v>17811</v>
      </c>
      <c r="I9417" t="s">
        <v>30540</v>
      </c>
    </row>
    <row r="9418" spans="1:9">
      <c r="A9418" s="1">
        <f ca="1">RAND()</f>
        <v>0.47669714116307216</v>
      </c>
      <c r="B9418" s="1"/>
      <c r="C9418">
        <v>19</v>
      </c>
      <c r="D9418" t="s">
        <v>17814</v>
      </c>
      <c r="E9418" t="s">
        <v>33243</v>
      </c>
      <c r="F9418">
        <v>4</v>
      </c>
      <c r="G9418" t="s">
        <v>14</v>
      </c>
      <c r="H9418" t="s">
        <v>17815</v>
      </c>
      <c r="I9418" t="s">
        <v>30540</v>
      </c>
    </row>
    <row r="9419" spans="1:9">
      <c r="A9419" s="1">
        <f ca="1">RAND()</f>
        <v>0.70724678007200992</v>
      </c>
      <c r="B9419" s="1"/>
      <c r="C9419">
        <v>2</v>
      </c>
      <c r="D9419" t="s">
        <v>17796</v>
      </c>
      <c r="E9419" t="s">
        <v>33244</v>
      </c>
      <c r="F9419">
        <v>4</v>
      </c>
      <c r="G9419" t="s">
        <v>2</v>
      </c>
      <c r="H9419" t="s">
        <v>17797</v>
      </c>
      <c r="I9419" t="s">
        <v>30540</v>
      </c>
    </row>
    <row r="9420" spans="1:9">
      <c r="A9420" s="1">
        <f ca="1">RAND()</f>
        <v>0.32520641663393768</v>
      </c>
      <c r="B9420" s="1"/>
      <c r="C9420">
        <v>19</v>
      </c>
      <c r="D9420" t="s">
        <v>17806</v>
      </c>
      <c r="E9420" t="s">
        <v>33244</v>
      </c>
      <c r="F9420">
        <v>4</v>
      </c>
      <c r="G9420" t="s">
        <v>14</v>
      </c>
      <c r="H9420" t="s">
        <v>17807</v>
      </c>
      <c r="I9420" t="s">
        <v>30540</v>
      </c>
    </row>
    <row r="9421" spans="1:9">
      <c r="A9421" s="1">
        <f ca="1">RAND()</f>
        <v>0.39144069494422651</v>
      </c>
      <c r="B9421" s="1"/>
      <c r="C9421">
        <v>17</v>
      </c>
      <c r="D9421" t="s">
        <v>17804</v>
      </c>
      <c r="E9421" t="s">
        <v>33244</v>
      </c>
      <c r="F9421">
        <v>4</v>
      </c>
      <c r="G9421" t="s">
        <v>14</v>
      </c>
      <c r="H9421" t="s">
        <v>17805</v>
      </c>
      <c r="I9421" t="s">
        <v>30540</v>
      </c>
    </row>
    <row r="9422" spans="1:9">
      <c r="A9422" s="1">
        <f ca="1">RAND()</f>
        <v>0.75124900465627165</v>
      </c>
      <c r="B9422" s="1"/>
      <c r="C9422">
        <v>8</v>
      </c>
      <c r="D9422" t="s">
        <v>17800</v>
      </c>
      <c r="E9422" t="s">
        <v>33244</v>
      </c>
      <c r="F9422">
        <v>4</v>
      </c>
      <c r="G9422" t="s">
        <v>10</v>
      </c>
      <c r="H9422" t="s">
        <v>17801</v>
      </c>
      <c r="I9422" t="s">
        <v>30540</v>
      </c>
    </row>
    <row r="9423" spans="1:9">
      <c r="A9423" s="1">
        <f ca="1">RAND()</f>
        <v>0.68669518995201118</v>
      </c>
      <c r="B9423" s="1"/>
      <c r="C9423">
        <v>12</v>
      </c>
      <c r="D9423" t="s">
        <v>17802</v>
      </c>
      <c r="E9423" t="s">
        <v>33244</v>
      </c>
      <c r="F9423">
        <v>4</v>
      </c>
      <c r="G9423" t="s">
        <v>14</v>
      </c>
      <c r="H9423" t="s">
        <v>17803</v>
      </c>
      <c r="I9423" t="s">
        <v>30540</v>
      </c>
    </row>
    <row r="9424" spans="1:9">
      <c r="A9424" s="1">
        <f ca="1">RAND()</f>
        <v>0.57114682644775316</v>
      </c>
      <c r="B9424" s="1"/>
      <c r="C9424">
        <v>5</v>
      </c>
      <c r="D9424" t="s">
        <v>17798</v>
      </c>
      <c r="E9424" t="s">
        <v>33244</v>
      </c>
      <c r="F9424">
        <v>3</v>
      </c>
      <c r="G9424" t="s">
        <v>14</v>
      </c>
      <c r="H9424" t="s">
        <v>17799</v>
      </c>
      <c r="I9424" t="s">
        <v>30540</v>
      </c>
    </row>
    <row r="9425" spans="1:9">
      <c r="A9425" s="1">
        <f ca="1">RAND()</f>
        <v>7.1223293808095667E-2</v>
      </c>
      <c r="B9425" s="1"/>
      <c r="C9425">
        <v>13</v>
      </c>
      <c r="D9425" t="s">
        <v>17794</v>
      </c>
      <c r="E9425" t="s">
        <v>33245</v>
      </c>
      <c r="F9425">
        <v>4</v>
      </c>
      <c r="G9425" t="s">
        <v>14</v>
      </c>
      <c r="H9425" t="s">
        <v>17795</v>
      </c>
      <c r="I9425" t="s">
        <v>30540</v>
      </c>
    </row>
    <row r="9426" spans="1:9">
      <c r="A9426" s="1">
        <f ca="1">RAND()</f>
        <v>0.82276889046386026</v>
      </c>
      <c r="B9426" s="1"/>
      <c r="C9426">
        <v>3</v>
      </c>
      <c r="D9426" t="s">
        <v>17784</v>
      </c>
      <c r="E9426" t="s">
        <v>33246</v>
      </c>
      <c r="F9426">
        <v>5</v>
      </c>
      <c r="G9426" t="s">
        <v>2</v>
      </c>
      <c r="H9426" t="s">
        <v>17785</v>
      </c>
      <c r="I9426" t="s">
        <v>30540</v>
      </c>
    </row>
    <row r="9427" spans="1:9">
      <c r="A9427" s="1">
        <f ca="1">RAND()</f>
        <v>6.839794045591685E-2</v>
      </c>
      <c r="B9427" s="1"/>
      <c r="C9427">
        <v>17</v>
      </c>
      <c r="D9427" t="s">
        <v>17792</v>
      </c>
      <c r="E9427" t="s">
        <v>33246</v>
      </c>
      <c r="F9427">
        <v>4</v>
      </c>
      <c r="G9427" t="s">
        <v>10</v>
      </c>
      <c r="H9427" t="s">
        <v>17793</v>
      </c>
      <c r="I9427" t="s">
        <v>30540</v>
      </c>
    </row>
    <row r="9428" spans="1:9">
      <c r="A9428" s="1">
        <f ca="1">RAND()</f>
        <v>0.82709484057763749</v>
      </c>
      <c r="B9428" s="1"/>
      <c r="C9428">
        <v>7</v>
      </c>
      <c r="D9428" t="s">
        <v>17788</v>
      </c>
      <c r="E9428" t="s">
        <v>33246</v>
      </c>
      <c r="F9428">
        <v>4</v>
      </c>
      <c r="G9428" t="s">
        <v>13</v>
      </c>
      <c r="H9428" t="s">
        <v>17789</v>
      </c>
      <c r="I9428" t="s">
        <v>30540</v>
      </c>
    </row>
    <row r="9429" spans="1:9">
      <c r="A9429" s="1">
        <f ca="1">RAND()</f>
        <v>0.51095911426983331</v>
      </c>
      <c r="B9429" s="1"/>
      <c r="C9429">
        <v>16</v>
      </c>
      <c r="D9429" t="s">
        <v>17790</v>
      </c>
      <c r="E9429" t="s">
        <v>33246</v>
      </c>
      <c r="F9429">
        <v>4</v>
      </c>
      <c r="G9429" t="s">
        <v>10</v>
      </c>
      <c r="H9429" t="s">
        <v>17791</v>
      </c>
      <c r="I9429" t="s">
        <v>30540</v>
      </c>
    </row>
    <row r="9430" spans="1:9">
      <c r="A9430" s="1">
        <f ca="1">RAND()</f>
        <v>0.16295674832842855</v>
      </c>
      <c r="B9430" s="1"/>
      <c r="C9430">
        <v>6</v>
      </c>
      <c r="D9430" t="s">
        <v>17786</v>
      </c>
      <c r="E9430" t="s">
        <v>33246</v>
      </c>
      <c r="F9430">
        <v>2</v>
      </c>
      <c r="G9430" t="s">
        <v>0</v>
      </c>
      <c r="H9430" t="s">
        <v>17787</v>
      </c>
      <c r="I9430" t="s">
        <v>30540</v>
      </c>
    </row>
    <row r="9431" spans="1:9">
      <c r="A9431" s="1">
        <f ca="1">RAND()</f>
        <v>0.55793958723177861</v>
      </c>
      <c r="B9431" s="1"/>
      <c r="C9431">
        <v>7</v>
      </c>
      <c r="D9431" t="s">
        <v>17774</v>
      </c>
      <c r="E9431" t="s">
        <v>33247</v>
      </c>
      <c r="F9431">
        <v>5</v>
      </c>
      <c r="G9431" t="s">
        <v>1</v>
      </c>
      <c r="H9431" t="s">
        <v>17775</v>
      </c>
      <c r="I9431" t="s">
        <v>30540</v>
      </c>
    </row>
    <row r="9432" spans="1:9">
      <c r="A9432" s="1">
        <f ca="1">RAND()</f>
        <v>0.70881089744461012</v>
      </c>
      <c r="B9432" s="1"/>
      <c r="C9432">
        <v>9</v>
      </c>
      <c r="D9432" t="s">
        <v>17778</v>
      </c>
      <c r="E9432" t="s">
        <v>33247</v>
      </c>
      <c r="F9432">
        <v>5</v>
      </c>
      <c r="G9432" t="s">
        <v>14</v>
      </c>
      <c r="H9432" t="s">
        <v>17779</v>
      </c>
      <c r="I9432" t="s">
        <v>30540</v>
      </c>
    </row>
    <row r="9433" spans="1:9">
      <c r="A9433" s="1">
        <f ca="1">RAND()</f>
        <v>0.41238123406742899</v>
      </c>
      <c r="B9433" s="1"/>
      <c r="C9433">
        <v>2</v>
      </c>
      <c r="D9433" t="s">
        <v>17772</v>
      </c>
      <c r="E9433" t="s">
        <v>33247</v>
      </c>
      <c r="F9433">
        <v>5</v>
      </c>
      <c r="G9433" t="s">
        <v>13</v>
      </c>
      <c r="H9433" t="s">
        <v>17773</v>
      </c>
      <c r="I9433" t="s">
        <v>30540</v>
      </c>
    </row>
    <row r="9434" spans="1:9">
      <c r="A9434" s="1">
        <f ca="1">RAND()</f>
        <v>0.48843345648734271</v>
      </c>
      <c r="B9434" s="1"/>
      <c r="C9434">
        <v>16</v>
      </c>
      <c r="D9434" t="s">
        <v>17782</v>
      </c>
      <c r="E9434" t="s">
        <v>33247</v>
      </c>
      <c r="F9434">
        <v>5</v>
      </c>
      <c r="G9434" t="s">
        <v>9</v>
      </c>
      <c r="H9434" t="s">
        <v>17783</v>
      </c>
      <c r="I9434" t="s">
        <v>30540</v>
      </c>
    </row>
    <row r="9435" spans="1:9">
      <c r="A9435" s="1">
        <f ca="1">RAND()</f>
        <v>0.72456765525375699</v>
      </c>
      <c r="B9435" s="1"/>
      <c r="C9435">
        <v>10</v>
      </c>
      <c r="D9435" t="s">
        <v>17780</v>
      </c>
      <c r="E9435" t="s">
        <v>33247</v>
      </c>
      <c r="F9435">
        <v>5</v>
      </c>
      <c r="G9435" t="s">
        <v>10</v>
      </c>
      <c r="H9435" t="s">
        <v>17781</v>
      </c>
      <c r="I9435" t="s">
        <v>30540</v>
      </c>
    </row>
    <row r="9436" spans="1:9">
      <c r="A9436" s="1">
        <f ca="1">RAND()</f>
        <v>0.11649468052674994</v>
      </c>
      <c r="B9436" s="1"/>
      <c r="C9436">
        <v>1</v>
      </c>
      <c r="D9436" t="s">
        <v>17770</v>
      </c>
      <c r="E9436" t="s">
        <v>33247</v>
      </c>
      <c r="F9436">
        <v>4</v>
      </c>
      <c r="G9436" t="s">
        <v>2</v>
      </c>
      <c r="H9436" t="s">
        <v>17771</v>
      </c>
      <c r="I9436" t="s">
        <v>30540</v>
      </c>
    </row>
    <row r="9437" spans="1:9">
      <c r="A9437" s="1">
        <f ca="1">RAND()</f>
        <v>0.35560485392444596</v>
      </c>
      <c r="B9437" s="1"/>
      <c r="C9437">
        <v>8</v>
      </c>
      <c r="D9437" t="s">
        <v>17776</v>
      </c>
      <c r="E9437" t="s">
        <v>33247</v>
      </c>
      <c r="F9437">
        <v>4</v>
      </c>
      <c r="G9437" t="s">
        <v>15</v>
      </c>
      <c r="H9437" t="s">
        <v>17777</v>
      </c>
      <c r="I9437" t="s">
        <v>30540</v>
      </c>
    </row>
    <row r="9438" spans="1:9">
      <c r="A9438" s="1">
        <f ca="1">RAND()</f>
        <v>0.37949639456298745</v>
      </c>
      <c r="B9438" s="1"/>
      <c r="C9438">
        <v>4</v>
      </c>
      <c r="D9438" t="s">
        <v>17756</v>
      </c>
      <c r="E9438" t="s">
        <v>33248</v>
      </c>
      <c r="F9438">
        <v>5</v>
      </c>
      <c r="G9438" t="s">
        <v>10</v>
      </c>
      <c r="H9438" t="s">
        <v>17757</v>
      </c>
      <c r="I9438" t="s">
        <v>30540</v>
      </c>
    </row>
    <row r="9439" spans="1:9">
      <c r="A9439" s="1">
        <f ca="1">RAND()</f>
        <v>0.13621551138395016</v>
      </c>
      <c r="B9439" s="1"/>
      <c r="C9439">
        <v>20</v>
      </c>
      <c r="D9439" t="s">
        <v>17768</v>
      </c>
      <c r="E9439" t="s">
        <v>33248</v>
      </c>
      <c r="F9439">
        <v>5</v>
      </c>
      <c r="G9439" t="s">
        <v>14</v>
      </c>
      <c r="H9439" t="s">
        <v>17769</v>
      </c>
      <c r="I9439" t="s">
        <v>30540</v>
      </c>
    </row>
    <row r="9440" spans="1:9">
      <c r="A9440" s="1">
        <f ca="1">RAND()</f>
        <v>0.41157214375291429</v>
      </c>
      <c r="B9440" s="1"/>
      <c r="C9440">
        <v>5</v>
      </c>
      <c r="D9440" t="s">
        <v>17758</v>
      </c>
      <c r="E9440" t="s">
        <v>33248</v>
      </c>
      <c r="F9440">
        <v>4</v>
      </c>
      <c r="G9440" t="s">
        <v>0</v>
      </c>
      <c r="H9440" t="s">
        <v>17759</v>
      </c>
      <c r="I9440" t="s">
        <v>30540</v>
      </c>
    </row>
    <row r="9441" spans="1:9">
      <c r="A9441" s="1">
        <f ca="1">RAND()</f>
        <v>0.56774402058774631</v>
      </c>
      <c r="B9441" s="1"/>
      <c r="C9441">
        <v>19</v>
      </c>
      <c r="D9441" t="s">
        <v>17766</v>
      </c>
      <c r="E9441" t="s">
        <v>33248</v>
      </c>
      <c r="F9441">
        <v>4</v>
      </c>
      <c r="G9441" t="s">
        <v>14</v>
      </c>
      <c r="H9441" t="s">
        <v>17767</v>
      </c>
      <c r="I9441" t="s">
        <v>30540</v>
      </c>
    </row>
    <row r="9442" spans="1:9">
      <c r="A9442" s="1">
        <f ca="1">RAND()</f>
        <v>0.77912021335753456</v>
      </c>
      <c r="B9442" s="1"/>
      <c r="C9442">
        <v>13</v>
      </c>
      <c r="D9442" t="s">
        <v>17762</v>
      </c>
      <c r="E9442" t="s">
        <v>33248</v>
      </c>
      <c r="F9442">
        <v>3</v>
      </c>
      <c r="G9442" t="s">
        <v>1</v>
      </c>
      <c r="H9442" t="s">
        <v>17763</v>
      </c>
      <c r="I9442" t="s">
        <v>30540</v>
      </c>
    </row>
    <row r="9443" spans="1:9">
      <c r="A9443" s="1">
        <f ca="1">RAND()</f>
        <v>0.30405363611667424</v>
      </c>
      <c r="B9443" s="1"/>
      <c r="C9443">
        <v>6</v>
      </c>
      <c r="D9443" t="s">
        <v>17760</v>
      </c>
      <c r="E9443" t="s">
        <v>33248</v>
      </c>
      <c r="F9443">
        <v>2</v>
      </c>
      <c r="G9443" t="s">
        <v>13</v>
      </c>
      <c r="H9443" t="s">
        <v>17761</v>
      </c>
      <c r="I9443" t="s">
        <v>30540</v>
      </c>
    </row>
    <row r="9444" spans="1:9">
      <c r="A9444" s="1">
        <f ca="1">RAND()</f>
        <v>0.5918947803762501</v>
      </c>
      <c r="B9444" s="1"/>
      <c r="C9444">
        <v>16</v>
      </c>
      <c r="D9444" t="s">
        <v>17764</v>
      </c>
      <c r="E9444" t="s">
        <v>33248</v>
      </c>
      <c r="F9444">
        <v>2</v>
      </c>
      <c r="G9444" t="s">
        <v>9</v>
      </c>
      <c r="H9444" t="s">
        <v>17765</v>
      </c>
      <c r="I9444" t="s">
        <v>30540</v>
      </c>
    </row>
    <row r="9445" spans="1:9">
      <c r="A9445" s="1">
        <f ca="1">RAND()</f>
        <v>0.348696889520412</v>
      </c>
      <c r="B9445" s="1"/>
      <c r="C9445">
        <v>11</v>
      </c>
      <c r="D9445" t="s">
        <v>17752</v>
      </c>
      <c r="E9445" t="s">
        <v>33249</v>
      </c>
      <c r="F9445">
        <v>5</v>
      </c>
      <c r="G9445" t="s">
        <v>0</v>
      </c>
      <c r="H9445" t="s">
        <v>17753</v>
      </c>
      <c r="I9445" t="s">
        <v>30540</v>
      </c>
    </row>
    <row r="9446" spans="1:9">
      <c r="A9446" s="1">
        <f ca="1">RAND()</f>
        <v>0.13019430809603738</v>
      </c>
      <c r="B9446" s="1"/>
      <c r="C9446">
        <v>8</v>
      </c>
      <c r="D9446" t="s">
        <v>17748</v>
      </c>
      <c r="E9446" t="s">
        <v>33249</v>
      </c>
      <c r="F9446">
        <v>4</v>
      </c>
      <c r="G9446" t="s">
        <v>10</v>
      </c>
      <c r="H9446" t="s">
        <v>17749</v>
      </c>
      <c r="I9446" t="s">
        <v>30540</v>
      </c>
    </row>
    <row r="9447" spans="1:9">
      <c r="A9447" s="1">
        <f ca="1">RAND()</f>
        <v>0.15821342386483828</v>
      </c>
      <c r="B9447" s="1"/>
      <c r="C9447">
        <v>9</v>
      </c>
      <c r="D9447" t="s">
        <v>17750</v>
      </c>
      <c r="E9447" t="s">
        <v>33249</v>
      </c>
      <c r="F9447">
        <v>4</v>
      </c>
      <c r="G9447" t="s">
        <v>14</v>
      </c>
      <c r="H9447" t="s">
        <v>17751</v>
      </c>
      <c r="I9447" t="s">
        <v>30540</v>
      </c>
    </row>
    <row r="9448" spans="1:9">
      <c r="A9448" s="1">
        <f ca="1">RAND()</f>
        <v>0.75375646785176553</v>
      </c>
      <c r="B9448" s="1"/>
      <c r="C9448">
        <v>2</v>
      </c>
      <c r="D9448" t="s">
        <v>17746</v>
      </c>
      <c r="E9448" t="s">
        <v>33249</v>
      </c>
      <c r="F9448">
        <v>4</v>
      </c>
      <c r="G9448" t="s">
        <v>2</v>
      </c>
      <c r="H9448" t="s">
        <v>17747</v>
      </c>
      <c r="I9448" t="s">
        <v>30540</v>
      </c>
    </row>
    <row r="9449" spans="1:9">
      <c r="A9449" s="1">
        <f ca="1">RAND()</f>
        <v>0.83345101430300073</v>
      </c>
      <c r="B9449" s="1"/>
      <c r="C9449">
        <v>13</v>
      </c>
      <c r="D9449" t="s">
        <v>17754</v>
      </c>
      <c r="E9449" t="s">
        <v>33249</v>
      </c>
      <c r="F9449">
        <v>4</v>
      </c>
      <c r="G9449" t="s">
        <v>14</v>
      </c>
      <c r="H9449" t="s">
        <v>17755</v>
      </c>
      <c r="I9449" t="s">
        <v>30540</v>
      </c>
    </row>
    <row r="9450" spans="1:9">
      <c r="A9450" s="1">
        <f ca="1">RAND()</f>
        <v>7.1010537258532347E-2</v>
      </c>
      <c r="B9450" s="1"/>
      <c r="C9450">
        <v>4</v>
      </c>
      <c r="D9450" t="s">
        <v>17740</v>
      </c>
      <c r="E9450" t="s">
        <v>33250</v>
      </c>
      <c r="F9450">
        <v>5</v>
      </c>
      <c r="G9450" t="s">
        <v>1431</v>
      </c>
      <c r="H9450" t="s">
        <v>17741</v>
      </c>
      <c r="I9450" t="s">
        <v>30540</v>
      </c>
    </row>
    <row r="9451" spans="1:9">
      <c r="A9451" s="1">
        <f ca="1">RAND()</f>
        <v>0.84386164933743391</v>
      </c>
      <c r="B9451" s="1"/>
      <c r="C9451">
        <v>11</v>
      </c>
      <c r="D9451" t="s">
        <v>17744</v>
      </c>
      <c r="E9451" t="s">
        <v>33250</v>
      </c>
      <c r="F9451">
        <v>4</v>
      </c>
      <c r="G9451" t="s">
        <v>762</v>
      </c>
      <c r="H9451" t="s">
        <v>17745</v>
      </c>
      <c r="I9451" t="s">
        <v>30540</v>
      </c>
    </row>
    <row r="9452" spans="1:9">
      <c r="A9452" s="1">
        <f ca="1">RAND()</f>
        <v>0.95780320050406542</v>
      </c>
      <c r="B9452" s="1"/>
      <c r="C9452">
        <v>8</v>
      </c>
      <c r="D9452" t="s">
        <v>17742</v>
      </c>
      <c r="E9452" t="s">
        <v>33250</v>
      </c>
      <c r="F9452">
        <v>4</v>
      </c>
      <c r="G9452" t="s">
        <v>0</v>
      </c>
      <c r="H9452" t="s">
        <v>17743</v>
      </c>
      <c r="I9452" t="s">
        <v>30540</v>
      </c>
    </row>
    <row r="9453" spans="1:9">
      <c r="A9453" s="1">
        <f ca="1">RAND()</f>
        <v>0.77701277272531744</v>
      </c>
      <c r="B9453" s="1"/>
      <c r="C9453">
        <v>13</v>
      </c>
      <c r="D9453" t="s">
        <v>17736</v>
      </c>
      <c r="E9453" t="s">
        <v>33251</v>
      </c>
      <c r="F9453">
        <v>4</v>
      </c>
      <c r="G9453" t="s">
        <v>15</v>
      </c>
      <c r="H9453" t="s">
        <v>17737</v>
      </c>
      <c r="I9453" t="s">
        <v>30540</v>
      </c>
    </row>
    <row r="9454" spans="1:9">
      <c r="A9454" s="1">
        <f ca="1">RAND()</f>
        <v>0.80332667604530417</v>
      </c>
      <c r="B9454" s="1"/>
      <c r="C9454">
        <v>15</v>
      </c>
      <c r="D9454" t="s">
        <v>17738</v>
      </c>
      <c r="E9454" t="s">
        <v>33251</v>
      </c>
      <c r="F9454">
        <v>4</v>
      </c>
      <c r="G9454" t="s">
        <v>14</v>
      </c>
      <c r="H9454" t="s">
        <v>17739</v>
      </c>
      <c r="I9454" t="s">
        <v>30540</v>
      </c>
    </row>
    <row r="9455" spans="1:9">
      <c r="A9455" s="1">
        <f ca="1">RAND()</f>
        <v>0.60466962253948664</v>
      </c>
      <c r="B9455" s="1"/>
      <c r="C9455">
        <v>7</v>
      </c>
      <c r="D9455" t="s">
        <v>17732</v>
      </c>
      <c r="E9455" t="s">
        <v>33251</v>
      </c>
      <c r="F9455">
        <v>4</v>
      </c>
      <c r="G9455" t="s">
        <v>1</v>
      </c>
      <c r="H9455" t="s">
        <v>17733</v>
      </c>
      <c r="I9455" t="s">
        <v>30540</v>
      </c>
    </row>
    <row r="9456" spans="1:9">
      <c r="A9456" s="1">
        <f ca="1">RAND()</f>
        <v>0.51345607841323071</v>
      </c>
      <c r="B9456" s="1"/>
      <c r="C9456">
        <v>12</v>
      </c>
      <c r="D9456" t="s">
        <v>17734</v>
      </c>
      <c r="E9456" t="s">
        <v>33251</v>
      </c>
      <c r="F9456">
        <v>4</v>
      </c>
      <c r="G9456" t="s">
        <v>1</v>
      </c>
      <c r="H9456" t="s">
        <v>17735</v>
      </c>
      <c r="I9456" t="s">
        <v>30540</v>
      </c>
    </row>
    <row r="9457" spans="1:9">
      <c r="A9457" s="1">
        <f ca="1">RAND()</f>
        <v>9.9653757906165041E-2</v>
      </c>
      <c r="B9457" s="1"/>
      <c r="C9457">
        <v>1</v>
      </c>
      <c r="D9457" t="s">
        <v>17730</v>
      </c>
      <c r="E9457" t="s">
        <v>33251</v>
      </c>
      <c r="F9457">
        <v>2</v>
      </c>
      <c r="G9457" t="s">
        <v>13</v>
      </c>
      <c r="H9457" t="s">
        <v>17731</v>
      </c>
      <c r="I9457" t="s">
        <v>30540</v>
      </c>
    </row>
    <row r="9458" spans="1:9">
      <c r="A9458" s="1">
        <f ca="1">RAND()</f>
        <v>0.51649683411219094</v>
      </c>
      <c r="B9458" s="1"/>
      <c r="C9458">
        <v>1</v>
      </c>
      <c r="D9458" t="s">
        <v>17714</v>
      </c>
      <c r="E9458" t="s">
        <v>33252</v>
      </c>
      <c r="F9458">
        <v>5</v>
      </c>
      <c r="G9458" t="s">
        <v>2</v>
      </c>
      <c r="H9458" t="s">
        <v>17715</v>
      </c>
      <c r="I9458" t="s">
        <v>30540</v>
      </c>
    </row>
    <row r="9459" spans="1:9">
      <c r="A9459" s="1">
        <f ca="1">RAND()</f>
        <v>0.22127621342227888</v>
      </c>
      <c r="B9459" s="1"/>
      <c r="C9459">
        <v>3</v>
      </c>
      <c r="D9459" t="s">
        <v>17718</v>
      </c>
      <c r="E9459" t="s">
        <v>33252</v>
      </c>
      <c r="F9459">
        <v>5</v>
      </c>
      <c r="G9459" t="s">
        <v>2</v>
      </c>
      <c r="H9459" t="s">
        <v>17719</v>
      </c>
      <c r="I9459" t="s">
        <v>30540</v>
      </c>
    </row>
    <row r="9460" spans="1:9">
      <c r="A9460" s="1">
        <f ca="1">RAND()</f>
        <v>0.30204256332752721</v>
      </c>
      <c r="B9460" s="1"/>
      <c r="C9460">
        <v>19</v>
      </c>
      <c r="D9460" t="s">
        <v>17728</v>
      </c>
      <c r="E9460" t="s">
        <v>33252</v>
      </c>
      <c r="F9460">
        <v>4</v>
      </c>
      <c r="G9460" t="s">
        <v>14</v>
      </c>
      <c r="H9460" t="s">
        <v>17729</v>
      </c>
      <c r="I9460" t="s">
        <v>30540</v>
      </c>
    </row>
    <row r="9461" spans="1:9">
      <c r="A9461" s="1">
        <f ca="1">RAND()</f>
        <v>0.91676742904561903</v>
      </c>
      <c r="B9461" s="1"/>
      <c r="C9461">
        <v>13</v>
      </c>
      <c r="D9461" t="s">
        <v>17722</v>
      </c>
      <c r="E9461" t="s">
        <v>33252</v>
      </c>
      <c r="F9461">
        <v>4</v>
      </c>
      <c r="G9461" t="s">
        <v>0</v>
      </c>
      <c r="H9461" t="s">
        <v>17723</v>
      </c>
      <c r="I9461" t="s">
        <v>30540</v>
      </c>
    </row>
    <row r="9462" spans="1:9">
      <c r="A9462" s="1">
        <f ca="1">RAND()</f>
        <v>0.31146583207598666</v>
      </c>
      <c r="B9462" s="1"/>
      <c r="C9462">
        <v>6</v>
      </c>
      <c r="D9462" t="s">
        <v>17720</v>
      </c>
      <c r="E9462" t="s">
        <v>33252</v>
      </c>
      <c r="F9462">
        <v>4</v>
      </c>
      <c r="G9462" t="s">
        <v>10</v>
      </c>
      <c r="H9462" t="s">
        <v>17721</v>
      </c>
      <c r="I9462" t="s">
        <v>30540</v>
      </c>
    </row>
    <row r="9463" spans="1:9">
      <c r="A9463" s="1">
        <f ca="1">RAND()</f>
        <v>0.90733962556692671</v>
      </c>
      <c r="B9463" s="1"/>
      <c r="C9463">
        <v>14</v>
      </c>
      <c r="D9463" t="s">
        <v>17724</v>
      </c>
      <c r="E9463" t="s">
        <v>33252</v>
      </c>
      <c r="F9463">
        <v>4</v>
      </c>
      <c r="G9463" t="s">
        <v>1</v>
      </c>
      <c r="H9463" t="s">
        <v>17725</v>
      </c>
      <c r="I9463" t="s">
        <v>30540</v>
      </c>
    </row>
    <row r="9464" spans="1:9">
      <c r="A9464" s="1">
        <f ca="1">RAND()</f>
        <v>0.45276251135251189</v>
      </c>
      <c r="B9464" s="1"/>
      <c r="C9464">
        <v>16</v>
      </c>
      <c r="D9464" t="s">
        <v>17726</v>
      </c>
      <c r="E9464" t="s">
        <v>33252</v>
      </c>
      <c r="F9464">
        <v>3</v>
      </c>
      <c r="G9464" t="s">
        <v>14</v>
      </c>
      <c r="H9464" t="s">
        <v>17727</v>
      </c>
      <c r="I9464" t="s">
        <v>30540</v>
      </c>
    </row>
    <row r="9465" spans="1:9">
      <c r="A9465" s="1">
        <f ca="1">RAND()</f>
        <v>0.44368334033300438</v>
      </c>
      <c r="B9465" s="1"/>
      <c r="C9465">
        <v>2</v>
      </c>
      <c r="D9465" t="s">
        <v>17716</v>
      </c>
      <c r="E9465" t="s">
        <v>33252</v>
      </c>
      <c r="F9465">
        <v>1</v>
      </c>
      <c r="G9465" t="s">
        <v>9</v>
      </c>
      <c r="H9465" t="s">
        <v>17717</v>
      </c>
      <c r="I9465" t="s">
        <v>30540</v>
      </c>
    </row>
    <row r="9466" spans="1:9">
      <c r="A9466" s="1">
        <f ca="1">RAND()</f>
        <v>0.39820353360151395</v>
      </c>
      <c r="B9466" s="1"/>
      <c r="C9466">
        <v>12</v>
      </c>
      <c r="D9466" t="s">
        <v>17710</v>
      </c>
      <c r="E9466" t="s">
        <v>33253</v>
      </c>
      <c r="F9466">
        <v>4</v>
      </c>
      <c r="G9466" t="s">
        <v>13</v>
      </c>
      <c r="H9466" t="s">
        <v>17711</v>
      </c>
      <c r="I9466" t="s">
        <v>30540</v>
      </c>
    </row>
    <row r="9467" spans="1:9">
      <c r="A9467" s="1">
        <f ca="1">RAND()</f>
        <v>0.73507559244241183</v>
      </c>
      <c r="B9467" s="1"/>
      <c r="C9467">
        <v>2</v>
      </c>
      <c r="D9467" t="s">
        <v>17700</v>
      </c>
      <c r="E9467" t="s">
        <v>33253</v>
      </c>
      <c r="F9467">
        <v>4</v>
      </c>
      <c r="G9467" t="s">
        <v>15</v>
      </c>
      <c r="H9467" t="s">
        <v>17701</v>
      </c>
      <c r="I9467" t="s">
        <v>30540</v>
      </c>
    </row>
    <row r="9468" spans="1:9">
      <c r="A9468" s="1">
        <f ca="1">RAND()</f>
        <v>0.76728273452293738</v>
      </c>
      <c r="B9468" s="1"/>
      <c r="C9468">
        <v>10</v>
      </c>
      <c r="D9468" t="s">
        <v>17708</v>
      </c>
      <c r="E9468" t="s">
        <v>33253</v>
      </c>
      <c r="F9468">
        <v>4</v>
      </c>
      <c r="G9468" t="s">
        <v>14</v>
      </c>
      <c r="H9468" t="s">
        <v>17709</v>
      </c>
      <c r="I9468" t="s">
        <v>30540</v>
      </c>
    </row>
    <row r="9469" spans="1:9">
      <c r="A9469" s="1">
        <f ca="1">RAND()</f>
        <v>0.26903964583723394</v>
      </c>
      <c r="B9469" s="1"/>
      <c r="C9469">
        <v>18</v>
      </c>
      <c r="D9469" t="s">
        <v>17712</v>
      </c>
      <c r="E9469" t="s">
        <v>33253</v>
      </c>
      <c r="F9469">
        <v>3</v>
      </c>
      <c r="G9469" t="s">
        <v>15</v>
      </c>
      <c r="H9469" t="s">
        <v>17713</v>
      </c>
      <c r="I9469" t="s">
        <v>30540</v>
      </c>
    </row>
    <row r="9470" spans="1:9">
      <c r="A9470" s="1">
        <f ca="1">RAND()</f>
        <v>0.36206081509296373</v>
      </c>
      <c r="B9470" s="1"/>
      <c r="C9470">
        <v>5</v>
      </c>
      <c r="D9470" t="s">
        <v>17704</v>
      </c>
      <c r="E9470" t="s">
        <v>33253</v>
      </c>
      <c r="F9470">
        <v>2</v>
      </c>
      <c r="G9470" t="s">
        <v>15</v>
      </c>
      <c r="H9470" t="s">
        <v>17705</v>
      </c>
      <c r="I9470" t="s">
        <v>30540</v>
      </c>
    </row>
    <row r="9471" spans="1:9">
      <c r="A9471" s="1">
        <f ca="1">RAND()</f>
        <v>0.73601168958993268</v>
      </c>
      <c r="B9471" s="1"/>
      <c r="C9471">
        <v>3</v>
      </c>
      <c r="D9471" t="s">
        <v>17702</v>
      </c>
      <c r="E9471" t="s">
        <v>33253</v>
      </c>
      <c r="F9471">
        <v>2</v>
      </c>
      <c r="G9471" t="s">
        <v>2</v>
      </c>
      <c r="H9471" t="s">
        <v>17703</v>
      </c>
      <c r="I9471" t="s">
        <v>30540</v>
      </c>
    </row>
    <row r="9472" spans="1:9">
      <c r="A9472" s="1">
        <f ca="1">RAND()</f>
        <v>0.85841836528402538</v>
      </c>
      <c r="B9472" s="1"/>
      <c r="C9472">
        <v>6</v>
      </c>
      <c r="D9472" t="s">
        <v>17706</v>
      </c>
      <c r="E9472" t="s">
        <v>33253</v>
      </c>
      <c r="F9472">
        <v>0</v>
      </c>
      <c r="G9472" t="s">
        <v>15</v>
      </c>
      <c r="H9472" t="s">
        <v>17707</v>
      </c>
      <c r="I9472" t="s">
        <v>30540</v>
      </c>
    </row>
    <row r="9473" spans="1:9">
      <c r="A9473" s="1">
        <f ca="1">RAND()</f>
        <v>0.34826796320372222</v>
      </c>
      <c r="B9473" s="1"/>
      <c r="C9473">
        <v>1</v>
      </c>
      <c r="D9473" t="s">
        <v>17688</v>
      </c>
      <c r="E9473" t="s">
        <v>33254</v>
      </c>
      <c r="F9473">
        <v>5</v>
      </c>
      <c r="G9473" t="s">
        <v>10</v>
      </c>
      <c r="H9473" t="s">
        <v>17689</v>
      </c>
      <c r="I9473" t="s">
        <v>30540</v>
      </c>
    </row>
    <row r="9474" spans="1:9">
      <c r="A9474" s="1">
        <f ca="1">RAND()</f>
        <v>0.6343724643041968</v>
      </c>
      <c r="B9474" s="1"/>
      <c r="C9474">
        <v>8</v>
      </c>
      <c r="D9474" t="s">
        <v>17694</v>
      </c>
      <c r="E9474" t="s">
        <v>33254</v>
      </c>
      <c r="F9474">
        <v>4</v>
      </c>
      <c r="G9474" t="s">
        <v>14</v>
      </c>
      <c r="H9474" t="s">
        <v>17695</v>
      </c>
      <c r="I9474" t="s">
        <v>30540</v>
      </c>
    </row>
    <row r="9475" spans="1:9">
      <c r="A9475" s="1">
        <f ca="1">RAND()</f>
        <v>0.46131071626346842</v>
      </c>
      <c r="B9475" s="1"/>
      <c r="C9475">
        <v>7</v>
      </c>
      <c r="D9475" t="s">
        <v>17692</v>
      </c>
      <c r="E9475" t="s">
        <v>33254</v>
      </c>
      <c r="F9475">
        <v>4</v>
      </c>
      <c r="G9475" t="s">
        <v>13</v>
      </c>
      <c r="H9475" t="s">
        <v>17693</v>
      </c>
      <c r="I9475" t="s">
        <v>30540</v>
      </c>
    </row>
    <row r="9476" spans="1:9">
      <c r="A9476" s="1">
        <f ca="1">RAND()</f>
        <v>0.50047916019481209</v>
      </c>
      <c r="B9476" s="1"/>
      <c r="C9476">
        <v>10</v>
      </c>
      <c r="D9476" t="s">
        <v>17696</v>
      </c>
      <c r="E9476" t="s">
        <v>33254</v>
      </c>
      <c r="F9476">
        <v>4</v>
      </c>
      <c r="G9476" t="s">
        <v>1</v>
      </c>
      <c r="H9476" t="s">
        <v>17697</v>
      </c>
      <c r="I9476" t="s">
        <v>30540</v>
      </c>
    </row>
    <row r="9477" spans="1:9">
      <c r="A9477" s="1">
        <f ca="1">RAND()</f>
        <v>0.28682584963566449</v>
      </c>
      <c r="B9477" s="1"/>
      <c r="C9477">
        <v>2</v>
      </c>
      <c r="D9477" t="s">
        <v>17690</v>
      </c>
      <c r="E9477" t="s">
        <v>33254</v>
      </c>
      <c r="F9477">
        <v>2</v>
      </c>
      <c r="G9477" t="s">
        <v>13</v>
      </c>
      <c r="H9477" t="s">
        <v>17691</v>
      </c>
      <c r="I9477" t="s">
        <v>30540</v>
      </c>
    </row>
    <row r="9478" spans="1:9">
      <c r="A9478" s="1">
        <f ca="1">RAND()</f>
        <v>0.43562689855025716</v>
      </c>
      <c r="B9478" s="1"/>
      <c r="C9478">
        <v>12</v>
      </c>
      <c r="D9478" t="s">
        <v>17698</v>
      </c>
      <c r="E9478" t="s">
        <v>33254</v>
      </c>
      <c r="F9478">
        <v>2</v>
      </c>
      <c r="G9478" t="s">
        <v>14</v>
      </c>
      <c r="H9478" t="s">
        <v>17699</v>
      </c>
      <c r="I9478" t="s">
        <v>30540</v>
      </c>
    </row>
    <row r="9479" spans="1:9">
      <c r="A9479" s="1">
        <f ca="1">RAND()</f>
        <v>0.91495787564306374</v>
      </c>
      <c r="B9479" s="1"/>
      <c r="C9479">
        <v>5</v>
      </c>
      <c r="D9479" t="s">
        <v>17682</v>
      </c>
      <c r="E9479" t="s">
        <v>33255</v>
      </c>
      <c r="F9479">
        <v>5</v>
      </c>
      <c r="G9479" t="s">
        <v>762</v>
      </c>
      <c r="H9479" t="s">
        <v>17683</v>
      </c>
      <c r="I9479" t="s">
        <v>30540</v>
      </c>
    </row>
    <row r="9480" spans="1:9">
      <c r="A9480" s="1">
        <f ca="1">RAND()</f>
        <v>0.74145252498832048</v>
      </c>
      <c r="B9480" s="1"/>
      <c r="C9480">
        <v>19</v>
      </c>
      <c r="D9480" t="s">
        <v>17686</v>
      </c>
      <c r="E9480" t="s">
        <v>33255</v>
      </c>
      <c r="F9480">
        <v>4</v>
      </c>
      <c r="G9480" t="s">
        <v>14</v>
      </c>
      <c r="H9480" t="s">
        <v>17687</v>
      </c>
      <c r="I9480" t="s">
        <v>30540</v>
      </c>
    </row>
    <row r="9481" spans="1:9">
      <c r="A9481" s="1">
        <f ca="1">RAND()</f>
        <v>0.50368578120525076</v>
      </c>
      <c r="B9481" s="1"/>
      <c r="C9481">
        <v>17</v>
      </c>
      <c r="D9481" t="s">
        <v>17684</v>
      </c>
      <c r="E9481" t="s">
        <v>33255</v>
      </c>
      <c r="F9481">
        <v>2</v>
      </c>
      <c r="G9481" t="s">
        <v>15</v>
      </c>
      <c r="H9481" t="s">
        <v>17685</v>
      </c>
      <c r="I9481" t="s">
        <v>30540</v>
      </c>
    </row>
    <row r="9482" spans="1:9">
      <c r="A9482" s="1">
        <f ca="1">RAND()</f>
        <v>0.57541161683568198</v>
      </c>
      <c r="B9482" s="1"/>
      <c r="C9482">
        <v>8</v>
      </c>
      <c r="D9482" t="s">
        <v>17672</v>
      </c>
      <c r="E9482" t="s">
        <v>33256</v>
      </c>
      <c r="F9482">
        <v>5</v>
      </c>
      <c r="G9482" t="s">
        <v>14</v>
      </c>
      <c r="H9482" t="s">
        <v>17673</v>
      </c>
      <c r="I9482" t="s">
        <v>30540</v>
      </c>
    </row>
    <row r="9483" spans="1:9">
      <c r="A9483" s="1">
        <f ca="1">RAND()</f>
        <v>0.67157800184390237</v>
      </c>
      <c r="B9483" s="1"/>
      <c r="C9483">
        <v>11</v>
      </c>
      <c r="D9483" t="s">
        <v>17674</v>
      </c>
      <c r="E9483" t="s">
        <v>33256</v>
      </c>
      <c r="F9483">
        <v>4</v>
      </c>
      <c r="G9483" t="s">
        <v>14</v>
      </c>
      <c r="H9483" t="s">
        <v>17675</v>
      </c>
      <c r="I9483" t="s">
        <v>30540</v>
      </c>
    </row>
    <row r="9484" spans="1:9">
      <c r="A9484" s="1">
        <f ca="1">RAND()</f>
        <v>0.84987701823153305</v>
      </c>
      <c r="B9484" s="1"/>
      <c r="C9484">
        <v>18</v>
      </c>
      <c r="D9484" t="s">
        <v>17680</v>
      </c>
      <c r="E9484" t="s">
        <v>33256</v>
      </c>
      <c r="F9484">
        <v>4</v>
      </c>
      <c r="G9484" t="s">
        <v>14</v>
      </c>
      <c r="H9484" t="s">
        <v>17681</v>
      </c>
      <c r="I9484" t="s">
        <v>30540</v>
      </c>
    </row>
    <row r="9485" spans="1:9">
      <c r="A9485" s="1">
        <f ca="1">RAND()</f>
        <v>0.38277340042188046</v>
      </c>
      <c r="B9485" s="1"/>
      <c r="C9485">
        <v>13</v>
      </c>
      <c r="D9485" t="s">
        <v>17676</v>
      </c>
      <c r="E9485" t="s">
        <v>33256</v>
      </c>
      <c r="F9485">
        <v>4</v>
      </c>
      <c r="G9485" t="s">
        <v>13</v>
      </c>
      <c r="H9485" t="s">
        <v>17677</v>
      </c>
      <c r="I9485" t="s">
        <v>30540</v>
      </c>
    </row>
    <row r="9486" spans="1:9">
      <c r="A9486" s="1">
        <f ca="1">RAND()</f>
        <v>5.9442369549669194E-2</v>
      </c>
      <c r="B9486" s="1"/>
      <c r="C9486">
        <v>7</v>
      </c>
      <c r="D9486" t="s">
        <v>17670</v>
      </c>
      <c r="E9486" t="s">
        <v>33256</v>
      </c>
      <c r="F9486">
        <v>3</v>
      </c>
      <c r="G9486" t="s">
        <v>9</v>
      </c>
      <c r="H9486" t="s">
        <v>17671</v>
      </c>
      <c r="I9486" t="s">
        <v>30540</v>
      </c>
    </row>
    <row r="9487" spans="1:9">
      <c r="A9487" s="1">
        <f ca="1">RAND()</f>
        <v>0.24701643069500279</v>
      </c>
      <c r="B9487" s="1"/>
      <c r="C9487">
        <v>14</v>
      </c>
      <c r="D9487" t="s">
        <v>17678</v>
      </c>
      <c r="E9487" t="s">
        <v>33256</v>
      </c>
      <c r="F9487">
        <v>1</v>
      </c>
      <c r="G9487" t="s">
        <v>14</v>
      </c>
      <c r="H9487" t="s">
        <v>17679</v>
      </c>
      <c r="I9487" t="s">
        <v>30540</v>
      </c>
    </row>
    <row r="9488" spans="1:9">
      <c r="A9488" s="1">
        <f ca="1">RAND()</f>
        <v>0.29698638650005937</v>
      </c>
      <c r="B9488" s="1"/>
      <c r="C9488">
        <v>7</v>
      </c>
      <c r="D9488" t="s">
        <v>17660</v>
      </c>
      <c r="E9488" t="s">
        <v>33257</v>
      </c>
      <c r="F9488">
        <v>4</v>
      </c>
      <c r="G9488" t="s">
        <v>10</v>
      </c>
      <c r="H9488" t="s">
        <v>17661</v>
      </c>
      <c r="I9488" t="s">
        <v>30540</v>
      </c>
    </row>
    <row r="9489" spans="1:9">
      <c r="A9489" s="1">
        <f ca="1">RAND()</f>
        <v>0.34380899070687876</v>
      </c>
      <c r="B9489" s="1"/>
      <c r="C9489">
        <v>2</v>
      </c>
      <c r="D9489" t="s">
        <v>17656</v>
      </c>
      <c r="E9489" t="s">
        <v>33257</v>
      </c>
      <c r="F9489">
        <v>4</v>
      </c>
      <c r="G9489" t="s">
        <v>9</v>
      </c>
      <c r="H9489" t="s">
        <v>17657</v>
      </c>
      <c r="I9489" t="s">
        <v>30540</v>
      </c>
    </row>
    <row r="9490" spans="1:9">
      <c r="A9490" s="1">
        <f ca="1">RAND()</f>
        <v>0.84828380491199784</v>
      </c>
      <c r="B9490" s="1"/>
      <c r="C9490">
        <v>9</v>
      </c>
      <c r="D9490" t="s">
        <v>17662</v>
      </c>
      <c r="E9490" t="s">
        <v>33257</v>
      </c>
      <c r="F9490">
        <v>4</v>
      </c>
      <c r="G9490" t="s">
        <v>10</v>
      </c>
      <c r="H9490" t="s">
        <v>17663</v>
      </c>
      <c r="I9490" t="s">
        <v>30540</v>
      </c>
    </row>
    <row r="9491" spans="1:9">
      <c r="A9491" s="1">
        <f ca="1">RAND()</f>
        <v>9.659704446041617E-2</v>
      </c>
      <c r="B9491" s="1"/>
      <c r="C9491">
        <v>6</v>
      </c>
      <c r="D9491" t="s">
        <v>17658</v>
      </c>
      <c r="E9491" t="s">
        <v>33257</v>
      </c>
      <c r="F9491">
        <v>4</v>
      </c>
      <c r="G9491" t="s">
        <v>10</v>
      </c>
      <c r="H9491" t="s">
        <v>17659</v>
      </c>
      <c r="I9491" t="s">
        <v>30540</v>
      </c>
    </row>
    <row r="9492" spans="1:9">
      <c r="A9492" s="1">
        <f ca="1">RAND()</f>
        <v>0.40038166191313307</v>
      </c>
      <c r="B9492" s="1"/>
      <c r="C9492">
        <v>17</v>
      </c>
      <c r="D9492" t="s">
        <v>17666</v>
      </c>
      <c r="E9492" t="s">
        <v>33257</v>
      </c>
      <c r="F9492">
        <v>4</v>
      </c>
      <c r="G9492" t="s">
        <v>10</v>
      </c>
      <c r="H9492" t="s">
        <v>17667</v>
      </c>
      <c r="I9492" t="s">
        <v>30540</v>
      </c>
    </row>
    <row r="9493" spans="1:9">
      <c r="A9493" s="1">
        <f ca="1">RAND()</f>
        <v>0.83587410638204507</v>
      </c>
      <c r="B9493" s="1"/>
      <c r="C9493">
        <v>15</v>
      </c>
      <c r="D9493" t="s">
        <v>17664</v>
      </c>
      <c r="E9493" t="s">
        <v>33257</v>
      </c>
      <c r="F9493">
        <v>4</v>
      </c>
      <c r="G9493" t="s">
        <v>9</v>
      </c>
      <c r="H9493" t="s">
        <v>17665</v>
      </c>
      <c r="I9493" t="s">
        <v>30540</v>
      </c>
    </row>
    <row r="9494" spans="1:9">
      <c r="A9494" s="1">
        <f ca="1">RAND()</f>
        <v>0.88202455468948937</v>
      </c>
      <c r="B9494" s="1"/>
      <c r="C9494">
        <v>19</v>
      </c>
      <c r="D9494" t="s">
        <v>17668</v>
      </c>
      <c r="E9494" t="s">
        <v>33257</v>
      </c>
      <c r="F9494">
        <v>2</v>
      </c>
      <c r="G9494" t="s">
        <v>10</v>
      </c>
      <c r="H9494" t="s">
        <v>17669</v>
      </c>
      <c r="I9494" t="s">
        <v>30540</v>
      </c>
    </row>
    <row r="9495" spans="1:9">
      <c r="A9495" s="1">
        <f ca="1">RAND()</f>
        <v>0.11907919591160143</v>
      </c>
      <c r="B9495" s="1"/>
      <c r="C9495">
        <v>14</v>
      </c>
      <c r="D9495" t="s">
        <v>17650</v>
      </c>
      <c r="E9495" t="s">
        <v>33258</v>
      </c>
      <c r="F9495">
        <v>5</v>
      </c>
      <c r="G9495" t="s">
        <v>1</v>
      </c>
      <c r="H9495" t="s">
        <v>17651</v>
      </c>
      <c r="I9495" t="s">
        <v>30540</v>
      </c>
    </row>
    <row r="9496" spans="1:9">
      <c r="A9496" s="1">
        <f ca="1">RAND()</f>
        <v>3.1145636567665336E-2</v>
      </c>
      <c r="B9496" s="1"/>
      <c r="C9496">
        <v>9</v>
      </c>
      <c r="D9496" t="s">
        <v>17648</v>
      </c>
      <c r="E9496" t="s">
        <v>33258</v>
      </c>
      <c r="F9496">
        <v>4</v>
      </c>
      <c r="G9496" t="s">
        <v>14</v>
      </c>
      <c r="H9496" t="s">
        <v>17649</v>
      </c>
      <c r="I9496" t="s">
        <v>30540</v>
      </c>
    </row>
    <row r="9497" spans="1:9">
      <c r="A9497" s="1">
        <f ca="1">RAND()</f>
        <v>0.77205944293718543</v>
      </c>
      <c r="B9497" s="1"/>
      <c r="C9497">
        <v>17</v>
      </c>
      <c r="D9497" t="s">
        <v>17652</v>
      </c>
      <c r="E9497" t="s">
        <v>33258</v>
      </c>
      <c r="F9497">
        <v>4</v>
      </c>
      <c r="G9497" t="s">
        <v>14</v>
      </c>
      <c r="H9497" t="s">
        <v>17653</v>
      </c>
      <c r="I9497" t="s">
        <v>30540</v>
      </c>
    </row>
    <row r="9498" spans="1:9">
      <c r="A9498" s="1">
        <f ca="1">RAND()</f>
        <v>0.42356290567726418</v>
      </c>
      <c r="B9498" s="1"/>
      <c r="C9498">
        <v>18</v>
      </c>
      <c r="D9498" t="s">
        <v>17654</v>
      </c>
      <c r="E9498" t="s">
        <v>33258</v>
      </c>
      <c r="F9498">
        <v>4</v>
      </c>
      <c r="G9498" t="s">
        <v>2</v>
      </c>
      <c r="H9498" t="s">
        <v>17655</v>
      </c>
      <c r="I9498" t="s">
        <v>30540</v>
      </c>
    </row>
    <row r="9499" spans="1:9">
      <c r="A9499" s="1">
        <f ca="1">RAND()</f>
        <v>0.86621356098461499</v>
      </c>
      <c r="B9499" s="1"/>
      <c r="C9499">
        <v>5</v>
      </c>
      <c r="D9499" t="s">
        <v>17640</v>
      </c>
      <c r="E9499" t="s">
        <v>33259</v>
      </c>
      <c r="F9499">
        <v>5</v>
      </c>
      <c r="G9499" t="s">
        <v>14</v>
      </c>
      <c r="H9499" t="s">
        <v>17641</v>
      </c>
      <c r="I9499" t="s">
        <v>30540</v>
      </c>
    </row>
    <row r="9500" spans="1:9">
      <c r="A9500" s="1">
        <f ca="1">RAND()</f>
        <v>0.12524154312121349</v>
      </c>
      <c r="B9500" s="1"/>
      <c r="C9500">
        <v>7</v>
      </c>
      <c r="D9500" t="s">
        <v>17642</v>
      </c>
      <c r="E9500" t="s">
        <v>33259</v>
      </c>
      <c r="F9500">
        <v>4</v>
      </c>
      <c r="G9500" t="s">
        <v>15</v>
      </c>
      <c r="H9500" t="s">
        <v>17643</v>
      </c>
      <c r="I9500" t="s">
        <v>30540</v>
      </c>
    </row>
    <row r="9501" spans="1:9">
      <c r="A9501" s="1">
        <f ca="1">RAND()</f>
        <v>0.62259455870894054</v>
      </c>
      <c r="B9501" s="1"/>
      <c r="C9501">
        <v>16</v>
      </c>
      <c r="D9501" t="s">
        <v>17646</v>
      </c>
      <c r="E9501" t="s">
        <v>33259</v>
      </c>
      <c r="F9501">
        <v>4</v>
      </c>
      <c r="G9501" t="s">
        <v>0</v>
      </c>
      <c r="H9501" t="s">
        <v>17647</v>
      </c>
      <c r="I9501" t="s">
        <v>30540</v>
      </c>
    </row>
    <row r="9502" spans="1:9">
      <c r="A9502" s="1">
        <f ca="1">RAND()</f>
        <v>0.706282193505123</v>
      </c>
      <c r="B9502" s="1"/>
      <c r="C9502">
        <v>12</v>
      </c>
      <c r="D9502" t="s">
        <v>17644</v>
      </c>
      <c r="E9502" t="s">
        <v>33259</v>
      </c>
      <c r="F9502">
        <v>4</v>
      </c>
      <c r="G9502" t="s">
        <v>0</v>
      </c>
      <c r="H9502" t="s">
        <v>17645</v>
      </c>
      <c r="I9502" t="s">
        <v>30540</v>
      </c>
    </row>
    <row r="9503" spans="1:9">
      <c r="A9503" s="1">
        <f ca="1">RAND()</f>
        <v>0.2302096285938029</v>
      </c>
      <c r="B9503" s="1"/>
      <c r="C9503">
        <v>1</v>
      </c>
      <c r="D9503" t="s">
        <v>17638</v>
      </c>
      <c r="E9503" t="s">
        <v>33259</v>
      </c>
      <c r="F9503">
        <v>3</v>
      </c>
      <c r="G9503" t="s">
        <v>10</v>
      </c>
      <c r="H9503" t="s">
        <v>17639</v>
      </c>
      <c r="I9503" t="s">
        <v>30540</v>
      </c>
    </row>
    <row r="9504" spans="1:9">
      <c r="A9504" s="1">
        <f ca="1">RAND()</f>
        <v>0.70603990953744256</v>
      </c>
      <c r="B9504" s="1"/>
      <c r="C9504">
        <v>11</v>
      </c>
      <c r="D9504" t="s">
        <v>17634</v>
      </c>
      <c r="E9504" t="s">
        <v>33260</v>
      </c>
      <c r="F9504">
        <v>4</v>
      </c>
      <c r="G9504" t="s">
        <v>1295</v>
      </c>
      <c r="H9504" t="s">
        <v>17635</v>
      </c>
      <c r="I9504" t="s">
        <v>30540</v>
      </c>
    </row>
    <row r="9505" spans="1:9">
      <c r="A9505" s="1">
        <f ca="1">RAND()</f>
        <v>0.58067921615932638</v>
      </c>
      <c r="B9505" s="1"/>
      <c r="C9505">
        <v>18</v>
      </c>
      <c r="D9505" t="s">
        <v>17636</v>
      </c>
      <c r="E9505" t="s">
        <v>33260</v>
      </c>
      <c r="F9505">
        <v>3</v>
      </c>
      <c r="G9505" t="s">
        <v>13</v>
      </c>
      <c r="H9505" t="s">
        <v>17637</v>
      </c>
      <c r="I9505" t="s">
        <v>30540</v>
      </c>
    </row>
    <row r="9506" spans="1:9">
      <c r="A9506" s="1">
        <f ca="1">RAND()</f>
        <v>0.39843713076683018</v>
      </c>
      <c r="B9506" s="1"/>
      <c r="C9506">
        <v>2</v>
      </c>
      <c r="D9506" t="s">
        <v>17632</v>
      </c>
      <c r="E9506" t="s">
        <v>33260</v>
      </c>
      <c r="F9506">
        <v>2</v>
      </c>
      <c r="G9506" t="s">
        <v>13</v>
      </c>
      <c r="H9506" t="s">
        <v>17633</v>
      </c>
      <c r="I9506" t="s">
        <v>30540</v>
      </c>
    </row>
    <row r="9507" spans="1:9">
      <c r="A9507" s="1">
        <f ca="1">RAND()</f>
        <v>0.98169620246339917</v>
      </c>
      <c r="B9507" s="1"/>
      <c r="C9507">
        <v>2</v>
      </c>
      <c r="D9507" t="s">
        <v>17628</v>
      </c>
      <c r="E9507" t="s">
        <v>33261</v>
      </c>
      <c r="F9507">
        <v>5</v>
      </c>
      <c r="G9507" t="s">
        <v>14</v>
      </c>
      <c r="H9507" t="s">
        <v>17629</v>
      </c>
      <c r="I9507" t="s">
        <v>30540</v>
      </c>
    </row>
    <row r="9508" spans="1:9">
      <c r="A9508" s="1">
        <f ca="1">RAND()</f>
        <v>0.83922359660856582</v>
      </c>
      <c r="B9508" s="1"/>
      <c r="C9508">
        <v>17</v>
      </c>
      <c r="D9508" t="s">
        <v>17630</v>
      </c>
      <c r="E9508" t="s">
        <v>33261</v>
      </c>
      <c r="F9508">
        <v>4</v>
      </c>
      <c r="G9508" t="s">
        <v>14</v>
      </c>
      <c r="H9508" t="s">
        <v>17631</v>
      </c>
      <c r="I9508" t="s">
        <v>30540</v>
      </c>
    </row>
    <row r="9509" spans="1:9">
      <c r="A9509" s="1">
        <f ca="1">RAND()</f>
        <v>0.47774694302553444</v>
      </c>
      <c r="B9509" s="1"/>
      <c r="C9509">
        <v>18</v>
      </c>
      <c r="D9509" t="s">
        <v>17624</v>
      </c>
      <c r="E9509" t="s">
        <v>33262</v>
      </c>
      <c r="F9509">
        <v>5</v>
      </c>
      <c r="G9509" t="s">
        <v>0</v>
      </c>
      <c r="H9509" t="s">
        <v>17625</v>
      </c>
      <c r="I9509" t="s">
        <v>30540</v>
      </c>
    </row>
    <row r="9510" spans="1:9">
      <c r="A9510" s="1">
        <f ca="1">RAND()</f>
        <v>0.46919769277950207</v>
      </c>
      <c r="B9510" s="1"/>
      <c r="C9510">
        <v>9</v>
      </c>
      <c r="D9510" t="s">
        <v>17620</v>
      </c>
      <c r="E9510" t="s">
        <v>33262</v>
      </c>
      <c r="F9510">
        <v>4</v>
      </c>
      <c r="G9510" t="s">
        <v>9</v>
      </c>
      <c r="H9510" t="s">
        <v>17621</v>
      </c>
      <c r="I9510" t="s">
        <v>30540</v>
      </c>
    </row>
    <row r="9511" spans="1:9">
      <c r="A9511" s="1">
        <f ca="1">RAND()</f>
        <v>0.40028972202125346</v>
      </c>
      <c r="B9511" s="1"/>
      <c r="C9511">
        <v>7</v>
      </c>
      <c r="D9511" t="s">
        <v>17618</v>
      </c>
      <c r="E9511" t="s">
        <v>33262</v>
      </c>
      <c r="F9511">
        <v>4</v>
      </c>
      <c r="G9511" t="s">
        <v>10</v>
      </c>
      <c r="H9511" t="s">
        <v>17619</v>
      </c>
      <c r="I9511" t="s">
        <v>30540</v>
      </c>
    </row>
    <row r="9512" spans="1:9">
      <c r="A9512" s="1">
        <f ca="1">RAND()</f>
        <v>0.78828629585908505</v>
      </c>
      <c r="B9512" s="1"/>
      <c r="C9512">
        <v>19</v>
      </c>
      <c r="D9512" t="s">
        <v>17626</v>
      </c>
      <c r="E9512" t="s">
        <v>33262</v>
      </c>
      <c r="F9512">
        <v>4</v>
      </c>
      <c r="G9512" t="s">
        <v>14</v>
      </c>
      <c r="H9512" t="s">
        <v>17627</v>
      </c>
      <c r="I9512" t="s">
        <v>30540</v>
      </c>
    </row>
    <row r="9513" spans="1:9">
      <c r="A9513" s="1">
        <f ca="1">RAND()</f>
        <v>0.96229690588347883</v>
      </c>
      <c r="B9513" s="1"/>
      <c r="C9513">
        <v>12</v>
      </c>
      <c r="D9513" t="s">
        <v>17622</v>
      </c>
      <c r="E9513" t="s">
        <v>33262</v>
      </c>
      <c r="F9513">
        <v>2</v>
      </c>
      <c r="G9513" t="s">
        <v>14</v>
      </c>
      <c r="H9513" t="s">
        <v>17623</v>
      </c>
      <c r="I9513" t="s">
        <v>30540</v>
      </c>
    </row>
    <row r="9514" spans="1:9">
      <c r="A9514" s="1">
        <f ca="1">RAND()</f>
        <v>0.35976521242135684</v>
      </c>
      <c r="B9514" s="1"/>
      <c r="C9514">
        <v>6</v>
      </c>
      <c r="D9514" t="s">
        <v>17616</v>
      </c>
      <c r="E9514" t="s">
        <v>33262</v>
      </c>
      <c r="F9514">
        <v>1</v>
      </c>
      <c r="G9514" t="s">
        <v>10</v>
      </c>
      <c r="H9514" t="s">
        <v>17617</v>
      </c>
      <c r="I9514" t="s">
        <v>30540</v>
      </c>
    </row>
    <row r="9515" spans="1:9">
      <c r="A9515" s="1">
        <f ca="1">RAND()</f>
        <v>0.87148749839985695</v>
      </c>
      <c r="B9515" s="1"/>
      <c r="C9515">
        <v>1</v>
      </c>
      <c r="D9515" t="s">
        <v>17614</v>
      </c>
      <c r="E9515" t="s">
        <v>33262</v>
      </c>
      <c r="F9515">
        <v>1</v>
      </c>
      <c r="G9515" t="s">
        <v>2</v>
      </c>
      <c r="H9515" t="s">
        <v>17615</v>
      </c>
      <c r="I9515" t="s">
        <v>30540</v>
      </c>
    </row>
    <row r="9516" spans="1:9">
      <c r="A9516" s="1">
        <f ca="1">RAND()</f>
        <v>0.76590475248463841</v>
      </c>
      <c r="B9516" s="1"/>
      <c r="C9516">
        <v>9</v>
      </c>
      <c r="D9516" t="s">
        <v>17602</v>
      </c>
      <c r="E9516" t="s">
        <v>33263</v>
      </c>
      <c r="F9516">
        <v>5</v>
      </c>
      <c r="G9516" t="s">
        <v>13</v>
      </c>
      <c r="H9516" t="s">
        <v>17603</v>
      </c>
      <c r="I9516" t="s">
        <v>30540</v>
      </c>
    </row>
    <row r="9517" spans="1:9">
      <c r="A9517" s="1">
        <f ca="1">RAND()</f>
        <v>0.91939714252066596</v>
      </c>
      <c r="B9517" s="1"/>
      <c r="C9517">
        <v>20</v>
      </c>
      <c r="D9517" t="s">
        <v>17612</v>
      </c>
      <c r="E9517" t="s">
        <v>33263</v>
      </c>
      <c r="F9517">
        <v>4</v>
      </c>
      <c r="G9517" t="s">
        <v>14</v>
      </c>
      <c r="H9517" t="s">
        <v>17613</v>
      </c>
      <c r="I9517" t="s">
        <v>30540</v>
      </c>
    </row>
    <row r="9518" spans="1:9">
      <c r="A9518" s="1">
        <f ca="1">RAND()</f>
        <v>0.447322769267961</v>
      </c>
      <c r="B9518" s="1"/>
      <c r="C9518">
        <v>17</v>
      </c>
      <c r="D9518" t="s">
        <v>17608</v>
      </c>
      <c r="E9518" t="s">
        <v>33263</v>
      </c>
      <c r="F9518">
        <v>4</v>
      </c>
      <c r="G9518" t="s">
        <v>14</v>
      </c>
      <c r="H9518" t="s">
        <v>17609</v>
      </c>
      <c r="I9518" t="s">
        <v>30540</v>
      </c>
    </row>
    <row r="9519" spans="1:9">
      <c r="A9519" s="1">
        <f ca="1">RAND()</f>
        <v>0.33841521833157939</v>
      </c>
      <c r="B9519" s="1"/>
      <c r="C9519">
        <v>14</v>
      </c>
      <c r="D9519" t="s">
        <v>17606</v>
      </c>
      <c r="E9519" t="s">
        <v>33263</v>
      </c>
      <c r="F9519">
        <v>2</v>
      </c>
      <c r="G9519" t="s">
        <v>14</v>
      </c>
      <c r="H9519" t="s">
        <v>17607</v>
      </c>
      <c r="I9519" t="s">
        <v>30540</v>
      </c>
    </row>
    <row r="9520" spans="1:9">
      <c r="A9520" s="1">
        <f ca="1">RAND()</f>
        <v>0.91133325465776449</v>
      </c>
      <c r="B9520" s="1"/>
      <c r="C9520">
        <v>18</v>
      </c>
      <c r="D9520" t="s">
        <v>17610</v>
      </c>
      <c r="E9520" t="s">
        <v>33263</v>
      </c>
      <c r="F9520">
        <v>2</v>
      </c>
      <c r="G9520" t="s">
        <v>1</v>
      </c>
      <c r="H9520" t="s">
        <v>17611</v>
      </c>
      <c r="I9520" t="s">
        <v>30540</v>
      </c>
    </row>
    <row r="9521" spans="1:9">
      <c r="A9521" s="1">
        <f ca="1">RAND()</f>
        <v>0.41882169090995225</v>
      </c>
      <c r="B9521" s="1"/>
      <c r="C9521">
        <v>10</v>
      </c>
      <c r="D9521" t="s">
        <v>17604</v>
      </c>
      <c r="E9521" t="s">
        <v>33263</v>
      </c>
      <c r="F9521">
        <v>2</v>
      </c>
      <c r="G9521" t="s">
        <v>13</v>
      </c>
      <c r="H9521" t="s">
        <v>17605</v>
      </c>
      <c r="I9521" t="s">
        <v>30540</v>
      </c>
    </row>
    <row r="9522" spans="1:9">
      <c r="A9522" s="1">
        <f ca="1">RAND()</f>
        <v>0.15389394001630252</v>
      </c>
      <c r="B9522" s="1"/>
      <c r="C9522">
        <v>1</v>
      </c>
      <c r="D9522" t="s">
        <v>17588</v>
      </c>
      <c r="E9522" t="s">
        <v>33264</v>
      </c>
      <c r="F9522">
        <v>5</v>
      </c>
      <c r="G9522" t="s">
        <v>10</v>
      </c>
      <c r="H9522" t="s">
        <v>17589</v>
      </c>
      <c r="I9522" t="s">
        <v>30540</v>
      </c>
    </row>
    <row r="9523" spans="1:9">
      <c r="A9523" s="1">
        <f ca="1">RAND()</f>
        <v>0.72560164683038564</v>
      </c>
      <c r="B9523" s="1"/>
      <c r="C9523">
        <v>11</v>
      </c>
      <c r="D9523" t="s">
        <v>17592</v>
      </c>
      <c r="E9523" t="s">
        <v>33264</v>
      </c>
      <c r="F9523">
        <v>5</v>
      </c>
      <c r="G9523" t="s">
        <v>0</v>
      </c>
      <c r="H9523" t="s">
        <v>17593</v>
      </c>
      <c r="I9523" t="s">
        <v>30540</v>
      </c>
    </row>
    <row r="9524" spans="1:9">
      <c r="A9524" s="1">
        <f ca="1">RAND()</f>
        <v>0.77706081238114411</v>
      </c>
      <c r="B9524" s="1"/>
      <c r="C9524">
        <v>18</v>
      </c>
      <c r="D9524" t="s">
        <v>17600</v>
      </c>
      <c r="E9524" t="s">
        <v>33264</v>
      </c>
      <c r="F9524">
        <v>5</v>
      </c>
      <c r="G9524" t="s">
        <v>13</v>
      </c>
      <c r="H9524" t="s">
        <v>17601</v>
      </c>
      <c r="I9524" t="s">
        <v>30540</v>
      </c>
    </row>
    <row r="9525" spans="1:9">
      <c r="A9525" s="1">
        <f ca="1">RAND()</f>
        <v>0.73241785793943459</v>
      </c>
      <c r="B9525" s="1"/>
      <c r="C9525">
        <v>12</v>
      </c>
      <c r="D9525" t="s">
        <v>17594</v>
      </c>
      <c r="E9525" t="s">
        <v>33264</v>
      </c>
      <c r="F9525">
        <v>4</v>
      </c>
      <c r="G9525" t="s">
        <v>1</v>
      </c>
      <c r="H9525" t="s">
        <v>17595</v>
      </c>
      <c r="I9525" t="s">
        <v>30540</v>
      </c>
    </row>
    <row r="9526" spans="1:9">
      <c r="A9526" s="1">
        <f ca="1">RAND()</f>
        <v>0.39488887300994746</v>
      </c>
      <c r="B9526" s="1"/>
      <c r="C9526">
        <v>16</v>
      </c>
      <c r="D9526" t="s">
        <v>17598</v>
      </c>
      <c r="E9526" t="s">
        <v>33264</v>
      </c>
      <c r="F9526">
        <v>4</v>
      </c>
      <c r="G9526" t="s">
        <v>14</v>
      </c>
      <c r="H9526" t="s">
        <v>17599</v>
      </c>
      <c r="I9526" t="s">
        <v>30540</v>
      </c>
    </row>
    <row r="9527" spans="1:9">
      <c r="A9527" s="1">
        <f ca="1">RAND()</f>
        <v>0.14775842263025907</v>
      </c>
      <c r="B9527" s="1"/>
      <c r="C9527">
        <v>13</v>
      </c>
      <c r="D9527" t="s">
        <v>17596</v>
      </c>
      <c r="E9527" t="s">
        <v>33264</v>
      </c>
      <c r="F9527">
        <v>3</v>
      </c>
      <c r="G9527" t="s">
        <v>14</v>
      </c>
      <c r="H9527" t="s">
        <v>17597</v>
      </c>
      <c r="I9527" t="s">
        <v>30540</v>
      </c>
    </row>
    <row r="9528" spans="1:9">
      <c r="A9528" s="1">
        <f ca="1">RAND()</f>
        <v>0.46296673966951918</v>
      </c>
      <c r="B9528" s="1"/>
      <c r="C9528">
        <v>7</v>
      </c>
      <c r="D9528" t="s">
        <v>17590</v>
      </c>
      <c r="E9528" t="s">
        <v>33264</v>
      </c>
      <c r="F9528">
        <v>3</v>
      </c>
      <c r="G9528" t="s">
        <v>9</v>
      </c>
      <c r="H9528" t="s">
        <v>17591</v>
      </c>
      <c r="I9528" t="s">
        <v>30540</v>
      </c>
    </row>
    <row r="9529" spans="1:9">
      <c r="A9529" s="1">
        <f ca="1">RAND()</f>
        <v>0.8544446056289503</v>
      </c>
      <c r="B9529" s="1"/>
      <c r="C9529">
        <v>20</v>
      </c>
      <c r="D9529" t="s">
        <v>17586</v>
      </c>
      <c r="E9529" t="s">
        <v>33265</v>
      </c>
      <c r="F9529">
        <v>4</v>
      </c>
      <c r="G9529" t="s">
        <v>14</v>
      </c>
      <c r="H9529" t="s">
        <v>17587</v>
      </c>
      <c r="I9529" t="s">
        <v>30540</v>
      </c>
    </row>
    <row r="9530" spans="1:9">
      <c r="A9530" s="1">
        <f ca="1">RAND()</f>
        <v>0.15094204675757306</v>
      </c>
      <c r="B9530" s="1"/>
      <c r="C9530">
        <v>5</v>
      </c>
      <c r="D9530" t="s">
        <v>17580</v>
      </c>
      <c r="E9530" t="s">
        <v>33265</v>
      </c>
      <c r="F9530">
        <v>4</v>
      </c>
      <c r="G9530" t="s">
        <v>762</v>
      </c>
      <c r="H9530" t="s">
        <v>17581</v>
      </c>
      <c r="I9530" t="s">
        <v>30540</v>
      </c>
    </row>
    <row r="9531" spans="1:9">
      <c r="A9531" s="1">
        <f ca="1">RAND()</f>
        <v>6.4839310000129768E-2</v>
      </c>
      <c r="B9531" s="1"/>
      <c r="C9531">
        <v>13</v>
      </c>
      <c r="D9531" t="s">
        <v>17584</v>
      </c>
      <c r="E9531" t="s">
        <v>33265</v>
      </c>
      <c r="F9531">
        <v>4</v>
      </c>
      <c r="G9531" t="s">
        <v>1</v>
      </c>
      <c r="H9531" t="s">
        <v>17585</v>
      </c>
      <c r="I9531" t="s">
        <v>30540</v>
      </c>
    </row>
    <row r="9532" spans="1:9">
      <c r="A9532" s="1">
        <f ca="1">RAND()</f>
        <v>0.37659962218802501</v>
      </c>
      <c r="B9532" s="1"/>
      <c r="C9532">
        <v>12</v>
      </c>
      <c r="D9532" t="s">
        <v>17582</v>
      </c>
      <c r="E9532" t="s">
        <v>33265</v>
      </c>
      <c r="F9532">
        <v>2</v>
      </c>
      <c r="G9532" t="s">
        <v>14</v>
      </c>
      <c r="H9532" t="s">
        <v>17583</v>
      </c>
      <c r="I9532" t="s">
        <v>30540</v>
      </c>
    </row>
    <row r="9533" spans="1:9">
      <c r="A9533" s="1">
        <f ca="1">RAND()</f>
        <v>0.45953094540049122</v>
      </c>
      <c r="B9533" s="1"/>
      <c r="C9533">
        <v>20</v>
      </c>
      <c r="D9533" t="s">
        <v>17578</v>
      </c>
      <c r="E9533" t="s">
        <v>33266</v>
      </c>
      <c r="F9533">
        <v>4</v>
      </c>
      <c r="G9533" t="s">
        <v>10</v>
      </c>
      <c r="H9533" t="s">
        <v>17579</v>
      </c>
      <c r="I9533" t="s">
        <v>30540</v>
      </c>
    </row>
    <row r="9534" spans="1:9">
      <c r="A9534" s="1">
        <f ca="1">RAND()</f>
        <v>0.77602787741505874</v>
      </c>
      <c r="B9534" s="1"/>
      <c r="C9534">
        <v>19</v>
      </c>
      <c r="D9534" t="s">
        <v>17576</v>
      </c>
      <c r="E9534" t="s">
        <v>33266</v>
      </c>
      <c r="F9534">
        <v>4</v>
      </c>
      <c r="G9534" t="s">
        <v>10</v>
      </c>
      <c r="H9534" t="s">
        <v>17577</v>
      </c>
      <c r="I9534" t="s">
        <v>30540</v>
      </c>
    </row>
    <row r="9535" spans="1:9">
      <c r="A9535" s="1">
        <f ca="1">RAND()</f>
        <v>0.40497100719880952</v>
      </c>
      <c r="B9535" s="1"/>
      <c r="C9535">
        <v>11</v>
      </c>
      <c r="D9535" t="s">
        <v>17572</v>
      </c>
      <c r="E9535" t="s">
        <v>33266</v>
      </c>
      <c r="F9535">
        <v>4</v>
      </c>
      <c r="G9535" t="s">
        <v>14</v>
      </c>
      <c r="H9535" t="s">
        <v>17573</v>
      </c>
      <c r="I9535" t="s">
        <v>30540</v>
      </c>
    </row>
    <row r="9536" spans="1:9">
      <c r="A9536" s="1">
        <f ca="1">RAND()</f>
        <v>0.60949689211988267</v>
      </c>
      <c r="B9536" s="1"/>
      <c r="C9536">
        <v>6</v>
      </c>
      <c r="D9536" t="s">
        <v>17570</v>
      </c>
      <c r="E9536" t="s">
        <v>33266</v>
      </c>
      <c r="F9536">
        <v>4</v>
      </c>
      <c r="G9536" t="s">
        <v>9</v>
      </c>
      <c r="H9536" t="s">
        <v>17571</v>
      </c>
      <c r="I9536" t="s">
        <v>30540</v>
      </c>
    </row>
    <row r="9537" spans="1:9">
      <c r="A9537" s="1">
        <f ca="1">RAND()</f>
        <v>0.23336978658981589</v>
      </c>
      <c r="B9537" s="1"/>
      <c r="C9537">
        <v>15</v>
      </c>
      <c r="D9537" t="s">
        <v>17574</v>
      </c>
      <c r="E9537" t="s">
        <v>33266</v>
      </c>
      <c r="F9537">
        <v>1</v>
      </c>
      <c r="G9537" t="s">
        <v>14</v>
      </c>
      <c r="H9537" t="s">
        <v>17575</v>
      </c>
      <c r="I9537" t="s">
        <v>30540</v>
      </c>
    </row>
    <row r="9538" spans="1:9">
      <c r="A9538" s="1">
        <f ca="1">RAND()</f>
        <v>0.76101312514282471</v>
      </c>
      <c r="B9538" s="1"/>
      <c r="C9538">
        <v>7</v>
      </c>
      <c r="D9538" t="s">
        <v>17560</v>
      </c>
      <c r="E9538" t="s">
        <v>33267</v>
      </c>
      <c r="F9538">
        <v>5</v>
      </c>
      <c r="G9538" t="s">
        <v>0</v>
      </c>
      <c r="H9538" t="s">
        <v>17561</v>
      </c>
      <c r="I9538" t="s">
        <v>30540</v>
      </c>
    </row>
    <row r="9539" spans="1:9">
      <c r="A9539" s="1">
        <f ca="1">RAND()</f>
        <v>0.82811725315208951</v>
      </c>
      <c r="B9539" s="1"/>
      <c r="C9539">
        <v>8</v>
      </c>
      <c r="D9539" t="s">
        <v>17562</v>
      </c>
      <c r="E9539" t="s">
        <v>33267</v>
      </c>
      <c r="F9539">
        <v>5</v>
      </c>
      <c r="G9539" t="s">
        <v>14</v>
      </c>
      <c r="H9539" t="s">
        <v>17563</v>
      </c>
      <c r="I9539" t="s">
        <v>30540</v>
      </c>
    </row>
    <row r="9540" spans="1:9">
      <c r="A9540" s="1">
        <f ca="1">RAND()</f>
        <v>0.65850889792717615</v>
      </c>
      <c r="B9540" s="1"/>
      <c r="C9540">
        <v>11</v>
      </c>
      <c r="D9540" t="s">
        <v>17564</v>
      </c>
      <c r="E9540" t="s">
        <v>33267</v>
      </c>
      <c r="F9540">
        <v>5</v>
      </c>
      <c r="G9540" t="s">
        <v>14</v>
      </c>
      <c r="H9540" t="s">
        <v>17565</v>
      </c>
      <c r="I9540" t="s">
        <v>30540</v>
      </c>
    </row>
    <row r="9541" spans="1:9">
      <c r="A9541" s="1">
        <f ca="1">RAND()</f>
        <v>0.25755109016920319</v>
      </c>
      <c r="B9541" s="1"/>
      <c r="C9541">
        <v>19</v>
      </c>
      <c r="D9541" t="s">
        <v>17568</v>
      </c>
      <c r="E9541" t="s">
        <v>33267</v>
      </c>
      <c r="F9541">
        <v>4</v>
      </c>
      <c r="G9541" t="s">
        <v>14</v>
      </c>
      <c r="H9541" t="s">
        <v>17569</v>
      </c>
      <c r="I9541" t="s">
        <v>30540</v>
      </c>
    </row>
    <row r="9542" spans="1:9">
      <c r="A9542" s="1">
        <f ca="1">RAND()</f>
        <v>0.10699731255085076</v>
      </c>
      <c r="B9542" s="1"/>
      <c r="C9542">
        <v>15</v>
      </c>
      <c r="D9542" t="s">
        <v>17566</v>
      </c>
      <c r="E9542" t="s">
        <v>33267</v>
      </c>
      <c r="F9542">
        <v>4</v>
      </c>
      <c r="G9542" t="s">
        <v>10</v>
      </c>
      <c r="H9542" t="s">
        <v>17567</v>
      </c>
      <c r="I9542" t="s">
        <v>30540</v>
      </c>
    </row>
    <row r="9543" spans="1:9">
      <c r="A9543" s="1">
        <f ca="1">RAND()</f>
        <v>1.6674042490939844E-2</v>
      </c>
      <c r="B9543" s="1"/>
      <c r="C9543">
        <v>3</v>
      </c>
      <c r="D9543" t="s">
        <v>17558</v>
      </c>
      <c r="E9543" t="s">
        <v>33267</v>
      </c>
      <c r="F9543">
        <v>3</v>
      </c>
      <c r="G9543" t="s">
        <v>14</v>
      </c>
      <c r="H9543" t="s">
        <v>17559</v>
      </c>
      <c r="I9543" t="s">
        <v>30540</v>
      </c>
    </row>
    <row r="9544" spans="1:9">
      <c r="A9544" s="1">
        <f ca="1">RAND()</f>
        <v>2.8872882637036912E-2</v>
      </c>
      <c r="B9544" s="1"/>
      <c r="C9544">
        <v>10</v>
      </c>
      <c r="D9544" t="s">
        <v>17552</v>
      </c>
      <c r="E9544" t="s">
        <v>33268</v>
      </c>
      <c r="F9544">
        <v>5</v>
      </c>
      <c r="G9544" t="s">
        <v>0</v>
      </c>
      <c r="H9544" t="s">
        <v>17553</v>
      </c>
      <c r="I9544" t="s">
        <v>30540</v>
      </c>
    </row>
    <row r="9545" spans="1:9">
      <c r="A9545" s="1">
        <f ca="1">RAND()</f>
        <v>0.7879583928865399</v>
      </c>
      <c r="B9545" s="1"/>
      <c r="C9545">
        <v>19</v>
      </c>
      <c r="D9545" t="s">
        <v>17556</v>
      </c>
      <c r="E9545" t="s">
        <v>33268</v>
      </c>
      <c r="F9545">
        <v>5</v>
      </c>
      <c r="G9545" t="s">
        <v>14</v>
      </c>
      <c r="H9545" t="s">
        <v>17557</v>
      </c>
      <c r="I9545" t="s">
        <v>30540</v>
      </c>
    </row>
    <row r="9546" spans="1:9">
      <c r="A9546" s="1">
        <f ca="1">RAND()</f>
        <v>0.97821147162858468</v>
      </c>
      <c r="B9546" s="1"/>
      <c r="C9546">
        <v>11</v>
      </c>
      <c r="D9546" t="s">
        <v>17554</v>
      </c>
      <c r="E9546" t="s">
        <v>33268</v>
      </c>
      <c r="F9546">
        <v>5</v>
      </c>
      <c r="G9546" t="s">
        <v>14</v>
      </c>
      <c r="H9546" t="s">
        <v>17555</v>
      </c>
      <c r="I9546" t="s">
        <v>30540</v>
      </c>
    </row>
    <row r="9547" spans="1:9">
      <c r="A9547" s="1">
        <f ca="1">RAND()</f>
        <v>0.27309277808889676</v>
      </c>
      <c r="B9547" s="1"/>
      <c r="C9547">
        <v>1</v>
      </c>
      <c r="D9547" t="s">
        <v>17538</v>
      </c>
      <c r="E9547" t="s">
        <v>33269</v>
      </c>
      <c r="F9547">
        <v>4</v>
      </c>
      <c r="G9547" t="s">
        <v>2</v>
      </c>
      <c r="H9547" t="s">
        <v>17539</v>
      </c>
      <c r="I9547" t="s">
        <v>30540</v>
      </c>
    </row>
    <row r="9548" spans="1:9">
      <c r="A9548" s="1">
        <f ca="1">RAND()</f>
        <v>0.92095601022052054</v>
      </c>
      <c r="B9548" s="1"/>
      <c r="C9548">
        <v>7</v>
      </c>
      <c r="D9548" t="s">
        <v>17544</v>
      </c>
      <c r="E9548" t="s">
        <v>33269</v>
      </c>
      <c r="F9548">
        <v>4</v>
      </c>
      <c r="G9548" t="s">
        <v>1</v>
      </c>
      <c r="H9548" t="s">
        <v>17545</v>
      </c>
      <c r="I9548" t="s">
        <v>30540</v>
      </c>
    </row>
    <row r="9549" spans="1:9">
      <c r="A9549" s="1">
        <f ca="1">RAND()</f>
        <v>0.83373167056027275</v>
      </c>
      <c r="B9549" s="1"/>
      <c r="C9549">
        <v>3</v>
      </c>
      <c r="D9549" t="s">
        <v>17540</v>
      </c>
      <c r="E9549" t="s">
        <v>33269</v>
      </c>
      <c r="F9549">
        <v>4</v>
      </c>
      <c r="G9549" t="s">
        <v>14</v>
      </c>
      <c r="H9549" t="s">
        <v>17541</v>
      </c>
      <c r="I9549" t="s">
        <v>30540</v>
      </c>
    </row>
    <row r="9550" spans="1:9">
      <c r="A9550" s="1">
        <f ca="1">RAND()</f>
        <v>6.6088352050206467E-2</v>
      </c>
      <c r="B9550" s="1"/>
      <c r="C9550">
        <v>17</v>
      </c>
      <c r="D9550" t="s">
        <v>17550</v>
      </c>
      <c r="E9550" t="s">
        <v>33269</v>
      </c>
      <c r="F9550">
        <v>4</v>
      </c>
      <c r="G9550" t="s">
        <v>1</v>
      </c>
      <c r="H9550" t="s">
        <v>17551</v>
      </c>
      <c r="I9550" t="s">
        <v>30540</v>
      </c>
    </row>
    <row r="9551" spans="1:9">
      <c r="A9551" s="1">
        <f ca="1">RAND()</f>
        <v>0.2003152940253049</v>
      </c>
      <c r="B9551" s="1"/>
      <c r="C9551">
        <v>4</v>
      </c>
      <c r="D9551" t="s">
        <v>17542</v>
      </c>
      <c r="E9551" t="s">
        <v>33269</v>
      </c>
      <c r="F9551">
        <v>2</v>
      </c>
      <c r="G9551" t="s">
        <v>10</v>
      </c>
      <c r="H9551" t="s">
        <v>17543</v>
      </c>
      <c r="I9551" t="s">
        <v>30540</v>
      </c>
    </row>
    <row r="9552" spans="1:9">
      <c r="A9552" s="1">
        <f ca="1">RAND()</f>
        <v>9.5708723761292913E-2</v>
      </c>
      <c r="B9552" s="1"/>
      <c r="C9552">
        <v>14</v>
      </c>
      <c r="D9552" t="s">
        <v>17548</v>
      </c>
      <c r="E9552" t="s">
        <v>33269</v>
      </c>
      <c r="F9552">
        <v>2</v>
      </c>
      <c r="G9552" t="s">
        <v>14</v>
      </c>
      <c r="H9552" t="s">
        <v>17549</v>
      </c>
      <c r="I9552" t="s">
        <v>30540</v>
      </c>
    </row>
    <row r="9553" spans="1:9">
      <c r="A9553" s="1">
        <f ca="1">RAND()</f>
        <v>0.17705524205200895</v>
      </c>
      <c r="B9553" s="1"/>
      <c r="C9553">
        <v>10</v>
      </c>
      <c r="D9553" t="s">
        <v>17546</v>
      </c>
      <c r="E9553" t="s">
        <v>33269</v>
      </c>
      <c r="F9553">
        <v>2</v>
      </c>
      <c r="G9553" t="s">
        <v>10</v>
      </c>
      <c r="H9553" t="s">
        <v>17547</v>
      </c>
      <c r="I9553" t="s">
        <v>30540</v>
      </c>
    </row>
    <row r="9554" spans="1:9">
      <c r="A9554" s="1">
        <f ca="1">RAND()</f>
        <v>0.64942982325905507</v>
      </c>
      <c r="B9554" s="1"/>
      <c r="C9554">
        <v>18</v>
      </c>
      <c r="D9554" t="s">
        <v>17536</v>
      </c>
      <c r="E9554" t="s">
        <v>33270</v>
      </c>
      <c r="F9554">
        <v>5</v>
      </c>
      <c r="G9554" t="s">
        <v>14</v>
      </c>
      <c r="H9554" t="s">
        <v>17537</v>
      </c>
      <c r="I9554" t="s">
        <v>30540</v>
      </c>
    </row>
    <row r="9555" spans="1:9">
      <c r="A9555" s="1">
        <f ca="1">RAND()</f>
        <v>0.66235972468544757</v>
      </c>
      <c r="B9555" s="1"/>
      <c r="C9555">
        <v>16</v>
      </c>
      <c r="D9555" t="s">
        <v>17534</v>
      </c>
      <c r="E9555" t="s">
        <v>33270</v>
      </c>
      <c r="F9555">
        <v>4</v>
      </c>
      <c r="G9555" t="s">
        <v>14</v>
      </c>
      <c r="H9555" t="s">
        <v>17535</v>
      </c>
      <c r="I9555" t="s">
        <v>30540</v>
      </c>
    </row>
    <row r="9556" spans="1:9">
      <c r="A9556" s="1">
        <f ca="1">RAND()</f>
        <v>9.5441073676586829E-2</v>
      </c>
      <c r="B9556" s="1"/>
      <c r="C9556">
        <v>14</v>
      </c>
      <c r="D9556" t="s">
        <v>17532</v>
      </c>
      <c r="E9556" t="s">
        <v>33270</v>
      </c>
      <c r="F9556">
        <v>4</v>
      </c>
      <c r="G9556" t="s">
        <v>2</v>
      </c>
      <c r="H9556" t="s">
        <v>17533</v>
      </c>
      <c r="I9556" t="s">
        <v>30540</v>
      </c>
    </row>
    <row r="9557" spans="1:9">
      <c r="A9557" s="1">
        <f ca="1">RAND()</f>
        <v>0.26755334466539882</v>
      </c>
      <c r="B9557" s="1"/>
      <c r="C9557">
        <v>2</v>
      </c>
      <c r="D9557" t="s">
        <v>17526</v>
      </c>
      <c r="E9557" t="s">
        <v>33270</v>
      </c>
      <c r="F9557">
        <v>4</v>
      </c>
      <c r="G9557" t="s">
        <v>14</v>
      </c>
      <c r="H9557" t="s">
        <v>17527</v>
      </c>
      <c r="I9557" t="s">
        <v>30540</v>
      </c>
    </row>
    <row r="9558" spans="1:9">
      <c r="A9558" s="1">
        <f ca="1">RAND()</f>
        <v>5.0771313908505422E-2</v>
      </c>
      <c r="B9558" s="1"/>
      <c r="C9558">
        <v>11</v>
      </c>
      <c r="D9558" t="s">
        <v>17530</v>
      </c>
      <c r="E9558" t="s">
        <v>33270</v>
      </c>
      <c r="F9558">
        <v>3</v>
      </c>
      <c r="G9558" t="s">
        <v>13</v>
      </c>
      <c r="H9558" t="s">
        <v>17531</v>
      </c>
      <c r="I9558" t="s">
        <v>30540</v>
      </c>
    </row>
    <row r="9559" spans="1:9">
      <c r="A9559" s="1">
        <f ca="1">RAND()</f>
        <v>0.84227276303204401</v>
      </c>
      <c r="B9559" s="1"/>
      <c r="C9559">
        <v>8</v>
      </c>
      <c r="D9559" t="s">
        <v>17528</v>
      </c>
      <c r="E9559" t="s">
        <v>33270</v>
      </c>
      <c r="F9559">
        <v>2</v>
      </c>
      <c r="G9559" t="s">
        <v>762</v>
      </c>
      <c r="H9559" t="s">
        <v>17529</v>
      </c>
      <c r="I9559" t="s">
        <v>30540</v>
      </c>
    </row>
    <row r="9560" spans="1:9">
      <c r="A9560" s="1">
        <f ca="1">RAND()</f>
        <v>0.60115975532024801</v>
      </c>
      <c r="B9560" s="1"/>
      <c r="C9560">
        <v>13</v>
      </c>
      <c r="D9560" t="s">
        <v>17522</v>
      </c>
      <c r="E9560" t="s">
        <v>33271</v>
      </c>
      <c r="F9560">
        <v>5</v>
      </c>
      <c r="G9560" t="s">
        <v>14</v>
      </c>
      <c r="H9560" t="s">
        <v>17523</v>
      </c>
      <c r="I9560" t="s">
        <v>30540</v>
      </c>
    </row>
    <row r="9561" spans="1:9">
      <c r="A9561" s="1">
        <f ca="1">RAND()</f>
        <v>0.99657974628457613</v>
      </c>
      <c r="B9561" s="1"/>
      <c r="C9561">
        <v>3</v>
      </c>
      <c r="D9561" t="s">
        <v>17518</v>
      </c>
      <c r="E9561" t="s">
        <v>33271</v>
      </c>
      <c r="F9561">
        <v>5</v>
      </c>
      <c r="G9561" t="s">
        <v>10</v>
      </c>
      <c r="H9561" t="s">
        <v>17519</v>
      </c>
      <c r="I9561" t="s">
        <v>30540</v>
      </c>
    </row>
    <row r="9562" spans="1:9">
      <c r="A9562" s="1">
        <f ca="1">RAND()</f>
        <v>0.7127315306839761</v>
      </c>
      <c r="B9562" s="1"/>
      <c r="C9562">
        <v>14</v>
      </c>
      <c r="D9562" t="s">
        <v>17524</v>
      </c>
      <c r="E9562" t="s">
        <v>33271</v>
      </c>
      <c r="F9562">
        <v>4</v>
      </c>
      <c r="G9562" t="s">
        <v>14</v>
      </c>
      <c r="H9562" t="s">
        <v>17525</v>
      </c>
      <c r="I9562" t="s">
        <v>30540</v>
      </c>
    </row>
    <row r="9563" spans="1:9">
      <c r="A9563" s="1">
        <f ca="1">RAND()</f>
        <v>0.61562265761046997</v>
      </c>
      <c r="B9563" s="1"/>
      <c r="C9563">
        <v>2</v>
      </c>
      <c r="D9563" t="s">
        <v>17516</v>
      </c>
      <c r="E9563" t="s">
        <v>33271</v>
      </c>
      <c r="F9563">
        <v>4</v>
      </c>
      <c r="G9563" t="s">
        <v>13</v>
      </c>
      <c r="H9563" t="s">
        <v>17517</v>
      </c>
      <c r="I9563" t="s">
        <v>30540</v>
      </c>
    </row>
    <row r="9564" spans="1:9">
      <c r="A9564" s="1">
        <f ca="1">RAND()</f>
        <v>0.67025033777498666</v>
      </c>
      <c r="B9564" s="1"/>
      <c r="C9564">
        <v>11</v>
      </c>
      <c r="D9564" t="s">
        <v>17520</v>
      </c>
      <c r="E9564" t="s">
        <v>33271</v>
      </c>
      <c r="F9564">
        <v>2</v>
      </c>
      <c r="G9564" t="s">
        <v>14</v>
      </c>
      <c r="H9564" t="s">
        <v>17521</v>
      </c>
      <c r="I9564" t="s">
        <v>30540</v>
      </c>
    </row>
    <row r="9565" spans="1:9">
      <c r="A9565" s="1">
        <f ca="1">RAND()</f>
        <v>0.59403260328656249</v>
      </c>
      <c r="B9565" s="1"/>
      <c r="C9565">
        <v>9</v>
      </c>
      <c r="D9565" t="s">
        <v>17508</v>
      </c>
      <c r="E9565" t="s">
        <v>33272</v>
      </c>
      <c r="F9565">
        <v>4</v>
      </c>
      <c r="G9565" t="s">
        <v>14</v>
      </c>
      <c r="H9565" t="s">
        <v>17509</v>
      </c>
      <c r="I9565" t="s">
        <v>30540</v>
      </c>
    </row>
    <row r="9566" spans="1:9">
      <c r="A9566" s="1">
        <f ca="1">RAND()</f>
        <v>0.60481816857305437</v>
      </c>
      <c r="B9566" s="1"/>
      <c r="C9566">
        <v>18</v>
      </c>
      <c r="D9566" t="s">
        <v>17514</v>
      </c>
      <c r="E9566" t="s">
        <v>33272</v>
      </c>
      <c r="F9566">
        <v>4</v>
      </c>
      <c r="G9566" t="s">
        <v>14</v>
      </c>
      <c r="H9566" t="s">
        <v>17515</v>
      </c>
      <c r="I9566" t="s">
        <v>30540</v>
      </c>
    </row>
    <row r="9567" spans="1:9">
      <c r="A9567" s="1">
        <f ca="1">RAND()</f>
        <v>0.83219853357395712</v>
      </c>
      <c r="B9567" s="1"/>
      <c r="C9567">
        <v>16</v>
      </c>
      <c r="D9567" t="s">
        <v>17512</v>
      </c>
      <c r="E9567" t="s">
        <v>33272</v>
      </c>
      <c r="F9567">
        <v>4</v>
      </c>
      <c r="G9567" t="s">
        <v>10</v>
      </c>
      <c r="H9567" t="s">
        <v>17513</v>
      </c>
      <c r="I9567" t="s">
        <v>30540</v>
      </c>
    </row>
    <row r="9568" spans="1:9">
      <c r="A9568" s="1">
        <f ca="1">RAND()</f>
        <v>0.96231403467795684</v>
      </c>
      <c r="B9568" s="1"/>
      <c r="C9568">
        <v>7</v>
      </c>
      <c r="D9568" t="s">
        <v>17506</v>
      </c>
      <c r="E9568" t="s">
        <v>33272</v>
      </c>
      <c r="F9568">
        <v>4</v>
      </c>
      <c r="G9568" t="s">
        <v>14</v>
      </c>
      <c r="H9568" t="s">
        <v>17507</v>
      </c>
      <c r="I9568" t="s">
        <v>30540</v>
      </c>
    </row>
    <row r="9569" spans="1:9">
      <c r="A9569" s="1">
        <f ca="1">RAND()</f>
        <v>0.41586524797424484</v>
      </c>
      <c r="B9569" s="1"/>
      <c r="C9569">
        <v>12</v>
      </c>
      <c r="D9569" t="s">
        <v>17510</v>
      </c>
      <c r="E9569" t="s">
        <v>33272</v>
      </c>
      <c r="F9569">
        <v>4</v>
      </c>
      <c r="G9569" t="s">
        <v>1</v>
      </c>
      <c r="H9569" t="s">
        <v>17511</v>
      </c>
      <c r="I9569" t="s">
        <v>30540</v>
      </c>
    </row>
    <row r="9570" spans="1:9">
      <c r="A9570" s="1">
        <f ca="1">RAND()</f>
        <v>9.3687865817416394E-2</v>
      </c>
      <c r="B9570" s="1"/>
      <c r="C9570">
        <v>18</v>
      </c>
      <c r="D9570" t="s">
        <v>17502</v>
      </c>
      <c r="E9570" t="s">
        <v>33273</v>
      </c>
      <c r="F9570">
        <v>5</v>
      </c>
      <c r="G9570" t="s">
        <v>9</v>
      </c>
      <c r="H9570" t="s">
        <v>17503</v>
      </c>
      <c r="I9570" t="s">
        <v>30540</v>
      </c>
    </row>
    <row r="9571" spans="1:9">
      <c r="A9571" s="1">
        <f ca="1">RAND()</f>
        <v>0.56134133965001032</v>
      </c>
      <c r="B9571" s="1"/>
      <c r="C9571">
        <v>10</v>
      </c>
      <c r="D9571" t="s">
        <v>17498</v>
      </c>
      <c r="E9571" t="s">
        <v>33273</v>
      </c>
      <c r="F9571">
        <v>4</v>
      </c>
      <c r="G9571" t="s">
        <v>14</v>
      </c>
      <c r="H9571" t="s">
        <v>17499</v>
      </c>
      <c r="I9571" t="s">
        <v>30540</v>
      </c>
    </row>
    <row r="9572" spans="1:9">
      <c r="A9572" s="1">
        <f ca="1">RAND()</f>
        <v>0.26563206857994115</v>
      </c>
      <c r="B9572" s="1"/>
      <c r="C9572">
        <v>12</v>
      </c>
      <c r="D9572" t="s">
        <v>17500</v>
      </c>
      <c r="E9572" t="s">
        <v>33273</v>
      </c>
      <c r="F9572">
        <v>4</v>
      </c>
      <c r="G9572" t="s">
        <v>14</v>
      </c>
      <c r="H9572" t="s">
        <v>17501</v>
      </c>
      <c r="I9572" t="s">
        <v>30540</v>
      </c>
    </row>
    <row r="9573" spans="1:9">
      <c r="A9573" s="1">
        <f ca="1">RAND()</f>
        <v>0.11208802465530165</v>
      </c>
      <c r="B9573" s="1"/>
      <c r="C9573">
        <v>19</v>
      </c>
      <c r="D9573" t="s">
        <v>17504</v>
      </c>
      <c r="E9573" t="s">
        <v>33273</v>
      </c>
      <c r="F9573">
        <v>4</v>
      </c>
      <c r="G9573" t="s">
        <v>14</v>
      </c>
      <c r="H9573" t="s">
        <v>17505</v>
      </c>
      <c r="I9573" t="s">
        <v>30540</v>
      </c>
    </row>
    <row r="9574" spans="1:9">
      <c r="A9574" s="1">
        <f ca="1">RAND()</f>
        <v>2.646029760898061E-2</v>
      </c>
      <c r="B9574" s="1"/>
      <c r="C9574">
        <v>16</v>
      </c>
      <c r="D9574" t="s">
        <v>17494</v>
      </c>
      <c r="E9574" t="s">
        <v>33274</v>
      </c>
      <c r="F9574">
        <v>5</v>
      </c>
      <c r="G9574" t="s">
        <v>14</v>
      </c>
      <c r="H9574" t="s">
        <v>17495</v>
      </c>
      <c r="I9574" t="s">
        <v>30540</v>
      </c>
    </row>
    <row r="9575" spans="1:9">
      <c r="A9575" s="1">
        <f ca="1">RAND()</f>
        <v>0.92328680131867624</v>
      </c>
      <c r="B9575" s="1"/>
      <c r="C9575">
        <v>12</v>
      </c>
      <c r="D9575" t="s">
        <v>17492</v>
      </c>
      <c r="E9575" t="s">
        <v>33274</v>
      </c>
      <c r="F9575">
        <v>5</v>
      </c>
      <c r="G9575" t="s">
        <v>14</v>
      </c>
      <c r="H9575" t="s">
        <v>17493</v>
      </c>
      <c r="I9575" t="s">
        <v>30540</v>
      </c>
    </row>
    <row r="9576" spans="1:9">
      <c r="A9576" s="1">
        <f ca="1">RAND()</f>
        <v>0.88964582667925096</v>
      </c>
      <c r="B9576" s="1"/>
      <c r="C9576">
        <v>4</v>
      </c>
      <c r="D9576" t="s">
        <v>17486</v>
      </c>
      <c r="E9576" t="s">
        <v>33274</v>
      </c>
      <c r="F9576">
        <v>5</v>
      </c>
      <c r="G9576" t="s">
        <v>2</v>
      </c>
      <c r="H9576" t="s">
        <v>17487</v>
      </c>
      <c r="I9576" t="s">
        <v>30540</v>
      </c>
    </row>
    <row r="9577" spans="1:9">
      <c r="A9577" s="1">
        <f ca="1">RAND()</f>
        <v>0.11256926431201497</v>
      </c>
      <c r="B9577" s="1"/>
      <c r="C9577">
        <v>10</v>
      </c>
      <c r="D9577" t="s">
        <v>17490</v>
      </c>
      <c r="E9577" t="s">
        <v>33274</v>
      </c>
      <c r="F9577">
        <v>4</v>
      </c>
      <c r="G9577" t="s">
        <v>14</v>
      </c>
      <c r="H9577" t="s">
        <v>17491</v>
      </c>
      <c r="I9577" t="s">
        <v>30540</v>
      </c>
    </row>
    <row r="9578" spans="1:9">
      <c r="A9578" s="1">
        <f ca="1">RAND()</f>
        <v>0.35046728352322332</v>
      </c>
      <c r="B9578" s="1"/>
      <c r="C9578">
        <v>6</v>
      </c>
      <c r="D9578" t="s">
        <v>17488</v>
      </c>
      <c r="E9578" t="s">
        <v>33274</v>
      </c>
      <c r="F9578">
        <v>4</v>
      </c>
      <c r="G9578" t="s">
        <v>14</v>
      </c>
      <c r="H9578" t="s">
        <v>17489</v>
      </c>
      <c r="I9578" t="s">
        <v>30540</v>
      </c>
    </row>
    <row r="9579" spans="1:9">
      <c r="A9579" s="1">
        <f ca="1">RAND()</f>
        <v>0.57014237983862182</v>
      </c>
      <c r="B9579" s="1"/>
      <c r="C9579">
        <v>17</v>
      </c>
      <c r="D9579" t="s">
        <v>17496</v>
      </c>
      <c r="E9579" t="s">
        <v>33274</v>
      </c>
      <c r="F9579">
        <v>4</v>
      </c>
      <c r="G9579" t="s">
        <v>9</v>
      </c>
      <c r="H9579" t="s">
        <v>17497</v>
      </c>
      <c r="I9579" t="s">
        <v>30540</v>
      </c>
    </row>
    <row r="9580" spans="1:9">
      <c r="A9580" s="1">
        <f ca="1">RAND()</f>
        <v>0.4756500986214699</v>
      </c>
      <c r="B9580" s="1"/>
      <c r="C9580">
        <v>1</v>
      </c>
      <c r="D9580" t="s">
        <v>17484</v>
      </c>
      <c r="E9580" t="s">
        <v>33274</v>
      </c>
      <c r="F9580">
        <v>3</v>
      </c>
      <c r="G9580" t="s">
        <v>10</v>
      </c>
      <c r="H9580" t="s">
        <v>17485</v>
      </c>
      <c r="I9580" t="s">
        <v>30540</v>
      </c>
    </row>
    <row r="9581" spans="1:9">
      <c r="A9581" s="1">
        <f ca="1">RAND()</f>
        <v>0.16261689555153724</v>
      </c>
      <c r="B9581" s="1"/>
      <c r="C9581">
        <v>3</v>
      </c>
      <c r="D9581" t="s">
        <v>17474</v>
      </c>
      <c r="E9581" t="s">
        <v>33275</v>
      </c>
      <c r="F9581">
        <v>4</v>
      </c>
      <c r="G9581" t="s">
        <v>17422</v>
      </c>
      <c r="H9581" t="s">
        <v>17475</v>
      </c>
      <c r="I9581" t="s">
        <v>30540</v>
      </c>
    </row>
    <row r="9582" spans="1:9">
      <c r="A9582" s="1">
        <f ca="1">RAND()</f>
        <v>0.30058142463197401</v>
      </c>
      <c r="B9582" s="1"/>
      <c r="C9582">
        <v>17</v>
      </c>
      <c r="D9582" t="s">
        <v>17480</v>
      </c>
      <c r="E9582" t="s">
        <v>33275</v>
      </c>
      <c r="F9582">
        <v>4</v>
      </c>
      <c r="G9582" t="s">
        <v>14</v>
      </c>
      <c r="H9582" t="s">
        <v>17481</v>
      </c>
      <c r="I9582" t="s">
        <v>30540</v>
      </c>
    </row>
    <row r="9583" spans="1:9">
      <c r="A9583" s="1">
        <f ca="1">RAND()</f>
        <v>0.58786398077168522</v>
      </c>
      <c r="B9583" s="1"/>
      <c r="C9583">
        <v>18</v>
      </c>
      <c r="D9583" t="s">
        <v>17482</v>
      </c>
      <c r="E9583" t="s">
        <v>33275</v>
      </c>
      <c r="F9583">
        <v>4</v>
      </c>
      <c r="G9583" t="s">
        <v>17429</v>
      </c>
      <c r="H9583" t="s">
        <v>17483</v>
      </c>
      <c r="I9583" t="s">
        <v>30540</v>
      </c>
    </row>
    <row r="9584" spans="1:9">
      <c r="A9584" s="1">
        <f ca="1">RAND()</f>
        <v>0.88620917290603995</v>
      </c>
      <c r="B9584" s="1"/>
      <c r="C9584">
        <v>6</v>
      </c>
      <c r="D9584" t="s">
        <v>17476</v>
      </c>
      <c r="E9584" t="s">
        <v>33275</v>
      </c>
      <c r="F9584">
        <v>4</v>
      </c>
      <c r="G9584" t="s">
        <v>9</v>
      </c>
      <c r="H9584" t="s">
        <v>17477</v>
      </c>
      <c r="I9584" t="s">
        <v>30540</v>
      </c>
    </row>
    <row r="9585" spans="1:9">
      <c r="A9585" s="1">
        <f ca="1">RAND()</f>
        <v>0.39111844665468409</v>
      </c>
      <c r="B9585" s="1"/>
      <c r="C9585">
        <v>13</v>
      </c>
      <c r="D9585" t="s">
        <v>17478</v>
      </c>
      <c r="E9585" t="s">
        <v>33275</v>
      </c>
      <c r="F9585">
        <v>1</v>
      </c>
      <c r="G9585" t="s">
        <v>0</v>
      </c>
      <c r="H9585" t="s">
        <v>17479</v>
      </c>
      <c r="I9585" t="s">
        <v>30540</v>
      </c>
    </row>
    <row r="9586" spans="1:9">
      <c r="A9586" s="1">
        <f ca="1">RAND()</f>
        <v>0.40004379397964751</v>
      </c>
      <c r="B9586" s="1"/>
      <c r="C9586">
        <v>14</v>
      </c>
      <c r="D9586" t="s">
        <v>17472</v>
      </c>
      <c r="E9586" t="s">
        <v>33276</v>
      </c>
      <c r="F9586">
        <v>4</v>
      </c>
      <c r="G9586" t="s">
        <v>1</v>
      </c>
      <c r="H9586" t="s">
        <v>17473</v>
      </c>
      <c r="I9586" t="s">
        <v>30540</v>
      </c>
    </row>
    <row r="9587" spans="1:9">
      <c r="A9587" s="1">
        <f ca="1">RAND()</f>
        <v>0.21307978781171677</v>
      </c>
      <c r="B9587" s="1"/>
      <c r="C9587">
        <v>10</v>
      </c>
      <c r="D9587" t="s">
        <v>17470</v>
      </c>
      <c r="E9587" t="s">
        <v>33276</v>
      </c>
      <c r="F9587">
        <v>4</v>
      </c>
      <c r="G9587" t="s">
        <v>14</v>
      </c>
      <c r="H9587" t="s">
        <v>17471</v>
      </c>
      <c r="I9587" t="s">
        <v>30540</v>
      </c>
    </row>
    <row r="9588" spans="1:9">
      <c r="A9588" s="1">
        <f ca="1">RAND()</f>
        <v>0.39636241968728625</v>
      </c>
      <c r="B9588" s="1"/>
      <c r="C9588">
        <v>9</v>
      </c>
      <c r="D9588" t="s">
        <v>17468</v>
      </c>
      <c r="E9588" t="s">
        <v>33276</v>
      </c>
      <c r="F9588">
        <v>2</v>
      </c>
      <c r="G9588" t="s">
        <v>13</v>
      </c>
      <c r="H9588" t="s">
        <v>17469</v>
      </c>
      <c r="I9588" t="s">
        <v>30540</v>
      </c>
    </row>
    <row r="9589" spans="1:9">
      <c r="A9589" s="1">
        <f ca="1">RAND()</f>
        <v>0.91326456197876549</v>
      </c>
      <c r="B9589" s="1"/>
      <c r="C9589">
        <v>6</v>
      </c>
      <c r="D9589" t="s">
        <v>17466</v>
      </c>
      <c r="E9589" t="s">
        <v>33276</v>
      </c>
      <c r="F9589">
        <v>2</v>
      </c>
      <c r="G9589" t="s">
        <v>14</v>
      </c>
      <c r="H9589" t="s">
        <v>17467</v>
      </c>
      <c r="I9589" t="s">
        <v>30540</v>
      </c>
    </row>
    <row r="9590" spans="1:9">
      <c r="A9590" s="1">
        <f ca="1">RAND()</f>
        <v>0.43513326076498759</v>
      </c>
      <c r="B9590" s="1"/>
      <c r="C9590">
        <v>14</v>
      </c>
      <c r="D9590" t="s">
        <v>17462</v>
      </c>
      <c r="E9590" t="s">
        <v>33277</v>
      </c>
      <c r="F9590">
        <v>5</v>
      </c>
      <c r="G9590" t="s">
        <v>14</v>
      </c>
      <c r="H9590" t="s">
        <v>17463</v>
      </c>
      <c r="I9590" t="s">
        <v>30540</v>
      </c>
    </row>
    <row r="9591" spans="1:9">
      <c r="A9591" s="1">
        <f ca="1">RAND()</f>
        <v>0.29320179586092965</v>
      </c>
      <c r="B9591" s="1"/>
      <c r="C9591">
        <v>2</v>
      </c>
      <c r="D9591" t="s">
        <v>17448</v>
      </c>
      <c r="E9591" t="s">
        <v>33277</v>
      </c>
      <c r="F9591">
        <v>5</v>
      </c>
      <c r="G9591" t="s">
        <v>1</v>
      </c>
      <c r="H9591" t="s">
        <v>17449</v>
      </c>
      <c r="I9591" t="s">
        <v>30540</v>
      </c>
    </row>
    <row r="9592" spans="1:9">
      <c r="A9592" s="1">
        <f ca="1">RAND()</f>
        <v>0.92694522958939818</v>
      </c>
      <c r="B9592" s="1"/>
      <c r="C9592">
        <v>5</v>
      </c>
      <c r="D9592" t="s">
        <v>17454</v>
      </c>
      <c r="E9592" t="s">
        <v>33277</v>
      </c>
      <c r="F9592">
        <v>4</v>
      </c>
      <c r="G9592" t="s">
        <v>9</v>
      </c>
      <c r="H9592" t="s">
        <v>17455</v>
      </c>
      <c r="I9592" t="s">
        <v>30540</v>
      </c>
    </row>
    <row r="9593" spans="1:9">
      <c r="A9593" s="1">
        <f ca="1">RAND()</f>
        <v>0.24732386399090878</v>
      </c>
      <c r="B9593" s="1"/>
      <c r="C9593">
        <v>9</v>
      </c>
      <c r="D9593" t="s">
        <v>17458</v>
      </c>
      <c r="E9593" t="s">
        <v>33277</v>
      </c>
      <c r="F9593">
        <v>4</v>
      </c>
      <c r="G9593" t="s">
        <v>15</v>
      </c>
      <c r="H9593" t="s">
        <v>17459</v>
      </c>
      <c r="I9593" t="s">
        <v>30540</v>
      </c>
    </row>
    <row r="9594" spans="1:9">
      <c r="A9594" s="1">
        <f ca="1">RAND()</f>
        <v>0.20135908940522285</v>
      </c>
      <c r="B9594" s="1"/>
      <c r="C9594">
        <v>20</v>
      </c>
      <c r="D9594" t="s">
        <v>17464</v>
      </c>
      <c r="E9594" t="s">
        <v>33277</v>
      </c>
      <c r="F9594">
        <v>4</v>
      </c>
      <c r="G9594" t="s">
        <v>10</v>
      </c>
      <c r="H9594" t="s">
        <v>17465</v>
      </c>
      <c r="I9594" t="s">
        <v>30540</v>
      </c>
    </row>
    <row r="9595" spans="1:9">
      <c r="A9595" s="1">
        <f ca="1">RAND()</f>
        <v>0.94924242812030812</v>
      </c>
      <c r="B9595" s="1"/>
      <c r="C9595">
        <v>8</v>
      </c>
      <c r="D9595" t="s">
        <v>17456</v>
      </c>
      <c r="E9595" t="s">
        <v>33277</v>
      </c>
      <c r="F9595">
        <v>4</v>
      </c>
      <c r="G9595" t="s">
        <v>13</v>
      </c>
      <c r="H9595" t="s">
        <v>17457</v>
      </c>
      <c r="I9595" t="s">
        <v>30540</v>
      </c>
    </row>
    <row r="9596" spans="1:9">
      <c r="A9596" s="1">
        <f ca="1">RAND()</f>
        <v>0.8319834455387457</v>
      </c>
      <c r="B9596" s="1"/>
      <c r="C9596">
        <v>11</v>
      </c>
      <c r="D9596" t="s">
        <v>17460</v>
      </c>
      <c r="E9596" t="s">
        <v>33277</v>
      </c>
      <c r="F9596">
        <v>4</v>
      </c>
      <c r="G9596" t="s">
        <v>14</v>
      </c>
      <c r="H9596" t="s">
        <v>17461</v>
      </c>
      <c r="I9596" t="s">
        <v>30540</v>
      </c>
    </row>
    <row r="9597" spans="1:9">
      <c r="A9597" s="1">
        <f ca="1">RAND()</f>
        <v>0.66690483178314464</v>
      </c>
      <c r="B9597" s="1"/>
      <c r="C9597">
        <v>3</v>
      </c>
      <c r="D9597" t="s">
        <v>17450</v>
      </c>
      <c r="E9597" t="s">
        <v>33277</v>
      </c>
      <c r="F9597">
        <v>4</v>
      </c>
      <c r="G9597" t="s">
        <v>13</v>
      </c>
      <c r="H9597" t="s">
        <v>17451</v>
      </c>
      <c r="I9597" t="s">
        <v>30540</v>
      </c>
    </row>
    <row r="9598" spans="1:9">
      <c r="A9598" s="1">
        <f ca="1">RAND()</f>
        <v>0.35511802051554486</v>
      </c>
      <c r="B9598" s="1"/>
      <c r="C9598">
        <v>4</v>
      </c>
      <c r="D9598" t="s">
        <v>17452</v>
      </c>
      <c r="E9598" t="s">
        <v>33277</v>
      </c>
      <c r="F9598">
        <v>2</v>
      </c>
      <c r="G9598" t="s">
        <v>10</v>
      </c>
      <c r="H9598" t="s">
        <v>17453</v>
      </c>
      <c r="I9598" t="s">
        <v>30540</v>
      </c>
    </row>
    <row r="9599" spans="1:9">
      <c r="A9599" s="1">
        <f ca="1">RAND()</f>
        <v>0.66366469922043247</v>
      </c>
      <c r="B9599" s="1"/>
      <c r="C9599">
        <v>19</v>
      </c>
      <c r="D9599" t="s">
        <v>17446</v>
      </c>
      <c r="E9599" t="s">
        <v>33278</v>
      </c>
      <c r="F9599">
        <v>4</v>
      </c>
      <c r="G9599" t="s">
        <v>14</v>
      </c>
      <c r="H9599" t="s">
        <v>17447</v>
      </c>
      <c r="I9599" t="s">
        <v>30540</v>
      </c>
    </row>
    <row r="9600" spans="1:9">
      <c r="A9600" s="1">
        <f ca="1">RAND()</f>
        <v>0.34068746989110676</v>
      </c>
      <c r="B9600" s="1"/>
      <c r="C9600">
        <v>1</v>
      </c>
      <c r="D9600" t="s">
        <v>17442</v>
      </c>
      <c r="E9600" t="s">
        <v>33278</v>
      </c>
      <c r="F9600">
        <v>4</v>
      </c>
      <c r="G9600" t="s">
        <v>9</v>
      </c>
      <c r="H9600" t="s">
        <v>17443</v>
      </c>
      <c r="I9600" t="s">
        <v>30540</v>
      </c>
    </row>
    <row r="9601" spans="1:9">
      <c r="A9601" s="1">
        <f ca="1">RAND()</f>
        <v>0.89216359282169766</v>
      </c>
      <c r="B9601" s="1"/>
      <c r="C9601">
        <v>14</v>
      </c>
      <c r="D9601" t="s">
        <v>17444</v>
      </c>
      <c r="E9601" t="s">
        <v>33278</v>
      </c>
      <c r="F9601">
        <v>4</v>
      </c>
      <c r="G9601" t="s">
        <v>14</v>
      </c>
      <c r="H9601" t="s">
        <v>17445</v>
      </c>
      <c r="I9601" t="s">
        <v>30540</v>
      </c>
    </row>
    <row r="9602" spans="1:9">
      <c r="A9602" s="1">
        <f ca="1">RAND()</f>
        <v>0.75065360106917633</v>
      </c>
      <c r="B9602" s="1"/>
      <c r="C9602">
        <v>13</v>
      </c>
      <c r="D9602" t="s">
        <v>17438</v>
      </c>
      <c r="E9602" t="s">
        <v>33279</v>
      </c>
      <c r="F9602">
        <v>4</v>
      </c>
      <c r="G9602" t="s">
        <v>15</v>
      </c>
      <c r="H9602" t="s">
        <v>17439</v>
      </c>
      <c r="I9602" t="s">
        <v>30540</v>
      </c>
    </row>
    <row r="9603" spans="1:9">
      <c r="A9603" s="1">
        <f ca="1">RAND()</f>
        <v>0.61879855236321202</v>
      </c>
      <c r="B9603" s="1"/>
      <c r="C9603">
        <v>12</v>
      </c>
      <c r="D9603" t="s">
        <v>17436</v>
      </c>
      <c r="E9603" t="s">
        <v>33279</v>
      </c>
      <c r="F9603">
        <v>4</v>
      </c>
      <c r="G9603" t="s">
        <v>15</v>
      </c>
      <c r="H9603" t="s">
        <v>17437</v>
      </c>
      <c r="I9603" t="s">
        <v>30540</v>
      </c>
    </row>
    <row r="9604" spans="1:9">
      <c r="A9604" s="1">
        <f ca="1">RAND()</f>
        <v>0.54601227360262461</v>
      </c>
      <c r="B9604" s="1"/>
      <c r="C9604">
        <v>3</v>
      </c>
      <c r="D9604" t="s">
        <v>17432</v>
      </c>
      <c r="E9604" t="s">
        <v>33279</v>
      </c>
      <c r="F9604">
        <v>4</v>
      </c>
      <c r="G9604" t="s">
        <v>13</v>
      </c>
      <c r="H9604" t="s">
        <v>17433</v>
      </c>
      <c r="I9604" t="s">
        <v>30540</v>
      </c>
    </row>
    <row r="9605" spans="1:9">
      <c r="A9605" s="1">
        <f ca="1">RAND()</f>
        <v>0.41786504100645971</v>
      </c>
      <c r="B9605" s="1"/>
      <c r="C9605">
        <v>15</v>
      </c>
      <c r="D9605" t="s">
        <v>17440</v>
      </c>
      <c r="E9605" t="s">
        <v>33279</v>
      </c>
      <c r="F9605">
        <v>2</v>
      </c>
      <c r="G9605" t="s">
        <v>13</v>
      </c>
      <c r="H9605" t="s">
        <v>17441</v>
      </c>
      <c r="I9605" t="s">
        <v>30540</v>
      </c>
    </row>
    <row r="9606" spans="1:9">
      <c r="A9606" s="1">
        <f ca="1">RAND()</f>
        <v>0.81523521536112709</v>
      </c>
      <c r="B9606" s="1"/>
      <c r="C9606">
        <v>5</v>
      </c>
      <c r="D9606" t="s">
        <v>17434</v>
      </c>
      <c r="E9606" t="s">
        <v>33279</v>
      </c>
      <c r="F9606">
        <v>2</v>
      </c>
      <c r="G9606" t="s">
        <v>15</v>
      </c>
      <c r="H9606" t="s">
        <v>17435</v>
      </c>
      <c r="I9606" t="s">
        <v>30540</v>
      </c>
    </row>
    <row r="9607" spans="1:9">
      <c r="A9607" s="1">
        <f ca="1">RAND()</f>
        <v>0.56144873140974061</v>
      </c>
      <c r="B9607" s="1"/>
      <c r="C9607">
        <v>16</v>
      </c>
      <c r="D9607" t="s">
        <v>17427</v>
      </c>
      <c r="E9607" t="s">
        <v>33280</v>
      </c>
      <c r="F9607">
        <v>4</v>
      </c>
      <c r="G9607" t="s">
        <v>17124</v>
      </c>
      <c r="H9607" t="s">
        <v>17428</v>
      </c>
      <c r="I9607" t="s">
        <v>30540</v>
      </c>
    </row>
    <row r="9608" spans="1:9">
      <c r="A9608" s="1">
        <f ca="1">RAND()</f>
        <v>0.327783286739737</v>
      </c>
      <c r="B9608" s="1"/>
      <c r="C9608">
        <v>20</v>
      </c>
      <c r="D9608" t="s">
        <v>17430</v>
      </c>
      <c r="E9608" t="s">
        <v>33280</v>
      </c>
      <c r="F9608">
        <v>4</v>
      </c>
      <c r="G9608" t="s">
        <v>14</v>
      </c>
      <c r="H9608" t="s">
        <v>17431</v>
      </c>
      <c r="I9608" t="s">
        <v>30540</v>
      </c>
    </row>
    <row r="9609" spans="1:9">
      <c r="A9609" s="1">
        <f ca="1">RAND()</f>
        <v>0.87390190693630021</v>
      </c>
      <c r="B9609" s="1"/>
      <c r="C9609">
        <v>14</v>
      </c>
      <c r="D9609" t="s">
        <v>17425</v>
      </c>
      <c r="E9609" t="s">
        <v>33280</v>
      </c>
      <c r="F9609">
        <v>4</v>
      </c>
      <c r="G9609" t="s">
        <v>17125</v>
      </c>
      <c r="H9609" t="s">
        <v>17426</v>
      </c>
      <c r="I9609" t="s">
        <v>30540</v>
      </c>
    </row>
    <row r="9610" spans="1:9">
      <c r="A9610" s="1">
        <f ca="1">RAND()</f>
        <v>0.81726757330534738</v>
      </c>
      <c r="B9610" s="1"/>
      <c r="C9610">
        <v>6</v>
      </c>
      <c r="D9610" t="s">
        <v>17423</v>
      </c>
      <c r="E9610" t="s">
        <v>33280</v>
      </c>
      <c r="F9610">
        <v>0</v>
      </c>
      <c r="G9610" t="s">
        <v>0</v>
      </c>
      <c r="H9610" t="s">
        <v>17424</v>
      </c>
      <c r="I9610" t="s">
        <v>30540</v>
      </c>
    </row>
    <row r="9611" spans="1:9">
      <c r="A9611" s="1">
        <f ca="1">RAND()</f>
        <v>0.61800660368918015</v>
      </c>
      <c r="B9611" s="1"/>
      <c r="C9611">
        <v>13</v>
      </c>
      <c r="D9611" t="s">
        <v>17420</v>
      </c>
      <c r="E9611" t="s">
        <v>33281</v>
      </c>
      <c r="F9611">
        <v>5</v>
      </c>
      <c r="G9611" t="s">
        <v>14</v>
      </c>
      <c r="H9611" t="s">
        <v>17421</v>
      </c>
      <c r="I9611" t="s">
        <v>30540</v>
      </c>
    </row>
    <row r="9612" spans="1:9">
      <c r="A9612" s="1">
        <f ca="1">RAND()</f>
        <v>0.43981499123714751</v>
      </c>
      <c r="B9612" s="1"/>
      <c r="C9612">
        <v>10</v>
      </c>
      <c r="D9612" t="s">
        <v>17416</v>
      </c>
      <c r="E9612" t="s">
        <v>33281</v>
      </c>
      <c r="F9612">
        <v>5</v>
      </c>
      <c r="G9612" t="s">
        <v>14</v>
      </c>
      <c r="H9612" t="s">
        <v>17417</v>
      </c>
      <c r="I9612" t="s">
        <v>30540</v>
      </c>
    </row>
    <row r="9613" spans="1:9">
      <c r="A9613" s="1">
        <f ca="1">RAND()</f>
        <v>0.16345826624003512</v>
      </c>
      <c r="B9613" s="1"/>
      <c r="C9613">
        <v>11</v>
      </c>
      <c r="D9613" t="s">
        <v>17418</v>
      </c>
      <c r="E9613" t="s">
        <v>33281</v>
      </c>
      <c r="F9613">
        <v>4</v>
      </c>
      <c r="G9613" t="s">
        <v>14</v>
      </c>
      <c r="H9613" t="s">
        <v>17419</v>
      </c>
      <c r="I9613" t="s">
        <v>30540</v>
      </c>
    </row>
    <row r="9614" spans="1:9">
      <c r="A9614" s="1">
        <f ca="1">RAND()</f>
        <v>0.15442793828714441</v>
      </c>
      <c r="B9614" s="1"/>
      <c r="C9614">
        <v>14</v>
      </c>
      <c r="D9614" t="s">
        <v>17414</v>
      </c>
      <c r="E9614" t="s">
        <v>33282</v>
      </c>
      <c r="F9614">
        <v>2</v>
      </c>
      <c r="G9614" t="s">
        <v>14</v>
      </c>
      <c r="H9614" t="s">
        <v>17415</v>
      </c>
      <c r="I9614" t="s">
        <v>30540</v>
      </c>
    </row>
    <row r="9615" spans="1:9">
      <c r="A9615" s="1">
        <f ca="1">RAND()</f>
        <v>0.67417399537923506</v>
      </c>
      <c r="B9615" s="1"/>
      <c r="C9615">
        <v>11</v>
      </c>
      <c r="D9615" t="s">
        <v>17408</v>
      </c>
      <c r="E9615" t="s">
        <v>33283</v>
      </c>
      <c r="F9615">
        <v>5</v>
      </c>
      <c r="G9615" t="s">
        <v>14</v>
      </c>
      <c r="H9615" t="s">
        <v>17409</v>
      </c>
      <c r="I9615" t="s">
        <v>30540</v>
      </c>
    </row>
    <row r="9616" spans="1:9">
      <c r="A9616" s="1">
        <f ca="1">RAND()</f>
        <v>0.63550585108684354</v>
      </c>
      <c r="B9616" s="1"/>
      <c r="C9616">
        <v>14</v>
      </c>
      <c r="D9616" t="s">
        <v>17410</v>
      </c>
      <c r="E9616" t="s">
        <v>33283</v>
      </c>
      <c r="F9616">
        <v>4</v>
      </c>
      <c r="G9616" t="s">
        <v>13</v>
      </c>
      <c r="H9616" t="s">
        <v>17411</v>
      </c>
      <c r="I9616" t="s">
        <v>30540</v>
      </c>
    </row>
    <row r="9617" spans="1:9">
      <c r="A9617" s="1">
        <f ca="1">RAND()</f>
        <v>0.68987959158949852</v>
      </c>
      <c r="B9617" s="1"/>
      <c r="C9617">
        <v>9</v>
      </c>
      <c r="D9617" t="s">
        <v>17406</v>
      </c>
      <c r="E9617" t="s">
        <v>33283</v>
      </c>
      <c r="F9617">
        <v>4</v>
      </c>
      <c r="G9617" t="s">
        <v>0</v>
      </c>
      <c r="H9617" t="s">
        <v>17407</v>
      </c>
      <c r="I9617" t="s">
        <v>30540</v>
      </c>
    </row>
    <row r="9618" spans="1:9">
      <c r="A9618" s="1">
        <f ca="1">RAND()</f>
        <v>0.18997146272507903</v>
      </c>
      <c r="B9618" s="1"/>
      <c r="C9618">
        <v>2</v>
      </c>
      <c r="D9618" t="s">
        <v>17404</v>
      </c>
      <c r="E9618" t="s">
        <v>33283</v>
      </c>
      <c r="F9618">
        <v>2</v>
      </c>
      <c r="G9618" t="s">
        <v>2</v>
      </c>
      <c r="H9618" t="s">
        <v>17405</v>
      </c>
      <c r="I9618" t="s">
        <v>30540</v>
      </c>
    </row>
    <row r="9619" spans="1:9">
      <c r="A9619" s="1">
        <f ca="1">RAND()</f>
        <v>0.94268673887267107</v>
      </c>
      <c r="B9619" s="1"/>
      <c r="C9619">
        <v>15</v>
      </c>
      <c r="D9619" t="s">
        <v>17412</v>
      </c>
      <c r="E9619" t="s">
        <v>33283</v>
      </c>
      <c r="F9619">
        <v>2</v>
      </c>
      <c r="G9619" t="s">
        <v>14</v>
      </c>
      <c r="H9619" t="s">
        <v>17413</v>
      </c>
      <c r="I9619" t="s">
        <v>30540</v>
      </c>
    </row>
    <row r="9620" spans="1:9">
      <c r="A9620" s="1">
        <f ca="1">RAND()</f>
        <v>0.52723856592310081</v>
      </c>
      <c r="B9620" s="1"/>
      <c r="C9620">
        <v>8</v>
      </c>
      <c r="D9620" t="s">
        <v>17396</v>
      </c>
      <c r="E9620" t="s">
        <v>33284</v>
      </c>
      <c r="F9620">
        <v>5</v>
      </c>
      <c r="G9620" t="s">
        <v>9</v>
      </c>
      <c r="H9620" t="s">
        <v>17397</v>
      </c>
      <c r="I9620" t="s">
        <v>30540</v>
      </c>
    </row>
    <row r="9621" spans="1:9">
      <c r="A9621" s="1">
        <f ca="1">RAND()</f>
        <v>0.1158575106105777</v>
      </c>
      <c r="B9621" s="1"/>
      <c r="C9621">
        <v>4</v>
      </c>
      <c r="D9621" t="s">
        <v>17390</v>
      </c>
      <c r="E9621" t="s">
        <v>33284</v>
      </c>
      <c r="F9621">
        <v>4</v>
      </c>
      <c r="G9621" t="s">
        <v>15</v>
      </c>
      <c r="H9621" t="s">
        <v>17391</v>
      </c>
      <c r="I9621" t="s">
        <v>30540</v>
      </c>
    </row>
    <row r="9622" spans="1:9">
      <c r="A9622" s="1">
        <f ca="1">RAND()</f>
        <v>0.44406503524547236</v>
      </c>
      <c r="B9622" s="1"/>
      <c r="C9622">
        <v>15</v>
      </c>
      <c r="D9622" t="s">
        <v>17400</v>
      </c>
      <c r="E9622" t="s">
        <v>33284</v>
      </c>
      <c r="F9622">
        <v>4</v>
      </c>
      <c r="G9622" t="s">
        <v>0</v>
      </c>
      <c r="H9622" t="s">
        <v>17401</v>
      </c>
      <c r="I9622" t="s">
        <v>30540</v>
      </c>
    </row>
    <row r="9623" spans="1:9">
      <c r="A9623" s="1">
        <f ca="1">RAND()</f>
        <v>0.1292700382723061</v>
      </c>
      <c r="B9623" s="1"/>
      <c r="C9623">
        <v>2</v>
      </c>
      <c r="D9623" t="s">
        <v>17388</v>
      </c>
      <c r="E9623" t="s">
        <v>33284</v>
      </c>
      <c r="F9623">
        <v>4</v>
      </c>
      <c r="G9623" t="s">
        <v>9</v>
      </c>
      <c r="H9623" t="s">
        <v>17389</v>
      </c>
      <c r="I9623" t="s">
        <v>30540</v>
      </c>
    </row>
    <row r="9624" spans="1:9">
      <c r="A9624" s="1">
        <f ca="1">RAND()</f>
        <v>0.98868908902938735</v>
      </c>
      <c r="B9624" s="1"/>
      <c r="C9624">
        <v>12</v>
      </c>
      <c r="D9624" t="s">
        <v>17398</v>
      </c>
      <c r="E9624" t="s">
        <v>33284</v>
      </c>
      <c r="F9624">
        <v>4</v>
      </c>
      <c r="G9624" t="s">
        <v>14</v>
      </c>
      <c r="H9624" t="s">
        <v>17399</v>
      </c>
      <c r="I9624" t="s">
        <v>30540</v>
      </c>
    </row>
    <row r="9625" spans="1:9">
      <c r="A9625" s="1">
        <f ca="1">RAND()</f>
        <v>3.8080297037983324E-2</v>
      </c>
      <c r="B9625" s="1"/>
      <c r="C9625">
        <v>7</v>
      </c>
      <c r="D9625" t="s">
        <v>17394</v>
      </c>
      <c r="E9625" t="s">
        <v>33284</v>
      </c>
      <c r="F9625">
        <v>3</v>
      </c>
      <c r="G9625" t="s">
        <v>14</v>
      </c>
      <c r="H9625" t="s">
        <v>17395</v>
      </c>
      <c r="I9625" t="s">
        <v>30540</v>
      </c>
    </row>
    <row r="9626" spans="1:9">
      <c r="A9626" s="1">
        <f ca="1">RAND()</f>
        <v>0.6057405425705833</v>
      </c>
      <c r="B9626" s="1"/>
      <c r="C9626">
        <v>16</v>
      </c>
      <c r="D9626" t="s">
        <v>17402</v>
      </c>
      <c r="E9626" t="s">
        <v>33284</v>
      </c>
      <c r="F9626">
        <v>2</v>
      </c>
      <c r="G9626" t="s">
        <v>14</v>
      </c>
      <c r="H9626" t="s">
        <v>17403</v>
      </c>
      <c r="I9626" t="s">
        <v>30540</v>
      </c>
    </row>
    <row r="9627" spans="1:9">
      <c r="A9627" s="1">
        <f ca="1">RAND()</f>
        <v>0.52348437658895153</v>
      </c>
      <c r="B9627" s="1"/>
      <c r="C9627">
        <v>5</v>
      </c>
      <c r="D9627" t="s">
        <v>17392</v>
      </c>
      <c r="E9627" t="s">
        <v>33284</v>
      </c>
      <c r="F9627">
        <v>2</v>
      </c>
      <c r="G9627" t="s">
        <v>15</v>
      </c>
      <c r="H9627" t="s">
        <v>17393</v>
      </c>
      <c r="I9627" t="s">
        <v>30540</v>
      </c>
    </row>
    <row r="9628" spans="1:9">
      <c r="A9628" s="1">
        <f ca="1">RAND()</f>
        <v>0.98701009749876156</v>
      </c>
      <c r="B9628" s="1"/>
      <c r="C9628">
        <v>2</v>
      </c>
      <c r="D9628" t="s">
        <v>17384</v>
      </c>
      <c r="E9628" t="s">
        <v>33285</v>
      </c>
      <c r="F9628">
        <v>4</v>
      </c>
      <c r="G9628" t="s">
        <v>1431</v>
      </c>
      <c r="H9628" t="s">
        <v>17385</v>
      </c>
      <c r="I9628" t="s">
        <v>30540</v>
      </c>
    </row>
    <row r="9629" spans="1:9">
      <c r="A9629" s="1">
        <f ca="1">RAND()</f>
        <v>6.1448317811764408E-2</v>
      </c>
      <c r="B9629" s="1"/>
      <c r="C9629">
        <v>14</v>
      </c>
      <c r="D9629" t="s">
        <v>17386</v>
      </c>
      <c r="E9629" t="s">
        <v>33285</v>
      </c>
      <c r="F9629">
        <v>2</v>
      </c>
      <c r="G9629" t="s">
        <v>762</v>
      </c>
      <c r="H9629" t="s">
        <v>17387</v>
      </c>
      <c r="I9629" t="s">
        <v>30540</v>
      </c>
    </row>
    <row r="9630" spans="1:9">
      <c r="A9630" s="1">
        <f ca="1">RAND()</f>
        <v>0.75214244658750085</v>
      </c>
      <c r="B9630" s="1"/>
      <c r="C9630">
        <v>4</v>
      </c>
      <c r="D9630" t="s">
        <v>17372</v>
      </c>
      <c r="E9630" t="s">
        <v>33286</v>
      </c>
      <c r="F9630">
        <v>5</v>
      </c>
      <c r="G9630" t="s">
        <v>9</v>
      </c>
      <c r="H9630" t="s">
        <v>17373</v>
      </c>
      <c r="I9630" t="s">
        <v>30540</v>
      </c>
    </row>
    <row r="9631" spans="1:9">
      <c r="A9631" s="1">
        <f ca="1">RAND()</f>
        <v>0.96995080135015899</v>
      </c>
      <c r="B9631" s="1"/>
      <c r="C9631">
        <v>10</v>
      </c>
      <c r="D9631" t="s">
        <v>17376</v>
      </c>
      <c r="E9631" t="s">
        <v>33286</v>
      </c>
      <c r="F9631">
        <v>4</v>
      </c>
      <c r="G9631" t="s">
        <v>13</v>
      </c>
      <c r="H9631" t="s">
        <v>17377</v>
      </c>
      <c r="I9631" t="s">
        <v>30540</v>
      </c>
    </row>
    <row r="9632" spans="1:9">
      <c r="A9632" s="1">
        <f ca="1">RAND()</f>
        <v>0.86644901185129475</v>
      </c>
      <c r="B9632" s="1"/>
      <c r="C9632">
        <v>2</v>
      </c>
      <c r="D9632" t="s">
        <v>17370</v>
      </c>
      <c r="E9632" t="s">
        <v>33286</v>
      </c>
      <c r="F9632">
        <v>4</v>
      </c>
      <c r="G9632" t="s">
        <v>2</v>
      </c>
      <c r="H9632" t="s">
        <v>17371</v>
      </c>
      <c r="I9632" t="s">
        <v>30540</v>
      </c>
    </row>
    <row r="9633" spans="1:9">
      <c r="A9633" s="1">
        <f ca="1">RAND()</f>
        <v>0.64108869009643221</v>
      </c>
      <c r="B9633" s="1"/>
      <c r="C9633">
        <v>18</v>
      </c>
      <c r="D9633" t="s">
        <v>17380</v>
      </c>
      <c r="E9633" t="s">
        <v>33286</v>
      </c>
      <c r="F9633">
        <v>4</v>
      </c>
      <c r="G9633" t="s">
        <v>14</v>
      </c>
      <c r="H9633" t="s">
        <v>17381</v>
      </c>
      <c r="I9633" t="s">
        <v>30540</v>
      </c>
    </row>
    <row r="9634" spans="1:9">
      <c r="A9634" s="1">
        <f ca="1">RAND()</f>
        <v>0.84957190875955246</v>
      </c>
      <c r="B9634" s="1"/>
      <c r="C9634">
        <v>8</v>
      </c>
      <c r="D9634" t="s">
        <v>17374</v>
      </c>
      <c r="E9634" t="s">
        <v>33286</v>
      </c>
      <c r="F9634">
        <v>4</v>
      </c>
      <c r="G9634" t="s">
        <v>1</v>
      </c>
      <c r="H9634" t="s">
        <v>17375</v>
      </c>
      <c r="I9634" t="s">
        <v>30540</v>
      </c>
    </row>
    <row r="9635" spans="1:9">
      <c r="A9635" s="1">
        <f ca="1">RAND()</f>
        <v>0.70136163546672037</v>
      </c>
      <c r="B9635" s="1"/>
      <c r="C9635">
        <v>20</v>
      </c>
      <c r="D9635" t="s">
        <v>17382</v>
      </c>
      <c r="E9635" t="s">
        <v>33286</v>
      </c>
      <c r="F9635">
        <v>3</v>
      </c>
      <c r="G9635" t="s">
        <v>0</v>
      </c>
      <c r="H9635" t="s">
        <v>17383</v>
      </c>
      <c r="I9635" t="s">
        <v>30540</v>
      </c>
    </row>
    <row r="9636" spans="1:9">
      <c r="A9636" s="1">
        <f ca="1">RAND()</f>
        <v>0.46874704079084961</v>
      </c>
      <c r="B9636" s="1"/>
      <c r="C9636">
        <v>14</v>
      </c>
      <c r="D9636" t="s">
        <v>17378</v>
      </c>
      <c r="E9636" t="s">
        <v>33286</v>
      </c>
      <c r="F9636">
        <v>3</v>
      </c>
      <c r="G9636" t="s">
        <v>14</v>
      </c>
      <c r="H9636" t="s">
        <v>17379</v>
      </c>
      <c r="I9636" t="s">
        <v>30540</v>
      </c>
    </row>
    <row r="9637" spans="1:9">
      <c r="A9637" s="1">
        <f ca="1">RAND()</f>
        <v>0.60966986575833282</v>
      </c>
      <c r="B9637" s="1"/>
      <c r="C9637">
        <v>6</v>
      </c>
      <c r="D9637" t="s">
        <v>17366</v>
      </c>
      <c r="E9637" t="s">
        <v>33287</v>
      </c>
      <c r="F9637">
        <v>5</v>
      </c>
      <c r="G9637" t="s">
        <v>14</v>
      </c>
      <c r="H9637" t="s">
        <v>17367</v>
      </c>
      <c r="I9637" t="s">
        <v>30540</v>
      </c>
    </row>
    <row r="9638" spans="1:9">
      <c r="A9638" s="1">
        <f ca="1">RAND()</f>
        <v>0.2032950273346803</v>
      </c>
      <c r="B9638" s="1"/>
      <c r="C9638">
        <v>17</v>
      </c>
      <c r="D9638" t="s">
        <v>17368</v>
      </c>
      <c r="E9638" t="s">
        <v>33287</v>
      </c>
      <c r="F9638">
        <v>4</v>
      </c>
      <c r="G9638" t="s">
        <v>0</v>
      </c>
      <c r="H9638" t="s">
        <v>17369</v>
      </c>
      <c r="I9638" t="s">
        <v>30540</v>
      </c>
    </row>
    <row r="9639" spans="1:9">
      <c r="A9639" s="1">
        <f ca="1">RAND()</f>
        <v>0.46102478156851323</v>
      </c>
      <c r="B9639" s="1"/>
      <c r="C9639">
        <v>6</v>
      </c>
      <c r="D9639" t="s">
        <v>17360</v>
      </c>
      <c r="E9639" t="s">
        <v>33288</v>
      </c>
      <c r="F9639">
        <v>5</v>
      </c>
      <c r="G9639" t="s">
        <v>14</v>
      </c>
      <c r="H9639" t="s">
        <v>17361</v>
      </c>
      <c r="I9639" t="s">
        <v>30540</v>
      </c>
    </row>
    <row r="9640" spans="1:9">
      <c r="A9640" s="1">
        <f ca="1">RAND()</f>
        <v>0.54896247538728404</v>
      </c>
      <c r="B9640" s="1"/>
      <c r="C9640">
        <v>19</v>
      </c>
      <c r="D9640" t="s">
        <v>17364</v>
      </c>
      <c r="E9640" t="s">
        <v>33288</v>
      </c>
      <c r="F9640">
        <v>4</v>
      </c>
      <c r="G9640" t="s">
        <v>14</v>
      </c>
      <c r="H9640" t="s">
        <v>17365</v>
      </c>
      <c r="I9640" t="s">
        <v>30540</v>
      </c>
    </row>
    <row r="9641" spans="1:9">
      <c r="A9641" s="1">
        <f ca="1">RAND()</f>
        <v>0.62456434852062204</v>
      </c>
      <c r="B9641" s="1"/>
      <c r="C9641">
        <v>1</v>
      </c>
      <c r="D9641" t="s">
        <v>17358</v>
      </c>
      <c r="E9641" t="s">
        <v>33288</v>
      </c>
      <c r="F9641">
        <v>4</v>
      </c>
      <c r="G9641" t="s">
        <v>1</v>
      </c>
      <c r="H9641" t="s">
        <v>17359</v>
      </c>
      <c r="I9641" t="s">
        <v>30540</v>
      </c>
    </row>
    <row r="9642" spans="1:9">
      <c r="A9642" s="1">
        <f ca="1">RAND()</f>
        <v>0.76264280013967334</v>
      </c>
      <c r="B9642" s="1"/>
      <c r="C9642">
        <v>10</v>
      </c>
      <c r="D9642" t="s">
        <v>17362</v>
      </c>
      <c r="E9642" t="s">
        <v>33288</v>
      </c>
      <c r="F9642">
        <v>4</v>
      </c>
      <c r="G9642" t="s">
        <v>14</v>
      </c>
      <c r="H9642" t="s">
        <v>17363</v>
      </c>
      <c r="I9642" t="s">
        <v>30540</v>
      </c>
    </row>
    <row r="9643" spans="1:9">
      <c r="A9643" s="1">
        <f ca="1">RAND()</f>
        <v>0.36674756891783689</v>
      </c>
      <c r="B9643" s="1"/>
      <c r="C9643">
        <v>4</v>
      </c>
      <c r="D9643" t="s">
        <v>17346</v>
      </c>
      <c r="E9643" t="s">
        <v>33289</v>
      </c>
      <c r="F9643">
        <v>5</v>
      </c>
      <c r="G9643" t="s">
        <v>10</v>
      </c>
      <c r="H9643" t="s">
        <v>17347</v>
      </c>
      <c r="I9643" t="s">
        <v>30540</v>
      </c>
    </row>
    <row r="9644" spans="1:9">
      <c r="A9644" s="1">
        <f ca="1">RAND()</f>
        <v>0.73241844665078126</v>
      </c>
      <c r="B9644" s="1"/>
      <c r="C9644">
        <v>11</v>
      </c>
      <c r="D9644" t="s">
        <v>17350</v>
      </c>
      <c r="E9644" t="s">
        <v>33289</v>
      </c>
      <c r="F9644">
        <v>4</v>
      </c>
      <c r="G9644" t="s">
        <v>13</v>
      </c>
      <c r="H9644" t="s">
        <v>17351</v>
      </c>
      <c r="I9644" t="s">
        <v>30540</v>
      </c>
    </row>
    <row r="9645" spans="1:9">
      <c r="A9645" s="1">
        <f ca="1">RAND()</f>
        <v>0.20400820853028112</v>
      </c>
      <c r="B9645" s="1"/>
      <c r="C9645">
        <v>10</v>
      </c>
      <c r="D9645" t="s">
        <v>17348</v>
      </c>
      <c r="E9645" t="s">
        <v>33289</v>
      </c>
      <c r="F9645">
        <v>4</v>
      </c>
      <c r="G9645" t="s">
        <v>0</v>
      </c>
      <c r="H9645" t="s">
        <v>17349</v>
      </c>
      <c r="I9645" t="s">
        <v>30540</v>
      </c>
    </row>
    <row r="9646" spans="1:9">
      <c r="A9646" s="1">
        <f ca="1">RAND()</f>
        <v>0.99570764696075653</v>
      </c>
      <c r="B9646" s="1"/>
      <c r="C9646">
        <v>16</v>
      </c>
      <c r="D9646" t="s">
        <v>17354</v>
      </c>
      <c r="E9646" t="s">
        <v>33289</v>
      </c>
      <c r="F9646">
        <v>3</v>
      </c>
      <c r="G9646" t="s">
        <v>14</v>
      </c>
      <c r="H9646" t="s">
        <v>17355</v>
      </c>
      <c r="I9646" t="s">
        <v>30540</v>
      </c>
    </row>
    <row r="9647" spans="1:9">
      <c r="A9647" s="1">
        <f ca="1">RAND()</f>
        <v>0.24601420741240376</v>
      </c>
      <c r="B9647" s="1"/>
      <c r="C9647">
        <v>19</v>
      </c>
      <c r="D9647" t="s">
        <v>17356</v>
      </c>
      <c r="E9647" t="s">
        <v>33289</v>
      </c>
      <c r="F9647">
        <v>3</v>
      </c>
      <c r="G9647" t="s">
        <v>14</v>
      </c>
      <c r="H9647" t="s">
        <v>17357</v>
      </c>
      <c r="I9647" t="s">
        <v>30540</v>
      </c>
    </row>
    <row r="9648" spans="1:9">
      <c r="A9648" s="1">
        <f ca="1">RAND()</f>
        <v>0.36730171410933188</v>
      </c>
      <c r="B9648" s="1"/>
      <c r="C9648">
        <v>12</v>
      </c>
      <c r="D9648" t="s">
        <v>17352</v>
      </c>
      <c r="E9648" t="s">
        <v>33289</v>
      </c>
      <c r="F9648">
        <v>2</v>
      </c>
      <c r="G9648" t="s">
        <v>14</v>
      </c>
      <c r="H9648" t="s">
        <v>17353</v>
      </c>
      <c r="I9648" t="s">
        <v>30540</v>
      </c>
    </row>
    <row r="9649" spans="1:9">
      <c r="A9649" s="1">
        <f ca="1">RAND()</f>
        <v>0.12903236472277102</v>
      </c>
      <c r="B9649" s="1"/>
      <c r="C9649">
        <v>5</v>
      </c>
      <c r="D9649" t="s">
        <v>17334</v>
      </c>
      <c r="E9649" t="s">
        <v>33290</v>
      </c>
      <c r="F9649">
        <v>5</v>
      </c>
      <c r="G9649" t="s">
        <v>766</v>
      </c>
      <c r="H9649" t="s">
        <v>17335</v>
      </c>
      <c r="I9649" t="s">
        <v>30540</v>
      </c>
    </row>
    <row r="9650" spans="1:9">
      <c r="A9650" s="1">
        <f ca="1">RAND()</f>
        <v>0.20297392641389789</v>
      </c>
      <c r="B9650" s="1"/>
      <c r="C9650">
        <v>9</v>
      </c>
      <c r="D9650" t="s">
        <v>17338</v>
      </c>
      <c r="E9650" t="s">
        <v>33290</v>
      </c>
      <c r="F9650">
        <v>4</v>
      </c>
      <c r="G9650" t="s">
        <v>10</v>
      </c>
      <c r="H9650" t="s">
        <v>17339</v>
      </c>
      <c r="I9650" t="s">
        <v>30540</v>
      </c>
    </row>
    <row r="9651" spans="1:9">
      <c r="A9651" s="1">
        <f ca="1">RAND()</f>
        <v>0.62238479205359509</v>
      </c>
      <c r="B9651" s="1"/>
      <c r="C9651">
        <v>15</v>
      </c>
      <c r="D9651" t="s">
        <v>17340</v>
      </c>
      <c r="E9651" t="s">
        <v>33290</v>
      </c>
      <c r="F9651">
        <v>4</v>
      </c>
      <c r="G9651" t="s">
        <v>9</v>
      </c>
      <c r="H9651" t="s">
        <v>17341</v>
      </c>
      <c r="I9651" t="s">
        <v>30540</v>
      </c>
    </row>
    <row r="9652" spans="1:9">
      <c r="A9652" s="1">
        <f ca="1">RAND()</f>
        <v>0.62322966779519784</v>
      </c>
      <c r="B9652" s="1"/>
      <c r="C9652">
        <v>17</v>
      </c>
      <c r="D9652" t="s">
        <v>17344</v>
      </c>
      <c r="E9652" t="s">
        <v>33290</v>
      </c>
      <c r="F9652">
        <v>4</v>
      </c>
      <c r="G9652" t="s">
        <v>3107</v>
      </c>
      <c r="H9652" t="s">
        <v>17345</v>
      </c>
      <c r="I9652" t="s">
        <v>30540</v>
      </c>
    </row>
    <row r="9653" spans="1:9">
      <c r="A9653" s="1">
        <f ca="1">RAND()</f>
        <v>0.41333741556087511</v>
      </c>
      <c r="B9653" s="1"/>
      <c r="C9653">
        <v>6</v>
      </c>
      <c r="D9653" t="s">
        <v>17336</v>
      </c>
      <c r="E9653" t="s">
        <v>33290</v>
      </c>
      <c r="F9653">
        <v>4</v>
      </c>
      <c r="G9653" t="s">
        <v>9</v>
      </c>
      <c r="H9653" t="s">
        <v>17337</v>
      </c>
      <c r="I9653" t="s">
        <v>30540</v>
      </c>
    </row>
    <row r="9654" spans="1:9">
      <c r="A9654" s="1">
        <f ca="1">RAND()</f>
        <v>0.23782122906519598</v>
      </c>
      <c r="B9654" s="1"/>
      <c r="C9654">
        <v>4</v>
      </c>
      <c r="D9654" t="s">
        <v>17332</v>
      </c>
      <c r="E9654" t="s">
        <v>33290</v>
      </c>
      <c r="F9654">
        <v>4</v>
      </c>
      <c r="G9654" t="s">
        <v>770</v>
      </c>
      <c r="H9654" t="s">
        <v>17333</v>
      </c>
      <c r="I9654" t="s">
        <v>30540</v>
      </c>
    </row>
    <row r="9655" spans="1:9">
      <c r="A9655" s="1">
        <f ca="1">RAND()</f>
        <v>0.5383614545019757</v>
      </c>
      <c r="B9655" s="1"/>
      <c r="C9655">
        <v>16</v>
      </c>
      <c r="D9655" t="s">
        <v>17342</v>
      </c>
      <c r="E9655" t="s">
        <v>33290</v>
      </c>
      <c r="F9655">
        <v>4</v>
      </c>
      <c r="G9655" t="s">
        <v>3107</v>
      </c>
      <c r="H9655" t="s">
        <v>17343</v>
      </c>
      <c r="I9655" t="s">
        <v>30540</v>
      </c>
    </row>
    <row r="9656" spans="1:9">
      <c r="A9656" s="1">
        <f ca="1">RAND()</f>
        <v>0.97338075677418445</v>
      </c>
      <c r="B9656" s="1"/>
      <c r="C9656">
        <v>1</v>
      </c>
      <c r="D9656" t="s">
        <v>17322</v>
      </c>
      <c r="E9656" t="s">
        <v>33291</v>
      </c>
      <c r="F9656">
        <v>5</v>
      </c>
      <c r="G9656" t="s">
        <v>10</v>
      </c>
      <c r="H9656" t="s">
        <v>17323</v>
      </c>
      <c r="I9656" t="s">
        <v>30540</v>
      </c>
    </row>
    <row r="9657" spans="1:9">
      <c r="A9657" s="1">
        <f ca="1">RAND()</f>
        <v>0.15999379518960655</v>
      </c>
      <c r="B9657" s="1"/>
      <c r="C9657">
        <v>7</v>
      </c>
      <c r="D9657" t="s">
        <v>17326</v>
      </c>
      <c r="E9657" t="s">
        <v>33291</v>
      </c>
      <c r="F9657">
        <v>5</v>
      </c>
      <c r="G9657" t="s">
        <v>14</v>
      </c>
      <c r="H9657" t="s">
        <v>17327</v>
      </c>
      <c r="I9657" t="s">
        <v>30540</v>
      </c>
    </row>
    <row r="9658" spans="1:9">
      <c r="A9658" s="1">
        <f ca="1">RAND()</f>
        <v>0.46166374600421223</v>
      </c>
      <c r="B9658" s="1"/>
      <c r="C9658">
        <v>18</v>
      </c>
      <c r="D9658" t="s">
        <v>17328</v>
      </c>
      <c r="E9658" t="s">
        <v>33291</v>
      </c>
      <c r="F9658">
        <v>4</v>
      </c>
      <c r="G9658" t="s">
        <v>0</v>
      </c>
      <c r="H9658" t="s">
        <v>17329</v>
      </c>
      <c r="I9658" t="s">
        <v>30540</v>
      </c>
    </row>
    <row r="9659" spans="1:9">
      <c r="A9659" s="1">
        <f ca="1">RAND()</f>
        <v>0.29430641129318402</v>
      </c>
      <c r="B9659" s="1"/>
      <c r="C9659">
        <v>19</v>
      </c>
      <c r="D9659" t="s">
        <v>17330</v>
      </c>
      <c r="E9659" t="s">
        <v>33291</v>
      </c>
      <c r="F9659">
        <v>4</v>
      </c>
      <c r="G9659" t="s">
        <v>14</v>
      </c>
      <c r="H9659" t="s">
        <v>17331</v>
      </c>
      <c r="I9659" t="s">
        <v>30540</v>
      </c>
    </row>
    <row r="9660" spans="1:9">
      <c r="A9660" s="1">
        <f ca="1">RAND()</f>
        <v>0.89303949458456167</v>
      </c>
      <c r="B9660" s="1"/>
      <c r="C9660">
        <v>5</v>
      </c>
      <c r="D9660" t="s">
        <v>17324</v>
      </c>
      <c r="E9660" t="s">
        <v>33291</v>
      </c>
      <c r="F9660">
        <v>3</v>
      </c>
      <c r="G9660" t="s">
        <v>14</v>
      </c>
      <c r="H9660" t="s">
        <v>17325</v>
      </c>
      <c r="I9660" t="s">
        <v>30540</v>
      </c>
    </row>
    <row r="9661" spans="1:9">
      <c r="A9661" s="1">
        <f ca="1">RAND()</f>
        <v>0.10342954632932844</v>
      </c>
      <c r="B9661" s="1"/>
      <c r="C9661">
        <v>6</v>
      </c>
      <c r="D9661" t="s">
        <v>17314</v>
      </c>
      <c r="E9661" t="s">
        <v>33292</v>
      </c>
      <c r="F9661">
        <v>5</v>
      </c>
      <c r="G9661" t="s">
        <v>14</v>
      </c>
      <c r="H9661" t="s">
        <v>17315</v>
      </c>
      <c r="I9661" t="s">
        <v>30540</v>
      </c>
    </row>
    <row r="9662" spans="1:9">
      <c r="A9662" s="1">
        <f ca="1">RAND()</f>
        <v>0.7705669018879685</v>
      </c>
      <c r="B9662" s="1"/>
      <c r="C9662">
        <v>16</v>
      </c>
      <c r="D9662" t="s">
        <v>17320</v>
      </c>
      <c r="E9662" t="s">
        <v>33292</v>
      </c>
      <c r="F9662">
        <v>4</v>
      </c>
      <c r="G9662" t="s">
        <v>2</v>
      </c>
      <c r="H9662" t="s">
        <v>17321</v>
      </c>
      <c r="I9662" t="s">
        <v>30540</v>
      </c>
    </row>
    <row r="9663" spans="1:9">
      <c r="A9663" s="1">
        <f ca="1">RAND()</f>
        <v>0.52203485840431718</v>
      </c>
      <c r="B9663" s="1"/>
      <c r="C9663">
        <v>10</v>
      </c>
      <c r="D9663" t="s">
        <v>17318</v>
      </c>
      <c r="E9663" t="s">
        <v>33292</v>
      </c>
      <c r="F9663">
        <v>4</v>
      </c>
      <c r="G9663" t="s">
        <v>10</v>
      </c>
      <c r="H9663" t="s">
        <v>17319</v>
      </c>
      <c r="I9663" t="s">
        <v>30540</v>
      </c>
    </row>
    <row r="9664" spans="1:9">
      <c r="A9664" s="1">
        <f ca="1">RAND()</f>
        <v>0.99649453935634191</v>
      </c>
      <c r="B9664" s="1"/>
      <c r="C9664">
        <v>7</v>
      </c>
      <c r="D9664" t="s">
        <v>17316</v>
      </c>
      <c r="E9664" t="s">
        <v>33292</v>
      </c>
      <c r="F9664">
        <v>4</v>
      </c>
      <c r="G9664" t="s">
        <v>10</v>
      </c>
      <c r="H9664" t="s">
        <v>17317</v>
      </c>
      <c r="I9664" t="s">
        <v>30540</v>
      </c>
    </row>
    <row r="9665" spans="1:9">
      <c r="A9665" s="1">
        <f ca="1">RAND()</f>
        <v>0.43642658710742388</v>
      </c>
      <c r="B9665" s="1"/>
      <c r="C9665">
        <v>3</v>
      </c>
      <c r="D9665" t="s">
        <v>17310</v>
      </c>
      <c r="E9665" t="s">
        <v>33293</v>
      </c>
      <c r="F9665">
        <v>4</v>
      </c>
      <c r="G9665" t="s">
        <v>14</v>
      </c>
      <c r="H9665" t="s">
        <v>17311</v>
      </c>
      <c r="I9665" t="s">
        <v>30540</v>
      </c>
    </row>
    <row r="9666" spans="1:9">
      <c r="A9666" s="1">
        <f ca="1">RAND()</f>
        <v>0.14728707174091404</v>
      </c>
      <c r="B9666" s="1"/>
      <c r="C9666">
        <v>6</v>
      </c>
      <c r="D9666" t="s">
        <v>17312</v>
      </c>
      <c r="E9666" t="s">
        <v>33293</v>
      </c>
      <c r="F9666">
        <v>2</v>
      </c>
      <c r="G9666" t="s">
        <v>14</v>
      </c>
      <c r="H9666" t="s">
        <v>17313</v>
      </c>
      <c r="I9666" t="s">
        <v>30540</v>
      </c>
    </row>
    <row r="9667" spans="1:9">
      <c r="A9667" s="1">
        <f ca="1">RAND()</f>
        <v>0.16911343745385055</v>
      </c>
      <c r="B9667" s="1"/>
      <c r="C9667">
        <v>11</v>
      </c>
      <c r="D9667" t="s">
        <v>17300</v>
      </c>
      <c r="E9667" t="s">
        <v>33294</v>
      </c>
      <c r="F9667">
        <v>5</v>
      </c>
      <c r="G9667" t="s">
        <v>13</v>
      </c>
      <c r="H9667" t="s">
        <v>17301</v>
      </c>
      <c r="I9667" t="s">
        <v>30540</v>
      </c>
    </row>
    <row r="9668" spans="1:9">
      <c r="A9668" s="1">
        <f ca="1">RAND()</f>
        <v>0.88819055605924013</v>
      </c>
      <c r="B9668" s="1"/>
      <c r="C9668">
        <v>15</v>
      </c>
      <c r="D9668" t="s">
        <v>17304</v>
      </c>
      <c r="E9668" t="s">
        <v>33294</v>
      </c>
      <c r="F9668">
        <v>4</v>
      </c>
      <c r="G9668" t="s">
        <v>9</v>
      </c>
      <c r="H9668" t="s">
        <v>17305</v>
      </c>
      <c r="I9668" t="s">
        <v>30540</v>
      </c>
    </row>
    <row r="9669" spans="1:9">
      <c r="A9669" s="1">
        <f ca="1">RAND()</f>
        <v>0.4305156296959407</v>
      </c>
      <c r="B9669" s="1"/>
      <c r="C9669">
        <v>13</v>
      </c>
      <c r="D9669" t="s">
        <v>17302</v>
      </c>
      <c r="E9669" t="s">
        <v>33294</v>
      </c>
      <c r="F9669">
        <v>4</v>
      </c>
      <c r="G9669" t="s">
        <v>14</v>
      </c>
      <c r="H9669" t="s">
        <v>17303</v>
      </c>
      <c r="I9669" t="s">
        <v>30540</v>
      </c>
    </row>
    <row r="9670" spans="1:9">
      <c r="A9670" s="1">
        <f ca="1">RAND()</f>
        <v>0.84398508677720108</v>
      </c>
      <c r="B9670" s="1"/>
      <c r="C9670">
        <v>3</v>
      </c>
      <c r="D9670" t="s">
        <v>17294</v>
      </c>
      <c r="E9670" t="s">
        <v>33294</v>
      </c>
      <c r="F9670">
        <v>4</v>
      </c>
      <c r="G9670" t="s">
        <v>13</v>
      </c>
      <c r="H9670" t="s">
        <v>17295</v>
      </c>
      <c r="I9670" t="s">
        <v>30540</v>
      </c>
    </row>
    <row r="9671" spans="1:9">
      <c r="A9671" s="1">
        <f ca="1">RAND()</f>
        <v>0.59973876958991579</v>
      </c>
      <c r="B9671" s="1"/>
      <c r="C9671">
        <v>10</v>
      </c>
      <c r="D9671" t="s">
        <v>17298</v>
      </c>
      <c r="E9671" t="s">
        <v>33294</v>
      </c>
      <c r="F9671">
        <v>4</v>
      </c>
      <c r="G9671" t="s">
        <v>14</v>
      </c>
      <c r="H9671" t="s">
        <v>17299</v>
      </c>
      <c r="I9671" t="s">
        <v>30540</v>
      </c>
    </row>
    <row r="9672" spans="1:9">
      <c r="A9672" s="1">
        <f ca="1">RAND()</f>
        <v>0.20706804750334917</v>
      </c>
      <c r="B9672" s="1"/>
      <c r="C9672">
        <v>4</v>
      </c>
      <c r="D9672" t="s">
        <v>17296</v>
      </c>
      <c r="E9672" t="s">
        <v>33294</v>
      </c>
      <c r="F9672">
        <v>4</v>
      </c>
      <c r="G9672" t="s">
        <v>10</v>
      </c>
      <c r="H9672" t="s">
        <v>17297</v>
      </c>
      <c r="I9672" t="s">
        <v>30540</v>
      </c>
    </row>
    <row r="9673" spans="1:9">
      <c r="A9673" s="1">
        <f ca="1">RAND()</f>
        <v>0.49136159527720191</v>
      </c>
      <c r="B9673" s="1"/>
      <c r="C9673">
        <v>19</v>
      </c>
      <c r="D9673" t="s">
        <v>17308</v>
      </c>
      <c r="E9673" t="s">
        <v>33294</v>
      </c>
      <c r="F9673">
        <v>4</v>
      </c>
      <c r="G9673" t="s">
        <v>14</v>
      </c>
      <c r="H9673" t="s">
        <v>17309</v>
      </c>
      <c r="I9673" t="s">
        <v>30540</v>
      </c>
    </row>
    <row r="9674" spans="1:9">
      <c r="A9674" s="1">
        <f ca="1">RAND()</f>
        <v>0.88459436492954113</v>
      </c>
      <c r="B9674" s="1"/>
      <c r="C9674">
        <v>17</v>
      </c>
      <c r="D9674" t="s">
        <v>17306</v>
      </c>
      <c r="E9674" t="s">
        <v>33294</v>
      </c>
      <c r="F9674">
        <v>2</v>
      </c>
      <c r="G9674" t="s">
        <v>14</v>
      </c>
      <c r="H9674" t="s">
        <v>17307</v>
      </c>
      <c r="I9674" t="s">
        <v>30540</v>
      </c>
    </row>
    <row r="9675" spans="1:9">
      <c r="A9675" s="1">
        <f ca="1">RAND()</f>
        <v>0.4492497734297215</v>
      </c>
      <c r="B9675" s="1"/>
      <c r="C9675">
        <v>2</v>
      </c>
      <c r="D9675" t="s">
        <v>17292</v>
      </c>
      <c r="E9675" t="s">
        <v>33294</v>
      </c>
      <c r="F9675">
        <v>2</v>
      </c>
      <c r="G9675" t="s">
        <v>10</v>
      </c>
      <c r="H9675" t="s">
        <v>17293</v>
      </c>
      <c r="I9675" t="s">
        <v>30540</v>
      </c>
    </row>
    <row r="9676" spans="1:9">
      <c r="A9676" s="1">
        <f ca="1">RAND()</f>
        <v>0.5034947993694866</v>
      </c>
      <c r="B9676" s="1"/>
      <c r="C9676">
        <v>15</v>
      </c>
      <c r="D9676" t="s">
        <v>17290</v>
      </c>
      <c r="E9676" t="s">
        <v>33295</v>
      </c>
      <c r="F9676">
        <v>2</v>
      </c>
      <c r="G9676" t="s">
        <v>2</v>
      </c>
      <c r="H9676" t="s">
        <v>17291</v>
      </c>
      <c r="I9676" t="s">
        <v>30540</v>
      </c>
    </row>
    <row r="9677" spans="1:9">
      <c r="A9677" s="1">
        <f ca="1">RAND()</f>
        <v>0.87580977450612252</v>
      </c>
      <c r="B9677" s="1"/>
      <c r="C9677">
        <v>4</v>
      </c>
      <c r="D9677" t="s">
        <v>17282</v>
      </c>
      <c r="E9677" t="s">
        <v>33296</v>
      </c>
      <c r="F9677">
        <v>4</v>
      </c>
      <c r="G9677" t="s">
        <v>2</v>
      </c>
      <c r="H9677" t="s">
        <v>17283</v>
      </c>
      <c r="I9677" t="s">
        <v>30540</v>
      </c>
    </row>
    <row r="9678" spans="1:9">
      <c r="A9678" s="1">
        <f ca="1">RAND()</f>
        <v>0.79799363148376967</v>
      </c>
      <c r="B9678" s="1"/>
      <c r="C9678">
        <v>14</v>
      </c>
      <c r="D9678" t="s">
        <v>17286</v>
      </c>
      <c r="E9678" t="s">
        <v>33296</v>
      </c>
      <c r="F9678">
        <v>4</v>
      </c>
      <c r="G9678" t="s">
        <v>0</v>
      </c>
      <c r="H9678" t="s">
        <v>17287</v>
      </c>
      <c r="I9678" t="s">
        <v>30540</v>
      </c>
    </row>
    <row r="9679" spans="1:9">
      <c r="A9679" s="1">
        <f ca="1">RAND()</f>
        <v>0.52526407977057121</v>
      </c>
      <c r="B9679" s="1"/>
      <c r="C9679">
        <v>13</v>
      </c>
      <c r="D9679" t="s">
        <v>17284</v>
      </c>
      <c r="E9679" t="s">
        <v>33296</v>
      </c>
      <c r="F9679">
        <v>3</v>
      </c>
      <c r="G9679" t="s">
        <v>14</v>
      </c>
      <c r="H9679" t="s">
        <v>17285</v>
      </c>
      <c r="I9679" t="s">
        <v>30540</v>
      </c>
    </row>
    <row r="9680" spans="1:9">
      <c r="A9680" s="1">
        <f ca="1">RAND()</f>
        <v>0.69998585938977409</v>
      </c>
      <c r="B9680" s="1"/>
      <c r="C9680">
        <v>20</v>
      </c>
      <c r="D9680" t="s">
        <v>17288</v>
      </c>
      <c r="E9680" t="s">
        <v>33296</v>
      </c>
      <c r="F9680">
        <v>2</v>
      </c>
      <c r="G9680" t="s">
        <v>14</v>
      </c>
      <c r="H9680" t="s">
        <v>17289</v>
      </c>
      <c r="I9680" t="s">
        <v>30540</v>
      </c>
    </row>
    <row r="9681" spans="1:9">
      <c r="A9681" s="1">
        <f ca="1">RAND()</f>
        <v>0.21135307531294278</v>
      </c>
      <c r="B9681" s="1"/>
      <c r="C9681">
        <v>1</v>
      </c>
      <c r="D9681" t="s">
        <v>17274</v>
      </c>
      <c r="E9681" t="s">
        <v>33297</v>
      </c>
      <c r="F9681">
        <v>4</v>
      </c>
      <c r="G9681" t="s">
        <v>10</v>
      </c>
      <c r="H9681" t="s">
        <v>17275</v>
      </c>
      <c r="I9681" t="s">
        <v>30540</v>
      </c>
    </row>
    <row r="9682" spans="1:9">
      <c r="A9682" s="1">
        <f ca="1">RAND()</f>
        <v>0.10801753322076613</v>
      </c>
      <c r="B9682" s="1"/>
      <c r="C9682">
        <v>11</v>
      </c>
      <c r="D9682" t="s">
        <v>17278</v>
      </c>
      <c r="E9682" t="s">
        <v>33297</v>
      </c>
      <c r="F9682">
        <v>4</v>
      </c>
      <c r="G9682" t="s">
        <v>14</v>
      </c>
      <c r="H9682" t="s">
        <v>17279</v>
      </c>
      <c r="I9682" t="s">
        <v>30540</v>
      </c>
    </row>
    <row r="9683" spans="1:9">
      <c r="A9683" s="1">
        <f ca="1">RAND()</f>
        <v>0.54788050968449464</v>
      </c>
      <c r="B9683" s="1"/>
      <c r="C9683">
        <v>2</v>
      </c>
      <c r="D9683" t="s">
        <v>17276</v>
      </c>
      <c r="E9683" t="s">
        <v>33297</v>
      </c>
      <c r="F9683">
        <v>2</v>
      </c>
      <c r="G9683" t="s">
        <v>10</v>
      </c>
      <c r="H9683" t="s">
        <v>17277</v>
      </c>
      <c r="I9683" t="s">
        <v>30540</v>
      </c>
    </row>
    <row r="9684" spans="1:9">
      <c r="A9684" s="1">
        <f ca="1">RAND()</f>
        <v>0.40789843883037136</v>
      </c>
      <c r="B9684" s="1"/>
      <c r="C9684">
        <v>15</v>
      </c>
      <c r="D9684" t="s">
        <v>17280</v>
      </c>
      <c r="E9684" t="s">
        <v>33297</v>
      </c>
      <c r="F9684">
        <v>2</v>
      </c>
      <c r="G9684" t="s">
        <v>13</v>
      </c>
      <c r="H9684" t="s">
        <v>17281</v>
      </c>
      <c r="I9684" t="s">
        <v>30540</v>
      </c>
    </row>
    <row r="9685" spans="1:9">
      <c r="A9685" s="1">
        <f ca="1">RAND()</f>
        <v>3.8543995040981827E-2</v>
      </c>
      <c r="B9685" s="1"/>
      <c r="C9685">
        <v>9</v>
      </c>
      <c r="D9685" t="s">
        <v>17262</v>
      </c>
      <c r="E9685" t="s">
        <v>33298</v>
      </c>
      <c r="F9685">
        <v>5</v>
      </c>
      <c r="G9685" t="s">
        <v>1</v>
      </c>
      <c r="H9685" t="s">
        <v>17263</v>
      </c>
      <c r="I9685" t="s">
        <v>30540</v>
      </c>
    </row>
    <row r="9686" spans="1:9">
      <c r="A9686" s="1">
        <f ca="1">RAND()</f>
        <v>0.94009342717798861</v>
      </c>
      <c r="B9686" s="1"/>
      <c r="C9686">
        <v>15</v>
      </c>
      <c r="D9686" t="s">
        <v>17270</v>
      </c>
      <c r="E9686" t="s">
        <v>33298</v>
      </c>
      <c r="F9686">
        <v>5</v>
      </c>
      <c r="G9686" t="s">
        <v>14</v>
      </c>
      <c r="H9686" t="s">
        <v>17271</v>
      </c>
      <c r="I9686" t="s">
        <v>30540</v>
      </c>
    </row>
    <row r="9687" spans="1:9">
      <c r="A9687" s="1">
        <f ca="1">RAND()</f>
        <v>0.92318210490732366</v>
      </c>
      <c r="B9687" s="1"/>
      <c r="C9687">
        <v>1</v>
      </c>
      <c r="D9687" t="s">
        <v>17258</v>
      </c>
      <c r="E9687" t="s">
        <v>33298</v>
      </c>
      <c r="F9687">
        <v>5</v>
      </c>
      <c r="G9687" t="s">
        <v>13</v>
      </c>
      <c r="H9687" t="s">
        <v>17259</v>
      </c>
      <c r="I9687" t="s">
        <v>30540</v>
      </c>
    </row>
    <row r="9688" spans="1:9">
      <c r="A9688" s="1">
        <f ca="1">RAND()</f>
        <v>0.75830536730160969</v>
      </c>
      <c r="B9688" s="1"/>
      <c r="C9688">
        <v>12</v>
      </c>
      <c r="D9688" t="s">
        <v>17266</v>
      </c>
      <c r="E9688" t="s">
        <v>33298</v>
      </c>
      <c r="F9688">
        <v>5</v>
      </c>
      <c r="G9688" t="s">
        <v>14</v>
      </c>
      <c r="H9688" t="s">
        <v>17267</v>
      </c>
      <c r="I9688" t="s">
        <v>30540</v>
      </c>
    </row>
    <row r="9689" spans="1:9">
      <c r="A9689" s="1">
        <f ca="1">RAND()</f>
        <v>0.66505403362626947</v>
      </c>
      <c r="B9689" s="1"/>
      <c r="C9689">
        <v>14</v>
      </c>
      <c r="D9689" t="s">
        <v>17268</v>
      </c>
      <c r="E9689" t="s">
        <v>33298</v>
      </c>
      <c r="F9689">
        <v>4</v>
      </c>
      <c r="G9689" t="s">
        <v>14</v>
      </c>
      <c r="H9689" t="s">
        <v>17269</v>
      </c>
      <c r="I9689" t="s">
        <v>30540</v>
      </c>
    </row>
    <row r="9690" spans="1:9">
      <c r="A9690" s="1">
        <f ca="1">RAND()</f>
        <v>0.43007461181977991</v>
      </c>
      <c r="B9690" s="1"/>
      <c r="C9690">
        <v>20</v>
      </c>
      <c r="D9690" t="s">
        <v>17272</v>
      </c>
      <c r="E9690" t="s">
        <v>33298</v>
      </c>
      <c r="F9690">
        <v>4</v>
      </c>
      <c r="G9690" t="s">
        <v>14</v>
      </c>
      <c r="H9690" t="s">
        <v>17273</v>
      </c>
      <c r="I9690" t="s">
        <v>30540</v>
      </c>
    </row>
    <row r="9691" spans="1:9">
      <c r="A9691" s="1">
        <f ca="1">RAND()</f>
        <v>0.57421660742158143</v>
      </c>
      <c r="B9691" s="1"/>
      <c r="C9691">
        <v>10</v>
      </c>
      <c r="D9691" t="s">
        <v>17264</v>
      </c>
      <c r="E9691" t="s">
        <v>33298</v>
      </c>
      <c r="F9691">
        <v>4</v>
      </c>
      <c r="G9691" t="s">
        <v>14</v>
      </c>
      <c r="H9691" t="s">
        <v>17265</v>
      </c>
      <c r="I9691" t="s">
        <v>30540</v>
      </c>
    </row>
    <row r="9692" spans="1:9">
      <c r="A9692" s="1">
        <f ca="1">RAND()</f>
        <v>0.77566562460531363</v>
      </c>
      <c r="B9692" s="1"/>
      <c r="C9692">
        <v>8</v>
      </c>
      <c r="D9692" t="s">
        <v>17260</v>
      </c>
      <c r="E9692" t="s">
        <v>33298</v>
      </c>
      <c r="F9692">
        <v>3</v>
      </c>
      <c r="G9692" t="s">
        <v>14</v>
      </c>
      <c r="H9692" t="s">
        <v>17261</v>
      </c>
      <c r="I9692" t="s">
        <v>30540</v>
      </c>
    </row>
    <row r="9693" spans="1:9">
      <c r="A9693" s="1">
        <f ca="1">RAND()</f>
        <v>0.25780104573542884</v>
      </c>
      <c r="B9693" s="1"/>
      <c r="C9693">
        <v>7</v>
      </c>
      <c r="D9693" t="s">
        <v>17256</v>
      </c>
      <c r="E9693" t="s">
        <v>33299</v>
      </c>
      <c r="F9693">
        <v>4</v>
      </c>
      <c r="G9693" t="s">
        <v>14</v>
      </c>
      <c r="H9693" t="s">
        <v>17257</v>
      </c>
      <c r="I9693" t="s">
        <v>30540</v>
      </c>
    </row>
    <row r="9694" spans="1:9">
      <c r="A9694" s="1">
        <f ca="1">RAND()</f>
        <v>0.22257529035996104</v>
      </c>
      <c r="B9694" s="1"/>
      <c r="C9694">
        <v>13</v>
      </c>
      <c r="D9694" t="s">
        <v>17254</v>
      </c>
      <c r="E9694" t="s">
        <v>33300</v>
      </c>
      <c r="F9694">
        <v>4</v>
      </c>
      <c r="G9694" t="s">
        <v>14</v>
      </c>
      <c r="H9694" t="s">
        <v>17255</v>
      </c>
      <c r="I9694" t="s">
        <v>30540</v>
      </c>
    </row>
    <row r="9695" spans="1:9">
      <c r="A9695" s="1">
        <f ca="1">RAND()</f>
        <v>0.7425619132236585</v>
      </c>
      <c r="B9695" s="1"/>
      <c r="C9695">
        <v>2</v>
      </c>
      <c r="D9695" t="s">
        <v>17252</v>
      </c>
      <c r="E9695" t="s">
        <v>33300</v>
      </c>
      <c r="F9695">
        <v>4</v>
      </c>
      <c r="G9695" t="s">
        <v>1431</v>
      </c>
      <c r="H9695" t="s">
        <v>17253</v>
      </c>
      <c r="I9695" t="s">
        <v>30540</v>
      </c>
    </row>
    <row r="9696" spans="1:9">
      <c r="A9696" s="1">
        <f ca="1">RAND()</f>
        <v>0.13767536312174755</v>
      </c>
      <c r="B9696" s="1"/>
      <c r="C9696">
        <v>9</v>
      </c>
      <c r="D9696" t="s">
        <v>17250</v>
      </c>
      <c r="E9696" t="s">
        <v>33301</v>
      </c>
      <c r="F9696">
        <v>4</v>
      </c>
      <c r="G9696" t="s">
        <v>0</v>
      </c>
      <c r="H9696" t="s">
        <v>17251</v>
      </c>
      <c r="I9696" t="s">
        <v>30540</v>
      </c>
    </row>
    <row r="9697" spans="1:9">
      <c r="A9697" s="1">
        <f ca="1">RAND()</f>
        <v>0.24470427650538629</v>
      </c>
      <c r="B9697" s="1"/>
      <c r="C9697">
        <v>15</v>
      </c>
      <c r="D9697" t="s">
        <v>17248</v>
      </c>
      <c r="E9697" t="s">
        <v>33302</v>
      </c>
      <c r="F9697">
        <v>4</v>
      </c>
      <c r="G9697" t="s">
        <v>10</v>
      </c>
      <c r="H9697" t="s">
        <v>17249</v>
      </c>
      <c r="I9697" t="s">
        <v>30540</v>
      </c>
    </row>
    <row r="9698" spans="1:9">
      <c r="A9698" s="1">
        <f ca="1">RAND()</f>
        <v>0.60190079852350398</v>
      </c>
      <c r="B9698" s="1"/>
      <c r="C9698">
        <v>12</v>
      </c>
      <c r="D9698" t="s">
        <v>17246</v>
      </c>
      <c r="E9698" t="s">
        <v>33302</v>
      </c>
      <c r="F9698">
        <v>4</v>
      </c>
      <c r="G9698" t="s">
        <v>10</v>
      </c>
      <c r="H9698" t="s">
        <v>17247</v>
      </c>
      <c r="I9698" t="s">
        <v>30540</v>
      </c>
    </row>
    <row r="9699" spans="1:9">
      <c r="A9699" s="1">
        <f ca="1">RAND()</f>
        <v>0.63510450527085749</v>
      </c>
      <c r="B9699" s="1"/>
      <c r="C9699">
        <v>3</v>
      </c>
      <c r="D9699" t="s">
        <v>17240</v>
      </c>
      <c r="E9699" t="s">
        <v>33302</v>
      </c>
      <c r="F9699">
        <v>4</v>
      </c>
      <c r="G9699" t="s">
        <v>2</v>
      </c>
      <c r="H9699" t="s">
        <v>17241</v>
      </c>
      <c r="I9699" t="s">
        <v>30540</v>
      </c>
    </row>
    <row r="9700" spans="1:9">
      <c r="A9700" s="1">
        <f ca="1">RAND()</f>
        <v>0.85424627492230254</v>
      </c>
      <c r="B9700" s="1"/>
      <c r="C9700">
        <v>10</v>
      </c>
      <c r="D9700" t="s">
        <v>17244</v>
      </c>
      <c r="E9700" t="s">
        <v>33302</v>
      </c>
      <c r="F9700">
        <v>2</v>
      </c>
      <c r="G9700" t="s">
        <v>10</v>
      </c>
      <c r="H9700" t="s">
        <v>17245</v>
      </c>
      <c r="I9700" t="s">
        <v>30540</v>
      </c>
    </row>
    <row r="9701" spans="1:9">
      <c r="A9701" s="1">
        <f ca="1">RAND()</f>
        <v>0.97192047773989587</v>
      </c>
      <c r="B9701" s="1"/>
      <c r="C9701">
        <v>8</v>
      </c>
      <c r="D9701" t="s">
        <v>17242</v>
      </c>
      <c r="E9701" t="s">
        <v>33302</v>
      </c>
      <c r="F9701">
        <v>1</v>
      </c>
      <c r="G9701" t="s">
        <v>10</v>
      </c>
      <c r="H9701" t="s">
        <v>17243</v>
      </c>
      <c r="I9701" t="s">
        <v>30540</v>
      </c>
    </row>
    <row r="9702" spans="1:9">
      <c r="A9702" s="1">
        <f ca="1">RAND()</f>
        <v>0.88418265406379637</v>
      </c>
      <c r="B9702" s="1"/>
      <c r="C9702">
        <v>2</v>
      </c>
      <c r="D9702" t="s">
        <v>17236</v>
      </c>
      <c r="E9702" t="s">
        <v>33303</v>
      </c>
      <c r="F9702">
        <v>4</v>
      </c>
      <c r="G9702" t="s">
        <v>0</v>
      </c>
      <c r="H9702" t="s">
        <v>17237</v>
      </c>
      <c r="I9702" t="s">
        <v>30540</v>
      </c>
    </row>
    <row r="9703" spans="1:9">
      <c r="A9703" s="1">
        <f ca="1">RAND()</f>
        <v>0.14240647193072242</v>
      </c>
      <c r="B9703" s="1"/>
      <c r="C9703">
        <v>13</v>
      </c>
      <c r="D9703" t="s">
        <v>17238</v>
      </c>
      <c r="E9703" t="s">
        <v>33303</v>
      </c>
      <c r="F9703">
        <v>3</v>
      </c>
      <c r="G9703" t="s">
        <v>14</v>
      </c>
      <c r="H9703" t="s">
        <v>17239</v>
      </c>
      <c r="I9703" t="s">
        <v>30540</v>
      </c>
    </row>
    <row r="9704" spans="1:9">
      <c r="A9704" s="1">
        <f ca="1">RAND()</f>
        <v>0.52912366807770339</v>
      </c>
      <c r="B9704" s="1"/>
      <c r="C9704">
        <v>6</v>
      </c>
      <c r="D9704" t="s">
        <v>17226</v>
      </c>
      <c r="E9704" t="s">
        <v>33304</v>
      </c>
      <c r="F9704">
        <v>5</v>
      </c>
      <c r="G9704" t="s">
        <v>0</v>
      </c>
      <c r="H9704" t="s">
        <v>17227</v>
      </c>
      <c r="I9704" t="s">
        <v>30540</v>
      </c>
    </row>
    <row r="9705" spans="1:9">
      <c r="A9705" s="1">
        <f ca="1">RAND()</f>
        <v>0.26698107108107749</v>
      </c>
      <c r="B9705" s="1"/>
      <c r="C9705">
        <v>14</v>
      </c>
      <c r="D9705" t="s">
        <v>17234</v>
      </c>
      <c r="E9705" t="s">
        <v>33304</v>
      </c>
      <c r="F9705">
        <v>4</v>
      </c>
      <c r="G9705" t="s">
        <v>2</v>
      </c>
      <c r="H9705" t="s">
        <v>17235</v>
      </c>
      <c r="I9705" t="s">
        <v>30540</v>
      </c>
    </row>
    <row r="9706" spans="1:9">
      <c r="A9706" s="1">
        <f ca="1">RAND()</f>
        <v>0.37746156100922235</v>
      </c>
      <c r="B9706" s="1"/>
      <c r="C9706">
        <v>9</v>
      </c>
      <c r="D9706" t="s">
        <v>17230</v>
      </c>
      <c r="E9706" t="s">
        <v>33304</v>
      </c>
      <c r="F9706">
        <v>3</v>
      </c>
      <c r="G9706" t="s">
        <v>1</v>
      </c>
      <c r="H9706" t="s">
        <v>17231</v>
      </c>
      <c r="I9706" t="s">
        <v>30540</v>
      </c>
    </row>
    <row r="9707" spans="1:9">
      <c r="A9707" s="1">
        <f ca="1">RAND()</f>
        <v>0.23393588723068681</v>
      </c>
      <c r="B9707" s="1"/>
      <c r="C9707">
        <v>8</v>
      </c>
      <c r="D9707" t="s">
        <v>17228</v>
      </c>
      <c r="E9707" t="s">
        <v>33304</v>
      </c>
      <c r="F9707">
        <v>3</v>
      </c>
      <c r="G9707" t="s">
        <v>14</v>
      </c>
      <c r="H9707" t="s">
        <v>17229</v>
      </c>
      <c r="I9707" t="s">
        <v>30540</v>
      </c>
    </row>
    <row r="9708" spans="1:9">
      <c r="A9708" s="1">
        <f ca="1">RAND()</f>
        <v>0.93685141586217202</v>
      </c>
      <c r="B9708" s="1"/>
      <c r="C9708">
        <v>13</v>
      </c>
      <c r="D9708" t="s">
        <v>17232</v>
      </c>
      <c r="E9708" t="s">
        <v>33304</v>
      </c>
      <c r="F9708">
        <v>2</v>
      </c>
      <c r="G9708" t="s">
        <v>14</v>
      </c>
      <c r="H9708" t="s">
        <v>17233</v>
      </c>
      <c r="I9708" t="s">
        <v>30540</v>
      </c>
    </row>
    <row r="9709" spans="1:9">
      <c r="A9709" s="1">
        <f ca="1">RAND()</f>
        <v>0.23321781471558756</v>
      </c>
      <c r="B9709" s="1"/>
      <c r="C9709">
        <v>10</v>
      </c>
      <c r="D9709" t="s">
        <v>17220</v>
      </c>
      <c r="E9709" t="s">
        <v>33305</v>
      </c>
      <c r="F9709">
        <v>5</v>
      </c>
      <c r="G9709" t="s">
        <v>14</v>
      </c>
      <c r="H9709" t="s">
        <v>17221</v>
      </c>
      <c r="I9709" t="s">
        <v>30540</v>
      </c>
    </row>
    <row r="9710" spans="1:9">
      <c r="A9710" s="1">
        <f ca="1">RAND()</f>
        <v>0.75806527305316962</v>
      </c>
      <c r="B9710" s="1"/>
      <c r="C9710">
        <v>14</v>
      </c>
      <c r="D9710" t="s">
        <v>17224</v>
      </c>
      <c r="E9710" t="s">
        <v>33305</v>
      </c>
      <c r="F9710">
        <v>4</v>
      </c>
      <c r="G9710" t="s">
        <v>14</v>
      </c>
      <c r="H9710" t="s">
        <v>17225</v>
      </c>
      <c r="I9710" t="s">
        <v>30540</v>
      </c>
    </row>
    <row r="9711" spans="1:9">
      <c r="A9711" s="1">
        <f ca="1">RAND()</f>
        <v>0.7906701982713531</v>
      </c>
      <c r="B9711" s="1"/>
      <c r="C9711">
        <v>4</v>
      </c>
      <c r="D9711" t="s">
        <v>17216</v>
      </c>
      <c r="E9711" t="s">
        <v>33305</v>
      </c>
      <c r="F9711">
        <v>4</v>
      </c>
      <c r="G9711" t="s">
        <v>774</v>
      </c>
      <c r="H9711" t="s">
        <v>17217</v>
      </c>
      <c r="I9711" t="s">
        <v>30540</v>
      </c>
    </row>
    <row r="9712" spans="1:9">
      <c r="A9712" s="1">
        <f ca="1">RAND()</f>
        <v>0.3063744286162815</v>
      </c>
      <c r="B9712" s="1"/>
      <c r="C9712">
        <v>9</v>
      </c>
      <c r="D9712" t="s">
        <v>17218</v>
      </c>
      <c r="E9712" t="s">
        <v>33305</v>
      </c>
      <c r="F9712">
        <v>4</v>
      </c>
      <c r="G9712" t="s">
        <v>2738</v>
      </c>
      <c r="H9712" t="s">
        <v>17219</v>
      </c>
      <c r="I9712" t="s">
        <v>30540</v>
      </c>
    </row>
    <row r="9713" spans="1:9">
      <c r="A9713" s="1">
        <f ca="1">RAND()</f>
        <v>0.32544844905462422</v>
      </c>
      <c r="B9713" s="1"/>
      <c r="C9713">
        <v>11</v>
      </c>
      <c r="D9713" t="s">
        <v>17222</v>
      </c>
      <c r="E9713" t="s">
        <v>33305</v>
      </c>
      <c r="F9713">
        <v>4</v>
      </c>
      <c r="G9713" t="s">
        <v>14</v>
      </c>
      <c r="H9713" t="s">
        <v>17223</v>
      </c>
      <c r="I9713" t="s">
        <v>30540</v>
      </c>
    </row>
    <row r="9714" spans="1:9">
      <c r="A9714" s="1">
        <f ca="1">RAND()</f>
        <v>0.71145574892049235</v>
      </c>
      <c r="B9714" s="1"/>
      <c r="C9714">
        <v>7</v>
      </c>
      <c r="D9714" t="s">
        <v>17210</v>
      </c>
      <c r="E9714" t="s">
        <v>33306</v>
      </c>
      <c r="F9714">
        <v>5</v>
      </c>
      <c r="G9714" t="s">
        <v>14</v>
      </c>
      <c r="H9714" t="s">
        <v>17211</v>
      </c>
      <c r="I9714" t="s">
        <v>30540</v>
      </c>
    </row>
    <row r="9715" spans="1:9">
      <c r="A9715" s="1">
        <f ca="1">RAND()</f>
        <v>0.30779986397850567</v>
      </c>
      <c r="B9715" s="1"/>
      <c r="C9715">
        <v>8</v>
      </c>
      <c r="D9715" t="s">
        <v>17212</v>
      </c>
      <c r="E9715" t="s">
        <v>33306</v>
      </c>
      <c r="F9715">
        <v>5</v>
      </c>
      <c r="G9715" t="s">
        <v>0</v>
      </c>
      <c r="H9715" t="s">
        <v>17213</v>
      </c>
      <c r="I9715" t="s">
        <v>30540</v>
      </c>
    </row>
    <row r="9716" spans="1:9">
      <c r="A9716" s="1">
        <f ca="1">RAND()</f>
        <v>0.86484763419857236</v>
      </c>
      <c r="B9716" s="1"/>
      <c r="C9716">
        <v>9</v>
      </c>
      <c r="D9716" t="s">
        <v>17214</v>
      </c>
      <c r="E9716" t="s">
        <v>33306</v>
      </c>
      <c r="F9716">
        <v>4</v>
      </c>
      <c r="G9716" t="s">
        <v>14</v>
      </c>
      <c r="H9716" t="s">
        <v>17215</v>
      </c>
      <c r="I9716" t="s">
        <v>30540</v>
      </c>
    </row>
    <row r="9717" spans="1:9">
      <c r="A9717" s="1">
        <f ca="1">RAND()</f>
        <v>0.64563265962583161</v>
      </c>
      <c r="B9717" s="1"/>
      <c r="C9717">
        <v>6</v>
      </c>
      <c r="D9717" t="s">
        <v>17208</v>
      </c>
      <c r="E9717" t="s">
        <v>33306</v>
      </c>
      <c r="F9717">
        <v>4</v>
      </c>
      <c r="G9717" t="s">
        <v>13</v>
      </c>
      <c r="H9717" t="s">
        <v>17209</v>
      </c>
      <c r="I9717" t="s">
        <v>30540</v>
      </c>
    </row>
    <row r="9718" spans="1:9">
      <c r="A9718" s="1">
        <f ca="1">RAND()</f>
        <v>0.1109762790432407</v>
      </c>
      <c r="B9718" s="1"/>
      <c r="C9718">
        <v>14</v>
      </c>
      <c r="D9718" t="s">
        <v>17206</v>
      </c>
      <c r="E9718" t="s">
        <v>33307</v>
      </c>
      <c r="F9718">
        <v>4</v>
      </c>
      <c r="G9718" t="s">
        <v>14</v>
      </c>
      <c r="H9718" t="s">
        <v>17207</v>
      </c>
      <c r="I9718" t="s">
        <v>30540</v>
      </c>
    </row>
    <row r="9719" spans="1:9">
      <c r="A9719" s="1">
        <f ca="1">RAND()</f>
        <v>0.39062032900706778</v>
      </c>
      <c r="B9719" s="1"/>
      <c r="C9719">
        <v>12</v>
      </c>
      <c r="D9719" t="s">
        <v>17204</v>
      </c>
      <c r="E9719" t="s">
        <v>33307</v>
      </c>
      <c r="F9719">
        <v>4</v>
      </c>
      <c r="G9719" t="s">
        <v>14</v>
      </c>
      <c r="H9719" t="s">
        <v>17205</v>
      </c>
      <c r="I9719" t="s">
        <v>30540</v>
      </c>
    </row>
    <row r="9720" spans="1:9">
      <c r="A9720" s="1">
        <f ca="1">RAND()</f>
        <v>0.66298226154242856</v>
      </c>
      <c r="B9720" s="1"/>
      <c r="C9720">
        <v>4</v>
      </c>
      <c r="D9720" t="s">
        <v>17192</v>
      </c>
      <c r="E9720" t="s">
        <v>33308</v>
      </c>
      <c r="F9720">
        <v>5</v>
      </c>
      <c r="G9720" t="s">
        <v>13</v>
      </c>
      <c r="H9720" t="s">
        <v>17193</v>
      </c>
      <c r="I9720" t="s">
        <v>30540</v>
      </c>
    </row>
    <row r="9721" spans="1:9">
      <c r="A9721" s="1">
        <f ca="1">RAND()</f>
        <v>0.29526047621103346</v>
      </c>
      <c r="B9721" s="1"/>
      <c r="C9721">
        <v>9</v>
      </c>
      <c r="D9721" t="s">
        <v>17196</v>
      </c>
      <c r="E9721" t="s">
        <v>33308</v>
      </c>
      <c r="F9721">
        <v>4</v>
      </c>
      <c r="G9721" t="s">
        <v>0</v>
      </c>
      <c r="H9721" t="s">
        <v>17197</v>
      </c>
      <c r="I9721" t="s">
        <v>30540</v>
      </c>
    </row>
    <row r="9722" spans="1:9">
      <c r="A9722" s="1">
        <f ca="1">RAND()</f>
        <v>0.8496842309930579</v>
      </c>
      <c r="B9722" s="1"/>
      <c r="C9722">
        <v>12</v>
      </c>
      <c r="D9722" t="s">
        <v>17198</v>
      </c>
      <c r="E9722" t="s">
        <v>33308</v>
      </c>
      <c r="F9722">
        <v>4</v>
      </c>
      <c r="G9722" t="s">
        <v>14</v>
      </c>
      <c r="H9722" t="s">
        <v>17199</v>
      </c>
      <c r="I9722" t="s">
        <v>30540</v>
      </c>
    </row>
    <row r="9723" spans="1:9">
      <c r="A9723" s="1">
        <f ca="1">RAND()</f>
        <v>0.27953599889426983</v>
      </c>
      <c r="B9723" s="1"/>
      <c r="C9723">
        <v>3</v>
      </c>
      <c r="D9723" t="s">
        <v>17190</v>
      </c>
      <c r="E9723" t="s">
        <v>33308</v>
      </c>
      <c r="F9723">
        <v>4</v>
      </c>
      <c r="G9723" t="s">
        <v>2</v>
      </c>
      <c r="H9723" t="s">
        <v>17191</v>
      </c>
      <c r="I9723" t="s">
        <v>30540</v>
      </c>
    </row>
    <row r="9724" spans="1:9">
      <c r="A9724" s="1">
        <f ca="1">RAND()</f>
        <v>0.23693257293305858</v>
      </c>
      <c r="B9724" s="1"/>
      <c r="C9724">
        <v>15</v>
      </c>
      <c r="D9724" t="s">
        <v>17202</v>
      </c>
      <c r="E9724" t="s">
        <v>33308</v>
      </c>
      <c r="F9724">
        <v>4</v>
      </c>
      <c r="G9724" t="s">
        <v>14</v>
      </c>
      <c r="H9724" t="s">
        <v>17203</v>
      </c>
      <c r="I9724" t="s">
        <v>30540</v>
      </c>
    </row>
    <row r="9725" spans="1:9">
      <c r="A9725" s="1">
        <f ca="1">RAND()</f>
        <v>0.97992701790342585</v>
      </c>
      <c r="B9725" s="1"/>
      <c r="C9725">
        <v>2</v>
      </c>
      <c r="D9725" t="s">
        <v>17188</v>
      </c>
      <c r="E9725" t="s">
        <v>33308</v>
      </c>
      <c r="F9725">
        <v>4</v>
      </c>
      <c r="G9725" t="s">
        <v>2</v>
      </c>
      <c r="H9725" t="s">
        <v>17189</v>
      </c>
      <c r="I9725" t="s">
        <v>30540</v>
      </c>
    </row>
    <row r="9726" spans="1:9">
      <c r="A9726" s="1">
        <f ca="1">RAND()</f>
        <v>0.88576435784990226</v>
      </c>
      <c r="B9726" s="1"/>
      <c r="C9726">
        <v>14</v>
      </c>
      <c r="D9726" t="s">
        <v>17200</v>
      </c>
      <c r="E9726" t="s">
        <v>33308</v>
      </c>
      <c r="F9726">
        <v>4</v>
      </c>
      <c r="G9726" t="s">
        <v>14</v>
      </c>
      <c r="H9726" t="s">
        <v>17201</v>
      </c>
      <c r="I9726" t="s">
        <v>30540</v>
      </c>
    </row>
    <row r="9727" spans="1:9">
      <c r="A9727" s="1">
        <f ca="1">RAND()</f>
        <v>0.43537075782898982</v>
      </c>
      <c r="B9727" s="1"/>
      <c r="C9727">
        <v>7</v>
      </c>
      <c r="D9727" t="s">
        <v>17194</v>
      </c>
      <c r="E9727" t="s">
        <v>33308</v>
      </c>
      <c r="F9727">
        <v>2</v>
      </c>
      <c r="G9727" t="s">
        <v>14</v>
      </c>
      <c r="H9727" t="s">
        <v>17195</v>
      </c>
      <c r="I9727" t="s">
        <v>30540</v>
      </c>
    </row>
    <row r="9728" spans="1:9">
      <c r="A9728" s="1">
        <f ca="1">RAND()</f>
        <v>0.35647161511439618</v>
      </c>
      <c r="B9728" s="1"/>
      <c r="C9728">
        <v>1</v>
      </c>
      <c r="D9728" t="s">
        <v>17186</v>
      </c>
      <c r="E9728" t="s">
        <v>33308</v>
      </c>
      <c r="F9728">
        <v>2</v>
      </c>
      <c r="G9728" t="s">
        <v>2</v>
      </c>
      <c r="H9728" t="s">
        <v>17187</v>
      </c>
      <c r="I9728" t="s">
        <v>30540</v>
      </c>
    </row>
    <row r="9729" spans="1:9">
      <c r="A9729" s="1">
        <f ca="1">RAND()</f>
        <v>0.37174012659028277</v>
      </c>
      <c r="B9729" s="1"/>
      <c r="C9729">
        <v>2</v>
      </c>
      <c r="D9729" t="s">
        <v>17176</v>
      </c>
      <c r="E9729" t="s">
        <v>33309</v>
      </c>
      <c r="F9729">
        <v>5</v>
      </c>
      <c r="G9729" t="s">
        <v>2</v>
      </c>
      <c r="H9729" t="s">
        <v>17177</v>
      </c>
      <c r="I9729" t="s">
        <v>30540</v>
      </c>
    </row>
    <row r="9730" spans="1:9">
      <c r="A9730" s="1">
        <f ca="1">RAND()</f>
        <v>0.71311584607939071</v>
      </c>
      <c r="B9730" s="1"/>
      <c r="C9730">
        <v>8</v>
      </c>
      <c r="D9730" t="s">
        <v>17178</v>
      </c>
      <c r="E9730" t="s">
        <v>33309</v>
      </c>
      <c r="F9730">
        <v>4</v>
      </c>
      <c r="G9730" t="s">
        <v>10</v>
      </c>
      <c r="H9730" t="s">
        <v>17179</v>
      </c>
      <c r="I9730" t="s">
        <v>30540</v>
      </c>
    </row>
    <row r="9731" spans="1:9">
      <c r="A9731" s="1">
        <f ca="1">RAND()</f>
        <v>0.62784433266298589</v>
      </c>
      <c r="B9731" s="1"/>
      <c r="C9731">
        <v>16</v>
      </c>
      <c r="D9731" t="s">
        <v>17184</v>
      </c>
      <c r="E9731" t="s">
        <v>33309</v>
      </c>
      <c r="F9731">
        <v>3</v>
      </c>
      <c r="G9731" t="s">
        <v>14</v>
      </c>
      <c r="H9731" t="s">
        <v>17185</v>
      </c>
      <c r="I9731" t="s">
        <v>30540</v>
      </c>
    </row>
    <row r="9732" spans="1:9">
      <c r="A9732" s="1">
        <f ca="1">RAND()</f>
        <v>0.39241534337350614</v>
      </c>
      <c r="B9732" s="1"/>
      <c r="C9732">
        <v>11</v>
      </c>
      <c r="D9732" t="s">
        <v>17180</v>
      </c>
      <c r="E9732" t="s">
        <v>33309</v>
      </c>
      <c r="F9732">
        <v>3</v>
      </c>
      <c r="G9732" t="s">
        <v>10</v>
      </c>
      <c r="H9732" t="s">
        <v>17181</v>
      </c>
      <c r="I9732" t="s">
        <v>30540</v>
      </c>
    </row>
    <row r="9733" spans="1:9">
      <c r="A9733" s="1">
        <f ca="1">RAND()</f>
        <v>0.59791885391165334</v>
      </c>
      <c r="B9733" s="1"/>
      <c r="C9733">
        <v>1</v>
      </c>
      <c r="D9733" t="s">
        <v>17174</v>
      </c>
      <c r="E9733" t="s">
        <v>33309</v>
      </c>
      <c r="F9733">
        <v>2</v>
      </c>
      <c r="G9733" t="s">
        <v>10</v>
      </c>
      <c r="H9733" t="s">
        <v>17175</v>
      </c>
      <c r="I9733" t="s">
        <v>30540</v>
      </c>
    </row>
    <row r="9734" spans="1:9">
      <c r="A9734" s="1">
        <f ca="1">RAND()</f>
        <v>0.829507652178056</v>
      </c>
      <c r="B9734" s="1"/>
      <c r="C9734">
        <v>15</v>
      </c>
      <c r="D9734" t="s">
        <v>17182</v>
      </c>
      <c r="E9734" t="s">
        <v>33309</v>
      </c>
      <c r="F9734">
        <v>1</v>
      </c>
      <c r="G9734" t="s">
        <v>14</v>
      </c>
      <c r="H9734" t="s">
        <v>17183</v>
      </c>
      <c r="I9734" t="s">
        <v>30540</v>
      </c>
    </row>
    <row r="9735" spans="1:9">
      <c r="A9735" s="1">
        <f ca="1">RAND()</f>
        <v>0.91550886029744716</v>
      </c>
      <c r="B9735" s="1"/>
      <c r="C9735">
        <v>6</v>
      </c>
      <c r="D9735" t="s">
        <v>17168</v>
      </c>
      <c r="E9735" t="s">
        <v>33310</v>
      </c>
      <c r="F9735">
        <v>5</v>
      </c>
      <c r="G9735" t="s">
        <v>2</v>
      </c>
      <c r="H9735" t="s">
        <v>17169</v>
      </c>
      <c r="I9735" t="s">
        <v>30540</v>
      </c>
    </row>
    <row r="9736" spans="1:9">
      <c r="A9736" s="1">
        <f ca="1">RAND()</f>
        <v>0.7445162184970906</v>
      </c>
      <c r="B9736" s="1"/>
      <c r="C9736">
        <v>1</v>
      </c>
      <c r="D9736" t="s">
        <v>17163</v>
      </c>
      <c r="E9736" t="s">
        <v>33310</v>
      </c>
      <c r="F9736">
        <v>4</v>
      </c>
      <c r="G9736" t="s">
        <v>17164</v>
      </c>
      <c r="H9736" t="s">
        <v>17165</v>
      </c>
      <c r="I9736" t="s">
        <v>30540</v>
      </c>
    </row>
    <row r="9737" spans="1:9">
      <c r="A9737" s="1">
        <f ca="1">RAND()</f>
        <v>0.74772339900460638</v>
      </c>
      <c r="B9737" s="1"/>
      <c r="C9737">
        <v>3</v>
      </c>
      <c r="D9737" t="s">
        <v>17166</v>
      </c>
      <c r="E9737" t="s">
        <v>33310</v>
      </c>
      <c r="F9737">
        <v>4</v>
      </c>
      <c r="G9737" t="s">
        <v>9</v>
      </c>
      <c r="H9737" t="s">
        <v>17167</v>
      </c>
      <c r="I9737" t="s">
        <v>30540</v>
      </c>
    </row>
    <row r="9738" spans="1:9">
      <c r="A9738" s="1">
        <f ca="1">RAND()</f>
        <v>0.37321948177032083</v>
      </c>
      <c r="B9738" s="1"/>
      <c r="C9738">
        <v>17</v>
      </c>
      <c r="D9738" t="s">
        <v>17170</v>
      </c>
      <c r="E9738" t="s">
        <v>33310</v>
      </c>
      <c r="F9738">
        <v>3</v>
      </c>
      <c r="G9738" t="s">
        <v>10</v>
      </c>
      <c r="H9738" t="s">
        <v>17171</v>
      </c>
      <c r="I9738" t="s">
        <v>30540</v>
      </c>
    </row>
    <row r="9739" spans="1:9">
      <c r="A9739" s="1">
        <f ca="1">RAND()</f>
        <v>0.54273177410356988</v>
      </c>
      <c r="B9739" s="1"/>
      <c r="C9739">
        <v>18</v>
      </c>
      <c r="D9739" t="s">
        <v>17172</v>
      </c>
      <c r="E9739" t="s">
        <v>33310</v>
      </c>
      <c r="F9739">
        <v>2</v>
      </c>
      <c r="G9739" t="s">
        <v>10</v>
      </c>
      <c r="H9739" t="s">
        <v>17173</v>
      </c>
      <c r="I9739" t="s">
        <v>30540</v>
      </c>
    </row>
    <row r="9740" spans="1:9">
      <c r="A9740" s="1">
        <f ca="1">RAND()</f>
        <v>0.13667771610798019</v>
      </c>
      <c r="B9740" s="1"/>
      <c r="C9740">
        <v>10</v>
      </c>
      <c r="D9740" t="s">
        <v>17159</v>
      </c>
      <c r="E9740" t="s">
        <v>33311</v>
      </c>
      <c r="F9740">
        <v>4</v>
      </c>
      <c r="G9740" t="s">
        <v>14</v>
      </c>
      <c r="H9740" t="s">
        <v>17160</v>
      </c>
      <c r="I9740" t="s">
        <v>30540</v>
      </c>
    </row>
    <row r="9741" spans="1:9">
      <c r="A9741" s="1">
        <f ca="1">RAND()</f>
        <v>0.28812478299789768</v>
      </c>
      <c r="B9741" s="1"/>
      <c r="C9741">
        <v>14</v>
      </c>
      <c r="D9741" t="s">
        <v>17161</v>
      </c>
      <c r="E9741" t="s">
        <v>33311</v>
      </c>
      <c r="F9741">
        <v>4</v>
      </c>
      <c r="G9741" t="s">
        <v>13</v>
      </c>
      <c r="H9741" t="s">
        <v>17162</v>
      </c>
      <c r="I9741" t="s">
        <v>30540</v>
      </c>
    </row>
    <row r="9742" spans="1:9">
      <c r="A9742" s="1">
        <f ca="1">RAND()</f>
        <v>6.3643974385283242E-2</v>
      </c>
      <c r="B9742" s="1"/>
      <c r="C9742">
        <v>9</v>
      </c>
      <c r="D9742" t="s">
        <v>17157</v>
      </c>
      <c r="E9742" t="s">
        <v>33311</v>
      </c>
      <c r="F9742">
        <v>4</v>
      </c>
      <c r="G9742" t="s">
        <v>14</v>
      </c>
      <c r="H9742" t="s">
        <v>17158</v>
      </c>
      <c r="I9742" t="s">
        <v>30540</v>
      </c>
    </row>
    <row r="9743" spans="1:9">
      <c r="A9743" s="1">
        <f ca="1">RAND()</f>
        <v>0.22698793197260014</v>
      </c>
      <c r="B9743" s="1"/>
      <c r="C9743">
        <v>6</v>
      </c>
      <c r="D9743" t="s">
        <v>17149</v>
      </c>
      <c r="E9743" t="s">
        <v>33312</v>
      </c>
      <c r="F9743">
        <v>4</v>
      </c>
      <c r="G9743" t="s">
        <v>10</v>
      </c>
      <c r="H9743" t="s">
        <v>17150</v>
      </c>
      <c r="I9743" t="s">
        <v>30540</v>
      </c>
    </row>
    <row r="9744" spans="1:9">
      <c r="A9744" s="1">
        <f ca="1">RAND()</f>
        <v>0.6743526084047472</v>
      </c>
      <c r="B9744" s="1"/>
      <c r="C9744">
        <v>7</v>
      </c>
      <c r="D9744" t="s">
        <v>17151</v>
      </c>
      <c r="E9744" t="s">
        <v>33312</v>
      </c>
      <c r="F9744">
        <v>4</v>
      </c>
      <c r="G9744" t="s">
        <v>9</v>
      </c>
      <c r="H9744" t="s">
        <v>17152</v>
      </c>
      <c r="I9744" t="s">
        <v>30540</v>
      </c>
    </row>
    <row r="9745" spans="1:9">
      <c r="A9745" s="1">
        <f ca="1">RAND()</f>
        <v>2.7929675621124472E-3</v>
      </c>
      <c r="B9745" s="1"/>
      <c r="C9745">
        <v>2</v>
      </c>
      <c r="D9745" t="s">
        <v>17147</v>
      </c>
      <c r="E9745" t="s">
        <v>33312</v>
      </c>
      <c r="F9745">
        <v>4</v>
      </c>
      <c r="G9745" t="s">
        <v>0</v>
      </c>
      <c r="H9745" t="s">
        <v>17148</v>
      </c>
      <c r="I9745" t="s">
        <v>30540</v>
      </c>
    </row>
    <row r="9746" spans="1:9">
      <c r="A9746" s="1">
        <f ca="1">RAND()</f>
        <v>0.72676937360695903</v>
      </c>
      <c r="B9746" s="1"/>
      <c r="C9746">
        <v>1</v>
      </c>
      <c r="D9746" t="s">
        <v>17145</v>
      </c>
      <c r="E9746" t="s">
        <v>33312</v>
      </c>
      <c r="F9746">
        <v>4</v>
      </c>
      <c r="G9746" t="s">
        <v>2</v>
      </c>
      <c r="H9746" t="s">
        <v>17146</v>
      </c>
      <c r="I9746" t="s">
        <v>30540</v>
      </c>
    </row>
    <row r="9747" spans="1:9">
      <c r="A9747" s="1">
        <f ca="1">RAND()</f>
        <v>0.48208060067218517</v>
      </c>
      <c r="B9747" s="1"/>
      <c r="C9747">
        <v>9</v>
      </c>
      <c r="D9747" t="s">
        <v>17153</v>
      </c>
      <c r="E9747" t="s">
        <v>33312</v>
      </c>
      <c r="F9747">
        <v>4</v>
      </c>
      <c r="G9747" t="s">
        <v>14</v>
      </c>
      <c r="H9747" t="s">
        <v>17154</v>
      </c>
      <c r="I9747" t="s">
        <v>30540</v>
      </c>
    </row>
    <row r="9748" spans="1:9">
      <c r="A9748" s="1">
        <f ca="1">RAND()</f>
        <v>0.14125283212392248</v>
      </c>
      <c r="B9748" s="1"/>
      <c r="C9748">
        <v>15</v>
      </c>
      <c r="D9748" t="s">
        <v>17155</v>
      </c>
      <c r="E9748" t="s">
        <v>33312</v>
      </c>
      <c r="F9748">
        <v>2</v>
      </c>
      <c r="G9748" t="s">
        <v>14</v>
      </c>
      <c r="H9748" t="s">
        <v>17156</v>
      </c>
      <c r="I9748" t="s">
        <v>30540</v>
      </c>
    </row>
    <row r="9749" spans="1:9">
      <c r="A9749" s="1">
        <f ca="1">RAND()</f>
        <v>0.79965229841939767</v>
      </c>
      <c r="B9749" s="1"/>
      <c r="C9749">
        <v>8</v>
      </c>
      <c r="D9749" t="s">
        <v>17143</v>
      </c>
      <c r="E9749" t="s">
        <v>33313</v>
      </c>
      <c r="F9749">
        <v>4</v>
      </c>
      <c r="G9749" t="s">
        <v>14</v>
      </c>
      <c r="H9749" t="s">
        <v>17144</v>
      </c>
      <c r="I9749" t="s">
        <v>30540</v>
      </c>
    </row>
    <row r="9750" spans="1:9">
      <c r="A9750" s="1">
        <f ca="1">RAND()</f>
        <v>0.17707093210754421</v>
      </c>
      <c r="B9750" s="1"/>
      <c r="C9750">
        <v>6</v>
      </c>
      <c r="D9750" t="s">
        <v>17141</v>
      </c>
      <c r="E9750" t="s">
        <v>33313</v>
      </c>
      <c r="F9750">
        <v>2</v>
      </c>
      <c r="G9750" t="s">
        <v>14</v>
      </c>
      <c r="H9750" t="s">
        <v>17142</v>
      </c>
      <c r="I9750" t="s">
        <v>30540</v>
      </c>
    </row>
    <row r="9751" spans="1:9">
      <c r="A9751" s="1">
        <f ca="1">RAND()</f>
        <v>0.15313943297568977</v>
      </c>
      <c r="B9751" s="1"/>
      <c r="C9751">
        <v>7</v>
      </c>
      <c r="D9751" t="s">
        <v>17133</v>
      </c>
      <c r="E9751" t="s">
        <v>33314</v>
      </c>
      <c r="F9751">
        <v>4</v>
      </c>
      <c r="G9751" t="s">
        <v>1</v>
      </c>
      <c r="H9751" t="s">
        <v>17134</v>
      </c>
      <c r="I9751" t="s">
        <v>30540</v>
      </c>
    </row>
    <row r="9752" spans="1:9">
      <c r="A9752" s="1">
        <f ca="1">RAND()</f>
        <v>0.54617657111197782</v>
      </c>
      <c r="B9752" s="1"/>
      <c r="C9752">
        <v>12</v>
      </c>
      <c r="D9752" t="s">
        <v>17137</v>
      </c>
      <c r="E9752" t="s">
        <v>33314</v>
      </c>
      <c r="F9752">
        <v>4</v>
      </c>
      <c r="G9752" t="s">
        <v>14</v>
      </c>
      <c r="H9752" t="s">
        <v>17138</v>
      </c>
      <c r="I9752" t="s">
        <v>30540</v>
      </c>
    </row>
    <row r="9753" spans="1:9">
      <c r="A9753" s="1">
        <f ca="1">RAND()</f>
        <v>0.61233507674263266</v>
      </c>
      <c r="B9753" s="1"/>
      <c r="C9753">
        <v>13</v>
      </c>
      <c r="D9753" t="s">
        <v>17139</v>
      </c>
      <c r="E9753" t="s">
        <v>33314</v>
      </c>
      <c r="F9753">
        <v>4</v>
      </c>
      <c r="G9753" t="s">
        <v>9</v>
      </c>
      <c r="H9753" t="s">
        <v>17140</v>
      </c>
      <c r="I9753" t="s">
        <v>30540</v>
      </c>
    </row>
    <row r="9754" spans="1:9">
      <c r="A9754" s="1">
        <f ca="1">RAND()</f>
        <v>0.5420380470219448</v>
      </c>
      <c r="B9754" s="1"/>
      <c r="C9754">
        <v>11</v>
      </c>
      <c r="D9754" t="s">
        <v>17135</v>
      </c>
      <c r="E9754" t="s">
        <v>33314</v>
      </c>
      <c r="F9754">
        <v>4</v>
      </c>
      <c r="G9754" t="s">
        <v>10</v>
      </c>
      <c r="H9754" t="s">
        <v>17136</v>
      </c>
      <c r="I9754" t="s">
        <v>30540</v>
      </c>
    </row>
    <row r="9755" spans="1:9">
      <c r="A9755" s="1">
        <f ca="1">RAND()</f>
        <v>0.13063262909863116</v>
      </c>
      <c r="B9755" s="1"/>
      <c r="C9755">
        <v>17</v>
      </c>
      <c r="D9755" t="s">
        <v>17131</v>
      </c>
      <c r="E9755" t="s">
        <v>33315</v>
      </c>
      <c r="F9755">
        <v>5</v>
      </c>
      <c r="G9755" t="s">
        <v>10</v>
      </c>
      <c r="H9755" t="s">
        <v>17132</v>
      </c>
      <c r="I9755" t="s">
        <v>30540</v>
      </c>
    </row>
    <row r="9756" spans="1:9">
      <c r="A9756" s="1">
        <f ca="1">RAND()</f>
        <v>0.98732000524138519</v>
      </c>
      <c r="B9756" s="1"/>
      <c r="C9756">
        <v>3</v>
      </c>
      <c r="D9756" t="s">
        <v>17122</v>
      </c>
      <c r="E9756" t="s">
        <v>33315</v>
      </c>
      <c r="F9756">
        <v>4</v>
      </c>
      <c r="G9756" t="s">
        <v>15</v>
      </c>
      <c r="H9756" t="s">
        <v>17123</v>
      </c>
      <c r="I9756" t="s">
        <v>30540</v>
      </c>
    </row>
    <row r="9757" spans="1:9">
      <c r="A9757" s="1">
        <f ca="1">RAND()</f>
        <v>0.92412434638884022</v>
      </c>
      <c r="B9757" s="1"/>
      <c r="C9757">
        <v>10</v>
      </c>
      <c r="D9757" t="s">
        <v>17126</v>
      </c>
      <c r="E9757" t="s">
        <v>33315</v>
      </c>
      <c r="F9757">
        <v>4</v>
      </c>
      <c r="G9757" t="s">
        <v>17127</v>
      </c>
      <c r="H9757" t="s">
        <v>17128</v>
      </c>
      <c r="I9757" t="s">
        <v>30540</v>
      </c>
    </row>
    <row r="9758" spans="1:9">
      <c r="A9758" s="1">
        <f ca="1">RAND()</f>
        <v>2.9495791637809243E-2</v>
      </c>
      <c r="B9758" s="1"/>
      <c r="C9758">
        <v>16</v>
      </c>
      <c r="D9758" t="s">
        <v>17129</v>
      </c>
      <c r="E9758" t="s">
        <v>33315</v>
      </c>
      <c r="F9758">
        <v>1</v>
      </c>
      <c r="G9758" t="s">
        <v>10</v>
      </c>
      <c r="H9758" t="s">
        <v>17130</v>
      </c>
      <c r="I9758" t="s">
        <v>30540</v>
      </c>
    </row>
    <row r="9759" spans="1:9">
      <c r="A9759" s="1">
        <f ca="1">RAND()</f>
        <v>0.17313762034823066</v>
      </c>
      <c r="B9759" s="1"/>
      <c r="C9759">
        <v>16</v>
      </c>
      <c r="D9759" t="s">
        <v>17120</v>
      </c>
      <c r="E9759" t="s">
        <v>33316</v>
      </c>
      <c r="F9759">
        <v>4</v>
      </c>
      <c r="G9759" t="s">
        <v>14</v>
      </c>
      <c r="H9759" t="s">
        <v>17121</v>
      </c>
      <c r="I9759" t="s">
        <v>30540</v>
      </c>
    </row>
    <row r="9760" spans="1:9">
      <c r="A9760" s="1">
        <f ca="1">RAND()</f>
        <v>0.38748891409535324</v>
      </c>
      <c r="B9760" s="1"/>
      <c r="C9760">
        <v>2</v>
      </c>
      <c r="D9760" t="s">
        <v>17114</v>
      </c>
      <c r="E9760" t="s">
        <v>33316</v>
      </c>
      <c r="F9760">
        <v>4</v>
      </c>
      <c r="G9760" t="s">
        <v>2</v>
      </c>
      <c r="H9760" t="s">
        <v>17115</v>
      </c>
      <c r="I9760" t="s">
        <v>30540</v>
      </c>
    </row>
    <row r="9761" spans="1:9">
      <c r="A9761" s="1">
        <f ca="1">RAND()</f>
        <v>0.68201597965933869</v>
      </c>
      <c r="B9761" s="1"/>
      <c r="C9761">
        <v>15</v>
      </c>
      <c r="D9761" t="s">
        <v>17118</v>
      </c>
      <c r="E9761" t="s">
        <v>33316</v>
      </c>
      <c r="F9761">
        <v>3</v>
      </c>
      <c r="G9761" t="s">
        <v>14</v>
      </c>
      <c r="H9761" t="s">
        <v>17119</v>
      </c>
      <c r="I9761" t="s">
        <v>30540</v>
      </c>
    </row>
    <row r="9762" spans="1:9">
      <c r="A9762" s="1">
        <f ca="1">RAND()</f>
        <v>0.95070502824891412</v>
      </c>
      <c r="B9762" s="1"/>
      <c r="C9762">
        <v>8</v>
      </c>
      <c r="D9762" t="s">
        <v>17116</v>
      </c>
      <c r="E9762" t="s">
        <v>33316</v>
      </c>
      <c r="F9762">
        <v>2</v>
      </c>
      <c r="G9762" t="s">
        <v>14</v>
      </c>
      <c r="H9762" t="s">
        <v>17117</v>
      </c>
      <c r="I9762" t="s">
        <v>30540</v>
      </c>
    </row>
    <row r="9763" spans="1:9">
      <c r="A9763" s="1">
        <f ca="1">RAND()</f>
        <v>0.60104616523488064</v>
      </c>
      <c r="B9763" s="1"/>
      <c r="C9763">
        <v>12</v>
      </c>
      <c r="D9763" t="s">
        <v>21240</v>
      </c>
      <c r="E9763" t="s">
        <v>33317</v>
      </c>
      <c r="F9763">
        <v>4</v>
      </c>
      <c r="G9763" t="s">
        <v>2</v>
      </c>
      <c r="H9763" t="s">
        <v>21241</v>
      </c>
      <c r="I9763" t="s">
        <v>30540</v>
      </c>
    </row>
    <row r="9764" spans="1:9">
      <c r="A9764" s="1">
        <f ca="1">RAND()</f>
        <v>0.30307130573252883</v>
      </c>
      <c r="B9764" s="1"/>
      <c r="C9764">
        <v>19</v>
      </c>
      <c r="D9764" t="s">
        <v>21242</v>
      </c>
      <c r="E9764" t="s">
        <v>33317</v>
      </c>
      <c r="F9764">
        <v>4</v>
      </c>
      <c r="G9764" t="s">
        <v>10</v>
      </c>
      <c r="H9764" t="s">
        <v>21243</v>
      </c>
      <c r="I9764" t="s">
        <v>30540</v>
      </c>
    </row>
    <row r="9765" spans="1:9">
      <c r="A9765" s="1">
        <f ca="1">RAND()</f>
        <v>0.47163859116881812</v>
      </c>
      <c r="B9765" s="1"/>
      <c r="C9765">
        <v>8</v>
      </c>
      <c r="D9765" t="s">
        <v>21236</v>
      </c>
      <c r="E9765" t="s">
        <v>33318</v>
      </c>
      <c r="F9765">
        <v>4</v>
      </c>
      <c r="G9765" t="s">
        <v>13</v>
      </c>
      <c r="H9765" t="s">
        <v>21237</v>
      </c>
      <c r="I9765" t="s">
        <v>30540</v>
      </c>
    </row>
    <row r="9766" spans="1:9">
      <c r="A9766" s="1">
        <f ca="1">RAND()</f>
        <v>0.44619064559582966</v>
      </c>
      <c r="B9766" s="1"/>
      <c r="C9766">
        <v>9</v>
      </c>
      <c r="D9766" t="s">
        <v>21238</v>
      </c>
      <c r="E9766" t="s">
        <v>33318</v>
      </c>
      <c r="F9766">
        <v>4</v>
      </c>
      <c r="G9766" t="s">
        <v>14</v>
      </c>
      <c r="H9766" t="s">
        <v>21239</v>
      </c>
      <c r="I9766" t="s">
        <v>30540</v>
      </c>
    </row>
    <row r="9767" spans="1:9">
      <c r="A9767" s="1">
        <f ca="1">RAND()</f>
        <v>0.57937607836065375</v>
      </c>
      <c r="B9767" s="1"/>
      <c r="C9767">
        <v>5</v>
      </c>
      <c r="D9767" t="s">
        <v>21234</v>
      </c>
      <c r="E9767" t="s">
        <v>33318</v>
      </c>
      <c r="F9767">
        <v>2</v>
      </c>
      <c r="G9767" t="s">
        <v>14</v>
      </c>
      <c r="H9767" t="s">
        <v>21235</v>
      </c>
      <c r="I9767" t="s">
        <v>30540</v>
      </c>
    </row>
    <row r="9768" spans="1:9">
      <c r="A9768" s="1">
        <f ca="1">RAND()</f>
        <v>0.71988483677425963</v>
      </c>
      <c r="B9768" s="1"/>
      <c r="C9768">
        <v>2</v>
      </c>
      <c r="D9768" t="s">
        <v>21232</v>
      </c>
      <c r="E9768" t="s">
        <v>33318</v>
      </c>
      <c r="F9768">
        <v>1</v>
      </c>
      <c r="G9768" t="s">
        <v>9</v>
      </c>
      <c r="H9768" t="s">
        <v>21233</v>
      </c>
      <c r="I9768" t="s">
        <v>30540</v>
      </c>
    </row>
    <row r="9769" spans="1:9">
      <c r="A9769" s="1">
        <f ca="1">RAND()</f>
        <v>0.15886376399031998</v>
      </c>
      <c r="B9769" s="1"/>
      <c r="C9769">
        <v>15</v>
      </c>
      <c r="D9769" t="s">
        <v>21228</v>
      </c>
      <c r="E9769" t="s">
        <v>33319</v>
      </c>
      <c r="F9769">
        <v>5</v>
      </c>
      <c r="G9769" t="s">
        <v>14</v>
      </c>
      <c r="H9769" t="s">
        <v>21229</v>
      </c>
      <c r="I9769" t="s">
        <v>30540</v>
      </c>
    </row>
    <row r="9770" spans="1:9">
      <c r="A9770" s="1">
        <f ca="1">RAND()</f>
        <v>0.84605370639496158</v>
      </c>
      <c r="B9770" s="1"/>
      <c r="C9770">
        <v>8</v>
      </c>
      <c r="D9770" t="s">
        <v>21224</v>
      </c>
      <c r="E9770" t="s">
        <v>33319</v>
      </c>
      <c r="F9770">
        <v>4</v>
      </c>
      <c r="G9770" t="s">
        <v>13</v>
      </c>
      <c r="H9770" t="s">
        <v>21225</v>
      </c>
      <c r="I9770" t="s">
        <v>30540</v>
      </c>
    </row>
    <row r="9771" spans="1:9">
      <c r="A9771" s="1">
        <f ca="1">RAND()</f>
        <v>0.67065462073008819</v>
      </c>
      <c r="B9771" s="1"/>
      <c r="C9771">
        <v>13</v>
      </c>
      <c r="D9771" t="s">
        <v>21226</v>
      </c>
      <c r="E9771" t="s">
        <v>33319</v>
      </c>
      <c r="F9771">
        <v>4</v>
      </c>
      <c r="G9771" t="s">
        <v>0</v>
      </c>
      <c r="H9771" t="s">
        <v>21227</v>
      </c>
      <c r="I9771" t="s">
        <v>30540</v>
      </c>
    </row>
    <row r="9772" spans="1:9">
      <c r="A9772" s="1">
        <f ca="1">RAND()</f>
        <v>0.51557194487100799</v>
      </c>
      <c r="B9772" s="1"/>
      <c r="C9772">
        <v>4</v>
      </c>
      <c r="D9772" t="s">
        <v>21220</v>
      </c>
      <c r="E9772" t="s">
        <v>33319</v>
      </c>
      <c r="F9772">
        <v>4</v>
      </c>
      <c r="G9772" t="s">
        <v>10</v>
      </c>
      <c r="H9772" t="s">
        <v>21221</v>
      </c>
      <c r="I9772" t="s">
        <v>30540</v>
      </c>
    </row>
    <row r="9773" spans="1:9">
      <c r="A9773" s="1">
        <f ca="1">RAND()</f>
        <v>0.79319092311687078</v>
      </c>
      <c r="B9773" s="1"/>
      <c r="C9773">
        <v>5</v>
      </c>
      <c r="D9773" t="s">
        <v>21222</v>
      </c>
      <c r="E9773" t="s">
        <v>33319</v>
      </c>
      <c r="F9773">
        <v>4</v>
      </c>
      <c r="G9773" t="s">
        <v>14</v>
      </c>
      <c r="H9773" t="s">
        <v>21223</v>
      </c>
      <c r="I9773" t="s">
        <v>30540</v>
      </c>
    </row>
    <row r="9774" spans="1:9">
      <c r="A9774" s="1">
        <f ca="1">RAND()</f>
        <v>0.54522259784105342</v>
      </c>
      <c r="B9774" s="1"/>
      <c r="C9774">
        <v>16</v>
      </c>
      <c r="D9774" t="s">
        <v>21230</v>
      </c>
      <c r="E9774" t="s">
        <v>33319</v>
      </c>
      <c r="F9774">
        <v>2</v>
      </c>
      <c r="G9774" t="s">
        <v>14</v>
      </c>
      <c r="H9774" t="s">
        <v>21231</v>
      </c>
      <c r="I9774" t="s">
        <v>30540</v>
      </c>
    </row>
    <row r="9775" spans="1:9">
      <c r="A9775" s="1">
        <f ca="1">RAND()</f>
        <v>0.3144855021002243</v>
      </c>
      <c r="B9775" s="1"/>
      <c r="C9775">
        <v>1</v>
      </c>
      <c r="D9775" t="s">
        <v>21204</v>
      </c>
      <c r="E9775" t="s">
        <v>33320</v>
      </c>
      <c r="F9775">
        <v>5</v>
      </c>
      <c r="G9775" t="s">
        <v>10</v>
      </c>
      <c r="H9775" t="s">
        <v>21205</v>
      </c>
      <c r="I9775" t="s">
        <v>30540</v>
      </c>
    </row>
    <row r="9776" spans="1:9">
      <c r="A9776" s="1">
        <f ca="1">RAND()</f>
        <v>0.47020345739751179</v>
      </c>
      <c r="B9776" s="1"/>
      <c r="C9776">
        <v>3</v>
      </c>
      <c r="D9776" t="s">
        <v>21206</v>
      </c>
      <c r="E9776" t="s">
        <v>33320</v>
      </c>
      <c r="F9776">
        <v>5</v>
      </c>
      <c r="G9776" t="s">
        <v>15</v>
      </c>
      <c r="H9776" t="s">
        <v>21207</v>
      </c>
      <c r="I9776" t="s">
        <v>30540</v>
      </c>
    </row>
    <row r="9777" spans="1:9">
      <c r="A9777" s="1">
        <f ca="1">RAND()</f>
        <v>0.22138826210201223</v>
      </c>
      <c r="B9777" s="1"/>
      <c r="C9777">
        <v>5</v>
      </c>
      <c r="D9777" t="s">
        <v>21210</v>
      </c>
      <c r="E9777" t="s">
        <v>33320</v>
      </c>
      <c r="F9777">
        <v>5</v>
      </c>
      <c r="G9777" t="s">
        <v>14</v>
      </c>
      <c r="H9777" t="s">
        <v>21211</v>
      </c>
      <c r="I9777" t="s">
        <v>30540</v>
      </c>
    </row>
    <row r="9778" spans="1:9">
      <c r="A9778" s="1">
        <f ca="1">RAND()</f>
        <v>0.52022127219941872</v>
      </c>
      <c r="B9778" s="1"/>
      <c r="C9778">
        <v>4</v>
      </c>
      <c r="D9778" t="s">
        <v>21208</v>
      </c>
      <c r="E9778" t="s">
        <v>33320</v>
      </c>
      <c r="F9778">
        <v>4</v>
      </c>
      <c r="G9778" t="s">
        <v>9</v>
      </c>
      <c r="H9778" t="s">
        <v>21209</v>
      </c>
      <c r="I9778" t="s">
        <v>30540</v>
      </c>
    </row>
    <row r="9779" spans="1:9">
      <c r="A9779" s="1">
        <f ca="1">RAND()</f>
        <v>0.59877356674876847</v>
      </c>
      <c r="B9779" s="1"/>
      <c r="C9779">
        <v>8</v>
      </c>
      <c r="D9779" t="s">
        <v>21214</v>
      </c>
      <c r="E9779" t="s">
        <v>33320</v>
      </c>
      <c r="F9779">
        <v>4</v>
      </c>
      <c r="G9779" t="s">
        <v>14</v>
      </c>
      <c r="H9779" t="s">
        <v>21215</v>
      </c>
      <c r="I9779" t="s">
        <v>30540</v>
      </c>
    </row>
    <row r="9780" spans="1:9">
      <c r="A9780" s="1">
        <f ca="1">RAND()</f>
        <v>0.25418101163657025</v>
      </c>
      <c r="B9780" s="1"/>
      <c r="C9780">
        <v>10</v>
      </c>
      <c r="D9780" t="s">
        <v>21216</v>
      </c>
      <c r="E9780" t="s">
        <v>33320</v>
      </c>
      <c r="F9780">
        <v>4</v>
      </c>
      <c r="G9780" t="s">
        <v>14</v>
      </c>
      <c r="H9780" t="s">
        <v>21217</v>
      </c>
      <c r="I9780" t="s">
        <v>30540</v>
      </c>
    </row>
    <row r="9781" spans="1:9">
      <c r="A9781" s="1">
        <f ca="1">RAND()</f>
        <v>0.68504622566431295</v>
      </c>
      <c r="B9781" s="1"/>
      <c r="C9781">
        <v>11</v>
      </c>
      <c r="D9781" t="s">
        <v>21218</v>
      </c>
      <c r="E9781" t="s">
        <v>33320</v>
      </c>
      <c r="F9781">
        <v>4</v>
      </c>
      <c r="G9781" t="s">
        <v>14</v>
      </c>
      <c r="H9781" t="s">
        <v>21219</v>
      </c>
      <c r="I9781" t="s">
        <v>30540</v>
      </c>
    </row>
    <row r="9782" spans="1:9">
      <c r="A9782" s="1">
        <f ca="1">RAND()</f>
        <v>0.80469746084222127</v>
      </c>
      <c r="B9782" s="1"/>
      <c r="C9782">
        <v>7</v>
      </c>
      <c r="D9782" t="s">
        <v>21212</v>
      </c>
      <c r="E9782" t="s">
        <v>33320</v>
      </c>
      <c r="F9782">
        <v>4</v>
      </c>
      <c r="G9782" t="s">
        <v>14</v>
      </c>
      <c r="H9782" t="s">
        <v>21213</v>
      </c>
      <c r="I9782" t="s">
        <v>30540</v>
      </c>
    </row>
    <row r="9783" spans="1:9">
      <c r="A9783" s="1">
        <f ca="1">RAND()</f>
        <v>0.40602837211336817</v>
      </c>
      <c r="B9783" s="1"/>
      <c r="C9783">
        <v>12</v>
      </c>
      <c r="D9783" t="s">
        <v>21202</v>
      </c>
      <c r="E9783" t="s">
        <v>33321</v>
      </c>
      <c r="F9783">
        <v>4</v>
      </c>
      <c r="G9783" t="s">
        <v>14</v>
      </c>
      <c r="H9783" t="s">
        <v>21203</v>
      </c>
      <c r="I9783" t="s">
        <v>30540</v>
      </c>
    </row>
    <row r="9784" spans="1:9">
      <c r="A9784" s="1">
        <f ca="1">RAND()</f>
        <v>0.79346329378227021</v>
      </c>
      <c r="B9784" s="1"/>
      <c r="C9784">
        <v>3</v>
      </c>
      <c r="D9784" t="s">
        <v>21196</v>
      </c>
      <c r="E9784" t="s">
        <v>33321</v>
      </c>
      <c r="F9784">
        <v>4</v>
      </c>
      <c r="G9784" t="s">
        <v>14</v>
      </c>
      <c r="H9784" t="s">
        <v>21197</v>
      </c>
      <c r="I9784" t="s">
        <v>30540</v>
      </c>
    </row>
    <row r="9785" spans="1:9">
      <c r="A9785" s="1">
        <f ca="1">RAND()</f>
        <v>0.78331607371360146</v>
      </c>
      <c r="B9785" s="1"/>
      <c r="C9785">
        <v>1</v>
      </c>
      <c r="D9785" t="s">
        <v>21194</v>
      </c>
      <c r="E9785" t="s">
        <v>33321</v>
      </c>
      <c r="F9785">
        <v>2</v>
      </c>
      <c r="G9785" t="s">
        <v>2</v>
      </c>
      <c r="H9785" t="s">
        <v>21195</v>
      </c>
      <c r="I9785" t="s">
        <v>30540</v>
      </c>
    </row>
    <row r="9786" spans="1:9">
      <c r="A9786" s="1">
        <f ca="1">RAND()</f>
        <v>0.4024998622551953</v>
      </c>
      <c r="B9786" s="1"/>
      <c r="C9786">
        <v>8</v>
      </c>
      <c r="D9786" t="s">
        <v>21200</v>
      </c>
      <c r="E9786" t="s">
        <v>33321</v>
      </c>
      <c r="F9786">
        <v>2</v>
      </c>
      <c r="G9786" t="s">
        <v>1</v>
      </c>
      <c r="H9786" t="s">
        <v>21201</v>
      </c>
      <c r="I9786" t="s">
        <v>30540</v>
      </c>
    </row>
    <row r="9787" spans="1:9">
      <c r="A9787" s="1">
        <f ca="1">RAND()</f>
        <v>0.30279768682218766</v>
      </c>
      <c r="B9787" s="1"/>
      <c r="C9787">
        <v>4</v>
      </c>
      <c r="D9787" t="s">
        <v>21198</v>
      </c>
      <c r="E9787" t="s">
        <v>33321</v>
      </c>
      <c r="F9787">
        <v>2</v>
      </c>
      <c r="G9787" t="s">
        <v>10</v>
      </c>
      <c r="H9787" t="s">
        <v>21199</v>
      </c>
      <c r="I9787" t="s">
        <v>30540</v>
      </c>
    </row>
    <row r="9788" spans="1:9">
      <c r="A9788" s="1">
        <f ca="1">RAND()</f>
        <v>0.70985135903072338</v>
      </c>
      <c r="B9788" s="1"/>
      <c r="C9788">
        <v>12</v>
      </c>
      <c r="D9788" t="s">
        <v>21188</v>
      </c>
      <c r="E9788" t="s">
        <v>33322</v>
      </c>
      <c r="F9788">
        <v>5</v>
      </c>
      <c r="G9788" t="s">
        <v>3732</v>
      </c>
      <c r="H9788" t="s">
        <v>21189</v>
      </c>
      <c r="I9788" t="s">
        <v>30540</v>
      </c>
    </row>
    <row r="9789" spans="1:9">
      <c r="A9789" s="1">
        <f ca="1">RAND()</f>
        <v>0.58387597625831222</v>
      </c>
      <c r="B9789" s="1"/>
      <c r="C9789">
        <v>15</v>
      </c>
      <c r="D9789" t="s">
        <v>21190</v>
      </c>
      <c r="E9789" t="s">
        <v>33322</v>
      </c>
      <c r="F9789">
        <v>4</v>
      </c>
      <c r="G9789" t="s">
        <v>3107</v>
      </c>
      <c r="H9789" t="s">
        <v>21191</v>
      </c>
      <c r="I9789" t="s">
        <v>30540</v>
      </c>
    </row>
    <row r="9790" spans="1:9">
      <c r="A9790" s="1">
        <f ca="1">RAND()</f>
        <v>0.98152890722279906</v>
      </c>
      <c r="B9790" s="1"/>
      <c r="C9790">
        <v>4</v>
      </c>
      <c r="D9790" t="s">
        <v>21186</v>
      </c>
      <c r="E9790" t="s">
        <v>33322</v>
      </c>
      <c r="F9790">
        <v>4</v>
      </c>
      <c r="G9790" t="s">
        <v>1431</v>
      </c>
      <c r="H9790" t="s">
        <v>21187</v>
      </c>
      <c r="I9790" t="s">
        <v>30540</v>
      </c>
    </row>
    <row r="9791" spans="1:9">
      <c r="A9791" s="1">
        <f ca="1">RAND()</f>
        <v>0.1815290941230765</v>
      </c>
      <c r="B9791" s="1"/>
      <c r="C9791">
        <v>17</v>
      </c>
      <c r="D9791" t="s">
        <v>21192</v>
      </c>
      <c r="E9791" t="s">
        <v>33322</v>
      </c>
      <c r="F9791">
        <v>4</v>
      </c>
      <c r="G9791" t="s">
        <v>10</v>
      </c>
      <c r="H9791" t="s">
        <v>21193</v>
      </c>
      <c r="I9791" t="s">
        <v>30540</v>
      </c>
    </row>
    <row r="9792" spans="1:9">
      <c r="A9792" s="1">
        <f ca="1">RAND()</f>
        <v>0.76649621506903565</v>
      </c>
      <c r="B9792" s="1"/>
      <c r="C9792">
        <v>1</v>
      </c>
      <c r="D9792" t="s">
        <v>21184</v>
      </c>
      <c r="E9792" t="s">
        <v>33323</v>
      </c>
      <c r="F9792">
        <v>5</v>
      </c>
      <c r="G9792" t="s">
        <v>2</v>
      </c>
      <c r="H9792" t="s">
        <v>21185</v>
      </c>
      <c r="I9792" t="s">
        <v>30540</v>
      </c>
    </row>
    <row r="9793" spans="1:9">
      <c r="A9793" s="1">
        <f ca="1">RAND()</f>
        <v>0.64998605486965189</v>
      </c>
      <c r="B9793" s="1"/>
      <c r="C9793">
        <v>3</v>
      </c>
      <c r="D9793" t="s">
        <v>21176</v>
      </c>
      <c r="E9793" t="s">
        <v>33324</v>
      </c>
      <c r="F9793">
        <v>4</v>
      </c>
      <c r="G9793" t="s">
        <v>9</v>
      </c>
      <c r="H9793" t="s">
        <v>21177</v>
      </c>
      <c r="I9793" t="s">
        <v>30540</v>
      </c>
    </row>
    <row r="9794" spans="1:9">
      <c r="A9794" s="1">
        <f ca="1">RAND()</f>
        <v>0.4455735956464052</v>
      </c>
      <c r="B9794" s="1"/>
      <c r="C9794">
        <v>10</v>
      </c>
      <c r="D9794" t="s">
        <v>21180</v>
      </c>
      <c r="E9794" t="s">
        <v>33324</v>
      </c>
      <c r="F9794">
        <v>4</v>
      </c>
      <c r="G9794" t="s">
        <v>1</v>
      </c>
      <c r="H9794" t="s">
        <v>21181</v>
      </c>
      <c r="I9794" t="s">
        <v>30540</v>
      </c>
    </row>
    <row r="9795" spans="1:9">
      <c r="A9795" s="1">
        <f ca="1">RAND()</f>
        <v>0.42441469503654361</v>
      </c>
      <c r="B9795" s="1"/>
      <c r="C9795">
        <v>1</v>
      </c>
      <c r="D9795" t="s">
        <v>21174</v>
      </c>
      <c r="E9795" t="s">
        <v>33324</v>
      </c>
      <c r="F9795">
        <v>4</v>
      </c>
      <c r="G9795" t="s">
        <v>13</v>
      </c>
      <c r="H9795" t="s">
        <v>21175</v>
      </c>
      <c r="I9795" t="s">
        <v>30540</v>
      </c>
    </row>
    <row r="9796" spans="1:9">
      <c r="A9796" s="1">
        <f ca="1">RAND()</f>
        <v>0.38647390879892696</v>
      </c>
      <c r="B9796" s="1"/>
      <c r="C9796">
        <v>6</v>
      </c>
      <c r="D9796" t="s">
        <v>21178</v>
      </c>
      <c r="E9796" t="s">
        <v>33324</v>
      </c>
      <c r="F9796">
        <v>2</v>
      </c>
      <c r="G9796" t="s">
        <v>14</v>
      </c>
      <c r="H9796" t="s">
        <v>21179</v>
      </c>
      <c r="I9796" t="s">
        <v>30540</v>
      </c>
    </row>
    <row r="9797" spans="1:9">
      <c r="A9797" s="1">
        <f ca="1">RAND()</f>
        <v>0.91099057338305933</v>
      </c>
      <c r="B9797" s="1"/>
      <c r="C9797">
        <v>15</v>
      </c>
      <c r="D9797" t="s">
        <v>21182</v>
      </c>
      <c r="E9797" t="s">
        <v>33324</v>
      </c>
      <c r="F9797">
        <v>2</v>
      </c>
      <c r="G9797" t="s">
        <v>14</v>
      </c>
      <c r="H9797" t="s">
        <v>21183</v>
      </c>
      <c r="I9797" t="s">
        <v>30540</v>
      </c>
    </row>
    <row r="9798" spans="1:9">
      <c r="A9798" s="1">
        <f ca="1">RAND()</f>
        <v>0.33505450121133284</v>
      </c>
      <c r="B9798" s="1"/>
      <c r="C9798">
        <v>13</v>
      </c>
      <c r="D9798" t="s">
        <v>21172</v>
      </c>
      <c r="E9798" t="s">
        <v>33325</v>
      </c>
      <c r="F9798">
        <v>5</v>
      </c>
      <c r="G9798" t="s">
        <v>14</v>
      </c>
      <c r="H9798" t="s">
        <v>21173</v>
      </c>
      <c r="I9798" t="s">
        <v>30540</v>
      </c>
    </row>
    <row r="9799" spans="1:9">
      <c r="A9799" s="1">
        <f ca="1">RAND()</f>
        <v>0.92526485907296685</v>
      </c>
      <c r="B9799" s="1"/>
      <c r="C9799">
        <v>8</v>
      </c>
      <c r="D9799" t="s">
        <v>21166</v>
      </c>
      <c r="E9799" t="s">
        <v>33325</v>
      </c>
      <c r="F9799">
        <v>4</v>
      </c>
      <c r="G9799" t="s">
        <v>10</v>
      </c>
      <c r="H9799" t="s">
        <v>21167</v>
      </c>
      <c r="I9799" t="s">
        <v>30540</v>
      </c>
    </row>
    <row r="9800" spans="1:9">
      <c r="A9800" s="1">
        <f ca="1">RAND()</f>
        <v>0.36187644134946839</v>
      </c>
      <c r="B9800" s="1"/>
      <c r="C9800">
        <v>1</v>
      </c>
      <c r="D9800" t="s">
        <v>21162</v>
      </c>
      <c r="E9800" t="s">
        <v>33325</v>
      </c>
      <c r="F9800">
        <v>4</v>
      </c>
      <c r="G9800" t="s">
        <v>9</v>
      </c>
      <c r="H9800" t="s">
        <v>21163</v>
      </c>
      <c r="I9800" t="s">
        <v>30540</v>
      </c>
    </row>
    <row r="9801" spans="1:9">
      <c r="A9801" s="1">
        <f ca="1">RAND()</f>
        <v>4.7724585606795822E-2</v>
      </c>
      <c r="B9801" s="1"/>
      <c r="C9801">
        <v>3</v>
      </c>
      <c r="D9801" t="s">
        <v>21164</v>
      </c>
      <c r="E9801" t="s">
        <v>33325</v>
      </c>
      <c r="F9801">
        <v>2</v>
      </c>
      <c r="G9801" t="s">
        <v>10</v>
      </c>
      <c r="H9801" t="s">
        <v>21165</v>
      </c>
      <c r="I9801" t="s">
        <v>30540</v>
      </c>
    </row>
    <row r="9802" spans="1:9">
      <c r="A9802" s="1">
        <f ca="1">RAND()</f>
        <v>0.97243973977311937</v>
      </c>
      <c r="B9802" s="1"/>
      <c r="C9802">
        <v>10</v>
      </c>
      <c r="D9802" t="s">
        <v>21170</v>
      </c>
      <c r="E9802" t="s">
        <v>33325</v>
      </c>
      <c r="F9802">
        <v>2</v>
      </c>
      <c r="G9802" t="s">
        <v>14</v>
      </c>
      <c r="H9802" t="s">
        <v>21171</v>
      </c>
      <c r="I9802" t="s">
        <v>30540</v>
      </c>
    </row>
    <row r="9803" spans="1:9">
      <c r="A9803" s="1">
        <f ca="1">RAND()</f>
        <v>0.53987505670418012</v>
      </c>
      <c r="B9803" s="1"/>
      <c r="C9803">
        <v>9</v>
      </c>
      <c r="D9803" t="s">
        <v>21168</v>
      </c>
      <c r="E9803" t="s">
        <v>33325</v>
      </c>
      <c r="F9803">
        <v>2</v>
      </c>
      <c r="G9803" t="s">
        <v>14</v>
      </c>
      <c r="H9803" t="s">
        <v>21169</v>
      </c>
      <c r="I9803" t="s">
        <v>30540</v>
      </c>
    </row>
    <row r="9804" spans="1:9">
      <c r="A9804" s="1">
        <f ca="1">RAND()</f>
        <v>0.17181783353720048</v>
      </c>
      <c r="B9804" s="1"/>
      <c r="C9804">
        <v>14</v>
      </c>
      <c r="D9804" t="s">
        <v>21160</v>
      </c>
      <c r="E9804" t="s">
        <v>33326</v>
      </c>
      <c r="F9804">
        <v>4</v>
      </c>
      <c r="G9804" t="s">
        <v>10</v>
      </c>
      <c r="H9804" t="s">
        <v>21161</v>
      </c>
      <c r="I9804" t="s">
        <v>30540</v>
      </c>
    </row>
    <row r="9805" spans="1:9">
      <c r="A9805" s="1">
        <f ca="1">RAND()</f>
        <v>0.68215251996246151</v>
      </c>
      <c r="B9805" s="1"/>
      <c r="C9805">
        <v>13</v>
      </c>
      <c r="D9805" t="s">
        <v>21158</v>
      </c>
      <c r="E9805" t="s">
        <v>33326</v>
      </c>
      <c r="F9805">
        <v>4</v>
      </c>
      <c r="G9805" t="s">
        <v>10</v>
      </c>
      <c r="H9805" t="s">
        <v>21159</v>
      </c>
      <c r="I9805" t="s">
        <v>30540</v>
      </c>
    </row>
    <row r="9806" spans="1:9">
      <c r="A9806" s="1">
        <f ca="1">RAND()</f>
        <v>0.52420855316423842</v>
      </c>
      <c r="B9806" s="1"/>
      <c r="C9806">
        <v>11</v>
      </c>
      <c r="D9806" t="s">
        <v>21156</v>
      </c>
      <c r="E9806" t="s">
        <v>33326</v>
      </c>
      <c r="F9806">
        <v>4</v>
      </c>
      <c r="G9806" t="s">
        <v>10</v>
      </c>
      <c r="H9806" t="s">
        <v>21157</v>
      </c>
      <c r="I9806" t="s">
        <v>30540</v>
      </c>
    </row>
    <row r="9807" spans="1:9">
      <c r="A9807" s="1">
        <f ca="1">RAND()</f>
        <v>0.44358269909876613</v>
      </c>
      <c r="B9807" s="1"/>
      <c r="C9807">
        <v>10</v>
      </c>
      <c r="D9807" t="s">
        <v>21154</v>
      </c>
      <c r="E9807" t="s">
        <v>33326</v>
      </c>
      <c r="F9807">
        <v>4</v>
      </c>
      <c r="G9807" t="s">
        <v>10</v>
      </c>
      <c r="H9807" t="s">
        <v>21155</v>
      </c>
      <c r="I9807" t="s">
        <v>30540</v>
      </c>
    </row>
    <row r="9808" spans="1:9">
      <c r="A9808" s="1">
        <f ca="1">RAND()</f>
        <v>0.51893705608726914</v>
      </c>
      <c r="B9808" s="1"/>
      <c r="C9808">
        <v>12</v>
      </c>
      <c r="D9808" t="s">
        <v>21150</v>
      </c>
      <c r="E9808" t="s">
        <v>33327</v>
      </c>
      <c r="F9808">
        <v>4</v>
      </c>
      <c r="G9808" t="s">
        <v>10</v>
      </c>
      <c r="H9808" t="s">
        <v>21151</v>
      </c>
      <c r="I9808" t="s">
        <v>30540</v>
      </c>
    </row>
    <row r="9809" spans="1:9">
      <c r="A9809" s="1">
        <f ca="1">RAND()</f>
        <v>0.98323356741415791</v>
      </c>
      <c r="B9809" s="1"/>
      <c r="C9809">
        <v>1</v>
      </c>
      <c r="D9809" t="s">
        <v>21148</v>
      </c>
      <c r="E9809" t="s">
        <v>33327</v>
      </c>
      <c r="F9809">
        <v>4</v>
      </c>
      <c r="G9809" t="s">
        <v>9</v>
      </c>
      <c r="H9809" t="s">
        <v>21149</v>
      </c>
      <c r="I9809" t="s">
        <v>30540</v>
      </c>
    </row>
    <row r="9810" spans="1:9">
      <c r="A9810" s="1">
        <f ca="1">RAND()</f>
        <v>0.3003425958050896</v>
      </c>
      <c r="B9810" s="1"/>
      <c r="C9810">
        <v>17</v>
      </c>
      <c r="D9810" t="s">
        <v>21152</v>
      </c>
      <c r="E9810" t="s">
        <v>33327</v>
      </c>
      <c r="F9810">
        <v>4</v>
      </c>
      <c r="G9810" t="s">
        <v>762</v>
      </c>
      <c r="H9810" t="s">
        <v>21153</v>
      </c>
      <c r="I9810" t="s">
        <v>30540</v>
      </c>
    </row>
    <row r="9811" spans="1:9">
      <c r="A9811" s="1">
        <f ca="1">RAND()</f>
        <v>0.83749329461149091</v>
      </c>
      <c r="B9811" s="1"/>
      <c r="C9811">
        <v>8</v>
      </c>
      <c r="D9811" t="s">
        <v>21146</v>
      </c>
      <c r="E9811" t="s">
        <v>33328</v>
      </c>
      <c r="F9811">
        <v>3</v>
      </c>
      <c r="G9811" t="s">
        <v>0</v>
      </c>
      <c r="H9811" t="s">
        <v>21147</v>
      </c>
      <c r="I9811" t="s">
        <v>30540</v>
      </c>
    </row>
    <row r="9812" spans="1:9">
      <c r="A9812" s="1">
        <f ca="1">RAND()</f>
        <v>0.57760459064898473</v>
      </c>
      <c r="B9812" s="1"/>
      <c r="C9812">
        <v>7</v>
      </c>
      <c r="D9812" t="s">
        <v>21144</v>
      </c>
      <c r="E9812" t="s">
        <v>33328</v>
      </c>
      <c r="F9812">
        <v>1</v>
      </c>
      <c r="G9812" t="s">
        <v>0</v>
      </c>
      <c r="H9812" t="s">
        <v>21145</v>
      </c>
      <c r="I9812" t="s">
        <v>30540</v>
      </c>
    </row>
    <row r="9813" spans="1:9">
      <c r="A9813" s="1">
        <f ca="1">RAND()</f>
        <v>0.64777894459233032</v>
      </c>
      <c r="B9813" s="1"/>
      <c r="C9813">
        <v>11</v>
      </c>
      <c r="D9813" t="s">
        <v>21138</v>
      </c>
      <c r="E9813" t="s">
        <v>33329</v>
      </c>
      <c r="F9813">
        <v>5</v>
      </c>
      <c r="G9813" t="s">
        <v>9</v>
      </c>
      <c r="H9813" t="s">
        <v>21139</v>
      </c>
      <c r="I9813" t="s">
        <v>30540</v>
      </c>
    </row>
    <row r="9814" spans="1:9">
      <c r="A9814" s="1">
        <f ca="1">RAND()</f>
        <v>1.9060458063262398E-2</v>
      </c>
      <c r="B9814" s="1"/>
      <c r="C9814">
        <v>1</v>
      </c>
      <c r="D9814" t="s">
        <v>21134</v>
      </c>
      <c r="E9814" t="s">
        <v>33329</v>
      </c>
      <c r="F9814">
        <v>5</v>
      </c>
      <c r="G9814" t="s">
        <v>10</v>
      </c>
      <c r="H9814" t="s">
        <v>21135</v>
      </c>
      <c r="I9814" t="s">
        <v>30540</v>
      </c>
    </row>
    <row r="9815" spans="1:9">
      <c r="A9815" s="1">
        <f ca="1">RAND()</f>
        <v>0.2052795832682216</v>
      </c>
      <c r="B9815" s="1"/>
      <c r="C9815">
        <v>14</v>
      </c>
      <c r="D9815" t="s">
        <v>21140</v>
      </c>
      <c r="E9815" t="s">
        <v>33329</v>
      </c>
      <c r="F9815">
        <v>4</v>
      </c>
      <c r="G9815" t="s">
        <v>14</v>
      </c>
      <c r="H9815" t="s">
        <v>21141</v>
      </c>
      <c r="I9815" t="s">
        <v>30540</v>
      </c>
    </row>
    <row r="9816" spans="1:9">
      <c r="A9816" s="1">
        <f ca="1">RAND()</f>
        <v>0.23527247794186334</v>
      </c>
      <c r="B9816" s="1"/>
      <c r="C9816">
        <v>16</v>
      </c>
      <c r="D9816" t="s">
        <v>21142</v>
      </c>
      <c r="E9816" t="s">
        <v>33329</v>
      </c>
      <c r="F9816">
        <v>4</v>
      </c>
      <c r="G9816" t="s">
        <v>14</v>
      </c>
      <c r="H9816" t="s">
        <v>21143</v>
      </c>
      <c r="I9816" t="s">
        <v>30540</v>
      </c>
    </row>
    <row r="9817" spans="1:9">
      <c r="A9817" s="1">
        <f ca="1">RAND()</f>
        <v>0.28739847891288539</v>
      </c>
      <c r="B9817" s="1"/>
      <c r="C9817">
        <v>9</v>
      </c>
      <c r="D9817" t="s">
        <v>21136</v>
      </c>
      <c r="E9817" t="s">
        <v>33329</v>
      </c>
      <c r="F9817">
        <v>4</v>
      </c>
      <c r="G9817" t="s">
        <v>10</v>
      </c>
      <c r="H9817" t="s">
        <v>21137</v>
      </c>
      <c r="I9817" t="s">
        <v>30540</v>
      </c>
    </row>
    <row r="9818" spans="1:9">
      <c r="A9818" s="1">
        <f ca="1">RAND()</f>
        <v>0.78747764043382451</v>
      </c>
      <c r="B9818" s="1"/>
      <c r="C9818">
        <v>10</v>
      </c>
      <c r="D9818" t="s">
        <v>21132</v>
      </c>
      <c r="E9818" t="s">
        <v>33330</v>
      </c>
      <c r="F9818">
        <v>4</v>
      </c>
      <c r="G9818" t="s">
        <v>14</v>
      </c>
      <c r="H9818" t="s">
        <v>21133</v>
      </c>
      <c r="I9818" t="s">
        <v>30540</v>
      </c>
    </row>
    <row r="9819" spans="1:9">
      <c r="A9819" s="1">
        <f ca="1">RAND()</f>
        <v>0.97814630575747741</v>
      </c>
      <c r="B9819" s="1"/>
      <c r="C9819">
        <v>8</v>
      </c>
      <c r="D9819" t="s">
        <v>21126</v>
      </c>
      <c r="E9819" t="s">
        <v>33331</v>
      </c>
      <c r="F9819">
        <v>5</v>
      </c>
      <c r="G9819" t="s">
        <v>14</v>
      </c>
      <c r="H9819" t="s">
        <v>21127</v>
      </c>
      <c r="I9819" t="s">
        <v>30540</v>
      </c>
    </row>
    <row r="9820" spans="1:9">
      <c r="A9820" s="1">
        <f ca="1">RAND()</f>
        <v>0.26497967683654977</v>
      </c>
      <c r="B9820" s="1"/>
      <c r="C9820">
        <v>15</v>
      </c>
      <c r="D9820" t="s">
        <v>21130</v>
      </c>
      <c r="E9820" t="s">
        <v>33331</v>
      </c>
      <c r="F9820">
        <v>4</v>
      </c>
      <c r="G9820" t="s">
        <v>14</v>
      </c>
      <c r="H9820" t="s">
        <v>21131</v>
      </c>
      <c r="I9820" t="s">
        <v>30540</v>
      </c>
    </row>
    <row r="9821" spans="1:9">
      <c r="A9821" s="1">
        <f ca="1">RAND()</f>
        <v>0.13133899764579415</v>
      </c>
      <c r="B9821" s="1"/>
      <c r="C9821">
        <v>14</v>
      </c>
      <c r="D9821" t="s">
        <v>21128</v>
      </c>
      <c r="E9821" t="s">
        <v>33331</v>
      </c>
      <c r="F9821">
        <v>4</v>
      </c>
      <c r="G9821" t="s">
        <v>14</v>
      </c>
      <c r="H9821" t="s">
        <v>21129</v>
      </c>
      <c r="I9821" t="s">
        <v>30540</v>
      </c>
    </row>
    <row r="9822" spans="1:9">
      <c r="A9822" s="1">
        <f ca="1">RAND()</f>
        <v>0.47993207414606476</v>
      </c>
      <c r="B9822" s="1"/>
      <c r="C9822">
        <v>4</v>
      </c>
      <c r="D9822" t="s">
        <v>21124</v>
      </c>
      <c r="E9822" t="s">
        <v>33331</v>
      </c>
      <c r="F9822">
        <v>2</v>
      </c>
      <c r="G9822" t="s">
        <v>10</v>
      </c>
      <c r="H9822" t="s">
        <v>21125</v>
      </c>
      <c r="I9822" t="s">
        <v>30540</v>
      </c>
    </row>
    <row r="9823" spans="1:9">
      <c r="A9823" s="1">
        <f ca="1">RAND()</f>
        <v>0.70464506079730205</v>
      </c>
      <c r="B9823" s="1"/>
      <c r="C9823">
        <v>12</v>
      </c>
      <c r="D9823" t="s">
        <v>21120</v>
      </c>
      <c r="E9823" t="s">
        <v>33332</v>
      </c>
      <c r="F9823">
        <v>5</v>
      </c>
      <c r="G9823" t="s">
        <v>1431</v>
      </c>
      <c r="H9823" t="s">
        <v>21121</v>
      </c>
      <c r="I9823" t="s">
        <v>30540</v>
      </c>
    </row>
    <row r="9824" spans="1:9">
      <c r="A9824" s="1">
        <f ca="1">RAND()</f>
        <v>0.5904054179037399</v>
      </c>
      <c r="B9824" s="1"/>
      <c r="C9824">
        <v>1</v>
      </c>
      <c r="D9824" t="s">
        <v>21118</v>
      </c>
      <c r="E9824" t="s">
        <v>33332</v>
      </c>
      <c r="F9824">
        <v>4</v>
      </c>
      <c r="G9824" t="s">
        <v>775</v>
      </c>
      <c r="H9824" t="s">
        <v>21119</v>
      </c>
      <c r="I9824" t="s">
        <v>30540</v>
      </c>
    </row>
    <row r="9825" spans="1:9">
      <c r="A9825" s="1">
        <f ca="1">RAND()</f>
        <v>0.96689257935727624</v>
      </c>
      <c r="B9825" s="1"/>
      <c r="C9825">
        <v>16</v>
      </c>
      <c r="D9825" t="s">
        <v>21122</v>
      </c>
      <c r="E9825" t="s">
        <v>33332</v>
      </c>
      <c r="F9825">
        <v>4</v>
      </c>
      <c r="G9825" t="s">
        <v>2229</v>
      </c>
      <c r="H9825" t="s">
        <v>21123</v>
      </c>
      <c r="I9825" t="s">
        <v>30540</v>
      </c>
    </row>
    <row r="9826" spans="1:9">
      <c r="A9826" s="1">
        <f ca="1">RAND()</f>
        <v>0.81659133068127332</v>
      </c>
      <c r="B9826" s="1"/>
      <c r="C9826">
        <v>13</v>
      </c>
      <c r="D9826" t="s">
        <v>21116</v>
      </c>
      <c r="E9826" t="s">
        <v>33333</v>
      </c>
      <c r="F9826">
        <v>5</v>
      </c>
      <c r="G9826" t="s">
        <v>14</v>
      </c>
      <c r="H9826" t="s">
        <v>21117</v>
      </c>
      <c r="I9826" t="s">
        <v>30540</v>
      </c>
    </row>
    <row r="9827" spans="1:9">
      <c r="A9827" s="1">
        <f ca="1">RAND()</f>
        <v>0.7459629159305925</v>
      </c>
      <c r="B9827" s="1"/>
      <c r="C9827">
        <v>7</v>
      </c>
      <c r="D9827" t="s">
        <v>21114</v>
      </c>
      <c r="E9827" t="s">
        <v>33333</v>
      </c>
      <c r="F9827">
        <v>4</v>
      </c>
      <c r="G9827" t="s">
        <v>13</v>
      </c>
      <c r="H9827" t="s">
        <v>21115</v>
      </c>
      <c r="I9827" t="s">
        <v>30540</v>
      </c>
    </row>
    <row r="9828" spans="1:9">
      <c r="A9828" s="1">
        <f ca="1">RAND()</f>
        <v>0.1937842758069328</v>
      </c>
      <c r="B9828" s="1"/>
      <c r="C9828">
        <v>1</v>
      </c>
      <c r="D9828" t="s">
        <v>21112</v>
      </c>
      <c r="E9828" t="s">
        <v>33333</v>
      </c>
      <c r="F9828">
        <v>2</v>
      </c>
      <c r="G9828" t="s">
        <v>10</v>
      </c>
      <c r="H9828" t="s">
        <v>21113</v>
      </c>
      <c r="I9828" t="s">
        <v>30540</v>
      </c>
    </row>
    <row r="9829" spans="1:9">
      <c r="A9829" s="1">
        <f ca="1">RAND()</f>
        <v>0.64825866448862768</v>
      </c>
      <c r="B9829" s="1"/>
      <c r="C9829">
        <v>8</v>
      </c>
      <c r="D9829" t="s">
        <v>21104</v>
      </c>
      <c r="E9829" t="s">
        <v>33334</v>
      </c>
      <c r="F9829">
        <v>5</v>
      </c>
      <c r="G9829" t="s">
        <v>14</v>
      </c>
      <c r="H9829" t="s">
        <v>21105</v>
      </c>
      <c r="I9829" t="s">
        <v>30540</v>
      </c>
    </row>
    <row r="9830" spans="1:9">
      <c r="A9830" s="1">
        <f ca="1">RAND()</f>
        <v>0.63927968663504198</v>
      </c>
      <c r="B9830" s="1"/>
      <c r="C9830">
        <v>3</v>
      </c>
      <c r="D9830" t="s">
        <v>21098</v>
      </c>
      <c r="E9830" t="s">
        <v>33334</v>
      </c>
      <c r="F9830">
        <v>5</v>
      </c>
      <c r="G9830" t="s">
        <v>9</v>
      </c>
      <c r="H9830" t="s">
        <v>21099</v>
      </c>
      <c r="I9830" t="s">
        <v>30540</v>
      </c>
    </row>
    <row r="9831" spans="1:9">
      <c r="A9831" s="1">
        <f ca="1">RAND()</f>
        <v>0.18011386693909903</v>
      </c>
      <c r="B9831" s="1"/>
      <c r="C9831">
        <v>9</v>
      </c>
      <c r="D9831" t="s">
        <v>21106</v>
      </c>
      <c r="E9831" t="s">
        <v>33334</v>
      </c>
      <c r="F9831">
        <v>4</v>
      </c>
      <c r="G9831" t="s">
        <v>15</v>
      </c>
      <c r="H9831" t="s">
        <v>21107</v>
      </c>
      <c r="I9831" t="s">
        <v>30540</v>
      </c>
    </row>
    <row r="9832" spans="1:9">
      <c r="A9832" s="1">
        <f ca="1">RAND()</f>
        <v>0.90024223827663308</v>
      </c>
      <c r="B9832" s="1"/>
      <c r="C9832">
        <v>6</v>
      </c>
      <c r="D9832" t="s">
        <v>21102</v>
      </c>
      <c r="E9832" t="s">
        <v>33334</v>
      </c>
      <c r="F9832">
        <v>4</v>
      </c>
      <c r="G9832" t="s">
        <v>14</v>
      </c>
      <c r="H9832" t="s">
        <v>21103</v>
      </c>
      <c r="I9832" t="s">
        <v>30540</v>
      </c>
    </row>
    <row r="9833" spans="1:9">
      <c r="A9833" s="1">
        <f ca="1">RAND()</f>
        <v>0.18213963565342972</v>
      </c>
      <c r="B9833" s="1"/>
      <c r="C9833">
        <v>14</v>
      </c>
      <c r="D9833" t="s">
        <v>21110</v>
      </c>
      <c r="E9833" t="s">
        <v>33334</v>
      </c>
      <c r="F9833">
        <v>4</v>
      </c>
      <c r="G9833" t="s">
        <v>10</v>
      </c>
      <c r="H9833" t="s">
        <v>21111</v>
      </c>
      <c r="I9833" t="s">
        <v>30540</v>
      </c>
    </row>
    <row r="9834" spans="1:9">
      <c r="A9834" s="1">
        <f ca="1">RAND()</f>
        <v>0.19969484707242102</v>
      </c>
      <c r="B9834" s="1"/>
      <c r="C9834">
        <v>5</v>
      </c>
      <c r="D9834" t="s">
        <v>21100</v>
      </c>
      <c r="E9834" t="s">
        <v>33334</v>
      </c>
      <c r="F9834">
        <v>4</v>
      </c>
      <c r="G9834" t="s">
        <v>10</v>
      </c>
      <c r="H9834" t="s">
        <v>21101</v>
      </c>
      <c r="I9834" t="s">
        <v>30540</v>
      </c>
    </row>
    <row r="9835" spans="1:9">
      <c r="A9835" s="1">
        <f ca="1">RAND()</f>
        <v>7.1322840711744662E-2</v>
      </c>
      <c r="B9835" s="1"/>
      <c r="C9835">
        <v>11</v>
      </c>
      <c r="D9835" t="s">
        <v>21108</v>
      </c>
      <c r="E9835" t="s">
        <v>33334</v>
      </c>
      <c r="F9835">
        <v>2</v>
      </c>
      <c r="G9835" t="s">
        <v>14</v>
      </c>
      <c r="H9835" t="s">
        <v>21109</v>
      </c>
      <c r="I9835" t="s">
        <v>30540</v>
      </c>
    </row>
    <row r="9836" spans="1:9">
      <c r="A9836" s="1">
        <f ca="1">RAND()</f>
        <v>0.2115551671448116</v>
      </c>
      <c r="B9836" s="1"/>
      <c r="C9836">
        <v>14</v>
      </c>
      <c r="D9836" t="s">
        <v>21094</v>
      </c>
      <c r="E9836" t="s">
        <v>33335</v>
      </c>
      <c r="F9836">
        <v>5</v>
      </c>
      <c r="G9836" t="s">
        <v>14</v>
      </c>
      <c r="H9836" t="s">
        <v>21095</v>
      </c>
      <c r="I9836" t="s">
        <v>30540</v>
      </c>
    </row>
    <row r="9837" spans="1:9">
      <c r="A9837" s="1">
        <f ca="1">RAND()</f>
        <v>0.71741291041501654</v>
      </c>
      <c r="B9837" s="1"/>
      <c r="C9837">
        <v>15</v>
      </c>
      <c r="D9837" t="s">
        <v>21096</v>
      </c>
      <c r="E9837" t="s">
        <v>33335</v>
      </c>
      <c r="F9837">
        <v>4</v>
      </c>
      <c r="G9837" t="s">
        <v>0</v>
      </c>
      <c r="H9837" t="s">
        <v>21097</v>
      </c>
      <c r="I9837" t="s">
        <v>30540</v>
      </c>
    </row>
    <row r="9838" spans="1:9">
      <c r="A9838" s="1">
        <f ca="1">RAND()</f>
        <v>0.87212093965459181</v>
      </c>
      <c r="B9838" s="1"/>
      <c r="C9838">
        <v>4</v>
      </c>
      <c r="D9838" t="s">
        <v>21090</v>
      </c>
      <c r="E9838" t="s">
        <v>33335</v>
      </c>
      <c r="F9838">
        <v>4</v>
      </c>
      <c r="G9838" t="s">
        <v>14</v>
      </c>
      <c r="H9838" t="s">
        <v>21091</v>
      </c>
      <c r="I9838" t="s">
        <v>30540</v>
      </c>
    </row>
    <row r="9839" spans="1:9">
      <c r="A9839" s="1">
        <f ca="1">RAND()</f>
        <v>0.47987818775708424</v>
      </c>
      <c r="B9839" s="1"/>
      <c r="C9839">
        <v>11</v>
      </c>
      <c r="D9839" t="s">
        <v>21092</v>
      </c>
      <c r="E9839" t="s">
        <v>33335</v>
      </c>
      <c r="F9839">
        <v>1</v>
      </c>
      <c r="G9839" t="s">
        <v>1</v>
      </c>
      <c r="H9839" t="s">
        <v>21093</v>
      </c>
      <c r="I9839" t="s">
        <v>30540</v>
      </c>
    </row>
    <row r="9840" spans="1:9">
      <c r="A9840" s="1">
        <f ca="1">RAND()</f>
        <v>0.45431809879740159</v>
      </c>
      <c r="B9840" s="1"/>
      <c r="C9840">
        <v>10</v>
      </c>
      <c r="D9840" t="s">
        <v>21082</v>
      </c>
      <c r="E9840" t="s">
        <v>33336</v>
      </c>
      <c r="F9840">
        <v>4</v>
      </c>
      <c r="G9840" t="s">
        <v>13</v>
      </c>
      <c r="H9840" t="s">
        <v>21083</v>
      </c>
      <c r="I9840" t="s">
        <v>30540</v>
      </c>
    </row>
    <row r="9841" spans="1:9">
      <c r="A9841" s="1">
        <f ca="1">RAND()</f>
        <v>0.7196023357434721</v>
      </c>
      <c r="B9841" s="1"/>
      <c r="C9841">
        <v>3</v>
      </c>
      <c r="D9841" t="s">
        <v>21080</v>
      </c>
      <c r="E9841" t="s">
        <v>33336</v>
      </c>
      <c r="F9841">
        <v>4</v>
      </c>
      <c r="G9841" t="s">
        <v>9</v>
      </c>
      <c r="H9841" t="s">
        <v>21081</v>
      </c>
      <c r="I9841" t="s">
        <v>30540</v>
      </c>
    </row>
    <row r="9842" spans="1:9">
      <c r="A9842" s="1">
        <f ca="1">RAND()</f>
        <v>0.73411463555941514</v>
      </c>
      <c r="B9842" s="1"/>
      <c r="C9842">
        <v>1</v>
      </c>
      <c r="D9842" t="s">
        <v>21078</v>
      </c>
      <c r="E9842" t="s">
        <v>33336</v>
      </c>
      <c r="F9842">
        <v>4</v>
      </c>
      <c r="G9842" t="s">
        <v>10</v>
      </c>
      <c r="H9842" t="s">
        <v>21079</v>
      </c>
      <c r="I9842" t="s">
        <v>30540</v>
      </c>
    </row>
    <row r="9843" spans="1:9">
      <c r="A9843" s="1">
        <f ca="1">RAND()</f>
        <v>0.47546688478488153</v>
      </c>
      <c r="B9843" s="1"/>
      <c r="C9843">
        <v>15</v>
      </c>
      <c r="D9843" t="s">
        <v>21086</v>
      </c>
      <c r="E9843" t="s">
        <v>33336</v>
      </c>
      <c r="F9843">
        <v>4</v>
      </c>
      <c r="G9843" t="s">
        <v>14</v>
      </c>
      <c r="H9843" t="s">
        <v>21087</v>
      </c>
      <c r="I9843" t="s">
        <v>30540</v>
      </c>
    </row>
    <row r="9844" spans="1:9">
      <c r="A9844" s="1">
        <f ca="1">RAND()</f>
        <v>0.83977495124723256</v>
      </c>
      <c r="B9844" s="1"/>
      <c r="C9844">
        <v>18</v>
      </c>
      <c r="D9844" t="s">
        <v>21088</v>
      </c>
      <c r="E9844" t="s">
        <v>33336</v>
      </c>
      <c r="F9844">
        <v>4</v>
      </c>
      <c r="G9844" t="s">
        <v>15</v>
      </c>
      <c r="H9844" t="s">
        <v>21089</v>
      </c>
      <c r="I9844" t="s">
        <v>30540</v>
      </c>
    </row>
    <row r="9845" spans="1:9">
      <c r="A9845" s="1">
        <f ca="1">RAND()</f>
        <v>0.11361365529271572</v>
      </c>
      <c r="B9845" s="1"/>
      <c r="C9845">
        <v>12</v>
      </c>
      <c r="D9845" t="s">
        <v>21084</v>
      </c>
      <c r="E9845" t="s">
        <v>33336</v>
      </c>
      <c r="F9845">
        <v>4</v>
      </c>
      <c r="G9845" t="s">
        <v>14</v>
      </c>
      <c r="H9845" t="s">
        <v>21085</v>
      </c>
      <c r="I9845" t="s">
        <v>30540</v>
      </c>
    </row>
    <row r="9846" spans="1:9">
      <c r="A9846" s="1">
        <f ca="1">RAND()</f>
        <v>0.75031630758140999</v>
      </c>
      <c r="B9846" s="1"/>
      <c r="C9846">
        <v>10</v>
      </c>
      <c r="D9846" t="s">
        <v>21072</v>
      </c>
      <c r="E9846" t="s">
        <v>33337</v>
      </c>
      <c r="F9846">
        <v>5</v>
      </c>
      <c r="G9846" t="s">
        <v>15</v>
      </c>
      <c r="H9846" t="s">
        <v>21073</v>
      </c>
      <c r="I9846" t="s">
        <v>30540</v>
      </c>
    </row>
    <row r="9847" spans="1:9">
      <c r="A9847" s="1">
        <f ca="1">RAND()</f>
        <v>0.5197298128058998</v>
      </c>
      <c r="B9847" s="1"/>
      <c r="C9847">
        <v>8</v>
      </c>
      <c r="D9847" t="s">
        <v>21070</v>
      </c>
      <c r="E9847" t="s">
        <v>33337</v>
      </c>
      <c r="F9847">
        <v>4</v>
      </c>
      <c r="G9847" t="s">
        <v>1431</v>
      </c>
      <c r="H9847" t="s">
        <v>21071</v>
      </c>
      <c r="I9847" t="s">
        <v>30540</v>
      </c>
    </row>
    <row r="9848" spans="1:9">
      <c r="A9848" s="1">
        <f ca="1">RAND()</f>
        <v>0.22815393032392806</v>
      </c>
      <c r="B9848" s="1"/>
      <c r="C9848">
        <v>18</v>
      </c>
      <c r="D9848" t="s">
        <v>21076</v>
      </c>
      <c r="E9848" t="s">
        <v>33337</v>
      </c>
      <c r="F9848">
        <v>4</v>
      </c>
      <c r="G9848" t="s">
        <v>14</v>
      </c>
      <c r="H9848" t="s">
        <v>21077</v>
      </c>
      <c r="I9848" t="s">
        <v>30540</v>
      </c>
    </row>
    <row r="9849" spans="1:9">
      <c r="A9849" s="1">
        <f ca="1">RAND()</f>
        <v>0.55470648400362654</v>
      </c>
      <c r="B9849" s="1"/>
      <c r="C9849">
        <v>13</v>
      </c>
      <c r="D9849" t="s">
        <v>21074</v>
      </c>
      <c r="E9849" t="s">
        <v>33337</v>
      </c>
      <c r="F9849">
        <v>4</v>
      </c>
      <c r="G9849" t="s">
        <v>766</v>
      </c>
      <c r="H9849" t="s">
        <v>21075</v>
      </c>
      <c r="I9849" t="s">
        <v>30540</v>
      </c>
    </row>
    <row r="9850" spans="1:9">
      <c r="A9850" s="1">
        <f ca="1">RAND()</f>
        <v>0.47641550964328816</v>
      </c>
      <c r="B9850" s="1"/>
      <c r="C9850">
        <v>10</v>
      </c>
      <c r="D9850" t="s">
        <v>21062</v>
      </c>
      <c r="E9850" t="s">
        <v>33338</v>
      </c>
      <c r="F9850">
        <v>5</v>
      </c>
      <c r="G9850" t="s">
        <v>1</v>
      </c>
      <c r="H9850" t="s">
        <v>21063</v>
      </c>
      <c r="I9850" t="s">
        <v>30540</v>
      </c>
    </row>
    <row r="9851" spans="1:9">
      <c r="A9851" s="1">
        <f ca="1">RAND()</f>
        <v>4.1612816303511768E-2</v>
      </c>
      <c r="B9851" s="1"/>
      <c r="C9851">
        <v>13</v>
      </c>
      <c r="D9851" t="s">
        <v>21064</v>
      </c>
      <c r="E9851" t="s">
        <v>33338</v>
      </c>
      <c r="F9851">
        <v>5</v>
      </c>
      <c r="G9851" t="s">
        <v>14</v>
      </c>
      <c r="H9851" t="s">
        <v>21065</v>
      </c>
      <c r="I9851" t="s">
        <v>30540</v>
      </c>
    </row>
    <row r="9852" spans="1:9">
      <c r="A9852" s="1">
        <f ca="1">RAND()</f>
        <v>0.87066864946055411</v>
      </c>
      <c r="B9852" s="1"/>
      <c r="C9852">
        <v>14</v>
      </c>
      <c r="D9852" t="s">
        <v>21066</v>
      </c>
      <c r="E9852" t="s">
        <v>33338</v>
      </c>
      <c r="F9852">
        <v>4</v>
      </c>
      <c r="G9852" t="s">
        <v>14</v>
      </c>
      <c r="H9852" t="s">
        <v>21067</v>
      </c>
      <c r="I9852" t="s">
        <v>30540</v>
      </c>
    </row>
    <row r="9853" spans="1:9">
      <c r="A9853" s="1">
        <f ca="1">RAND()</f>
        <v>0.40888056167517783</v>
      </c>
      <c r="B9853" s="1"/>
      <c r="C9853">
        <v>15</v>
      </c>
      <c r="D9853" t="s">
        <v>21068</v>
      </c>
      <c r="E9853" t="s">
        <v>33338</v>
      </c>
      <c r="F9853">
        <v>3</v>
      </c>
      <c r="G9853" t="s">
        <v>14</v>
      </c>
      <c r="H9853" t="s">
        <v>21069</v>
      </c>
      <c r="I9853" t="s">
        <v>30540</v>
      </c>
    </row>
    <row r="9854" spans="1:9">
      <c r="A9854" s="1">
        <f ca="1">RAND()</f>
        <v>0.77026544911330952</v>
      </c>
      <c r="B9854" s="1"/>
      <c r="C9854">
        <v>13</v>
      </c>
      <c r="D9854" t="s">
        <v>21058</v>
      </c>
      <c r="E9854" t="s">
        <v>33339</v>
      </c>
      <c r="F9854">
        <v>5</v>
      </c>
      <c r="G9854" t="s">
        <v>14</v>
      </c>
      <c r="H9854" t="s">
        <v>21059</v>
      </c>
      <c r="I9854" t="s">
        <v>30540</v>
      </c>
    </row>
    <row r="9855" spans="1:9">
      <c r="A9855" s="1">
        <f ca="1">RAND()</f>
        <v>0.42163579885190705</v>
      </c>
      <c r="B9855" s="1"/>
      <c r="C9855">
        <v>9</v>
      </c>
      <c r="D9855" t="s">
        <v>21056</v>
      </c>
      <c r="E9855" t="s">
        <v>33339</v>
      </c>
      <c r="F9855">
        <v>5</v>
      </c>
      <c r="G9855" t="s">
        <v>10</v>
      </c>
      <c r="H9855" t="s">
        <v>21057</v>
      </c>
      <c r="I9855" t="s">
        <v>30540</v>
      </c>
    </row>
    <row r="9856" spans="1:9">
      <c r="A9856" s="1">
        <f ca="1">RAND()</f>
        <v>0.86652313423820737</v>
      </c>
      <c r="B9856" s="1"/>
      <c r="C9856">
        <v>1</v>
      </c>
      <c r="D9856" t="s">
        <v>21054</v>
      </c>
      <c r="E9856" t="s">
        <v>33339</v>
      </c>
      <c r="F9856">
        <v>5</v>
      </c>
      <c r="G9856" t="s">
        <v>2</v>
      </c>
      <c r="H9856" t="s">
        <v>21055</v>
      </c>
      <c r="I9856" t="s">
        <v>30540</v>
      </c>
    </row>
    <row r="9857" spans="1:9">
      <c r="A9857" s="1">
        <f ca="1">RAND()</f>
        <v>0.69823329615875906</v>
      </c>
      <c r="B9857" s="1"/>
      <c r="C9857">
        <v>16</v>
      </c>
      <c r="D9857" t="s">
        <v>21060</v>
      </c>
      <c r="E9857" t="s">
        <v>33339</v>
      </c>
      <c r="F9857">
        <v>4</v>
      </c>
      <c r="G9857" t="s">
        <v>14</v>
      </c>
      <c r="H9857" t="s">
        <v>21061</v>
      </c>
      <c r="I9857" t="s">
        <v>30540</v>
      </c>
    </row>
    <row r="9858" spans="1:9">
      <c r="A9858" s="1">
        <f ca="1">RAND()</f>
        <v>0.22838290861688826</v>
      </c>
      <c r="B9858" s="1"/>
      <c r="C9858">
        <v>12</v>
      </c>
      <c r="D9858" t="s">
        <v>21052</v>
      </c>
      <c r="E9858" t="s">
        <v>33340</v>
      </c>
      <c r="F9858">
        <v>5</v>
      </c>
      <c r="G9858" t="s">
        <v>14</v>
      </c>
      <c r="H9858" t="s">
        <v>21053</v>
      </c>
      <c r="I9858" t="s">
        <v>30540</v>
      </c>
    </row>
    <row r="9859" spans="1:9">
      <c r="A9859" s="1">
        <f ca="1">RAND()</f>
        <v>0.19309026542111274</v>
      </c>
      <c r="B9859" s="1"/>
      <c r="C9859">
        <v>11</v>
      </c>
      <c r="D9859" t="s">
        <v>21050</v>
      </c>
      <c r="E9859" t="s">
        <v>33340</v>
      </c>
      <c r="F9859">
        <v>5</v>
      </c>
      <c r="G9859" t="s">
        <v>14</v>
      </c>
      <c r="H9859" t="s">
        <v>21051</v>
      </c>
      <c r="I9859" t="s">
        <v>30540</v>
      </c>
    </row>
    <row r="9860" spans="1:9">
      <c r="A9860" s="1">
        <f ca="1">RAND()</f>
        <v>4.3437849139849605E-2</v>
      </c>
      <c r="B9860" s="1"/>
      <c r="C9860">
        <v>9</v>
      </c>
      <c r="D9860" t="s">
        <v>21048</v>
      </c>
      <c r="E9860" t="s">
        <v>33340</v>
      </c>
      <c r="F9860">
        <v>2</v>
      </c>
      <c r="G9860" t="s">
        <v>14</v>
      </c>
      <c r="H9860" t="s">
        <v>21049</v>
      </c>
      <c r="I9860" t="s">
        <v>30540</v>
      </c>
    </row>
    <row r="9861" spans="1:9">
      <c r="A9861" s="1">
        <f ca="1">RAND()</f>
        <v>0.11709904699005647</v>
      </c>
      <c r="B9861" s="1"/>
      <c r="C9861">
        <v>14</v>
      </c>
      <c r="D9861" t="s">
        <v>21046</v>
      </c>
      <c r="E9861" t="s">
        <v>33341</v>
      </c>
      <c r="F9861">
        <v>5</v>
      </c>
      <c r="G9861" t="s">
        <v>14</v>
      </c>
      <c r="H9861" t="s">
        <v>21047</v>
      </c>
      <c r="I9861" t="s">
        <v>30540</v>
      </c>
    </row>
    <row r="9862" spans="1:9">
      <c r="A9862" s="1">
        <f ca="1">RAND()</f>
        <v>9.0602511608749547E-2</v>
      </c>
      <c r="B9862" s="1"/>
      <c r="C9862">
        <v>10</v>
      </c>
      <c r="D9862" t="s">
        <v>21044</v>
      </c>
      <c r="E9862" t="s">
        <v>33341</v>
      </c>
      <c r="F9862">
        <v>5</v>
      </c>
      <c r="G9862" t="s">
        <v>14</v>
      </c>
      <c r="H9862" t="s">
        <v>21045</v>
      </c>
      <c r="I9862" t="s">
        <v>30540</v>
      </c>
    </row>
    <row r="9863" spans="1:9">
      <c r="A9863" s="1">
        <f ca="1">RAND()</f>
        <v>0.82077144174712913</v>
      </c>
      <c r="B9863" s="1"/>
      <c r="C9863">
        <v>6</v>
      </c>
      <c r="D9863" t="s">
        <v>21038</v>
      </c>
      <c r="E9863" t="s">
        <v>33341</v>
      </c>
      <c r="F9863">
        <v>5</v>
      </c>
      <c r="G9863" t="s">
        <v>14</v>
      </c>
      <c r="H9863" t="s">
        <v>21039</v>
      </c>
      <c r="I9863" t="s">
        <v>30540</v>
      </c>
    </row>
    <row r="9864" spans="1:9">
      <c r="A9864" s="1">
        <f ca="1">RAND()</f>
        <v>0.56631017854630361</v>
      </c>
      <c r="B9864" s="1"/>
      <c r="C9864">
        <v>1</v>
      </c>
      <c r="D9864" t="s">
        <v>21034</v>
      </c>
      <c r="E9864" t="s">
        <v>33341</v>
      </c>
      <c r="F9864">
        <v>4</v>
      </c>
      <c r="G9864" t="s">
        <v>10</v>
      </c>
      <c r="H9864" t="s">
        <v>21035</v>
      </c>
      <c r="I9864" t="s">
        <v>30540</v>
      </c>
    </row>
    <row r="9865" spans="1:9">
      <c r="A9865" s="1">
        <f ca="1">RAND()</f>
        <v>0.19599154767770233</v>
      </c>
      <c r="B9865" s="1"/>
      <c r="C9865">
        <v>8</v>
      </c>
      <c r="D9865" t="s">
        <v>21040</v>
      </c>
      <c r="E9865" t="s">
        <v>33341</v>
      </c>
      <c r="F9865">
        <v>4</v>
      </c>
      <c r="G9865" t="s">
        <v>10</v>
      </c>
      <c r="H9865" t="s">
        <v>21041</v>
      </c>
      <c r="I9865" t="s">
        <v>30540</v>
      </c>
    </row>
    <row r="9866" spans="1:9">
      <c r="A9866" s="1">
        <f ca="1">RAND()</f>
        <v>0.4053905548547132</v>
      </c>
      <c r="B9866" s="1"/>
      <c r="C9866">
        <v>9</v>
      </c>
      <c r="D9866" t="s">
        <v>21042</v>
      </c>
      <c r="E9866" t="s">
        <v>33341</v>
      </c>
      <c r="F9866">
        <v>4</v>
      </c>
      <c r="G9866" t="s">
        <v>14</v>
      </c>
      <c r="H9866" t="s">
        <v>21043</v>
      </c>
      <c r="I9866" t="s">
        <v>30540</v>
      </c>
    </row>
    <row r="9867" spans="1:9">
      <c r="A9867" s="1">
        <f ca="1">RAND()</f>
        <v>0.78239098423319875</v>
      </c>
      <c r="B9867" s="1"/>
      <c r="C9867">
        <v>2</v>
      </c>
      <c r="D9867" t="s">
        <v>21036</v>
      </c>
      <c r="E9867" t="s">
        <v>33341</v>
      </c>
      <c r="F9867">
        <v>3</v>
      </c>
      <c r="G9867" t="s">
        <v>1</v>
      </c>
      <c r="H9867" t="s">
        <v>21037</v>
      </c>
      <c r="I9867" t="s">
        <v>30540</v>
      </c>
    </row>
    <row r="9868" spans="1:9">
      <c r="A9868" s="1">
        <f ca="1">RAND()</f>
        <v>0.85041850953958975</v>
      </c>
      <c r="B9868" s="1"/>
      <c r="C9868">
        <v>12</v>
      </c>
      <c r="D9868" t="s">
        <v>21030</v>
      </c>
      <c r="E9868" t="s">
        <v>33342</v>
      </c>
      <c r="F9868">
        <v>5</v>
      </c>
      <c r="G9868" t="s">
        <v>2226</v>
      </c>
      <c r="H9868" t="s">
        <v>21031</v>
      </c>
      <c r="I9868" t="s">
        <v>30540</v>
      </c>
    </row>
    <row r="9869" spans="1:9">
      <c r="A9869" s="1">
        <f ca="1">RAND()</f>
        <v>0.15360870417809103</v>
      </c>
      <c r="B9869" s="1"/>
      <c r="C9869">
        <v>4</v>
      </c>
      <c r="D9869" t="s">
        <v>21024</v>
      </c>
      <c r="E9869" t="s">
        <v>33342</v>
      </c>
      <c r="F9869">
        <v>5</v>
      </c>
      <c r="G9869" t="s">
        <v>14</v>
      </c>
      <c r="H9869" t="s">
        <v>21025</v>
      </c>
      <c r="I9869" t="s">
        <v>30540</v>
      </c>
    </row>
    <row r="9870" spans="1:9">
      <c r="A9870" s="1">
        <f ca="1">RAND()</f>
        <v>0.46291836791855823</v>
      </c>
      <c r="B9870" s="1"/>
      <c r="C9870">
        <v>19</v>
      </c>
      <c r="D9870" t="s">
        <v>21032</v>
      </c>
      <c r="E9870" t="s">
        <v>33342</v>
      </c>
      <c r="F9870">
        <v>4</v>
      </c>
      <c r="G9870" t="s">
        <v>14</v>
      </c>
      <c r="H9870" t="s">
        <v>21033</v>
      </c>
      <c r="I9870" t="s">
        <v>30540</v>
      </c>
    </row>
    <row r="9871" spans="1:9">
      <c r="A9871" s="1">
        <f ca="1">RAND()</f>
        <v>0.58239945155587769</v>
      </c>
      <c r="B9871" s="1"/>
      <c r="C9871">
        <v>9</v>
      </c>
      <c r="D9871" t="s">
        <v>21028</v>
      </c>
      <c r="E9871" t="s">
        <v>33342</v>
      </c>
      <c r="F9871">
        <v>4</v>
      </c>
      <c r="G9871" t="s">
        <v>1431</v>
      </c>
      <c r="H9871" t="s">
        <v>21029</v>
      </c>
      <c r="I9871" t="s">
        <v>30540</v>
      </c>
    </row>
    <row r="9872" spans="1:9">
      <c r="A9872" s="1">
        <f ca="1">RAND()</f>
        <v>0.45194897060934713</v>
      </c>
      <c r="B9872" s="1"/>
      <c r="C9872">
        <v>5</v>
      </c>
      <c r="D9872" t="s">
        <v>21026</v>
      </c>
      <c r="E9872" t="s">
        <v>33342</v>
      </c>
      <c r="F9872">
        <v>4</v>
      </c>
      <c r="G9872" t="s">
        <v>1426</v>
      </c>
      <c r="H9872" t="s">
        <v>21027</v>
      </c>
      <c r="I9872" t="s">
        <v>30540</v>
      </c>
    </row>
    <row r="9873" spans="1:9">
      <c r="A9873" s="1">
        <f ca="1">RAND()</f>
        <v>0.64855591047164429</v>
      </c>
      <c r="B9873" s="1"/>
      <c r="C9873">
        <v>7</v>
      </c>
      <c r="D9873" t="s">
        <v>21022</v>
      </c>
      <c r="E9873" t="s">
        <v>33343</v>
      </c>
      <c r="F9873">
        <v>5</v>
      </c>
      <c r="G9873" t="s">
        <v>14</v>
      </c>
      <c r="H9873" t="s">
        <v>21023</v>
      </c>
      <c r="I9873" t="s">
        <v>30540</v>
      </c>
    </row>
    <row r="9874" spans="1:9">
      <c r="A9874" s="1">
        <f ca="1">RAND()</f>
        <v>0.85531323769117951</v>
      </c>
      <c r="B9874" s="1"/>
      <c r="C9874">
        <v>18</v>
      </c>
      <c r="D9874" t="s">
        <v>21020</v>
      </c>
      <c r="E9874" t="s">
        <v>33344</v>
      </c>
      <c r="F9874">
        <v>5</v>
      </c>
      <c r="G9874" t="s">
        <v>14</v>
      </c>
      <c r="H9874" t="s">
        <v>21021</v>
      </c>
      <c r="I9874" t="s">
        <v>30540</v>
      </c>
    </row>
    <row r="9875" spans="1:9">
      <c r="A9875" s="1">
        <f ca="1">RAND()</f>
        <v>0.39573690692914676</v>
      </c>
      <c r="B9875" s="1"/>
      <c r="C9875">
        <v>1</v>
      </c>
      <c r="D9875" t="s">
        <v>21006</v>
      </c>
      <c r="E9875" t="s">
        <v>33344</v>
      </c>
      <c r="F9875">
        <v>5</v>
      </c>
      <c r="G9875" t="s">
        <v>13</v>
      </c>
      <c r="H9875" t="s">
        <v>21007</v>
      </c>
      <c r="I9875" t="s">
        <v>30540</v>
      </c>
    </row>
    <row r="9876" spans="1:9">
      <c r="A9876" s="1">
        <f ca="1">RAND()</f>
        <v>0.28871107170967059</v>
      </c>
      <c r="B9876" s="1"/>
      <c r="C9876">
        <v>15</v>
      </c>
      <c r="D9876" t="s">
        <v>21018</v>
      </c>
      <c r="E9876" t="s">
        <v>33344</v>
      </c>
      <c r="F9876">
        <v>4</v>
      </c>
      <c r="G9876" t="s">
        <v>13</v>
      </c>
      <c r="H9876" t="s">
        <v>21019</v>
      </c>
      <c r="I9876" t="s">
        <v>30540</v>
      </c>
    </row>
    <row r="9877" spans="1:9">
      <c r="A9877" s="1">
        <f ca="1">RAND()</f>
        <v>7.0581436295680811E-2</v>
      </c>
      <c r="B9877" s="1"/>
      <c r="C9877">
        <v>2</v>
      </c>
      <c r="D9877" t="s">
        <v>21008</v>
      </c>
      <c r="E9877" t="s">
        <v>33344</v>
      </c>
      <c r="F9877">
        <v>4</v>
      </c>
      <c r="G9877" t="s">
        <v>10</v>
      </c>
      <c r="H9877" t="s">
        <v>21009</v>
      </c>
      <c r="I9877" t="s">
        <v>30540</v>
      </c>
    </row>
    <row r="9878" spans="1:9">
      <c r="A9878" s="1">
        <f ca="1">RAND()</f>
        <v>0.36639582230632783</v>
      </c>
      <c r="B9878" s="1"/>
      <c r="C9878">
        <v>4</v>
      </c>
      <c r="D9878" t="s">
        <v>21010</v>
      </c>
      <c r="E9878" t="s">
        <v>33344</v>
      </c>
      <c r="F9878">
        <v>4</v>
      </c>
      <c r="G9878" t="s">
        <v>10</v>
      </c>
      <c r="H9878" t="s">
        <v>21011</v>
      </c>
      <c r="I9878" t="s">
        <v>30540</v>
      </c>
    </row>
    <row r="9879" spans="1:9">
      <c r="A9879" s="1">
        <f ca="1">RAND()</f>
        <v>0.90222753578284576</v>
      </c>
      <c r="B9879" s="1"/>
      <c r="C9879">
        <v>10</v>
      </c>
      <c r="D9879" t="s">
        <v>21014</v>
      </c>
      <c r="E9879" t="s">
        <v>33344</v>
      </c>
      <c r="F9879">
        <v>4</v>
      </c>
      <c r="G9879" t="s">
        <v>14</v>
      </c>
      <c r="H9879" t="s">
        <v>21015</v>
      </c>
      <c r="I9879" t="s">
        <v>30540</v>
      </c>
    </row>
    <row r="9880" spans="1:9">
      <c r="A9880" s="1">
        <f ca="1">RAND()</f>
        <v>0.61378225421298915</v>
      </c>
      <c r="B9880" s="1"/>
      <c r="C9880">
        <v>12</v>
      </c>
      <c r="D9880" t="s">
        <v>21016</v>
      </c>
      <c r="E9880" t="s">
        <v>33344</v>
      </c>
      <c r="F9880">
        <v>4</v>
      </c>
      <c r="G9880" t="s">
        <v>14</v>
      </c>
      <c r="H9880" t="s">
        <v>21017</v>
      </c>
      <c r="I9880" t="s">
        <v>30540</v>
      </c>
    </row>
    <row r="9881" spans="1:9">
      <c r="A9881" s="1">
        <f ca="1">RAND()</f>
        <v>0.32417002411042384</v>
      </c>
      <c r="B9881" s="1"/>
      <c r="C9881">
        <v>9</v>
      </c>
      <c r="D9881" t="s">
        <v>21012</v>
      </c>
      <c r="E9881" t="s">
        <v>33344</v>
      </c>
      <c r="F9881">
        <v>2</v>
      </c>
      <c r="G9881" t="s">
        <v>10</v>
      </c>
      <c r="H9881" t="s">
        <v>21013</v>
      </c>
      <c r="I9881" t="s">
        <v>30540</v>
      </c>
    </row>
    <row r="9882" spans="1:9">
      <c r="A9882" s="1">
        <f ca="1">RAND()</f>
        <v>0.99941325214436416</v>
      </c>
      <c r="B9882" s="1"/>
      <c r="C9882">
        <v>4</v>
      </c>
      <c r="D9882" t="s">
        <v>21002</v>
      </c>
      <c r="E9882" t="s">
        <v>33345</v>
      </c>
      <c r="F9882">
        <v>4</v>
      </c>
      <c r="G9882" t="s">
        <v>13</v>
      </c>
      <c r="H9882" t="s">
        <v>21003</v>
      </c>
      <c r="I9882" t="s">
        <v>30540</v>
      </c>
    </row>
    <row r="9883" spans="1:9">
      <c r="A9883" s="1">
        <f ca="1">RAND()</f>
        <v>0.57358043532982572</v>
      </c>
      <c r="B9883" s="1"/>
      <c r="C9883">
        <v>13</v>
      </c>
      <c r="D9883" t="s">
        <v>21004</v>
      </c>
      <c r="E9883" t="s">
        <v>33345</v>
      </c>
      <c r="F9883">
        <v>2</v>
      </c>
      <c r="G9883" t="s">
        <v>14</v>
      </c>
      <c r="H9883" t="s">
        <v>21005</v>
      </c>
      <c r="I9883" t="s">
        <v>30540</v>
      </c>
    </row>
    <row r="9884" spans="1:9">
      <c r="A9884" s="1">
        <f ca="1">RAND()</f>
        <v>0.42234354331323543</v>
      </c>
      <c r="B9884" s="1"/>
      <c r="C9884">
        <v>14</v>
      </c>
      <c r="D9884" t="s">
        <v>20996</v>
      </c>
      <c r="E9884" t="s">
        <v>33346</v>
      </c>
      <c r="F9884">
        <v>5</v>
      </c>
      <c r="G9884" t="s">
        <v>14</v>
      </c>
      <c r="H9884" t="s">
        <v>20997</v>
      </c>
      <c r="I9884" t="s">
        <v>30540</v>
      </c>
    </row>
    <row r="9885" spans="1:9">
      <c r="A9885" s="1">
        <f ca="1">RAND()</f>
        <v>0.46674148926351333</v>
      </c>
      <c r="B9885" s="1"/>
      <c r="C9885">
        <v>17</v>
      </c>
      <c r="D9885" t="s">
        <v>21000</v>
      </c>
      <c r="E9885" t="s">
        <v>33346</v>
      </c>
      <c r="F9885">
        <v>4</v>
      </c>
      <c r="G9885" t="s">
        <v>15</v>
      </c>
      <c r="H9885" t="s">
        <v>21001</v>
      </c>
      <c r="I9885" t="s">
        <v>30540</v>
      </c>
    </row>
    <row r="9886" spans="1:9">
      <c r="A9886" s="1">
        <f ca="1">RAND()</f>
        <v>0.92569989616670334</v>
      </c>
      <c r="B9886" s="1"/>
      <c r="C9886">
        <v>15</v>
      </c>
      <c r="D9886" t="s">
        <v>20998</v>
      </c>
      <c r="E9886" t="s">
        <v>33346</v>
      </c>
      <c r="F9886">
        <v>4</v>
      </c>
      <c r="G9886" t="s">
        <v>14</v>
      </c>
      <c r="H9886" t="s">
        <v>20999</v>
      </c>
      <c r="I9886" t="s">
        <v>30540</v>
      </c>
    </row>
    <row r="9887" spans="1:9">
      <c r="A9887" s="1">
        <f ca="1">RAND()</f>
        <v>0.28040836335121677</v>
      </c>
      <c r="B9887" s="1"/>
      <c r="C9887">
        <v>4</v>
      </c>
      <c r="D9887" t="s">
        <v>20990</v>
      </c>
      <c r="E9887" t="s">
        <v>33346</v>
      </c>
      <c r="F9887">
        <v>4</v>
      </c>
      <c r="G9887" t="s">
        <v>2</v>
      </c>
      <c r="H9887" t="s">
        <v>20991</v>
      </c>
      <c r="I9887" t="s">
        <v>30540</v>
      </c>
    </row>
    <row r="9888" spans="1:9">
      <c r="A9888" s="1">
        <f ca="1">RAND()</f>
        <v>0.56084955272748471</v>
      </c>
      <c r="B9888" s="1"/>
      <c r="C9888">
        <v>8</v>
      </c>
      <c r="D9888" t="s">
        <v>20992</v>
      </c>
      <c r="E9888" t="s">
        <v>33346</v>
      </c>
      <c r="F9888">
        <v>4</v>
      </c>
      <c r="G9888" t="s">
        <v>10</v>
      </c>
      <c r="H9888" t="s">
        <v>20993</v>
      </c>
      <c r="I9888" t="s">
        <v>30540</v>
      </c>
    </row>
    <row r="9889" spans="1:9">
      <c r="A9889" s="1">
        <f ca="1">RAND()</f>
        <v>0.2568622033414063</v>
      </c>
      <c r="B9889" s="1"/>
      <c r="C9889">
        <v>13</v>
      </c>
      <c r="D9889" t="s">
        <v>20994</v>
      </c>
      <c r="E9889" t="s">
        <v>33346</v>
      </c>
      <c r="F9889">
        <v>4</v>
      </c>
      <c r="G9889" t="s">
        <v>14</v>
      </c>
      <c r="H9889" t="s">
        <v>20995</v>
      </c>
      <c r="I9889" t="s">
        <v>30540</v>
      </c>
    </row>
    <row r="9890" spans="1:9">
      <c r="A9890" s="1">
        <f ca="1">RAND()</f>
        <v>0.24420689702294884</v>
      </c>
      <c r="B9890" s="1"/>
      <c r="C9890">
        <v>1</v>
      </c>
      <c r="D9890" t="s">
        <v>20988</v>
      </c>
      <c r="E9890" t="s">
        <v>33346</v>
      </c>
      <c r="F9890">
        <v>4</v>
      </c>
      <c r="G9890" t="s">
        <v>10</v>
      </c>
      <c r="H9890" t="s">
        <v>20989</v>
      </c>
      <c r="I9890" t="s">
        <v>30540</v>
      </c>
    </row>
    <row r="9891" spans="1:9">
      <c r="A9891" s="1">
        <f ca="1">RAND()</f>
        <v>0.26226072589981841</v>
      </c>
      <c r="B9891" s="1"/>
      <c r="C9891">
        <v>9</v>
      </c>
      <c r="D9891" t="s">
        <v>20980</v>
      </c>
      <c r="E9891" t="s">
        <v>33347</v>
      </c>
      <c r="F9891">
        <v>5</v>
      </c>
      <c r="G9891" t="s">
        <v>1295</v>
      </c>
      <c r="H9891" t="s">
        <v>20981</v>
      </c>
      <c r="I9891" t="s">
        <v>30540</v>
      </c>
    </row>
    <row r="9892" spans="1:9">
      <c r="A9892" s="1">
        <f ca="1">RAND()</f>
        <v>0.80473065763458163</v>
      </c>
      <c r="B9892" s="1"/>
      <c r="C9892">
        <v>10</v>
      </c>
      <c r="D9892" t="s">
        <v>20982</v>
      </c>
      <c r="E9892" t="s">
        <v>33347</v>
      </c>
      <c r="F9892">
        <v>5</v>
      </c>
      <c r="G9892" t="s">
        <v>14</v>
      </c>
      <c r="H9892" t="s">
        <v>20983</v>
      </c>
      <c r="I9892" t="s">
        <v>30540</v>
      </c>
    </row>
    <row r="9893" spans="1:9">
      <c r="A9893" s="1">
        <f ca="1">RAND()</f>
        <v>0.97904739777980399</v>
      </c>
      <c r="B9893" s="1"/>
      <c r="C9893">
        <v>20</v>
      </c>
      <c r="D9893" t="s">
        <v>20986</v>
      </c>
      <c r="E9893" t="s">
        <v>33347</v>
      </c>
      <c r="F9893">
        <v>5</v>
      </c>
      <c r="G9893" t="s">
        <v>14</v>
      </c>
      <c r="H9893" t="s">
        <v>20987</v>
      </c>
      <c r="I9893" t="s">
        <v>30540</v>
      </c>
    </row>
    <row r="9894" spans="1:9">
      <c r="A9894" s="1">
        <f ca="1">RAND()</f>
        <v>0.16087201633012538</v>
      </c>
      <c r="B9894" s="1"/>
      <c r="C9894">
        <v>19</v>
      </c>
      <c r="D9894" t="s">
        <v>20984</v>
      </c>
      <c r="E9894" t="s">
        <v>33347</v>
      </c>
      <c r="F9894">
        <v>4</v>
      </c>
      <c r="G9894" t="s">
        <v>1426</v>
      </c>
      <c r="H9894" t="s">
        <v>20985</v>
      </c>
      <c r="I9894" t="s">
        <v>30540</v>
      </c>
    </row>
    <row r="9895" spans="1:9">
      <c r="A9895" s="1">
        <f ca="1">RAND()</f>
        <v>0.27296385626797526</v>
      </c>
      <c r="B9895" s="1"/>
      <c r="C9895">
        <v>13</v>
      </c>
      <c r="D9895" t="s">
        <v>20978</v>
      </c>
      <c r="E9895" t="s">
        <v>33348</v>
      </c>
      <c r="F9895">
        <v>4</v>
      </c>
      <c r="G9895" t="s">
        <v>14</v>
      </c>
      <c r="H9895" t="s">
        <v>20979</v>
      </c>
      <c r="I9895" t="s">
        <v>30540</v>
      </c>
    </row>
    <row r="9896" spans="1:9">
      <c r="A9896" s="1">
        <f ca="1">RAND()</f>
        <v>0.22971688047584715</v>
      </c>
      <c r="B9896" s="1"/>
      <c r="C9896">
        <v>5</v>
      </c>
      <c r="D9896" t="s">
        <v>20976</v>
      </c>
      <c r="E9896" t="s">
        <v>33348</v>
      </c>
      <c r="F9896">
        <v>2</v>
      </c>
      <c r="G9896" t="s">
        <v>14</v>
      </c>
      <c r="H9896" t="s">
        <v>20977</v>
      </c>
      <c r="I9896" t="s">
        <v>30540</v>
      </c>
    </row>
    <row r="9897" spans="1:9">
      <c r="A9897" s="1">
        <f ca="1">RAND()</f>
        <v>0.71256070016575346</v>
      </c>
      <c r="B9897" s="1"/>
      <c r="C9897">
        <v>6</v>
      </c>
      <c r="D9897" t="s">
        <v>20966</v>
      </c>
      <c r="E9897" t="s">
        <v>33349</v>
      </c>
      <c r="F9897">
        <v>4</v>
      </c>
      <c r="G9897" t="s">
        <v>14</v>
      </c>
      <c r="H9897" t="s">
        <v>20967</v>
      </c>
      <c r="I9897" t="s">
        <v>30540</v>
      </c>
    </row>
    <row r="9898" spans="1:9">
      <c r="A9898" s="1">
        <f ca="1">RAND()</f>
        <v>0.65575714912380578</v>
      </c>
      <c r="B9898" s="1"/>
      <c r="C9898">
        <v>8</v>
      </c>
      <c r="D9898" t="s">
        <v>20968</v>
      </c>
      <c r="E9898" t="s">
        <v>33349</v>
      </c>
      <c r="F9898">
        <v>4</v>
      </c>
      <c r="G9898" t="s">
        <v>14</v>
      </c>
      <c r="H9898" t="s">
        <v>20969</v>
      </c>
      <c r="I9898" t="s">
        <v>30540</v>
      </c>
    </row>
    <row r="9899" spans="1:9">
      <c r="A9899" s="1">
        <f ca="1">RAND()</f>
        <v>0.11538437354135489</v>
      </c>
      <c r="B9899" s="1"/>
      <c r="C9899">
        <v>9</v>
      </c>
      <c r="D9899" t="s">
        <v>20970</v>
      </c>
      <c r="E9899" t="s">
        <v>33349</v>
      </c>
      <c r="F9899">
        <v>4</v>
      </c>
      <c r="G9899" t="s">
        <v>13</v>
      </c>
      <c r="H9899" t="s">
        <v>20971</v>
      </c>
      <c r="I9899" t="s">
        <v>30540</v>
      </c>
    </row>
    <row r="9900" spans="1:9">
      <c r="A9900" s="1">
        <f ca="1">RAND()</f>
        <v>5.5038929363661393E-2</v>
      </c>
      <c r="B9900" s="1"/>
      <c r="C9900">
        <v>16</v>
      </c>
      <c r="D9900" t="s">
        <v>20974</v>
      </c>
      <c r="E9900" t="s">
        <v>33349</v>
      </c>
      <c r="F9900">
        <v>3</v>
      </c>
      <c r="G9900" t="s">
        <v>14</v>
      </c>
      <c r="H9900" t="s">
        <v>20975</v>
      </c>
      <c r="I9900" t="s">
        <v>30540</v>
      </c>
    </row>
    <row r="9901" spans="1:9">
      <c r="A9901" s="1">
        <f ca="1">RAND()</f>
        <v>8.6835156723277462E-2</v>
      </c>
      <c r="B9901" s="1"/>
      <c r="C9901">
        <v>13</v>
      </c>
      <c r="D9901" t="s">
        <v>20972</v>
      </c>
      <c r="E9901" t="s">
        <v>33349</v>
      </c>
      <c r="F9901">
        <v>2</v>
      </c>
      <c r="G9901" t="s">
        <v>9</v>
      </c>
      <c r="H9901" t="s">
        <v>20973</v>
      </c>
      <c r="I9901" t="s">
        <v>30540</v>
      </c>
    </row>
    <row r="9902" spans="1:9">
      <c r="A9902" s="1">
        <f ca="1">RAND()</f>
        <v>0.86629310664521075</v>
      </c>
      <c r="B9902" s="1"/>
      <c r="C9902">
        <v>12</v>
      </c>
      <c r="D9902" t="s">
        <v>20960</v>
      </c>
      <c r="E9902" t="s">
        <v>33350</v>
      </c>
      <c r="F9902">
        <v>4</v>
      </c>
      <c r="G9902" t="s">
        <v>14</v>
      </c>
      <c r="H9902" t="s">
        <v>20961</v>
      </c>
      <c r="I9902" t="s">
        <v>30540</v>
      </c>
    </row>
    <row r="9903" spans="1:9">
      <c r="A9903" s="1">
        <f ca="1">RAND()</f>
        <v>0.18905478947688692</v>
      </c>
      <c r="B9903" s="1"/>
      <c r="C9903">
        <v>13</v>
      </c>
      <c r="D9903" t="s">
        <v>20962</v>
      </c>
      <c r="E9903" t="s">
        <v>33350</v>
      </c>
      <c r="F9903">
        <v>4</v>
      </c>
      <c r="G9903" t="s">
        <v>0</v>
      </c>
      <c r="H9903" t="s">
        <v>20963</v>
      </c>
      <c r="I9903" t="s">
        <v>30540</v>
      </c>
    </row>
    <row r="9904" spans="1:9">
      <c r="A9904" s="1">
        <f ca="1">RAND()</f>
        <v>0.32016756605742713</v>
      </c>
      <c r="B9904" s="1"/>
      <c r="C9904">
        <v>14</v>
      </c>
      <c r="D9904" t="s">
        <v>20964</v>
      </c>
      <c r="E9904" t="s">
        <v>33350</v>
      </c>
      <c r="F9904">
        <v>3</v>
      </c>
      <c r="G9904" t="s">
        <v>14</v>
      </c>
      <c r="H9904" t="s">
        <v>20965</v>
      </c>
      <c r="I9904" t="s">
        <v>30540</v>
      </c>
    </row>
    <row r="9905" spans="1:9">
      <c r="A9905" s="1">
        <f ca="1">RAND()</f>
        <v>0.91164829113410573</v>
      </c>
      <c r="B9905" s="1"/>
      <c r="C9905">
        <v>9</v>
      </c>
      <c r="D9905" t="s">
        <v>20958</v>
      </c>
      <c r="E9905" t="s">
        <v>33350</v>
      </c>
      <c r="F9905">
        <v>2</v>
      </c>
      <c r="G9905" t="s">
        <v>14</v>
      </c>
      <c r="H9905" t="s">
        <v>20959</v>
      </c>
      <c r="I9905" t="s">
        <v>30540</v>
      </c>
    </row>
    <row r="9906" spans="1:9">
      <c r="A9906" s="1">
        <f ca="1">RAND()</f>
        <v>0.8585204381683631</v>
      </c>
      <c r="B9906" s="1"/>
      <c r="C9906">
        <v>5</v>
      </c>
      <c r="D9906" t="s">
        <v>20954</v>
      </c>
      <c r="E9906" t="s">
        <v>33351</v>
      </c>
      <c r="F9906">
        <v>5</v>
      </c>
      <c r="G9906" t="s">
        <v>10</v>
      </c>
      <c r="H9906" t="s">
        <v>20955</v>
      </c>
      <c r="I9906" t="s">
        <v>30540</v>
      </c>
    </row>
    <row r="9907" spans="1:9">
      <c r="A9907" s="1">
        <f ca="1">RAND()</f>
        <v>0.97937462876573822</v>
      </c>
      <c r="B9907" s="1"/>
      <c r="C9907">
        <v>12</v>
      </c>
      <c r="D9907" t="s">
        <v>20956</v>
      </c>
      <c r="E9907" t="s">
        <v>33351</v>
      </c>
      <c r="F9907">
        <v>4</v>
      </c>
      <c r="G9907" t="s">
        <v>14</v>
      </c>
      <c r="H9907" t="s">
        <v>20957</v>
      </c>
      <c r="I9907" t="s">
        <v>30540</v>
      </c>
    </row>
    <row r="9908" spans="1:9">
      <c r="A9908" s="1">
        <f ca="1">RAND()</f>
        <v>0.71191195502684523</v>
      </c>
      <c r="B9908" s="1"/>
      <c r="C9908">
        <v>18</v>
      </c>
      <c r="D9908" t="s">
        <v>20952</v>
      </c>
      <c r="E9908" t="s">
        <v>33352</v>
      </c>
      <c r="F9908">
        <v>4</v>
      </c>
      <c r="G9908" t="s">
        <v>3732</v>
      </c>
      <c r="H9908" t="s">
        <v>20953</v>
      </c>
      <c r="I9908" t="s">
        <v>30540</v>
      </c>
    </row>
    <row r="9909" spans="1:9">
      <c r="A9909" s="1">
        <f ca="1">RAND()</f>
        <v>0.40605625864041284</v>
      </c>
      <c r="B9909" s="1"/>
      <c r="C9909">
        <v>1</v>
      </c>
      <c r="D9909" t="s">
        <v>20944</v>
      </c>
      <c r="E9909" t="s">
        <v>33352</v>
      </c>
      <c r="F9909">
        <v>4</v>
      </c>
      <c r="G9909" t="s">
        <v>775</v>
      </c>
      <c r="H9909" t="s">
        <v>20945</v>
      </c>
      <c r="I9909" t="s">
        <v>30540</v>
      </c>
    </row>
    <row r="9910" spans="1:9">
      <c r="A9910" s="1">
        <f ca="1">RAND()</f>
        <v>0.70007541998729539</v>
      </c>
      <c r="B9910" s="1"/>
      <c r="C9910">
        <v>14</v>
      </c>
      <c r="D9910" t="s">
        <v>20950</v>
      </c>
      <c r="E9910" t="s">
        <v>33352</v>
      </c>
      <c r="F9910">
        <v>4</v>
      </c>
      <c r="G9910" t="s">
        <v>14</v>
      </c>
      <c r="H9910" t="s">
        <v>20951</v>
      </c>
      <c r="I9910" t="s">
        <v>30540</v>
      </c>
    </row>
    <row r="9911" spans="1:9">
      <c r="A9911" s="1">
        <f ca="1">RAND()</f>
        <v>0.33336100193273621</v>
      </c>
      <c r="B9911" s="1"/>
      <c r="C9911">
        <v>7</v>
      </c>
      <c r="D9911" t="s">
        <v>20946</v>
      </c>
      <c r="E9911" t="s">
        <v>33352</v>
      </c>
      <c r="F9911">
        <v>4</v>
      </c>
      <c r="G9911" t="s">
        <v>3107</v>
      </c>
      <c r="H9911" t="s">
        <v>20947</v>
      </c>
      <c r="I9911" t="s">
        <v>30540</v>
      </c>
    </row>
    <row r="9912" spans="1:9">
      <c r="A9912" s="1">
        <f ca="1">RAND()</f>
        <v>0.705943117734114</v>
      </c>
      <c r="B9912" s="1"/>
      <c r="C9912">
        <v>11</v>
      </c>
      <c r="D9912" t="s">
        <v>20948</v>
      </c>
      <c r="E9912" t="s">
        <v>33352</v>
      </c>
      <c r="F9912">
        <v>2</v>
      </c>
      <c r="G9912" t="s">
        <v>14</v>
      </c>
      <c r="H9912" t="s">
        <v>20949</v>
      </c>
      <c r="I9912" t="s">
        <v>30540</v>
      </c>
    </row>
    <row r="9913" spans="1:9">
      <c r="A9913" s="1">
        <f ca="1">RAND()</f>
        <v>0.94451823945315183</v>
      </c>
      <c r="B9913" s="1"/>
      <c r="C9913">
        <v>10</v>
      </c>
      <c r="D9913" t="s">
        <v>20940</v>
      </c>
      <c r="E9913" t="s">
        <v>33353</v>
      </c>
      <c r="F9913">
        <v>4</v>
      </c>
      <c r="G9913" t="s">
        <v>9</v>
      </c>
      <c r="H9913" t="s">
        <v>20941</v>
      </c>
      <c r="I9913" t="s">
        <v>30540</v>
      </c>
    </row>
    <row r="9914" spans="1:9">
      <c r="A9914" s="1">
        <f ca="1">RAND()</f>
        <v>0.43231760931575536</v>
      </c>
      <c r="B9914" s="1"/>
      <c r="C9914">
        <v>14</v>
      </c>
      <c r="D9914" t="s">
        <v>20942</v>
      </c>
      <c r="E9914" t="s">
        <v>33353</v>
      </c>
      <c r="F9914">
        <v>3</v>
      </c>
      <c r="G9914" t="s">
        <v>9</v>
      </c>
      <c r="H9914" t="s">
        <v>20943</v>
      </c>
      <c r="I9914" t="s">
        <v>30540</v>
      </c>
    </row>
    <row r="9915" spans="1:9">
      <c r="A9915" s="1">
        <f ca="1">RAND()</f>
        <v>0.25955291736627173</v>
      </c>
      <c r="B9915" s="1"/>
      <c r="C9915">
        <v>8</v>
      </c>
      <c r="D9915" t="s">
        <v>20938</v>
      </c>
      <c r="E9915" t="s">
        <v>33354</v>
      </c>
      <c r="F9915">
        <v>4</v>
      </c>
      <c r="G9915" t="s">
        <v>9</v>
      </c>
      <c r="H9915" t="s">
        <v>20939</v>
      </c>
      <c r="I9915" t="s">
        <v>30540</v>
      </c>
    </row>
    <row r="9916" spans="1:9">
      <c r="A9916" s="1">
        <f ca="1">RAND()</f>
        <v>0.8754099627666484</v>
      </c>
      <c r="B9916" s="1"/>
      <c r="C9916">
        <v>1</v>
      </c>
      <c r="D9916" t="s">
        <v>20934</v>
      </c>
      <c r="E9916" t="s">
        <v>33354</v>
      </c>
      <c r="F9916">
        <v>4</v>
      </c>
      <c r="G9916" t="s">
        <v>15</v>
      </c>
      <c r="H9916" t="s">
        <v>20935</v>
      </c>
      <c r="I9916" t="s">
        <v>30540</v>
      </c>
    </row>
    <row r="9917" spans="1:9">
      <c r="A9917" s="1">
        <f ca="1">RAND()</f>
        <v>0.46681810603051177</v>
      </c>
      <c r="B9917" s="1"/>
      <c r="C9917">
        <v>2</v>
      </c>
      <c r="D9917" t="s">
        <v>20936</v>
      </c>
      <c r="E9917" t="s">
        <v>33354</v>
      </c>
      <c r="F9917">
        <v>4</v>
      </c>
      <c r="G9917" t="s">
        <v>9</v>
      </c>
      <c r="H9917" t="s">
        <v>20937</v>
      </c>
      <c r="I9917" t="s">
        <v>30540</v>
      </c>
    </row>
    <row r="9918" spans="1:9">
      <c r="A9918" s="1">
        <f ca="1">RAND()</f>
        <v>2.1610869874844396E-2</v>
      </c>
      <c r="B9918" s="1"/>
      <c r="C9918">
        <v>12</v>
      </c>
      <c r="D9918" t="s">
        <v>20932</v>
      </c>
      <c r="E9918" t="s">
        <v>33355</v>
      </c>
      <c r="F9918">
        <v>4</v>
      </c>
      <c r="G9918" t="s">
        <v>9</v>
      </c>
      <c r="H9918" t="s">
        <v>20933</v>
      </c>
      <c r="I9918" t="s">
        <v>30540</v>
      </c>
    </row>
    <row r="9919" spans="1:9">
      <c r="A9919" s="1">
        <f ca="1">RAND()</f>
        <v>0.79919097130928518</v>
      </c>
      <c r="B9919" s="1"/>
      <c r="C9919">
        <v>2</v>
      </c>
      <c r="D9919" t="s">
        <v>20928</v>
      </c>
      <c r="E9919" t="s">
        <v>33355</v>
      </c>
      <c r="F9919">
        <v>4</v>
      </c>
      <c r="G9919" t="s">
        <v>2</v>
      </c>
      <c r="H9919" t="s">
        <v>20929</v>
      </c>
      <c r="I9919" t="s">
        <v>30540</v>
      </c>
    </row>
    <row r="9920" spans="1:9">
      <c r="A9920" s="1">
        <f ca="1">RAND()</f>
        <v>0.7170844380966731</v>
      </c>
      <c r="B9920" s="1"/>
      <c r="C9920">
        <v>11</v>
      </c>
      <c r="D9920" t="s">
        <v>20930</v>
      </c>
      <c r="E9920" t="s">
        <v>33355</v>
      </c>
      <c r="F9920">
        <v>4</v>
      </c>
      <c r="G9920" t="s">
        <v>9</v>
      </c>
      <c r="H9920" t="s">
        <v>20931</v>
      </c>
      <c r="I9920" t="s">
        <v>30540</v>
      </c>
    </row>
    <row r="9921" spans="1:9">
      <c r="A9921" s="1">
        <f ca="1">RAND()</f>
        <v>0.84852805039296186</v>
      </c>
      <c r="B9921" s="1"/>
      <c r="C9921">
        <v>12</v>
      </c>
      <c r="D9921" t="s">
        <v>20926</v>
      </c>
      <c r="E9921" t="s">
        <v>33356</v>
      </c>
      <c r="F9921">
        <v>5</v>
      </c>
      <c r="G9921" t="s">
        <v>9</v>
      </c>
      <c r="H9921" t="s">
        <v>20927</v>
      </c>
      <c r="I9921" t="s">
        <v>30540</v>
      </c>
    </row>
    <row r="9922" spans="1:9">
      <c r="A9922" s="1">
        <f ca="1">RAND()</f>
        <v>0.71759699636875951</v>
      </c>
      <c r="B9922" s="1"/>
      <c r="C9922">
        <v>10</v>
      </c>
      <c r="D9922" t="s">
        <v>20924</v>
      </c>
      <c r="E9922" t="s">
        <v>33356</v>
      </c>
      <c r="F9922">
        <v>4</v>
      </c>
      <c r="G9922" t="s">
        <v>9</v>
      </c>
      <c r="H9922" t="s">
        <v>20925</v>
      </c>
      <c r="I9922" t="s">
        <v>30540</v>
      </c>
    </row>
    <row r="9923" spans="1:9">
      <c r="A9923" s="1">
        <f ca="1">RAND()</f>
        <v>0.30336110578306896</v>
      </c>
      <c r="B9923" s="1"/>
      <c r="C9923">
        <v>7</v>
      </c>
      <c r="D9923" t="s">
        <v>20920</v>
      </c>
      <c r="E9923" t="s">
        <v>33356</v>
      </c>
      <c r="F9923">
        <v>4</v>
      </c>
      <c r="G9923" t="s">
        <v>9</v>
      </c>
      <c r="H9923" t="s">
        <v>20921</v>
      </c>
      <c r="I9923" t="s">
        <v>30540</v>
      </c>
    </row>
    <row r="9924" spans="1:9">
      <c r="A9924" s="1">
        <f ca="1">RAND()</f>
        <v>0.2433045567756088</v>
      </c>
      <c r="B9924" s="1"/>
      <c r="C9924">
        <v>3</v>
      </c>
      <c r="D9924" t="s">
        <v>20918</v>
      </c>
      <c r="E9924" t="s">
        <v>33356</v>
      </c>
      <c r="F9924">
        <v>4</v>
      </c>
      <c r="G9924" t="s">
        <v>15</v>
      </c>
      <c r="H9924" t="s">
        <v>20919</v>
      </c>
      <c r="I9924" t="s">
        <v>30540</v>
      </c>
    </row>
    <row r="9925" spans="1:9">
      <c r="A9925" s="1">
        <f ca="1">RAND()</f>
        <v>0.62844328214102152</v>
      </c>
      <c r="B9925" s="1"/>
      <c r="C9925">
        <v>9</v>
      </c>
      <c r="D9925" t="s">
        <v>20922</v>
      </c>
      <c r="E9925" t="s">
        <v>33356</v>
      </c>
      <c r="F9925">
        <v>2</v>
      </c>
      <c r="G9925" t="s">
        <v>15</v>
      </c>
      <c r="H9925" t="s">
        <v>20923</v>
      </c>
      <c r="I9925" t="s">
        <v>30540</v>
      </c>
    </row>
    <row r="9926" spans="1:9">
      <c r="A9926" s="1">
        <f ca="1">RAND()</f>
        <v>0.45065843535594141</v>
      </c>
      <c r="B9926" s="1"/>
      <c r="C9926">
        <v>2</v>
      </c>
      <c r="D9926" t="s">
        <v>20914</v>
      </c>
      <c r="E9926" t="s">
        <v>33357</v>
      </c>
      <c r="F9926">
        <v>5</v>
      </c>
      <c r="G9926" t="s">
        <v>2</v>
      </c>
      <c r="H9926" t="s">
        <v>20915</v>
      </c>
      <c r="I9926" t="s">
        <v>30540</v>
      </c>
    </row>
    <row r="9927" spans="1:9">
      <c r="A9927" s="1">
        <f ca="1">RAND()</f>
        <v>0.515188258898445</v>
      </c>
      <c r="B9927" s="1"/>
      <c r="C9927">
        <v>16</v>
      </c>
      <c r="D9927" t="s">
        <v>20916</v>
      </c>
      <c r="E9927" t="s">
        <v>33357</v>
      </c>
      <c r="F9927">
        <v>4</v>
      </c>
      <c r="G9927" t="s">
        <v>9</v>
      </c>
      <c r="H9927" t="s">
        <v>20917</v>
      </c>
      <c r="I9927" t="s">
        <v>30540</v>
      </c>
    </row>
    <row r="9928" spans="1:9">
      <c r="A9928" s="1">
        <f ca="1">RAND()</f>
        <v>0.6186953901974781</v>
      </c>
      <c r="B9928" s="1"/>
      <c r="C9928">
        <v>9</v>
      </c>
      <c r="D9928" t="s">
        <v>20912</v>
      </c>
      <c r="E9928" t="s">
        <v>33358</v>
      </c>
      <c r="F9928">
        <v>4</v>
      </c>
      <c r="G9928" t="s">
        <v>9</v>
      </c>
      <c r="H9928" t="s">
        <v>20913</v>
      </c>
      <c r="I9928" t="s">
        <v>30540</v>
      </c>
    </row>
    <row r="9929" spans="1:9">
      <c r="A9929" s="1">
        <f ca="1">RAND()</f>
        <v>0.8107807458493872</v>
      </c>
      <c r="B9929" s="1"/>
      <c r="C9929">
        <v>6</v>
      </c>
      <c r="D9929" t="s">
        <v>20908</v>
      </c>
      <c r="E9929" t="s">
        <v>33359</v>
      </c>
      <c r="F9929">
        <v>5</v>
      </c>
      <c r="G9929" t="s">
        <v>9</v>
      </c>
      <c r="H9929" t="s">
        <v>20909</v>
      </c>
      <c r="I9929" t="s">
        <v>30540</v>
      </c>
    </row>
    <row r="9930" spans="1:9">
      <c r="A9930" s="1">
        <f ca="1">RAND()</f>
        <v>0.84137034375238129</v>
      </c>
      <c r="B9930" s="1"/>
      <c r="C9930">
        <v>13</v>
      </c>
      <c r="D9930" t="s">
        <v>20910</v>
      </c>
      <c r="E9930" t="s">
        <v>33359</v>
      </c>
      <c r="F9930">
        <v>4</v>
      </c>
      <c r="G9930" t="s">
        <v>9</v>
      </c>
      <c r="H9930" t="s">
        <v>20911</v>
      </c>
      <c r="I9930" t="s">
        <v>30540</v>
      </c>
    </row>
    <row r="9931" spans="1:9">
      <c r="A9931" s="1">
        <f ca="1">RAND()</f>
        <v>0.29099256360891212</v>
      </c>
      <c r="B9931" s="1"/>
      <c r="C9931">
        <v>10</v>
      </c>
      <c r="D9931" t="s">
        <v>20902</v>
      </c>
      <c r="E9931" t="s">
        <v>33360</v>
      </c>
      <c r="F9931">
        <v>5</v>
      </c>
      <c r="G9931" t="s">
        <v>9</v>
      </c>
      <c r="H9931" t="s">
        <v>20903</v>
      </c>
      <c r="I9931" t="s">
        <v>30540</v>
      </c>
    </row>
    <row r="9932" spans="1:9">
      <c r="A9932" s="1">
        <f ca="1">RAND()</f>
        <v>0.38836030326487458</v>
      </c>
      <c r="B9932" s="1"/>
      <c r="C9932">
        <v>1</v>
      </c>
      <c r="D9932" t="s">
        <v>20900</v>
      </c>
      <c r="E9932" t="s">
        <v>33360</v>
      </c>
      <c r="F9932">
        <v>4</v>
      </c>
      <c r="G9932" t="s">
        <v>15</v>
      </c>
      <c r="H9932" t="s">
        <v>20901</v>
      </c>
      <c r="I9932" t="s">
        <v>30540</v>
      </c>
    </row>
    <row r="9933" spans="1:9">
      <c r="A9933" s="1">
        <f ca="1">RAND()</f>
        <v>0.49851967435228339</v>
      </c>
      <c r="B9933" s="1"/>
      <c r="C9933">
        <v>11</v>
      </c>
      <c r="D9933" t="s">
        <v>20904</v>
      </c>
      <c r="E9933" t="s">
        <v>33360</v>
      </c>
      <c r="F9933">
        <v>4</v>
      </c>
      <c r="G9933" t="s">
        <v>15</v>
      </c>
      <c r="H9933" t="s">
        <v>20905</v>
      </c>
      <c r="I9933" t="s">
        <v>30540</v>
      </c>
    </row>
    <row r="9934" spans="1:9">
      <c r="A9934" s="1">
        <f ca="1">RAND()</f>
        <v>0.5150377521983317</v>
      </c>
      <c r="B9934" s="1"/>
      <c r="C9934">
        <v>15</v>
      </c>
      <c r="D9934" t="s">
        <v>20906</v>
      </c>
      <c r="E9934" t="s">
        <v>33360</v>
      </c>
      <c r="F9934">
        <v>2</v>
      </c>
      <c r="G9934" t="s">
        <v>9</v>
      </c>
      <c r="H9934" t="s">
        <v>20907</v>
      </c>
      <c r="I9934" t="s">
        <v>30540</v>
      </c>
    </row>
    <row r="9935" spans="1:9">
      <c r="A9935" s="1">
        <f ca="1">RAND()</f>
        <v>0.21820100921170016</v>
      </c>
      <c r="B9935" s="1"/>
      <c r="C9935">
        <v>7</v>
      </c>
      <c r="D9935" t="s">
        <v>20896</v>
      </c>
      <c r="E9935" t="s">
        <v>33361</v>
      </c>
      <c r="F9935">
        <v>4</v>
      </c>
      <c r="G9935" t="s">
        <v>14</v>
      </c>
      <c r="H9935" t="s">
        <v>20897</v>
      </c>
      <c r="I9935" t="s">
        <v>30540</v>
      </c>
    </row>
    <row r="9936" spans="1:9">
      <c r="A9936" s="1">
        <f ca="1">RAND()</f>
        <v>0.90512862637619618</v>
      </c>
      <c r="B9936" s="1"/>
      <c r="C9936">
        <v>5</v>
      </c>
      <c r="D9936" t="s">
        <v>20894</v>
      </c>
      <c r="E9936" t="s">
        <v>33361</v>
      </c>
      <c r="F9936">
        <v>4</v>
      </c>
      <c r="G9936" t="s">
        <v>14</v>
      </c>
      <c r="H9936" t="s">
        <v>20895</v>
      </c>
      <c r="I9936" t="s">
        <v>30540</v>
      </c>
    </row>
    <row r="9937" spans="1:9">
      <c r="A9937" s="1">
        <f ca="1">RAND()</f>
        <v>0.62009054711632938</v>
      </c>
      <c r="B9937" s="1"/>
      <c r="C9937">
        <v>11</v>
      </c>
      <c r="D9937" t="s">
        <v>20898</v>
      </c>
      <c r="E9937" t="s">
        <v>33361</v>
      </c>
      <c r="F9937">
        <v>4</v>
      </c>
      <c r="G9937" t="s">
        <v>14</v>
      </c>
      <c r="H9937" t="s">
        <v>20899</v>
      </c>
      <c r="I9937" t="s">
        <v>30540</v>
      </c>
    </row>
    <row r="9938" spans="1:9">
      <c r="A9938" s="1">
        <f ca="1">RAND()</f>
        <v>0.74177354995089728</v>
      </c>
      <c r="B9938" s="1"/>
      <c r="C9938">
        <v>14</v>
      </c>
      <c r="D9938" t="s">
        <v>20892</v>
      </c>
      <c r="E9938" t="s">
        <v>33362</v>
      </c>
      <c r="F9938">
        <v>4</v>
      </c>
      <c r="G9938" t="s">
        <v>14</v>
      </c>
      <c r="H9938" t="s">
        <v>20893</v>
      </c>
      <c r="I9938" t="s">
        <v>30540</v>
      </c>
    </row>
    <row r="9939" spans="1:9">
      <c r="A9939" s="1">
        <f ca="1">RAND()</f>
        <v>0.75310806163767097</v>
      </c>
      <c r="B9939" s="1"/>
      <c r="C9939">
        <v>13</v>
      </c>
      <c r="D9939" t="s">
        <v>20890</v>
      </c>
      <c r="E9939" t="s">
        <v>33362</v>
      </c>
      <c r="F9939">
        <v>4</v>
      </c>
      <c r="G9939" t="s">
        <v>14</v>
      </c>
      <c r="H9939" t="s">
        <v>20891</v>
      </c>
      <c r="I9939" t="s">
        <v>30540</v>
      </c>
    </row>
    <row r="9940" spans="1:9">
      <c r="A9940" s="1">
        <f ca="1">RAND()</f>
        <v>0.56988222005022515</v>
      </c>
      <c r="B9940" s="1"/>
      <c r="C9940">
        <v>9</v>
      </c>
      <c r="D9940" t="s">
        <v>20888</v>
      </c>
      <c r="E9940" t="s">
        <v>33362</v>
      </c>
      <c r="F9940">
        <v>4</v>
      </c>
      <c r="G9940" t="s">
        <v>0</v>
      </c>
      <c r="H9940" t="s">
        <v>20889</v>
      </c>
      <c r="I9940" t="s">
        <v>30540</v>
      </c>
    </row>
    <row r="9941" spans="1:9">
      <c r="A9941" s="1">
        <f ca="1">RAND()</f>
        <v>0.58828170387070533</v>
      </c>
      <c r="B9941" s="1"/>
      <c r="C9941">
        <v>14</v>
      </c>
      <c r="D9941" t="s">
        <v>20884</v>
      </c>
      <c r="E9941" t="s">
        <v>33363</v>
      </c>
      <c r="F9941">
        <v>5</v>
      </c>
      <c r="G9941" t="s">
        <v>10</v>
      </c>
      <c r="H9941" t="s">
        <v>20885</v>
      </c>
      <c r="I9941" t="s">
        <v>30540</v>
      </c>
    </row>
    <row r="9942" spans="1:9">
      <c r="A9942" s="1">
        <f ca="1">RAND()</f>
        <v>0.78408843891033519</v>
      </c>
      <c r="B9942" s="1"/>
      <c r="C9942">
        <v>13</v>
      </c>
      <c r="D9942" t="s">
        <v>20882</v>
      </c>
      <c r="E9942" t="s">
        <v>33363</v>
      </c>
      <c r="F9942">
        <v>5</v>
      </c>
      <c r="G9942" t="s">
        <v>0</v>
      </c>
      <c r="H9942" t="s">
        <v>20883</v>
      </c>
      <c r="I9942" t="s">
        <v>30540</v>
      </c>
    </row>
    <row r="9943" spans="1:9">
      <c r="A9943" s="1">
        <f ca="1">RAND()</f>
        <v>0.25781468857692125</v>
      </c>
      <c r="B9943" s="1"/>
      <c r="C9943">
        <v>15</v>
      </c>
      <c r="D9943" t="s">
        <v>20886</v>
      </c>
      <c r="E9943" t="s">
        <v>33363</v>
      </c>
      <c r="F9943">
        <v>4</v>
      </c>
      <c r="G9943" t="s">
        <v>14</v>
      </c>
      <c r="H9943" t="s">
        <v>20887</v>
      </c>
      <c r="I9943" t="s">
        <v>30540</v>
      </c>
    </row>
    <row r="9944" spans="1:9">
      <c r="A9944" s="1">
        <f ca="1">RAND()</f>
        <v>0.86047535822245425</v>
      </c>
      <c r="B9944" s="1"/>
      <c r="C9944">
        <v>7</v>
      </c>
      <c r="D9944" t="s">
        <v>20878</v>
      </c>
      <c r="E9944" t="s">
        <v>33363</v>
      </c>
      <c r="F9944">
        <v>4</v>
      </c>
      <c r="G9944" t="s">
        <v>14</v>
      </c>
      <c r="H9944" t="s">
        <v>20879</v>
      </c>
      <c r="I9944" t="s">
        <v>30540</v>
      </c>
    </row>
    <row r="9945" spans="1:9">
      <c r="A9945" s="1">
        <f ca="1">RAND()</f>
        <v>0.62624613117733141</v>
      </c>
      <c r="B9945" s="1"/>
      <c r="C9945">
        <v>2</v>
      </c>
      <c r="D9945" t="s">
        <v>20876</v>
      </c>
      <c r="E9945" t="s">
        <v>33363</v>
      </c>
      <c r="F9945">
        <v>4</v>
      </c>
      <c r="G9945" t="s">
        <v>10</v>
      </c>
      <c r="H9945" t="s">
        <v>20877</v>
      </c>
      <c r="I9945" t="s">
        <v>30540</v>
      </c>
    </row>
    <row r="9946" spans="1:9">
      <c r="A9946" s="1">
        <f ca="1">RAND()</f>
        <v>0.96022299376328779</v>
      </c>
      <c r="B9946" s="1"/>
      <c r="C9946">
        <v>8</v>
      </c>
      <c r="D9946" t="s">
        <v>20880</v>
      </c>
      <c r="E9946" t="s">
        <v>33363</v>
      </c>
      <c r="F9946">
        <v>2</v>
      </c>
      <c r="G9946" t="s">
        <v>14</v>
      </c>
      <c r="H9946" t="s">
        <v>20881</v>
      </c>
      <c r="I9946" t="s">
        <v>30540</v>
      </c>
    </row>
    <row r="9947" spans="1:9">
      <c r="A9947" s="1">
        <f ca="1">RAND()</f>
        <v>0.69052219089667233</v>
      </c>
      <c r="B9947" s="1"/>
      <c r="C9947">
        <v>19</v>
      </c>
      <c r="D9947" t="s">
        <v>20874</v>
      </c>
      <c r="E9947" t="s">
        <v>33364</v>
      </c>
      <c r="F9947">
        <v>5</v>
      </c>
      <c r="G9947" t="s">
        <v>13</v>
      </c>
      <c r="H9947" t="s">
        <v>20875</v>
      </c>
      <c r="I9947" t="s">
        <v>30540</v>
      </c>
    </row>
    <row r="9948" spans="1:9">
      <c r="A9948" s="1">
        <f ca="1">RAND()</f>
        <v>0.76736074427034706</v>
      </c>
      <c r="B9948" s="1"/>
      <c r="C9948">
        <v>8</v>
      </c>
      <c r="D9948" t="s">
        <v>20872</v>
      </c>
      <c r="E9948" t="s">
        <v>33364</v>
      </c>
      <c r="F9948">
        <v>4</v>
      </c>
      <c r="G9948" t="s">
        <v>0</v>
      </c>
      <c r="H9948" t="s">
        <v>20873</v>
      </c>
      <c r="I9948" t="s">
        <v>30540</v>
      </c>
    </row>
    <row r="9949" spans="1:9">
      <c r="A9949" s="1">
        <f ca="1">RAND()</f>
        <v>8.6174565085952226E-2</v>
      </c>
      <c r="B9949" s="1"/>
      <c r="C9949">
        <v>6</v>
      </c>
      <c r="D9949" t="s">
        <v>20868</v>
      </c>
      <c r="E9949" t="s">
        <v>33365</v>
      </c>
      <c r="F9949">
        <v>4</v>
      </c>
      <c r="G9949" t="s">
        <v>14</v>
      </c>
      <c r="H9949" t="s">
        <v>20869</v>
      </c>
      <c r="I9949" t="s">
        <v>30540</v>
      </c>
    </row>
    <row r="9950" spans="1:9">
      <c r="A9950" s="1">
        <f ca="1">RAND()</f>
        <v>0.35440861987861449</v>
      </c>
      <c r="B9950" s="1"/>
      <c r="C9950">
        <v>8</v>
      </c>
      <c r="D9950" t="s">
        <v>20870</v>
      </c>
      <c r="E9950" t="s">
        <v>33365</v>
      </c>
      <c r="F9950">
        <v>4</v>
      </c>
      <c r="G9950" t="s">
        <v>14</v>
      </c>
      <c r="H9950" t="s">
        <v>20871</v>
      </c>
      <c r="I9950" t="s">
        <v>30540</v>
      </c>
    </row>
    <row r="9951" spans="1:9">
      <c r="A9951" s="1">
        <f ca="1">RAND()</f>
        <v>0.39890613356101479</v>
      </c>
      <c r="B9951" s="1"/>
      <c r="C9951">
        <v>18</v>
      </c>
      <c r="D9951" t="s">
        <v>20866</v>
      </c>
      <c r="E9951" t="s">
        <v>33366</v>
      </c>
      <c r="F9951">
        <v>5</v>
      </c>
      <c r="G9951" t="s">
        <v>1</v>
      </c>
      <c r="H9951" t="s">
        <v>20867</v>
      </c>
      <c r="I9951" t="s">
        <v>30540</v>
      </c>
    </row>
    <row r="9952" spans="1:9">
      <c r="A9952" s="1">
        <f ca="1">RAND()</f>
        <v>2.5686934948508378E-2</v>
      </c>
      <c r="B9952" s="1"/>
      <c r="C9952">
        <v>11</v>
      </c>
      <c r="D9952" t="s">
        <v>20858</v>
      </c>
      <c r="E9952" t="s">
        <v>33366</v>
      </c>
      <c r="F9952">
        <v>5</v>
      </c>
      <c r="G9952" t="s">
        <v>14</v>
      </c>
      <c r="H9952" t="s">
        <v>20859</v>
      </c>
      <c r="I9952" t="s">
        <v>30540</v>
      </c>
    </row>
    <row r="9953" spans="1:9">
      <c r="A9953" s="1">
        <f ca="1">RAND()</f>
        <v>0.38757056446724292</v>
      </c>
      <c r="B9953" s="1"/>
      <c r="C9953">
        <v>8</v>
      </c>
      <c r="D9953" t="s">
        <v>20856</v>
      </c>
      <c r="E9953" t="s">
        <v>33366</v>
      </c>
      <c r="F9953">
        <v>4</v>
      </c>
      <c r="G9953" t="s">
        <v>14</v>
      </c>
      <c r="H9953" t="s">
        <v>20857</v>
      </c>
      <c r="I9953" t="s">
        <v>30540</v>
      </c>
    </row>
    <row r="9954" spans="1:9">
      <c r="A9954" s="1">
        <f ca="1">RAND()</f>
        <v>0.70996491214597035</v>
      </c>
      <c r="B9954" s="1"/>
      <c r="C9954">
        <v>15</v>
      </c>
      <c r="D9954" t="s">
        <v>20862</v>
      </c>
      <c r="E9954" t="s">
        <v>33366</v>
      </c>
      <c r="F9954">
        <v>4</v>
      </c>
      <c r="G9954" t="s">
        <v>1</v>
      </c>
      <c r="H9954" t="s">
        <v>20863</v>
      </c>
      <c r="I9954" t="s">
        <v>30540</v>
      </c>
    </row>
    <row r="9955" spans="1:9">
      <c r="A9955" s="1">
        <f ca="1">RAND()</f>
        <v>0.24551672358117138</v>
      </c>
      <c r="B9955" s="1"/>
      <c r="C9955">
        <v>4</v>
      </c>
      <c r="D9955" t="s">
        <v>20854</v>
      </c>
      <c r="E9955" t="s">
        <v>33366</v>
      </c>
      <c r="F9955">
        <v>4</v>
      </c>
      <c r="G9955" t="s">
        <v>15</v>
      </c>
      <c r="H9955" t="s">
        <v>20855</v>
      </c>
      <c r="I9955" t="s">
        <v>30540</v>
      </c>
    </row>
    <row r="9956" spans="1:9">
      <c r="A9956" s="1">
        <f ca="1">RAND()</f>
        <v>0.92861497399139226</v>
      </c>
      <c r="B9956" s="1"/>
      <c r="C9956">
        <v>14</v>
      </c>
      <c r="D9956" t="s">
        <v>20860</v>
      </c>
      <c r="E9956" t="s">
        <v>33366</v>
      </c>
      <c r="F9956">
        <v>2</v>
      </c>
      <c r="G9956" t="s">
        <v>13</v>
      </c>
      <c r="H9956" t="s">
        <v>20861</v>
      </c>
      <c r="I9956" t="s">
        <v>30540</v>
      </c>
    </row>
    <row r="9957" spans="1:9">
      <c r="A9957" s="1">
        <f ca="1">RAND()</f>
        <v>0.92272745773470766</v>
      </c>
      <c r="B9957" s="1"/>
      <c r="C9957">
        <v>16</v>
      </c>
      <c r="D9957" t="s">
        <v>20864</v>
      </c>
      <c r="E9957" t="s">
        <v>33366</v>
      </c>
      <c r="F9957">
        <v>1</v>
      </c>
      <c r="G9957" t="s">
        <v>14</v>
      </c>
      <c r="H9957" t="s">
        <v>20865</v>
      </c>
      <c r="I9957" t="s">
        <v>30540</v>
      </c>
    </row>
    <row r="9958" spans="1:9">
      <c r="A9958" s="1">
        <f ca="1">RAND()</f>
        <v>0.2644399860169746</v>
      </c>
      <c r="B9958" s="1"/>
      <c r="C9958">
        <v>3</v>
      </c>
      <c r="D9958" t="s">
        <v>20850</v>
      </c>
      <c r="E9958" t="s">
        <v>33367</v>
      </c>
      <c r="F9958">
        <v>5</v>
      </c>
      <c r="G9958" t="s">
        <v>14</v>
      </c>
      <c r="H9958" t="s">
        <v>20851</v>
      </c>
      <c r="I9958" t="s">
        <v>30540</v>
      </c>
    </row>
    <row r="9959" spans="1:9">
      <c r="A9959" s="1">
        <f ca="1">RAND()</f>
        <v>0.82879957035607721</v>
      </c>
      <c r="B9959" s="1"/>
      <c r="C9959">
        <v>15</v>
      </c>
      <c r="D9959" t="s">
        <v>20852</v>
      </c>
      <c r="E9959" t="s">
        <v>33367</v>
      </c>
      <c r="F9959">
        <v>4</v>
      </c>
      <c r="G9959" t="s">
        <v>14</v>
      </c>
      <c r="H9959" t="s">
        <v>20853</v>
      </c>
      <c r="I9959" t="s">
        <v>30540</v>
      </c>
    </row>
    <row r="9960" spans="1:9">
      <c r="A9960" s="1">
        <f ca="1">RAND()</f>
        <v>0.24678962009660121</v>
      </c>
      <c r="B9960" s="1"/>
      <c r="C9960">
        <v>11</v>
      </c>
      <c r="D9960" t="s">
        <v>20846</v>
      </c>
      <c r="E9960" t="s">
        <v>33368</v>
      </c>
      <c r="F9960">
        <v>4</v>
      </c>
      <c r="G9960" t="s">
        <v>13</v>
      </c>
      <c r="H9960" t="s">
        <v>20847</v>
      </c>
      <c r="I9960" t="s">
        <v>30540</v>
      </c>
    </row>
    <row r="9961" spans="1:9">
      <c r="A9961" s="1">
        <f ca="1">RAND()</f>
        <v>0.72701187023912617</v>
      </c>
      <c r="B9961" s="1"/>
      <c r="C9961">
        <v>14</v>
      </c>
      <c r="D9961" t="s">
        <v>20848</v>
      </c>
      <c r="E9961" t="s">
        <v>33368</v>
      </c>
      <c r="F9961">
        <v>4</v>
      </c>
      <c r="G9961" t="s">
        <v>14</v>
      </c>
      <c r="H9961" t="s">
        <v>20849</v>
      </c>
      <c r="I9961" t="s">
        <v>30540</v>
      </c>
    </row>
    <row r="9962" spans="1:9">
      <c r="A9962" s="1">
        <f ca="1">RAND()</f>
        <v>0.45375442868362459</v>
      </c>
      <c r="B9962" s="1"/>
      <c r="C9962">
        <v>1</v>
      </c>
      <c r="D9962" t="s">
        <v>20840</v>
      </c>
      <c r="E9962" t="s">
        <v>33368</v>
      </c>
      <c r="F9962">
        <v>4</v>
      </c>
      <c r="G9962" t="s">
        <v>10</v>
      </c>
      <c r="H9962" t="s">
        <v>20841</v>
      </c>
      <c r="I9962" t="s">
        <v>30540</v>
      </c>
    </row>
    <row r="9963" spans="1:9">
      <c r="A9963" s="1">
        <f ca="1">RAND()</f>
        <v>0.30105080556358677</v>
      </c>
      <c r="B9963" s="1"/>
      <c r="C9963">
        <v>10</v>
      </c>
      <c r="D9963" t="s">
        <v>20844</v>
      </c>
      <c r="E9963" t="s">
        <v>33368</v>
      </c>
      <c r="F9963">
        <v>4</v>
      </c>
      <c r="G9963" t="s">
        <v>14</v>
      </c>
      <c r="H9963" t="s">
        <v>20845</v>
      </c>
      <c r="I9963" t="s">
        <v>30540</v>
      </c>
    </row>
    <row r="9964" spans="1:9">
      <c r="A9964" s="1">
        <f ca="1">RAND()</f>
        <v>0.14277470993144137</v>
      </c>
      <c r="B9964" s="1"/>
      <c r="C9964">
        <v>3</v>
      </c>
      <c r="D9964" t="s">
        <v>20842</v>
      </c>
      <c r="E9964" t="s">
        <v>33368</v>
      </c>
      <c r="F9964">
        <v>3</v>
      </c>
      <c r="G9964" t="s">
        <v>14</v>
      </c>
      <c r="H9964" t="s">
        <v>20843</v>
      </c>
      <c r="I9964" t="s">
        <v>30540</v>
      </c>
    </row>
    <row r="9965" spans="1:9">
      <c r="A9965" s="1">
        <f ca="1">RAND()</f>
        <v>0.59442026701068418</v>
      </c>
      <c r="B9965" s="1"/>
      <c r="C9965">
        <v>3</v>
      </c>
      <c r="D9965" t="s">
        <v>20828</v>
      </c>
      <c r="E9965" t="s">
        <v>33369</v>
      </c>
      <c r="F9965">
        <v>5</v>
      </c>
      <c r="G9965" t="s">
        <v>15</v>
      </c>
      <c r="H9965" t="s">
        <v>20829</v>
      </c>
      <c r="I9965" t="s">
        <v>30540</v>
      </c>
    </row>
    <row r="9966" spans="1:9">
      <c r="A9966" s="1">
        <f ca="1">RAND()</f>
        <v>0.96616751098621256</v>
      </c>
      <c r="B9966" s="1"/>
      <c r="C9966">
        <v>4</v>
      </c>
      <c r="D9966" t="s">
        <v>20830</v>
      </c>
      <c r="E9966" t="s">
        <v>33369</v>
      </c>
      <c r="F9966">
        <v>5</v>
      </c>
      <c r="G9966" t="s">
        <v>13</v>
      </c>
      <c r="H9966" t="s">
        <v>20831</v>
      </c>
      <c r="I9966" t="s">
        <v>30540</v>
      </c>
    </row>
    <row r="9967" spans="1:9">
      <c r="A9967" s="1">
        <f ca="1">RAND()</f>
        <v>0.49969328777270638</v>
      </c>
      <c r="B9967" s="1"/>
      <c r="C9967">
        <v>8</v>
      </c>
      <c r="D9967" t="s">
        <v>20832</v>
      </c>
      <c r="E9967" t="s">
        <v>33369</v>
      </c>
      <c r="F9967">
        <v>4</v>
      </c>
      <c r="G9967" t="s">
        <v>1431</v>
      </c>
      <c r="H9967" t="s">
        <v>20833</v>
      </c>
      <c r="I9967" t="s">
        <v>30540</v>
      </c>
    </row>
    <row r="9968" spans="1:9">
      <c r="A9968" s="1">
        <f ca="1">RAND()</f>
        <v>0.6630302612263741</v>
      </c>
      <c r="B9968" s="1"/>
      <c r="C9968">
        <v>11</v>
      </c>
      <c r="D9968" t="s">
        <v>20834</v>
      </c>
      <c r="E9968" t="s">
        <v>33369</v>
      </c>
      <c r="F9968">
        <v>4</v>
      </c>
      <c r="G9968" t="s">
        <v>2</v>
      </c>
      <c r="H9968" t="s">
        <v>20835</v>
      </c>
      <c r="I9968" t="s">
        <v>30540</v>
      </c>
    </row>
    <row r="9969" spans="1:9">
      <c r="A9969" s="1">
        <f ca="1">RAND()</f>
        <v>0.49843973298188571</v>
      </c>
      <c r="B9969" s="1"/>
      <c r="C9969">
        <v>14</v>
      </c>
      <c r="D9969" t="s">
        <v>20836</v>
      </c>
      <c r="E9969" t="s">
        <v>33369</v>
      </c>
      <c r="F9969">
        <v>4</v>
      </c>
      <c r="G9969" t="s">
        <v>769</v>
      </c>
      <c r="H9969" t="s">
        <v>20837</v>
      </c>
      <c r="I9969" t="s">
        <v>30540</v>
      </c>
    </row>
    <row r="9970" spans="1:9">
      <c r="A9970" s="1">
        <f ca="1">RAND()</f>
        <v>0.20135774349641999</v>
      </c>
      <c r="B9970" s="1"/>
      <c r="C9970">
        <v>18</v>
      </c>
      <c r="D9970" t="s">
        <v>20838</v>
      </c>
      <c r="E9970" t="s">
        <v>33369</v>
      </c>
      <c r="F9970">
        <v>4</v>
      </c>
      <c r="G9970" t="s">
        <v>10</v>
      </c>
      <c r="H9970" t="s">
        <v>20839</v>
      </c>
      <c r="I9970" t="s">
        <v>30540</v>
      </c>
    </row>
    <row r="9971" spans="1:9">
      <c r="A9971" s="1">
        <f ca="1">RAND()</f>
        <v>0.17740373056414671</v>
      </c>
      <c r="B9971" s="1"/>
      <c r="C9971">
        <v>6</v>
      </c>
      <c r="D9971" t="s">
        <v>20826</v>
      </c>
      <c r="E9971" t="s">
        <v>33370</v>
      </c>
      <c r="F9971">
        <v>4</v>
      </c>
      <c r="G9971" t="s">
        <v>9</v>
      </c>
      <c r="H9971" t="s">
        <v>20827</v>
      </c>
      <c r="I9971" t="s">
        <v>30540</v>
      </c>
    </row>
    <row r="9972" spans="1:9">
      <c r="A9972" s="1">
        <f ca="1">RAND()</f>
        <v>0.30495549695381996</v>
      </c>
      <c r="B9972" s="1"/>
      <c r="C9972">
        <v>2</v>
      </c>
      <c r="D9972" t="s">
        <v>20824</v>
      </c>
      <c r="E9972" t="s">
        <v>33370</v>
      </c>
      <c r="F9972">
        <v>4</v>
      </c>
      <c r="G9972" t="s">
        <v>2</v>
      </c>
      <c r="H9972" t="s">
        <v>20825</v>
      </c>
      <c r="I9972" t="s">
        <v>30540</v>
      </c>
    </row>
    <row r="9973" spans="1:9">
      <c r="A9973" s="1">
        <f ca="1">RAND()</f>
        <v>0.62120336992844727</v>
      </c>
      <c r="B9973" s="1"/>
      <c r="C9973">
        <v>13</v>
      </c>
      <c r="D9973" t="s">
        <v>20822</v>
      </c>
      <c r="E9973" t="s">
        <v>33371</v>
      </c>
      <c r="F9973">
        <v>5</v>
      </c>
      <c r="G9973" t="s">
        <v>10</v>
      </c>
      <c r="H9973" t="s">
        <v>20823</v>
      </c>
      <c r="I9973" t="s">
        <v>30540</v>
      </c>
    </row>
    <row r="9974" spans="1:9">
      <c r="A9974" s="1">
        <f ca="1">RAND()</f>
        <v>0.52856624716786249</v>
      </c>
      <c r="B9974" s="1"/>
      <c r="C9974">
        <v>4</v>
      </c>
      <c r="D9974" t="s">
        <v>20816</v>
      </c>
      <c r="E9974" t="s">
        <v>33371</v>
      </c>
      <c r="F9974">
        <v>4</v>
      </c>
      <c r="G9974" t="s">
        <v>2</v>
      </c>
      <c r="H9974" t="s">
        <v>20817</v>
      </c>
      <c r="I9974" t="s">
        <v>30540</v>
      </c>
    </row>
    <row r="9975" spans="1:9">
      <c r="A9975" s="1">
        <f ca="1">RAND()</f>
        <v>2.7545348774273948E-2</v>
      </c>
      <c r="B9975" s="1"/>
      <c r="C9975">
        <v>12</v>
      </c>
      <c r="D9975" t="s">
        <v>20820</v>
      </c>
      <c r="E9975" t="s">
        <v>33371</v>
      </c>
      <c r="F9975">
        <v>4</v>
      </c>
      <c r="G9975" t="s">
        <v>14</v>
      </c>
      <c r="H9975" t="s">
        <v>20821</v>
      </c>
      <c r="I9975" t="s">
        <v>30540</v>
      </c>
    </row>
    <row r="9976" spans="1:9">
      <c r="A9976" s="1">
        <f ca="1">RAND()</f>
        <v>0.97352431597402023</v>
      </c>
      <c r="B9976" s="1"/>
      <c r="C9976">
        <v>11</v>
      </c>
      <c r="D9976" t="s">
        <v>20818</v>
      </c>
      <c r="E9976" t="s">
        <v>33371</v>
      </c>
      <c r="F9976">
        <v>4</v>
      </c>
      <c r="G9976" t="s">
        <v>2</v>
      </c>
      <c r="H9976" t="s">
        <v>20819</v>
      </c>
      <c r="I9976" t="s">
        <v>30540</v>
      </c>
    </row>
    <row r="9977" spans="1:9">
      <c r="A9977" s="1">
        <f ca="1">RAND()</f>
        <v>0.1068216836450514</v>
      </c>
      <c r="B9977" s="1"/>
      <c r="C9977">
        <v>12</v>
      </c>
      <c r="D9977" t="s">
        <v>20814</v>
      </c>
      <c r="E9977" t="s">
        <v>33372</v>
      </c>
      <c r="F9977">
        <v>5</v>
      </c>
      <c r="G9977" t="s">
        <v>14</v>
      </c>
      <c r="H9977" t="s">
        <v>20815</v>
      </c>
      <c r="I9977" t="s">
        <v>30540</v>
      </c>
    </row>
    <row r="9978" spans="1:9">
      <c r="A9978" s="1">
        <f ca="1">RAND()</f>
        <v>0.1133026251409387</v>
      </c>
      <c r="B9978" s="1"/>
      <c r="C9978">
        <v>9</v>
      </c>
      <c r="D9978" t="s">
        <v>20810</v>
      </c>
      <c r="E9978" t="s">
        <v>33372</v>
      </c>
      <c r="F9978">
        <v>5</v>
      </c>
      <c r="G9978" t="s">
        <v>0</v>
      </c>
      <c r="H9978" t="s">
        <v>20811</v>
      </c>
      <c r="I9978" t="s">
        <v>30540</v>
      </c>
    </row>
    <row r="9979" spans="1:9">
      <c r="A9979" s="1">
        <f ca="1">RAND()</f>
        <v>0.99666986397336277</v>
      </c>
      <c r="B9979" s="1"/>
      <c r="C9979">
        <v>4</v>
      </c>
      <c r="D9979" t="s">
        <v>20806</v>
      </c>
      <c r="E9979" t="s">
        <v>33372</v>
      </c>
      <c r="F9979">
        <v>4</v>
      </c>
      <c r="G9979" t="s">
        <v>14</v>
      </c>
      <c r="H9979" t="s">
        <v>20807</v>
      </c>
      <c r="I9979" t="s">
        <v>30540</v>
      </c>
    </row>
    <row r="9980" spans="1:9">
      <c r="A9980" s="1">
        <f ca="1">RAND()</f>
        <v>0.28003067976800222</v>
      </c>
      <c r="B9980" s="1"/>
      <c r="C9980">
        <v>1</v>
      </c>
      <c r="D9980" t="s">
        <v>20804</v>
      </c>
      <c r="E9980" t="s">
        <v>33372</v>
      </c>
      <c r="F9980">
        <v>4</v>
      </c>
      <c r="G9980" t="s">
        <v>13</v>
      </c>
      <c r="H9980" t="s">
        <v>20805</v>
      </c>
      <c r="I9980" t="s">
        <v>30540</v>
      </c>
    </row>
    <row r="9981" spans="1:9">
      <c r="A9981" s="1">
        <f ca="1">RAND()</f>
        <v>8.4276169363806108E-2</v>
      </c>
      <c r="B9981" s="1"/>
      <c r="C9981">
        <v>11</v>
      </c>
      <c r="D9981" t="s">
        <v>20812</v>
      </c>
      <c r="E9981" t="s">
        <v>33372</v>
      </c>
      <c r="F9981">
        <v>4</v>
      </c>
      <c r="G9981" t="s">
        <v>14</v>
      </c>
      <c r="H9981" t="s">
        <v>20813</v>
      </c>
      <c r="I9981" t="s">
        <v>30540</v>
      </c>
    </row>
    <row r="9982" spans="1:9">
      <c r="A9982" s="1">
        <f ca="1">RAND()</f>
        <v>0.63963953179322275</v>
      </c>
      <c r="B9982" s="1"/>
      <c r="C9982">
        <v>6</v>
      </c>
      <c r="D9982" t="s">
        <v>20808</v>
      </c>
      <c r="E9982" t="s">
        <v>33372</v>
      </c>
      <c r="F9982">
        <v>4</v>
      </c>
      <c r="G9982" t="s">
        <v>0</v>
      </c>
      <c r="H9982" t="s">
        <v>20809</v>
      </c>
      <c r="I9982" t="s">
        <v>30540</v>
      </c>
    </row>
    <row r="9983" spans="1:9">
      <c r="A9983" s="1">
        <f ca="1">RAND()</f>
        <v>0.49932180045820473</v>
      </c>
      <c r="B9983" s="1"/>
      <c r="C9983">
        <v>1</v>
      </c>
      <c r="D9983" t="s">
        <v>20794</v>
      </c>
      <c r="E9983" t="s">
        <v>33373</v>
      </c>
      <c r="F9983">
        <v>5</v>
      </c>
      <c r="G9983" t="s">
        <v>2</v>
      </c>
      <c r="H9983" t="s">
        <v>20795</v>
      </c>
      <c r="I9983" t="s">
        <v>30540</v>
      </c>
    </row>
    <row r="9984" spans="1:9">
      <c r="A9984" s="1">
        <f ca="1">RAND()</f>
        <v>0.49256405784268564</v>
      </c>
      <c r="B9984" s="1"/>
      <c r="C9984">
        <v>3</v>
      </c>
      <c r="D9984" t="s">
        <v>20796</v>
      </c>
      <c r="E9984" t="s">
        <v>33373</v>
      </c>
      <c r="F9984">
        <v>5</v>
      </c>
      <c r="G9984" t="s">
        <v>2</v>
      </c>
      <c r="H9984" t="s">
        <v>20797</v>
      </c>
      <c r="I9984" t="s">
        <v>30540</v>
      </c>
    </row>
    <row r="9985" spans="1:9">
      <c r="A9985" s="1">
        <f ca="1">RAND()</f>
        <v>0.77633466478202451</v>
      </c>
      <c r="B9985" s="1"/>
      <c r="C9985">
        <v>5</v>
      </c>
      <c r="D9985" t="s">
        <v>20798</v>
      </c>
      <c r="E9985" t="s">
        <v>33373</v>
      </c>
      <c r="F9985">
        <v>4</v>
      </c>
      <c r="G9985" t="s">
        <v>2</v>
      </c>
      <c r="H9985" t="s">
        <v>20799</v>
      </c>
      <c r="I9985" t="s">
        <v>30540</v>
      </c>
    </row>
    <row r="9986" spans="1:9">
      <c r="A9986" s="1">
        <f ca="1">RAND()</f>
        <v>0.49451772200383826</v>
      </c>
      <c r="B9986" s="1"/>
      <c r="C9986">
        <v>10</v>
      </c>
      <c r="D9986" t="s">
        <v>20802</v>
      </c>
      <c r="E9986" t="s">
        <v>33373</v>
      </c>
      <c r="F9986">
        <v>3</v>
      </c>
      <c r="G9986" t="s">
        <v>9</v>
      </c>
      <c r="H9986" t="s">
        <v>20803</v>
      </c>
      <c r="I9986" t="s">
        <v>30540</v>
      </c>
    </row>
    <row r="9987" spans="1:9">
      <c r="A9987" s="1">
        <f ca="1">RAND()</f>
        <v>0.16900984166656596</v>
      </c>
      <c r="B9987" s="1"/>
      <c r="C9987">
        <v>7</v>
      </c>
      <c r="D9987" t="s">
        <v>20800</v>
      </c>
      <c r="E9987" t="s">
        <v>33373</v>
      </c>
      <c r="F9987">
        <v>3</v>
      </c>
      <c r="G9987" t="s">
        <v>10</v>
      </c>
      <c r="H9987" t="s">
        <v>20801</v>
      </c>
      <c r="I9987" t="s">
        <v>30540</v>
      </c>
    </row>
    <row r="9988" spans="1:9">
      <c r="A9988" s="1">
        <f ca="1">RAND()</f>
        <v>0.20836994190064917</v>
      </c>
      <c r="B9988" s="1"/>
      <c r="C9988">
        <v>7</v>
      </c>
      <c r="D9988" t="s">
        <v>20786</v>
      </c>
      <c r="E9988" t="s">
        <v>33374</v>
      </c>
      <c r="F9988">
        <v>4</v>
      </c>
      <c r="G9988" t="s">
        <v>0</v>
      </c>
      <c r="H9988" t="s">
        <v>20787</v>
      </c>
      <c r="I9988" t="s">
        <v>30540</v>
      </c>
    </row>
    <row r="9989" spans="1:9">
      <c r="A9989" s="1">
        <f ca="1">RAND()</f>
        <v>0.84160117132278534</v>
      </c>
      <c r="B9989" s="1"/>
      <c r="C9989">
        <v>1</v>
      </c>
      <c r="D9989" t="s">
        <v>20782</v>
      </c>
      <c r="E9989" t="s">
        <v>33374</v>
      </c>
      <c r="F9989">
        <v>4</v>
      </c>
      <c r="G9989" t="s">
        <v>2</v>
      </c>
      <c r="H9989" t="s">
        <v>20783</v>
      </c>
      <c r="I9989" t="s">
        <v>30540</v>
      </c>
    </row>
    <row r="9990" spans="1:9">
      <c r="A9990" s="1">
        <f ca="1">RAND()</f>
        <v>0.62813580115363243</v>
      </c>
      <c r="B9990" s="1"/>
      <c r="C9990">
        <v>8</v>
      </c>
      <c r="D9990" t="s">
        <v>20788</v>
      </c>
      <c r="E9990" t="s">
        <v>33374</v>
      </c>
      <c r="F9990">
        <v>4</v>
      </c>
      <c r="G9990" t="s">
        <v>2</v>
      </c>
      <c r="H9990" t="s">
        <v>20789</v>
      </c>
      <c r="I9990" t="s">
        <v>30540</v>
      </c>
    </row>
    <row r="9991" spans="1:9">
      <c r="A9991" s="1">
        <f ca="1">RAND()</f>
        <v>0.78588761166318455</v>
      </c>
      <c r="B9991" s="1"/>
      <c r="C9991">
        <v>14</v>
      </c>
      <c r="D9991" t="s">
        <v>20792</v>
      </c>
      <c r="E9991" t="s">
        <v>33374</v>
      </c>
      <c r="F9991">
        <v>4</v>
      </c>
      <c r="G9991" t="s">
        <v>2</v>
      </c>
      <c r="H9991" t="s">
        <v>20793</v>
      </c>
      <c r="I9991" t="s">
        <v>30540</v>
      </c>
    </row>
    <row r="9992" spans="1:9">
      <c r="A9992" s="1">
        <f ca="1">RAND()</f>
        <v>2.1892194680803945E-2</v>
      </c>
      <c r="B9992" s="1"/>
      <c r="C9992">
        <v>13</v>
      </c>
      <c r="D9992" t="s">
        <v>20790</v>
      </c>
      <c r="E9992" t="s">
        <v>33374</v>
      </c>
      <c r="F9992">
        <v>4</v>
      </c>
      <c r="G9992" t="s">
        <v>14</v>
      </c>
      <c r="H9992" t="s">
        <v>20791</v>
      </c>
      <c r="I9992" t="s">
        <v>30540</v>
      </c>
    </row>
    <row r="9993" spans="1:9">
      <c r="A9993" s="1">
        <f ca="1">RAND()</f>
        <v>0.77234275187718704</v>
      </c>
      <c r="B9993" s="1"/>
      <c r="C9993">
        <v>5</v>
      </c>
      <c r="D9993" t="s">
        <v>20784</v>
      </c>
      <c r="E9993" t="s">
        <v>33374</v>
      </c>
      <c r="F9993">
        <v>4</v>
      </c>
      <c r="G9993" t="s">
        <v>2</v>
      </c>
      <c r="H9993" t="s">
        <v>20785</v>
      </c>
      <c r="I9993" t="s">
        <v>30540</v>
      </c>
    </row>
    <row r="9994" spans="1:9">
      <c r="A9994" s="1">
        <f ca="1">RAND()</f>
        <v>0.86448214410198387</v>
      </c>
      <c r="B9994" s="1"/>
      <c r="C9994">
        <v>1</v>
      </c>
      <c r="D9994" t="s">
        <v>20770</v>
      </c>
      <c r="E9994" t="s">
        <v>33375</v>
      </c>
      <c r="F9994">
        <v>5</v>
      </c>
      <c r="G9994" t="s">
        <v>9</v>
      </c>
      <c r="H9994" t="s">
        <v>20771</v>
      </c>
      <c r="I9994" t="s">
        <v>30540</v>
      </c>
    </row>
    <row r="9995" spans="1:9">
      <c r="A9995" s="1">
        <f ca="1">RAND()</f>
        <v>0.94401593893932312</v>
      </c>
      <c r="B9995" s="1"/>
      <c r="C9995">
        <v>15</v>
      </c>
      <c r="D9995" t="s">
        <v>20778</v>
      </c>
      <c r="E9995" t="s">
        <v>33375</v>
      </c>
      <c r="F9995">
        <v>4</v>
      </c>
      <c r="G9995" t="s">
        <v>14</v>
      </c>
      <c r="H9995" t="s">
        <v>20779</v>
      </c>
      <c r="I9995" t="s">
        <v>30540</v>
      </c>
    </row>
    <row r="9996" spans="1:9">
      <c r="A9996" s="1">
        <f ca="1">RAND()</f>
        <v>0.51615847445126684</v>
      </c>
      <c r="B9996" s="1"/>
      <c r="C9996">
        <v>10</v>
      </c>
      <c r="D9996" t="s">
        <v>20774</v>
      </c>
      <c r="E9996" t="s">
        <v>33375</v>
      </c>
      <c r="F9996">
        <v>4</v>
      </c>
      <c r="G9996" t="s">
        <v>14</v>
      </c>
      <c r="H9996" t="s">
        <v>20775</v>
      </c>
      <c r="I9996" t="s">
        <v>30540</v>
      </c>
    </row>
    <row r="9997" spans="1:9">
      <c r="A9997" s="1">
        <f ca="1">RAND()</f>
        <v>9.3473795662220582E-2</v>
      </c>
      <c r="B9997" s="1"/>
      <c r="C9997">
        <v>2</v>
      </c>
      <c r="D9997" t="s">
        <v>20772</v>
      </c>
      <c r="E9997" t="s">
        <v>33375</v>
      </c>
      <c r="F9997">
        <v>4</v>
      </c>
      <c r="G9997" t="s">
        <v>9</v>
      </c>
      <c r="H9997" t="s">
        <v>20773</v>
      </c>
      <c r="I9997" t="s">
        <v>30540</v>
      </c>
    </row>
    <row r="9998" spans="1:9">
      <c r="A9998" s="1">
        <f ca="1">RAND()</f>
        <v>0.67491075710852899</v>
      </c>
      <c r="B9998" s="1"/>
      <c r="C9998">
        <v>14</v>
      </c>
      <c r="D9998" t="s">
        <v>20776</v>
      </c>
      <c r="E9998" t="s">
        <v>33375</v>
      </c>
      <c r="F9998">
        <v>4</v>
      </c>
      <c r="G9998" t="s">
        <v>0</v>
      </c>
      <c r="H9998" t="s">
        <v>20777</v>
      </c>
      <c r="I9998" t="s">
        <v>30540</v>
      </c>
    </row>
    <row r="9999" spans="1:9">
      <c r="A9999" s="1">
        <f ca="1">RAND()</f>
        <v>0.85580832652129535</v>
      </c>
      <c r="B9999" s="1"/>
      <c r="C9999">
        <v>16</v>
      </c>
      <c r="D9999" t="s">
        <v>20780</v>
      </c>
      <c r="E9999" t="s">
        <v>33375</v>
      </c>
      <c r="F9999">
        <v>4</v>
      </c>
      <c r="G9999" t="s">
        <v>1</v>
      </c>
      <c r="H9999" t="s">
        <v>20781</v>
      </c>
      <c r="I9999" t="s">
        <v>30540</v>
      </c>
    </row>
    <row r="10000" spans="1:9">
      <c r="A10000" s="1">
        <f ca="1">RAND()</f>
        <v>0.20177790722530631</v>
      </c>
      <c r="B10000" s="1"/>
      <c r="C10000">
        <v>5</v>
      </c>
      <c r="D10000" t="s">
        <v>20762</v>
      </c>
      <c r="E10000" t="s">
        <v>33376</v>
      </c>
      <c r="F10000">
        <v>5</v>
      </c>
      <c r="G10000" t="s">
        <v>10</v>
      </c>
      <c r="H10000" t="s">
        <v>20763</v>
      </c>
      <c r="I10000" t="s">
        <v>30540</v>
      </c>
    </row>
    <row r="10001" spans="1:9">
      <c r="A10001" s="1">
        <f ca="1">RAND()</f>
        <v>0.75919114725412296</v>
      </c>
      <c r="B10001" s="1"/>
      <c r="C10001">
        <v>9</v>
      </c>
      <c r="D10001" t="s">
        <v>20764</v>
      </c>
      <c r="E10001" t="s">
        <v>33376</v>
      </c>
      <c r="F10001">
        <v>5</v>
      </c>
      <c r="G10001" t="s">
        <v>14</v>
      </c>
      <c r="H10001" t="s">
        <v>20765</v>
      </c>
      <c r="I10001" t="s">
        <v>30540</v>
      </c>
    </row>
    <row r="10002" spans="1:9">
      <c r="A10002" s="1">
        <f ca="1">RAND()</f>
        <v>0.92856679982678181</v>
      </c>
      <c r="B10002" s="1"/>
      <c r="C10002">
        <v>4</v>
      </c>
      <c r="D10002" t="s">
        <v>20760</v>
      </c>
      <c r="E10002" t="s">
        <v>33376</v>
      </c>
      <c r="F10002">
        <v>4</v>
      </c>
      <c r="G10002" t="s">
        <v>9</v>
      </c>
      <c r="H10002" t="s">
        <v>20761</v>
      </c>
      <c r="I10002" t="s">
        <v>30540</v>
      </c>
    </row>
    <row r="10003" spans="1:9">
      <c r="A10003" s="1">
        <f ca="1">RAND()</f>
        <v>0.80198074419394472</v>
      </c>
      <c r="B10003" s="1"/>
      <c r="C10003">
        <v>2</v>
      </c>
      <c r="D10003" t="s">
        <v>20758</v>
      </c>
      <c r="E10003" t="s">
        <v>33376</v>
      </c>
      <c r="F10003">
        <v>4</v>
      </c>
      <c r="G10003" t="s">
        <v>2</v>
      </c>
      <c r="H10003" t="s">
        <v>20759</v>
      </c>
      <c r="I10003" t="s">
        <v>30540</v>
      </c>
    </row>
    <row r="10004" spans="1:9">
      <c r="A10004" s="1">
        <f ca="1">RAND()</f>
        <v>0.85803712139911614</v>
      </c>
      <c r="B10004" s="1"/>
      <c r="C10004">
        <v>13</v>
      </c>
      <c r="D10004" t="s">
        <v>20768</v>
      </c>
      <c r="E10004" t="s">
        <v>33376</v>
      </c>
      <c r="F10004">
        <v>4</v>
      </c>
      <c r="G10004" t="s">
        <v>14</v>
      </c>
      <c r="H10004" t="s">
        <v>20769</v>
      </c>
      <c r="I10004" t="s">
        <v>30540</v>
      </c>
    </row>
    <row r="10005" spans="1:9">
      <c r="A10005" s="1">
        <f ca="1">RAND()</f>
        <v>0.86240635739214999</v>
      </c>
      <c r="B10005" s="1"/>
      <c r="C10005">
        <v>12</v>
      </c>
      <c r="D10005" t="s">
        <v>20766</v>
      </c>
      <c r="E10005" t="s">
        <v>33376</v>
      </c>
      <c r="F10005">
        <v>2</v>
      </c>
      <c r="G10005" t="s">
        <v>14</v>
      </c>
      <c r="H10005" t="s">
        <v>20767</v>
      </c>
      <c r="I10005" t="s">
        <v>30540</v>
      </c>
    </row>
    <row r="10006" spans="1:9">
      <c r="A10006" s="1">
        <f ca="1">RAND()</f>
        <v>0.14379547274638593</v>
      </c>
      <c r="B10006" s="1"/>
      <c r="C10006">
        <v>13</v>
      </c>
      <c r="D10006" t="s">
        <v>20756</v>
      </c>
      <c r="E10006" t="s">
        <v>33377</v>
      </c>
      <c r="F10006">
        <v>4</v>
      </c>
      <c r="G10006" t="s">
        <v>9</v>
      </c>
      <c r="H10006" t="s">
        <v>20757</v>
      </c>
      <c r="I10006" t="s">
        <v>30540</v>
      </c>
    </row>
    <row r="10007" spans="1:9">
      <c r="A10007" s="1">
        <f ca="1">RAND()</f>
        <v>0.58991700275151315</v>
      </c>
      <c r="B10007" s="1"/>
      <c r="C10007">
        <v>3</v>
      </c>
      <c r="D10007" t="s">
        <v>20754</v>
      </c>
      <c r="E10007" t="s">
        <v>33377</v>
      </c>
      <c r="F10007">
        <v>4</v>
      </c>
      <c r="G10007" t="s">
        <v>762</v>
      </c>
      <c r="H10007" t="s">
        <v>20755</v>
      </c>
      <c r="I10007" t="s">
        <v>30540</v>
      </c>
    </row>
    <row r="10008" spans="1:9">
      <c r="A10008" s="1">
        <f ca="1">RAND()</f>
        <v>2.6093153012908044E-2</v>
      </c>
      <c r="B10008" s="1"/>
      <c r="C10008">
        <v>8</v>
      </c>
      <c r="D10008" t="s">
        <v>20750</v>
      </c>
      <c r="E10008" t="s">
        <v>33378</v>
      </c>
      <c r="F10008">
        <v>4</v>
      </c>
      <c r="G10008" t="s">
        <v>0</v>
      </c>
      <c r="H10008" t="s">
        <v>20751</v>
      </c>
      <c r="I10008" t="s">
        <v>30540</v>
      </c>
    </row>
    <row r="10009" spans="1:9">
      <c r="A10009" s="1">
        <f ca="1">RAND()</f>
        <v>0.84730478648040397</v>
      </c>
      <c r="B10009" s="1"/>
      <c r="C10009">
        <v>12</v>
      </c>
      <c r="D10009" t="s">
        <v>20752</v>
      </c>
      <c r="E10009" t="s">
        <v>33378</v>
      </c>
      <c r="F10009">
        <v>4</v>
      </c>
      <c r="G10009" t="s">
        <v>14</v>
      </c>
      <c r="H10009" t="s">
        <v>20753</v>
      </c>
      <c r="I10009" t="s">
        <v>30540</v>
      </c>
    </row>
    <row r="10010" spans="1:9">
      <c r="A10010" s="1">
        <f ca="1">RAND()</f>
        <v>0.7998957656921527</v>
      </c>
      <c r="B10010" s="1"/>
      <c r="C10010">
        <v>11</v>
      </c>
      <c r="D10010" t="s">
        <v>20748</v>
      </c>
      <c r="E10010" t="s">
        <v>33379</v>
      </c>
      <c r="F10010">
        <v>4</v>
      </c>
      <c r="G10010" t="s">
        <v>14</v>
      </c>
      <c r="H10010" t="s">
        <v>20749</v>
      </c>
      <c r="I10010" t="s">
        <v>30540</v>
      </c>
    </row>
    <row r="10011" spans="1:9">
      <c r="A10011" s="1">
        <f ca="1">RAND()</f>
        <v>0.71640932352618902</v>
      </c>
      <c r="B10011" s="1"/>
      <c r="C10011">
        <v>4</v>
      </c>
      <c r="D10011" t="s">
        <v>20746</v>
      </c>
      <c r="E10011" t="s">
        <v>33379</v>
      </c>
      <c r="F10011">
        <v>4</v>
      </c>
      <c r="G10011" t="s">
        <v>10</v>
      </c>
      <c r="H10011" t="s">
        <v>20747</v>
      </c>
      <c r="I10011" t="s">
        <v>30540</v>
      </c>
    </row>
    <row r="10012" spans="1:9">
      <c r="A10012" s="1">
        <f ca="1">RAND()</f>
        <v>0.1534092851816633</v>
      </c>
      <c r="B10012" s="1"/>
      <c r="C10012">
        <v>8</v>
      </c>
      <c r="D10012" t="s">
        <v>20736</v>
      </c>
      <c r="E10012" t="s">
        <v>33380</v>
      </c>
      <c r="F10012">
        <v>5</v>
      </c>
      <c r="G10012" t="s">
        <v>2</v>
      </c>
      <c r="H10012" t="s">
        <v>20737</v>
      </c>
      <c r="I10012" t="s">
        <v>30540</v>
      </c>
    </row>
    <row r="10013" spans="1:9">
      <c r="A10013" s="1">
        <f ca="1">RAND()</f>
        <v>0.10038072980183566</v>
      </c>
      <c r="B10013" s="1"/>
      <c r="C10013">
        <v>14</v>
      </c>
      <c r="D10013" t="s">
        <v>20740</v>
      </c>
      <c r="E10013" t="s">
        <v>33380</v>
      </c>
      <c r="F10013">
        <v>4</v>
      </c>
      <c r="G10013" t="s">
        <v>14</v>
      </c>
      <c r="H10013" t="s">
        <v>20741</v>
      </c>
      <c r="I10013" t="s">
        <v>30540</v>
      </c>
    </row>
    <row r="10014" spans="1:9">
      <c r="A10014" s="1">
        <f ca="1">RAND()</f>
        <v>0.22244297799934476</v>
      </c>
      <c r="B10014" s="1"/>
      <c r="C10014">
        <v>18</v>
      </c>
      <c r="D10014" t="s">
        <v>20744</v>
      </c>
      <c r="E10014" t="s">
        <v>33380</v>
      </c>
      <c r="F10014">
        <v>4</v>
      </c>
      <c r="G10014" t="s">
        <v>0</v>
      </c>
      <c r="H10014" t="s">
        <v>20745</v>
      </c>
      <c r="I10014" t="s">
        <v>30540</v>
      </c>
    </row>
    <row r="10015" spans="1:9">
      <c r="A10015" s="1">
        <f ca="1">RAND()</f>
        <v>0.4050109283809209</v>
      </c>
      <c r="B10015" s="1"/>
      <c r="C10015">
        <v>7</v>
      </c>
      <c r="D10015" t="s">
        <v>20734</v>
      </c>
      <c r="E10015" t="s">
        <v>33380</v>
      </c>
      <c r="F10015">
        <v>4</v>
      </c>
      <c r="G10015" t="s">
        <v>14</v>
      </c>
      <c r="H10015" t="s">
        <v>20735</v>
      </c>
      <c r="I10015" t="s">
        <v>30540</v>
      </c>
    </row>
    <row r="10016" spans="1:9">
      <c r="A10016" s="1">
        <f ca="1">RAND()</f>
        <v>0.90201793991942802</v>
      </c>
      <c r="B10016" s="1"/>
      <c r="C10016">
        <v>10</v>
      </c>
      <c r="D10016" t="s">
        <v>20738</v>
      </c>
      <c r="E10016" t="s">
        <v>33380</v>
      </c>
      <c r="F10016">
        <v>4</v>
      </c>
      <c r="G10016" t="s">
        <v>14</v>
      </c>
      <c r="H10016" t="s">
        <v>20739</v>
      </c>
      <c r="I10016" t="s">
        <v>30540</v>
      </c>
    </row>
    <row r="10017" spans="1:9">
      <c r="A10017" s="1">
        <f ca="1">RAND()</f>
        <v>0.43372279769057209</v>
      </c>
      <c r="B10017" s="1"/>
      <c r="C10017">
        <v>15</v>
      </c>
      <c r="D10017" t="s">
        <v>20742</v>
      </c>
      <c r="E10017" t="s">
        <v>33380</v>
      </c>
      <c r="F10017">
        <v>3</v>
      </c>
      <c r="G10017" t="s">
        <v>14</v>
      </c>
      <c r="H10017" t="s">
        <v>20743</v>
      </c>
      <c r="I10017" t="s">
        <v>30540</v>
      </c>
    </row>
    <row r="10018" spans="1:9">
      <c r="A10018" s="1">
        <f ca="1">RAND()</f>
        <v>0.46687432178839994</v>
      </c>
      <c r="B10018" s="1"/>
      <c r="C10018">
        <v>15</v>
      </c>
      <c r="D10018" t="s">
        <v>20732</v>
      </c>
      <c r="E10018" t="s">
        <v>33381</v>
      </c>
      <c r="F10018">
        <v>5</v>
      </c>
      <c r="G10018" t="s">
        <v>14</v>
      </c>
      <c r="H10018" t="s">
        <v>20733</v>
      </c>
      <c r="I10018" t="s">
        <v>30540</v>
      </c>
    </row>
    <row r="10019" spans="1:9">
      <c r="A10019" s="1">
        <f ca="1">RAND()</f>
        <v>0.89254284531780992</v>
      </c>
      <c r="B10019" s="1"/>
      <c r="C10019">
        <v>7</v>
      </c>
      <c r="D10019" t="s">
        <v>20724</v>
      </c>
      <c r="E10019" t="s">
        <v>33381</v>
      </c>
      <c r="F10019">
        <v>5</v>
      </c>
      <c r="G10019" t="s">
        <v>10</v>
      </c>
      <c r="H10019" t="s">
        <v>20725</v>
      </c>
      <c r="I10019" t="s">
        <v>30540</v>
      </c>
    </row>
    <row r="10020" spans="1:9">
      <c r="A10020" s="1">
        <f ca="1">RAND()</f>
        <v>0.54272410969762452</v>
      </c>
      <c r="B10020" s="1"/>
      <c r="C10020">
        <v>6</v>
      </c>
      <c r="D10020" t="s">
        <v>20722</v>
      </c>
      <c r="E10020" t="s">
        <v>33381</v>
      </c>
      <c r="F10020">
        <v>5</v>
      </c>
      <c r="G10020" t="s">
        <v>15</v>
      </c>
      <c r="H10020" t="s">
        <v>20723</v>
      </c>
      <c r="I10020" t="s">
        <v>30540</v>
      </c>
    </row>
    <row r="10021" spans="1:9">
      <c r="A10021" s="1">
        <f ca="1">RAND()</f>
        <v>0.72705916546777705</v>
      </c>
      <c r="B10021" s="1"/>
      <c r="C10021">
        <v>12</v>
      </c>
      <c r="D10021" t="s">
        <v>20728</v>
      </c>
      <c r="E10021" t="s">
        <v>33381</v>
      </c>
      <c r="F10021">
        <v>4</v>
      </c>
      <c r="G10021" t="s">
        <v>10</v>
      </c>
      <c r="H10021" t="s">
        <v>20729</v>
      </c>
      <c r="I10021" t="s">
        <v>30540</v>
      </c>
    </row>
    <row r="10022" spans="1:9">
      <c r="A10022" s="1">
        <f ca="1">RAND()</f>
        <v>0.76404141118224722</v>
      </c>
      <c r="B10022" s="1"/>
      <c r="C10022">
        <v>11</v>
      </c>
      <c r="D10022" t="s">
        <v>20726</v>
      </c>
      <c r="E10022" t="s">
        <v>33381</v>
      </c>
      <c r="F10022">
        <v>4</v>
      </c>
      <c r="G10022" t="s">
        <v>0</v>
      </c>
      <c r="H10022" t="s">
        <v>20727</v>
      </c>
      <c r="I10022" t="s">
        <v>30540</v>
      </c>
    </row>
    <row r="10023" spans="1:9">
      <c r="A10023" s="1">
        <f ca="1">RAND()</f>
        <v>1.702918534074338E-2</v>
      </c>
      <c r="B10023" s="1"/>
      <c r="C10023">
        <v>14</v>
      </c>
      <c r="D10023" t="s">
        <v>20730</v>
      </c>
      <c r="E10023" t="s">
        <v>33381</v>
      </c>
      <c r="F10023">
        <v>3</v>
      </c>
      <c r="G10023" t="s">
        <v>13</v>
      </c>
      <c r="H10023" t="s">
        <v>20731</v>
      </c>
      <c r="I10023" t="s">
        <v>30540</v>
      </c>
    </row>
    <row r="10024" spans="1:9">
      <c r="A10024" s="1">
        <f ca="1">RAND()</f>
        <v>0.48356658942806063</v>
      </c>
      <c r="B10024" s="1"/>
      <c r="C10024">
        <v>14</v>
      </c>
      <c r="D10024" t="s">
        <v>20720</v>
      </c>
      <c r="E10024" t="s">
        <v>33382</v>
      </c>
      <c r="F10024">
        <v>4</v>
      </c>
      <c r="G10024" t="s">
        <v>1426</v>
      </c>
      <c r="H10024" t="s">
        <v>20721</v>
      </c>
      <c r="I10024" t="s">
        <v>30540</v>
      </c>
    </row>
    <row r="10025" spans="1:9">
      <c r="A10025" s="1">
        <f ca="1">RAND()</f>
        <v>0.93885282471205778</v>
      </c>
      <c r="B10025" s="1"/>
      <c r="C10025">
        <v>6</v>
      </c>
      <c r="D10025" t="s">
        <v>20716</v>
      </c>
      <c r="E10025" t="s">
        <v>33383</v>
      </c>
      <c r="F10025">
        <v>5</v>
      </c>
      <c r="G10025" t="s">
        <v>10</v>
      </c>
      <c r="H10025" t="s">
        <v>20717</v>
      </c>
      <c r="I10025" t="s">
        <v>30540</v>
      </c>
    </row>
    <row r="10026" spans="1:9">
      <c r="A10026" s="1">
        <f ca="1">RAND()</f>
        <v>0.94240051342850562</v>
      </c>
      <c r="B10026" s="1"/>
      <c r="C10026">
        <v>8</v>
      </c>
      <c r="D10026" t="s">
        <v>20718</v>
      </c>
      <c r="E10026" t="s">
        <v>33383</v>
      </c>
      <c r="F10026">
        <v>4</v>
      </c>
      <c r="G10026" t="s">
        <v>9</v>
      </c>
      <c r="H10026" t="s">
        <v>20719</v>
      </c>
      <c r="I10026" t="s">
        <v>30540</v>
      </c>
    </row>
    <row r="10027" spans="1:9">
      <c r="A10027" s="1">
        <f ca="1">RAND()</f>
        <v>0.76190802576734307</v>
      </c>
      <c r="B10027" s="1"/>
      <c r="C10027">
        <v>4</v>
      </c>
      <c r="D10027" t="s">
        <v>20714</v>
      </c>
      <c r="E10027" t="s">
        <v>33383</v>
      </c>
      <c r="F10027">
        <v>2</v>
      </c>
      <c r="G10027" t="s">
        <v>9</v>
      </c>
      <c r="H10027" t="s">
        <v>20715</v>
      </c>
      <c r="I10027" t="s">
        <v>30540</v>
      </c>
    </row>
    <row r="10028" spans="1:9">
      <c r="A10028" s="1">
        <f ca="1">RAND()</f>
        <v>0.41715715488517502</v>
      </c>
      <c r="B10028" s="1"/>
      <c r="C10028">
        <v>4</v>
      </c>
      <c r="D10028" t="s">
        <v>20710</v>
      </c>
      <c r="E10028" t="s">
        <v>33384</v>
      </c>
      <c r="F10028">
        <v>4</v>
      </c>
      <c r="G10028" t="s">
        <v>14</v>
      </c>
      <c r="H10028" t="s">
        <v>20711</v>
      </c>
      <c r="I10028" t="s">
        <v>30540</v>
      </c>
    </row>
    <row r="10029" spans="1:9">
      <c r="A10029" s="1">
        <f ca="1">RAND()</f>
        <v>0.4765322451880265</v>
      </c>
      <c r="B10029" s="1"/>
      <c r="C10029">
        <v>11</v>
      </c>
      <c r="D10029" t="s">
        <v>20712</v>
      </c>
      <c r="E10029" t="s">
        <v>33384</v>
      </c>
      <c r="F10029">
        <v>2</v>
      </c>
      <c r="G10029" t="s">
        <v>14</v>
      </c>
      <c r="H10029" t="s">
        <v>20713</v>
      </c>
      <c r="I10029" t="s">
        <v>30540</v>
      </c>
    </row>
    <row r="10030" spans="1:9">
      <c r="A10030" s="1">
        <f ca="1">RAND()</f>
        <v>0.85041402371799391</v>
      </c>
      <c r="B10030" s="1"/>
      <c r="C10030">
        <v>9</v>
      </c>
      <c r="D10030" t="s">
        <v>20706</v>
      </c>
      <c r="E10030" t="s">
        <v>33385</v>
      </c>
      <c r="F10030">
        <v>5</v>
      </c>
      <c r="G10030" t="s">
        <v>14</v>
      </c>
      <c r="H10030" t="s">
        <v>20707</v>
      </c>
      <c r="I10030" t="s">
        <v>30540</v>
      </c>
    </row>
    <row r="10031" spans="1:9">
      <c r="A10031" s="1">
        <f ca="1">RAND()</f>
        <v>0.62828609717738315</v>
      </c>
      <c r="B10031" s="1"/>
      <c r="C10031">
        <v>11</v>
      </c>
      <c r="D10031" t="s">
        <v>20708</v>
      </c>
      <c r="E10031" t="s">
        <v>33385</v>
      </c>
      <c r="F10031">
        <v>4</v>
      </c>
      <c r="G10031" t="s">
        <v>14</v>
      </c>
      <c r="H10031" t="s">
        <v>20709</v>
      </c>
      <c r="I10031" t="s">
        <v>30540</v>
      </c>
    </row>
    <row r="10032" spans="1:9">
      <c r="A10032" s="1">
        <f ca="1">RAND()</f>
        <v>6.4494003659576471E-3</v>
      </c>
      <c r="B10032" s="1"/>
      <c r="C10032">
        <v>5</v>
      </c>
      <c r="D10032" t="s">
        <v>20698</v>
      </c>
      <c r="E10032" t="s">
        <v>33386</v>
      </c>
      <c r="F10032">
        <v>4</v>
      </c>
      <c r="G10032" t="s">
        <v>10</v>
      </c>
      <c r="H10032" t="s">
        <v>20699</v>
      </c>
      <c r="I10032" t="s">
        <v>30540</v>
      </c>
    </row>
    <row r="10033" spans="1:9">
      <c r="A10033" s="1">
        <f ca="1">RAND()</f>
        <v>0.67136053105655646</v>
      </c>
      <c r="B10033" s="1"/>
      <c r="C10033">
        <v>12</v>
      </c>
      <c r="D10033" t="s">
        <v>20704</v>
      </c>
      <c r="E10033" t="s">
        <v>33386</v>
      </c>
      <c r="F10033">
        <v>4</v>
      </c>
      <c r="G10033" t="s">
        <v>1</v>
      </c>
      <c r="H10033" t="s">
        <v>20705</v>
      </c>
      <c r="I10033" t="s">
        <v>30540</v>
      </c>
    </row>
    <row r="10034" spans="1:9">
      <c r="A10034" s="1">
        <f ca="1">RAND()</f>
        <v>0.84885054227859968</v>
      </c>
      <c r="B10034" s="1"/>
      <c r="C10034">
        <v>8</v>
      </c>
      <c r="D10034" t="s">
        <v>20700</v>
      </c>
      <c r="E10034" t="s">
        <v>33386</v>
      </c>
      <c r="F10034">
        <v>4</v>
      </c>
      <c r="G10034" t="s">
        <v>14</v>
      </c>
      <c r="H10034" t="s">
        <v>20701</v>
      </c>
      <c r="I10034" t="s">
        <v>30540</v>
      </c>
    </row>
    <row r="10035" spans="1:9">
      <c r="A10035" s="1">
        <f ca="1">RAND()</f>
        <v>0.15225344155013465</v>
      </c>
      <c r="B10035" s="1"/>
      <c r="C10035">
        <v>1</v>
      </c>
      <c r="D10035" t="s">
        <v>20696</v>
      </c>
      <c r="E10035" t="s">
        <v>33386</v>
      </c>
      <c r="F10035">
        <v>4</v>
      </c>
      <c r="G10035" t="s">
        <v>10</v>
      </c>
      <c r="H10035" t="s">
        <v>20697</v>
      </c>
      <c r="I10035" t="s">
        <v>30540</v>
      </c>
    </row>
    <row r="10036" spans="1:9">
      <c r="A10036" s="1">
        <f ca="1">RAND()</f>
        <v>0.4389981752213159</v>
      </c>
      <c r="B10036" s="1"/>
      <c r="C10036">
        <v>11</v>
      </c>
      <c r="D10036" t="s">
        <v>20702</v>
      </c>
      <c r="E10036" t="s">
        <v>33386</v>
      </c>
      <c r="F10036">
        <v>3</v>
      </c>
      <c r="G10036" t="s">
        <v>14</v>
      </c>
      <c r="H10036" t="s">
        <v>20703</v>
      </c>
      <c r="I10036" t="s">
        <v>30540</v>
      </c>
    </row>
    <row r="10037" spans="1:9">
      <c r="A10037" s="1">
        <f ca="1">RAND()</f>
        <v>4.9247680121854986E-2</v>
      </c>
      <c r="B10037" s="1"/>
      <c r="C10037">
        <v>19</v>
      </c>
      <c r="D10037" t="s">
        <v>20694</v>
      </c>
      <c r="E10037" t="s">
        <v>33387</v>
      </c>
      <c r="F10037">
        <v>4</v>
      </c>
      <c r="G10037" t="s">
        <v>771</v>
      </c>
      <c r="H10037" t="s">
        <v>20695</v>
      </c>
      <c r="I10037" t="s">
        <v>30540</v>
      </c>
    </row>
    <row r="10038" spans="1:9">
      <c r="A10038" s="1">
        <f ca="1">RAND()</f>
        <v>0.68011289692661014</v>
      </c>
      <c r="B10038" s="1"/>
      <c r="C10038">
        <v>17</v>
      </c>
      <c r="D10038" t="s">
        <v>20692</v>
      </c>
      <c r="E10038" t="s">
        <v>33387</v>
      </c>
      <c r="F10038">
        <v>4</v>
      </c>
      <c r="G10038" t="s">
        <v>0</v>
      </c>
      <c r="H10038" t="s">
        <v>20693</v>
      </c>
      <c r="I10038" t="s">
        <v>30540</v>
      </c>
    </row>
    <row r="10039" spans="1:9">
      <c r="A10039" s="1">
        <f ca="1">RAND()</f>
        <v>0.91474370373329095</v>
      </c>
      <c r="B10039" s="1"/>
      <c r="C10039">
        <v>3</v>
      </c>
      <c r="D10039" t="s">
        <v>20680</v>
      </c>
      <c r="E10039" t="s">
        <v>33388</v>
      </c>
      <c r="F10039">
        <v>5</v>
      </c>
      <c r="G10039" t="s">
        <v>10</v>
      </c>
      <c r="H10039" t="s">
        <v>20681</v>
      </c>
      <c r="I10039" t="s">
        <v>30540</v>
      </c>
    </row>
    <row r="10040" spans="1:9">
      <c r="A10040" s="1">
        <f ca="1">RAND()</f>
        <v>0.28487574458406806</v>
      </c>
      <c r="B10040" s="1"/>
      <c r="C10040">
        <v>8</v>
      </c>
      <c r="D10040" t="s">
        <v>20684</v>
      </c>
      <c r="E10040" t="s">
        <v>33388</v>
      </c>
      <c r="F10040">
        <v>5</v>
      </c>
      <c r="G10040" t="s">
        <v>10</v>
      </c>
      <c r="H10040" t="s">
        <v>20685</v>
      </c>
      <c r="I10040" t="s">
        <v>30540</v>
      </c>
    </row>
    <row r="10041" spans="1:9">
      <c r="A10041" s="1">
        <f ca="1">RAND()</f>
        <v>0.33449764560508211</v>
      </c>
      <c r="B10041" s="1"/>
      <c r="C10041">
        <v>10</v>
      </c>
      <c r="D10041" t="s">
        <v>20688</v>
      </c>
      <c r="E10041" t="s">
        <v>33388</v>
      </c>
      <c r="F10041">
        <v>5</v>
      </c>
      <c r="G10041" t="s">
        <v>13</v>
      </c>
      <c r="H10041" t="s">
        <v>20689</v>
      </c>
      <c r="I10041" t="s">
        <v>30540</v>
      </c>
    </row>
    <row r="10042" spans="1:9">
      <c r="A10042" s="1">
        <f ca="1">RAND()</f>
        <v>0.44134943711111541</v>
      </c>
      <c r="B10042" s="1"/>
      <c r="C10042">
        <v>2</v>
      </c>
      <c r="D10042" t="s">
        <v>20678</v>
      </c>
      <c r="E10042" t="s">
        <v>33388</v>
      </c>
      <c r="F10042">
        <v>4</v>
      </c>
      <c r="G10042" t="s">
        <v>10</v>
      </c>
      <c r="H10042" t="s">
        <v>20679</v>
      </c>
      <c r="I10042" t="s">
        <v>30540</v>
      </c>
    </row>
    <row r="10043" spans="1:9">
      <c r="A10043" s="1">
        <f ca="1">RAND()</f>
        <v>0.26739096955987818</v>
      </c>
      <c r="B10043" s="1"/>
      <c r="C10043">
        <v>5</v>
      </c>
      <c r="D10043" t="s">
        <v>20682</v>
      </c>
      <c r="E10043" t="s">
        <v>33388</v>
      </c>
      <c r="F10043">
        <v>4</v>
      </c>
      <c r="G10043" t="s">
        <v>13</v>
      </c>
      <c r="H10043" t="s">
        <v>20683</v>
      </c>
      <c r="I10043" t="s">
        <v>30540</v>
      </c>
    </row>
    <row r="10044" spans="1:9">
      <c r="A10044" s="1">
        <f ca="1">RAND()</f>
        <v>0.31607067018669577</v>
      </c>
      <c r="B10044" s="1"/>
      <c r="C10044">
        <v>12</v>
      </c>
      <c r="D10044" t="s">
        <v>20690</v>
      </c>
      <c r="E10044" t="s">
        <v>33388</v>
      </c>
      <c r="F10044">
        <v>4</v>
      </c>
      <c r="G10044" t="s">
        <v>14</v>
      </c>
      <c r="H10044" t="s">
        <v>20691</v>
      </c>
      <c r="I10044" t="s">
        <v>30540</v>
      </c>
    </row>
    <row r="10045" spans="1:9">
      <c r="A10045" s="1">
        <f ca="1">RAND()</f>
        <v>0.2619111284300889</v>
      </c>
      <c r="B10045" s="1"/>
      <c r="C10045">
        <v>9</v>
      </c>
      <c r="D10045" t="s">
        <v>20686</v>
      </c>
      <c r="E10045" t="s">
        <v>33388</v>
      </c>
      <c r="F10045">
        <v>4</v>
      </c>
      <c r="G10045" t="s">
        <v>2</v>
      </c>
      <c r="H10045" t="s">
        <v>20687</v>
      </c>
      <c r="I10045" t="s">
        <v>30540</v>
      </c>
    </row>
    <row r="10046" spans="1:9">
      <c r="A10046" s="1">
        <f ca="1">RAND()</f>
        <v>0.53721362377166992</v>
      </c>
      <c r="B10046" s="1"/>
      <c r="C10046">
        <v>16</v>
      </c>
      <c r="D10046" t="s">
        <v>20676</v>
      </c>
      <c r="E10046" t="s">
        <v>33389</v>
      </c>
      <c r="F10046">
        <v>1</v>
      </c>
      <c r="G10046" t="s">
        <v>774</v>
      </c>
      <c r="H10046" t="s">
        <v>20677</v>
      </c>
      <c r="I10046" t="s">
        <v>30540</v>
      </c>
    </row>
    <row r="10047" spans="1:9">
      <c r="A10047" s="1">
        <f ca="1">RAND()</f>
        <v>0.4650966964280423</v>
      </c>
      <c r="B10047" s="1"/>
      <c r="C10047">
        <v>8</v>
      </c>
      <c r="D10047" t="s">
        <v>20674</v>
      </c>
      <c r="E10047" t="s">
        <v>33390</v>
      </c>
      <c r="F10047">
        <v>4</v>
      </c>
      <c r="G10047" t="s">
        <v>14</v>
      </c>
      <c r="H10047" t="s">
        <v>20675</v>
      </c>
      <c r="I10047" t="s">
        <v>30540</v>
      </c>
    </row>
    <row r="10048" spans="1:9">
      <c r="A10048" s="1">
        <f ca="1">RAND()</f>
        <v>0.91479505526613947</v>
      </c>
      <c r="B10048" s="1"/>
      <c r="C10048">
        <v>2</v>
      </c>
      <c r="D10048" t="s">
        <v>20666</v>
      </c>
      <c r="E10048" t="s">
        <v>33391</v>
      </c>
      <c r="F10048">
        <v>5</v>
      </c>
      <c r="G10048" t="s">
        <v>10</v>
      </c>
      <c r="H10048" t="s">
        <v>20667</v>
      </c>
      <c r="I10048" t="s">
        <v>30540</v>
      </c>
    </row>
    <row r="10049" spans="1:9">
      <c r="A10049" s="1">
        <f ca="1">RAND()</f>
        <v>0.80869142368592006</v>
      </c>
      <c r="B10049" s="1"/>
      <c r="C10049">
        <v>12</v>
      </c>
      <c r="D10049" t="s">
        <v>20672</v>
      </c>
      <c r="E10049" t="s">
        <v>33391</v>
      </c>
      <c r="F10049">
        <v>4</v>
      </c>
      <c r="G10049" t="s">
        <v>14</v>
      </c>
      <c r="H10049" t="s">
        <v>20673</v>
      </c>
      <c r="I10049" t="s">
        <v>30540</v>
      </c>
    </row>
    <row r="10050" spans="1:9">
      <c r="A10050" s="1">
        <f ca="1">RAND()</f>
        <v>0.4172335202679992</v>
      </c>
      <c r="B10050" s="1"/>
      <c r="C10050">
        <v>11</v>
      </c>
      <c r="D10050" t="s">
        <v>20670</v>
      </c>
      <c r="E10050" t="s">
        <v>33391</v>
      </c>
      <c r="F10050">
        <v>4</v>
      </c>
      <c r="G10050" t="s">
        <v>14</v>
      </c>
      <c r="H10050" t="s">
        <v>20671</v>
      </c>
      <c r="I10050" t="s">
        <v>30540</v>
      </c>
    </row>
    <row r="10051" spans="1:9">
      <c r="A10051" s="1">
        <f ca="1">RAND()</f>
        <v>0.77112311429156022</v>
      </c>
      <c r="B10051" s="1"/>
      <c r="C10051">
        <v>9</v>
      </c>
      <c r="D10051" t="s">
        <v>20668</v>
      </c>
      <c r="E10051" t="s">
        <v>33391</v>
      </c>
      <c r="F10051">
        <v>4</v>
      </c>
      <c r="G10051" t="s">
        <v>10</v>
      </c>
      <c r="H10051" t="s">
        <v>20669</v>
      </c>
      <c r="I10051" t="s">
        <v>30540</v>
      </c>
    </row>
    <row r="10052" spans="1:9">
      <c r="A10052" s="1">
        <f ca="1">RAND()</f>
        <v>0.96482181042857285</v>
      </c>
      <c r="B10052" s="1"/>
      <c r="C10052">
        <v>1</v>
      </c>
      <c r="D10052" t="s">
        <v>20656</v>
      </c>
      <c r="E10052" t="s">
        <v>33392</v>
      </c>
      <c r="F10052">
        <v>4</v>
      </c>
      <c r="G10052" t="s">
        <v>2</v>
      </c>
      <c r="H10052" t="s">
        <v>20657</v>
      </c>
      <c r="I10052" t="s">
        <v>30540</v>
      </c>
    </row>
    <row r="10053" spans="1:9">
      <c r="A10053" s="1">
        <f ca="1">RAND()</f>
        <v>0.17952216108237873</v>
      </c>
      <c r="B10053" s="1"/>
      <c r="C10053">
        <v>2</v>
      </c>
      <c r="D10053" t="s">
        <v>20658</v>
      </c>
      <c r="E10053" t="s">
        <v>33392</v>
      </c>
      <c r="F10053">
        <v>4</v>
      </c>
      <c r="G10053" t="s">
        <v>14</v>
      </c>
      <c r="H10053" t="s">
        <v>20659</v>
      </c>
      <c r="I10053" t="s">
        <v>30540</v>
      </c>
    </row>
    <row r="10054" spans="1:9">
      <c r="A10054" s="1">
        <f ca="1">RAND()</f>
        <v>0.82269683909158875</v>
      </c>
      <c r="B10054" s="1"/>
      <c r="C10054">
        <v>10</v>
      </c>
      <c r="D10054" t="s">
        <v>20660</v>
      </c>
      <c r="E10054" t="s">
        <v>33392</v>
      </c>
      <c r="F10054">
        <v>4</v>
      </c>
      <c r="G10054" t="s">
        <v>14</v>
      </c>
      <c r="H10054" t="s">
        <v>20661</v>
      </c>
      <c r="I10054" t="s">
        <v>30540</v>
      </c>
    </row>
    <row r="10055" spans="1:9">
      <c r="A10055" s="1">
        <f ca="1">RAND()</f>
        <v>0.27912299673544472</v>
      </c>
      <c r="B10055" s="1"/>
      <c r="C10055">
        <v>12</v>
      </c>
      <c r="D10055" t="s">
        <v>20664</v>
      </c>
      <c r="E10055" t="s">
        <v>33392</v>
      </c>
      <c r="F10055">
        <v>4</v>
      </c>
      <c r="G10055" t="s">
        <v>14</v>
      </c>
      <c r="H10055" t="s">
        <v>20665</v>
      </c>
      <c r="I10055" t="s">
        <v>30540</v>
      </c>
    </row>
    <row r="10056" spans="1:9">
      <c r="A10056" s="1">
        <f ca="1">RAND()</f>
        <v>0.82418517222193921</v>
      </c>
      <c r="B10056" s="1"/>
      <c r="C10056">
        <v>11</v>
      </c>
      <c r="D10056" t="s">
        <v>20662</v>
      </c>
      <c r="E10056" t="s">
        <v>33392</v>
      </c>
      <c r="F10056">
        <v>1</v>
      </c>
      <c r="G10056" t="s">
        <v>14</v>
      </c>
      <c r="H10056" t="s">
        <v>20663</v>
      </c>
      <c r="I10056" t="s">
        <v>30540</v>
      </c>
    </row>
    <row r="10057" spans="1:9">
      <c r="A10057" s="1">
        <f ca="1">RAND()</f>
        <v>3.9168350810419805E-2</v>
      </c>
      <c r="B10057" s="1"/>
      <c r="C10057">
        <v>11</v>
      </c>
      <c r="D10057" t="s">
        <v>20652</v>
      </c>
      <c r="E10057" t="s">
        <v>33393</v>
      </c>
      <c r="F10057">
        <v>4</v>
      </c>
      <c r="G10057" t="s">
        <v>14</v>
      </c>
      <c r="H10057" t="s">
        <v>20653</v>
      </c>
      <c r="I10057" t="s">
        <v>30540</v>
      </c>
    </row>
    <row r="10058" spans="1:9">
      <c r="A10058" s="1">
        <f ca="1">RAND()</f>
        <v>0.64645832940066439</v>
      </c>
      <c r="B10058" s="1"/>
      <c r="C10058">
        <v>12</v>
      </c>
      <c r="D10058" t="s">
        <v>20654</v>
      </c>
      <c r="E10058" t="s">
        <v>33393</v>
      </c>
      <c r="F10058">
        <v>4</v>
      </c>
      <c r="G10058" t="s">
        <v>14</v>
      </c>
      <c r="H10058" t="s">
        <v>20655</v>
      </c>
      <c r="I10058" t="s">
        <v>30540</v>
      </c>
    </row>
    <row r="10059" spans="1:9">
      <c r="A10059" s="1">
        <f ca="1">RAND()</f>
        <v>0.55744735687809865</v>
      </c>
      <c r="B10059" s="1"/>
      <c r="C10059">
        <v>1</v>
      </c>
      <c r="D10059" t="s">
        <v>20650</v>
      </c>
      <c r="E10059" t="s">
        <v>33393</v>
      </c>
      <c r="F10059">
        <v>2</v>
      </c>
      <c r="G10059" t="s">
        <v>10</v>
      </c>
      <c r="H10059" t="s">
        <v>20651</v>
      </c>
      <c r="I10059" t="s">
        <v>30540</v>
      </c>
    </row>
    <row r="10060" spans="1:9">
      <c r="A10060" s="1">
        <f ca="1">RAND()</f>
        <v>0.50957505914884449</v>
      </c>
      <c r="B10060" s="1"/>
      <c r="C10060">
        <v>20</v>
      </c>
      <c r="D10060" t="s">
        <v>20648</v>
      </c>
      <c r="E10060" t="s">
        <v>33394</v>
      </c>
      <c r="F10060">
        <v>4</v>
      </c>
      <c r="G10060" t="s">
        <v>14</v>
      </c>
      <c r="H10060" t="s">
        <v>20649</v>
      </c>
      <c r="I10060" t="s">
        <v>30540</v>
      </c>
    </row>
    <row r="10061" spans="1:9">
      <c r="A10061" s="1">
        <f ca="1">RAND()</f>
        <v>1.7195308353178063E-2</v>
      </c>
      <c r="B10061" s="1"/>
      <c r="C10061">
        <v>15</v>
      </c>
      <c r="D10061" t="s">
        <v>20646</v>
      </c>
      <c r="E10061" t="s">
        <v>33394</v>
      </c>
      <c r="F10061">
        <v>2</v>
      </c>
      <c r="G10061" t="s">
        <v>771</v>
      </c>
      <c r="H10061" t="s">
        <v>20647</v>
      </c>
      <c r="I10061" t="s">
        <v>30540</v>
      </c>
    </row>
    <row r="10062" spans="1:9">
      <c r="A10062" s="1">
        <f ca="1">RAND()</f>
        <v>3.973508463286457E-2</v>
      </c>
      <c r="B10062" s="1"/>
      <c r="C10062">
        <v>8</v>
      </c>
      <c r="D10062" t="s">
        <v>20640</v>
      </c>
      <c r="E10062" t="s">
        <v>33395</v>
      </c>
      <c r="F10062">
        <v>5</v>
      </c>
      <c r="G10062" t="s">
        <v>14</v>
      </c>
      <c r="H10062" t="s">
        <v>20641</v>
      </c>
      <c r="I10062" t="s">
        <v>30540</v>
      </c>
    </row>
    <row r="10063" spans="1:9">
      <c r="A10063" s="1">
        <f ca="1">RAND()</f>
        <v>0.44553994718236345</v>
      </c>
      <c r="B10063" s="1"/>
      <c r="C10063">
        <v>3</v>
      </c>
      <c r="D10063" t="s">
        <v>20638</v>
      </c>
      <c r="E10063" t="s">
        <v>33395</v>
      </c>
      <c r="F10063">
        <v>4</v>
      </c>
      <c r="G10063" t="s">
        <v>10</v>
      </c>
      <c r="H10063" t="s">
        <v>20639</v>
      </c>
      <c r="I10063" t="s">
        <v>30540</v>
      </c>
    </row>
    <row r="10064" spans="1:9">
      <c r="A10064" s="1">
        <f ca="1">RAND()</f>
        <v>0.84420448867216635</v>
      </c>
      <c r="B10064" s="1"/>
      <c r="C10064">
        <v>11</v>
      </c>
      <c r="D10064" t="s">
        <v>20644</v>
      </c>
      <c r="E10064" t="s">
        <v>33395</v>
      </c>
      <c r="F10064">
        <v>4</v>
      </c>
      <c r="G10064" t="s">
        <v>10</v>
      </c>
      <c r="H10064" t="s">
        <v>20645</v>
      </c>
      <c r="I10064" t="s">
        <v>30540</v>
      </c>
    </row>
    <row r="10065" spans="1:9">
      <c r="A10065" s="1">
        <f ca="1">RAND()</f>
        <v>0.2700668833653358</v>
      </c>
      <c r="B10065" s="1"/>
      <c r="C10065">
        <v>10</v>
      </c>
      <c r="D10065" t="s">
        <v>20642</v>
      </c>
      <c r="E10065" t="s">
        <v>33395</v>
      </c>
      <c r="F10065">
        <v>4</v>
      </c>
      <c r="G10065" t="s">
        <v>14</v>
      </c>
      <c r="H10065" t="s">
        <v>20643</v>
      </c>
      <c r="I10065" t="s">
        <v>30540</v>
      </c>
    </row>
    <row r="10066" spans="1:9">
      <c r="A10066" s="1">
        <f ca="1">RAND()</f>
        <v>0.33098462072968826</v>
      </c>
      <c r="B10066" s="1"/>
      <c r="C10066">
        <v>8</v>
      </c>
      <c r="D10066" t="s">
        <v>20634</v>
      </c>
      <c r="E10066" t="s">
        <v>33396</v>
      </c>
      <c r="F10066">
        <v>5</v>
      </c>
      <c r="G10066" t="s">
        <v>9</v>
      </c>
      <c r="H10066" t="s">
        <v>20635</v>
      </c>
      <c r="I10066" t="s">
        <v>30540</v>
      </c>
    </row>
    <row r="10067" spans="1:9">
      <c r="A10067" s="1">
        <f ca="1">RAND()</f>
        <v>5.8039944283236444E-2</v>
      </c>
      <c r="B10067" s="1"/>
      <c r="C10067">
        <v>6</v>
      </c>
      <c r="D10067" t="s">
        <v>20632</v>
      </c>
      <c r="E10067" t="s">
        <v>33396</v>
      </c>
      <c r="F10067">
        <v>4</v>
      </c>
      <c r="G10067" t="s">
        <v>14</v>
      </c>
      <c r="H10067" t="s">
        <v>20633</v>
      </c>
      <c r="I10067" t="s">
        <v>30540</v>
      </c>
    </row>
    <row r="10068" spans="1:9">
      <c r="A10068" s="1">
        <f ca="1">RAND()</f>
        <v>0.8218556401295698</v>
      </c>
      <c r="B10068" s="1"/>
      <c r="C10068">
        <v>13</v>
      </c>
      <c r="D10068" t="s">
        <v>20636</v>
      </c>
      <c r="E10068" t="s">
        <v>33396</v>
      </c>
      <c r="F10068">
        <v>4</v>
      </c>
      <c r="G10068" t="s">
        <v>14</v>
      </c>
      <c r="H10068" t="s">
        <v>20637</v>
      </c>
      <c r="I10068" t="s">
        <v>30540</v>
      </c>
    </row>
    <row r="10069" spans="1:9">
      <c r="A10069" s="1">
        <f ca="1">RAND()</f>
        <v>0.50507304362948147</v>
      </c>
      <c r="B10069" s="1"/>
      <c r="C10069">
        <v>1</v>
      </c>
      <c r="D10069" t="s">
        <v>20630</v>
      </c>
      <c r="E10069" t="s">
        <v>33396</v>
      </c>
      <c r="F10069">
        <v>4</v>
      </c>
      <c r="G10069" t="s">
        <v>10</v>
      </c>
      <c r="H10069" t="s">
        <v>20631</v>
      </c>
      <c r="I10069" t="s">
        <v>30540</v>
      </c>
    </row>
    <row r="10070" spans="1:9">
      <c r="A10070" s="1">
        <f ca="1">RAND()</f>
        <v>0.95299914254041285</v>
      </c>
      <c r="B10070" s="1"/>
      <c r="C10070">
        <v>1</v>
      </c>
      <c r="D10070" t="s">
        <v>20624</v>
      </c>
      <c r="E10070" t="s">
        <v>33397</v>
      </c>
      <c r="F10070">
        <v>5</v>
      </c>
      <c r="G10070" t="s">
        <v>15</v>
      </c>
      <c r="H10070" t="s">
        <v>20625</v>
      </c>
      <c r="I10070" t="s">
        <v>30540</v>
      </c>
    </row>
    <row r="10071" spans="1:9">
      <c r="A10071" s="1">
        <f ca="1">RAND()</f>
        <v>0.20578285586018519</v>
      </c>
      <c r="B10071" s="1"/>
      <c r="C10071">
        <v>13</v>
      </c>
      <c r="D10071" t="s">
        <v>20628</v>
      </c>
      <c r="E10071" t="s">
        <v>33397</v>
      </c>
      <c r="F10071">
        <v>4</v>
      </c>
      <c r="G10071" t="s">
        <v>14</v>
      </c>
      <c r="H10071" t="s">
        <v>20629</v>
      </c>
      <c r="I10071" t="s">
        <v>30540</v>
      </c>
    </row>
    <row r="10072" spans="1:9">
      <c r="A10072" s="1">
        <f ca="1">RAND()</f>
        <v>0.37680748143020382</v>
      </c>
      <c r="B10072" s="1"/>
      <c r="C10072">
        <v>12</v>
      </c>
      <c r="D10072" t="s">
        <v>20626</v>
      </c>
      <c r="E10072" t="s">
        <v>33397</v>
      </c>
      <c r="F10072">
        <v>2</v>
      </c>
      <c r="G10072" t="s">
        <v>14</v>
      </c>
      <c r="H10072" t="s">
        <v>20627</v>
      </c>
      <c r="I10072" t="s">
        <v>30540</v>
      </c>
    </row>
    <row r="10073" spans="1:9">
      <c r="A10073" s="1">
        <f ca="1">RAND()</f>
        <v>0.69340749091352905</v>
      </c>
      <c r="B10073" s="1"/>
      <c r="C10073">
        <v>5</v>
      </c>
      <c r="D10073" t="s">
        <v>20612</v>
      </c>
      <c r="E10073" t="s">
        <v>33398</v>
      </c>
      <c r="F10073">
        <v>5</v>
      </c>
      <c r="G10073" t="s">
        <v>14</v>
      </c>
      <c r="H10073" t="s">
        <v>20613</v>
      </c>
      <c r="I10073" t="s">
        <v>30540</v>
      </c>
    </row>
    <row r="10074" spans="1:9">
      <c r="A10074" s="1">
        <f ca="1">RAND()</f>
        <v>0.45167696992434536</v>
      </c>
      <c r="B10074" s="1"/>
      <c r="C10074">
        <v>3</v>
      </c>
      <c r="D10074" t="s">
        <v>20610</v>
      </c>
      <c r="E10074" t="s">
        <v>33398</v>
      </c>
      <c r="F10074">
        <v>5</v>
      </c>
      <c r="G10074" t="s">
        <v>10</v>
      </c>
      <c r="H10074" t="s">
        <v>20611</v>
      </c>
      <c r="I10074" t="s">
        <v>30540</v>
      </c>
    </row>
    <row r="10075" spans="1:9">
      <c r="A10075" s="1">
        <f ca="1">RAND()</f>
        <v>0.72345230842150221</v>
      </c>
      <c r="B10075" s="1"/>
      <c r="C10075">
        <v>15</v>
      </c>
      <c r="D10075" t="s">
        <v>20622</v>
      </c>
      <c r="E10075" t="s">
        <v>33398</v>
      </c>
      <c r="F10075">
        <v>5</v>
      </c>
      <c r="G10075" t="s">
        <v>13</v>
      </c>
      <c r="H10075" t="s">
        <v>20623</v>
      </c>
      <c r="I10075" t="s">
        <v>30540</v>
      </c>
    </row>
    <row r="10076" spans="1:9">
      <c r="A10076" s="1">
        <f ca="1">RAND()</f>
        <v>0.11428306321030102</v>
      </c>
      <c r="B10076" s="1"/>
      <c r="C10076">
        <v>8</v>
      </c>
      <c r="D10076" t="s">
        <v>20614</v>
      </c>
      <c r="E10076" t="s">
        <v>33398</v>
      </c>
      <c r="F10076">
        <v>4</v>
      </c>
      <c r="G10076" t="s">
        <v>9</v>
      </c>
      <c r="H10076" t="s">
        <v>20615</v>
      </c>
      <c r="I10076" t="s">
        <v>30540</v>
      </c>
    </row>
    <row r="10077" spans="1:9">
      <c r="A10077" s="1">
        <f ca="1">RAND()</f>
        <v>0.21407657981259376</v>
      </c>
      <c r="B10077" s="1"/>
      <c r="C10077">
        <v>9</v>
      </c>
      <c r="D10077" t="s">
        <v>20616</v>
      </c>
      <c r="E10077" t="s">
        <v>33398</v>
      </c>
      <c r="F10077">
        <v>4</v>
      </c>
      <c r="G10077" t="s">
        <v>14</v>
      </c>
      <c r="H10077" t="s">
        <v>20617</v>
      </c>
      <c r="I10077" t="s">
        <v>30540</v>
      </c>
    </row>
    <row r="10078" spans="1:9">
      <c r="A10078" s="1">
        <f ca="1">RAND()</f>
        <v>0.9750093465217492</v>
      </c>
      <c r="B10078" s="1"/>
      <c r="C10078">
        <v>12</v>
      </c>
      <c r="D10078" t="s">
        <v>20618</v>
      </c>
      <c r="E10078" t="s">
        <v>33398</v>
      </c>
      <c r="F10078">
        <v>4</v>
      </c>
      <c r="G10078" t="s">
        <v>14</v>
      </c>
      <c r="H10078" t="s">
        <v>20619</v>
      </c>
      <c r="I10078" t="s">
        <v>30540</v>
      </c>
    </row>
    <row r="10079" spans="1:9">
      <c r="A10079" s="1">
        <f ca="1">RAND()</f>
        <v>0.51144587647486417</v>
      </c>
      <c r="B10079" s="1"/>
      <c r="C10079">
        <v>13</v>
      </c>
      <c r="D10079" t="s">
        <v>20620</v>
      </c>
      <c r="E10079" t="s">
        <v>33398</v>
      </c>
      <c r="F10079">
        <v>3</v>
      </c>
      <c r="G10079" t="s">
        <v>13</v>
      </c>
      <c r="H10079" t="s">
        <v>20621</v>
      </c>
      <c r="I10079" t="s">
        <v>30540</v>
      </c>
    </row>
    <row r="10080" spans="1:9">
      <c r="A10080" s="1">
        <f ca="1">RAND()</f>
        <v>2.4678021709890086E-2</v>
      </c>
      <c r="B10080" s="1"/>
      <c r="C10080">
        <v>6</v>
      </c>
      <c r="D10080" t="s">
        <v>20608</v>
      </c>
      <c r="E10080" t="s">
        <v>33399</v>
      </c>
      <c r="F10080">
        <v>5</v>
      </c>
      <c r="G10080" t="s">
        <v>1431</v>
      </c>
      <c r="H10080" t="s">
        <v>20609</v>
      </c>
      <c r="I10080" t="s">
        <v>30540</v>
      </c>
    </row>
    <row r="10081" spans="1:9">
      <c r="A10081" s="1">
        <f ca="1">RAND()</f>
        <v>0.35619871184212837</v>
      </c>
      <c r="B10081" s="1"/>
      <c r="C10081">
        <v>11</v>
      </c>
      <c r="D10081" t="s">
        <v>20604</v>
      </c>
      <c r="E10081" t="s">
        <v>33400</v>
      </c>
      <c r="F10081">
        <v>5</v>
      </c>
      <c r="G10081" t="s">
        <v>14</v>
      </c>
      <c r="H10081" t="s">
        <v>20605</v>
      </c>
      <c r="I10081" t="s">
        <v>30540</v>
      </c>
    </row>
    <row r="10082" spans="1:9">
      <c r="A10082" s="1">
        <f ca="1">RAND()</f>
        <v>0.98546833589016869</v>
      </c>
      <c r="B10082" s="1"/>
      <c r="C10082">
        <v>13</v>
      </c>
      <c r="D10082" t="s">
        <v>20606</v>
      </c>
      <c r="E10082" t="s">
        <v>33400</v>
      </c>
      <c r="F10082">
        <v>5</v>
      </c>
      <c r="G10082" t="s">
        <v>1</v>
      </c>
      <c r="H10082" t="s">
        <v>20607</v>
      </c>
      <c r="I10082" t="s">
        <v>30540</v>
      </c>
    </row>
    <row r="10083" spans="1:9">
      <c r="A10083" s="1">
        <f ca="1">RAND()</f>
        <v>5.2268591145328225E-2</v>
      </c>
      <c r="B10083" s="1"/>
      <c r="C10083">
        <v>8</v>
      </c>
      <c r="D10083" t="s">
        <v>20598</v>
      </c>
      <c r="E10083" t="s">
        <v>33401</v>
      </c>
      <c r="F10083">
        <v>5</v>
      </c>
      <c r="G10083" t="s">
        <v>9</v>
      </c>
      <c r="H10083" t="s">
        <v>20599</v>
      </c>
      <c r="I10083" t="s">
        <v>30540</v>
      </c>
    </row>
    <row r="10084" spans="1:9">
      <c r="A10084" s="1">
        <f ca="1">RAND()</f>
        <v>5.8723746271491462E-2</v>
      </c>
      <c r="B10084" s="1"/>
      <c r="C10084">
        <v>2</v>
      </c>
      <c r="D10084" t="s">
        <v>20594</v>
      </c>
      <c r="E10084" t="s">
        <v>33401</v>
      </c>
      <c r="F10084">
        <v>5</v>
      </c>
      <c r="G10084" t="s">
        <v>10</v>
      </c>
      <c r="H10084" t="s">
        <v>20595</v>
      </c>
      <c r="I10084" t="s">
        <v>30540</v>
      </c>
    </row>
    <row r="10085" spans="1:9">
      <c r="A10085" s="1">
        <f ca="1">RAND()</f>
        <v>0.97091319592674474</v>
      </c>
      <c r="B10085" s="1"/>
      <c r="C10085">
        <v>10</v>
      </c>
      <c r="D10085" t="s">
        <v>20600</v>
      </c>
      <c r="E10085" t="s">
        <v>33401</v>
      </c>
      <c r="F10085">
        <v>4</v>
      </c>
      <c r="G10085" t="s">
        <v>14</v>
      </c>
      <c r="H10085" t="s">
        <v>20601</v>
      </c>
      <c r="I10085" t="s">
        <v>30540</v>
      </c>
    </row>
    <row r="10086" spans="1:9">
      <c r="A10086" s="1">
        <f ca="1">RAND()</f>
        <v>3.0245164874315056E-2</v>
      </c>
      <c r="B10086" s="1"/>
      <c r="C10086">
        <v>4</v>
      </c>
      <c r="D10086" t="s">
        <v>20596</v>
      </c>
      <c r="E10086" t="s">
        <v>33401</v>
      </c>
      <c r="F10086">
        <v>4</v>
      </c>
      <c r="G10086" t="s">
        <v>13</v>
      </c>
      <c r="H10086" t="s">
        <v>20597</v>
      </c>
      <c r="I10086" t="s">
        <v>30540</v>
      </c>
    </row>
    <row r="10087" spans="1:9">
      <c r="A10087" s="1">
        <f ca="1">RAND()</f>
        <v>0.53860611699851912</v>
      </c>
      <c r="B10087" s="1"/>
      <c r="C10087">
        <v>13</v>
      </c>
      <c r="D10087" t="s">
        <v>20602</v>
      </c>
      <c r="E10087" t="s">
        <v>33401</v>
      </c>
      <c r="F10087">
        <v>4</v>
      </c>
      <c r="G10087" t="s">
        <v>14</v>
      </c>
      <c r="H10087" t="s">
        <v>20603</v>
      </c>
      <c r="I10087" t="s">
        <v>30540</v>
      </c>
    </row>
    <row r="10088" spans="1:9">
      <c r="A10088" s="1">
        <f ca="1">RAND()</f>
        <v>0.92158985371252111</v>
      </c>
      <c r="B10088" s="1"/>
      <c r="C10088">
        <v>8</v>
      </c>
      <c r="D10088" t="s">
        <v>20590</v>
      </c>
      <c r="E10088" t="s">
        <v>33402</v>
      </c>
      <c r="F10088">
        <v>4</v>
      </c>
      <c r="G10088" t="s">
        <v>14</v>
      </c>
      <c r="H10088" t="s">
        <v>20591</v>
      </c>
      <c r="I10088" t="s">
        <v>30540</v>
      </c>
    </row>
    <row r="10089" spans="1:9">
      <c r="A10089" s="1">
        <f ca="1">RAND()</f>
        <v>0.83471366850080264</v>
      </c>
      <c r="B10089" s="1"/>
      <c r="C10089">
        <v>14</v>
      </c>
      <c r="D10089" t="s">
        <v>20592</v>
      </c>
      <c r="E10089" t="s">
        <v>33402</v>
      </c>
      <c r="F10089">
        <v>4</v>
      </c>
      <c r="G10089" t="s">
        <v>14</v>
      </c>
      <c r="H10089" t="s">
        <v>20593</v>
      </c>
      <c r="I10089" t="s">
        <v>30540</v>
      </c>
    </row>
    <row r="10090" spans="1:9">
      <c r="A10090" s="1">
        <f ca="1">RAND()</f>
        <v>5.800182737019266E-2</v>
      </c>
      <c r="B10090" s="1"/>
      <c r="C10090">
        <v>6</v>
      </c>
      <c r="D10090" t="s">
        <v>20588</v>
      </c>
      <c r="E10090" t="s">
        <v>33402</v>
      </c>
      <c r="F10090">
        <v>3</v>
      </c>
      <c r="G10090" t="s">
        <v>14</v>
      </c>
      <c r="H10090" t="s">
        <v>20589</v>
      </c>
      <c r="I10090" t="s">
        <v>30540</v>
      </c>
    </row>
    <row r="10091" spans="1:9">
      <c r="A10091" s="1">
        <f ca="1">RAND()</f>
        <v>0.30979972954024926</v>
      </c>
      <c r="B10091" s="1"/>
      <c r="C10091">
        <v>9</v>
      </c>
      <c r="D10091" t="s">
        <v>20582</v>
      </c>
      <c r="E10091" t="s">
        <v>33403</v>
      </c>
      <c r="F10091">
        <v>5</v>
      </c>
      <c r="G10091" t="s">
        <v>14</v>
      </c>
      <c r="H10091" t="s">
        <v>20583</v>
      </c>
      <c r="I10091" t="s">
        <v>30540</v>
      </c>
    </row>
    <row r="10092" spans="1:9">
      <c r="A10092" s="1">
        <f ca="1">RAND()</f>
        <v>0.26175463850871439</v>
      </c>
      <c r="B10092" s="1"/>
      <c r="C10092">
        <v>2</v>
      </c>
      <c r="D10092" t="s">
        <v>20574</v>
      </c>
      <c r="E10092" t="s">
        <v>33403</v>
      </c>
      <c r="F10092">
        <v>5</v>
      </c>
      <c r="G10092" t="s">
        <v>1</v>
      </c>
      <c r="H10092" t="s">
        <v>20575</v>
      </c>
      <c r="I10092" t="s">
        <v>30540</v>
      </c>
    </row>
    <row r="10093" spans="1:9">
      <c r="A10093" s="1">
        <f ca="1">RAND()</f>
        <v>0.32605403330508786</v>
      </c>
      <c r="B10093" s="1"/>
      <c r="C10093">
        <v>3</v>
      </c>
      <c r="D10093" t="s">
        <v>20576</v>
      </c>
      <c r="E10093" t="s">
        <v>33403</v>
      </c>
      <c r="F10093">
        <v>4</v>
      </c>
      <c r="G10093" t="s">
        <v>10</v>
      </c>
      <c r="H10093" t="s">
        <v>20577</v>
      </c>
      <c r="I10093" t="s">
        <v>30540</v>
      </c>
    </row>
    <row r="10094" spans="1:9">
      <c r="A10094" s="1">
        <f ca="1">RAND()</f>
        <v>0.44864047652052741</v>
      </c>
      <c r="B10094" s="1"/>
      <c r="C10094">
        <v>7</v>
      </c>
      <c r="D10094" t="s">
        <v>20580</v>
      </c>
      <c r="E10094" t="s">
        <v>33403</v>
      </c>
      <c r="F10094">
        <v>4</v>
      </c>
      <c r="G10094" t="s">
        <v>2</v>
      </c>
      <c r="H10094" t="s">
        <v>20581</v>
      </c>
      <c r="I10094" t="s">
        <v>30540</v>
      </c>
    </row>
    <row r="10095" spans="1:9">
      <c r="A10095" s="1">
        <f ca="1">RAND()</f>
        <v>0.36683536989140408</v>
      </c>
      <c r="B10095" s="1"/>
      <c r="C10095">
        <v>1</v>
      </c>
      <c r="D10095" t="s">
        <v>20572</v>
      </c>
      <c r="E10095" t="s">
        <v>33403</v>
      </c>
      <c r="F10095">
        <v>4</v>
      </c>
      <c r="G10095" t="s">
        <v>10</v>
      </c>
      <c r="H10095" t="s">
        <v>20573</v>
      </c>
      <c r="I10095" t="s">
        <v>30540</v>
      </c>
    </row>
    <row r="10096" spans="1:9">
      <c r="A10096" s="1">
        <f ca="1">RAND()</f>
        <v>0.6098611665305308</v>
      </c>
      <c r="B10096" s="1"/>
      <c r="C10096">
        <v>5</v>
      </c>
      <c r="D10096" t="s">
        <v>20578</v>
      </c>
      <c r="E10096" t="s">
        <v>33403</v>
      </c>
      <c r="F10096">
        <v>4</v>
      </c>
      <c r="G10096" t="s">
        <v>13</v>
      </c>
      <c r="H10096" t="s">
        <v>20579</v>
      </c>
      <c r="I10096" t="s">
        <v>30540</v>
      </c>
    </row>
    <row r="10097" spans="1:9">
      <c r="A10097" s="1">
        <f ca="1">RAND()</f>
        <v>0.38934462966479677</v>
      </c>
      <c r="B10097" s="1"/>
      <c r="C10097">
        <v>12</v>
      </c>
      <c r="D10097" t="s">
        <v>20584</v>
      </c>
      <c r="E10097" t="s">
        <v>33403</v>
      </c>
      <c r="F10097">
        <v>4</v>
      </c>
      <c r="G10097" t="s">
        <v>10</v>
      </c>
      <c r="H10097" t="s">
        <v>20585</v>
      </c>
      <c r="I10097" t="s">
        <v>30540</v>
      </c>
    </row>
    <row r="10098" spans="1:9">
      <c r="A10098" s="1">
        <f ca="1">RAND()</f>
        <v>0.63118335834504136</v>
      </c>
      <c r="B10098" s="1"/>
      <c r="C10098">
        <v>14</v>
      </c>
      <c r="D10098" t="s">
        <v>20586</v>
      </c>
      <c r="E10098" t="s">
        <v>33403</v>
      </c>
      <c r="F10098">
        <v>1</v>
      </c>
      <c r="G10098" t="s">
        <v>14</v>
      </c>
      <c r="H10098" t="s">
        <v>20587</v>
      </c>
      <c r="I10098" t="s">
        <v>30540</v>
      </c>
    </row>
    <row r="10099" spans="1:9">
      <c r="A10099" s="1">
        <f ca="1">RAND()</f>
        <v>8.065656603919269E-2</v>
      </c>
      <c r="B10099" s="1"/>
      <c r="C10099">
        <v>5</v>
      </c>
      <c r="D10099" t="s">
        <v>20560</v>
      </c>
      <c r="E10099" t="s">
        <v>33404</v>
      </c>
      <c r="F10099">
        <v>5</v>
      </c>
      <c r="G10099" t="s">
        <v>13</v>
      </c>
      <c r="H10099" t="s">
        <v>20561</v>
      </c>
      <c r="I10099" t="s">
        <v>30540</v>
      </c>
    </row>
    <row r="10100" spans="1:9">
      <c r="A10100" s="1">
        <f ca="1">RAND()</f>
        <v>0.66142053092252728</v>
      </c>
      <c r="B10100" s="1"/>
      <c r="C10100">
        <v>17</v>
      </c>
      <c r="D10100" t="s">
        <v>20568</v>
      </c>
      <c r="E10100" t="s">
        <v>33404</v>
      </c>
      <c r="F10100">
        <v>5</v>
      </c>
      <c r="G10100" t="s">
        <v>1431</v>
      </c>
      <c r="H10100" t="s">
        <v>20569</v>
      </c>
      <c r="I10100" t="s">
        <v>30540</v>
      </c>
    </row>
    <row r="10101" spans="1:9">
      <c r="A10101" s="1">
        <f ca="1">RAND()</f>
        <v>0.4062613736172872</v>
      </c>
      <c r="B10101" s="1"/>
      <c r="C10101">
        <v>10</v>
      </c>
      <c r="D10101" t="s">
        <v>20562</v>
      </c>
      <c r="E10101" t="s">
        <v>33404</v>
      </c>
      <c r="F10101">
        <v>4</v>
      </c>
      <c r="G10101" t="s">
        <v>766</v>
      </c>
      <c r="H10101" t="s">
        <v>20563</v>
      </c>
      <c r="I10101" t="s">
        <v>30540</v>
      </c>
    </row>
    <row r="10102" spans="1:9">
      <c r="A10102" s="1">
        <f ca="1">RAND()</f>
        <v>0.48198546506190854</v>
      </c>
      <c r="B10102" s="1"/>
      <c r="C10102">
        <v>16</v>
      </c>
      <c r="D10102" t="s">
        <v>20566</v>
      </c>
      <c r="E10102" t="s">
        <v>33404</v>
      </c>
      <c r="F10102">
        <v>4</v>
      </c>
      <c r="G10102" t="s">
        <v>770</v>
      </c>
      <c r="H10102" t="s">
        <v>20567</v>
      </c>
      <c r="I10102" t="s">
        <v>30540</v>
      </c>
    </row>
    <row r="10103" spans="1:9">
      <c r="A10103" s="1">
        <f ca="1">RAND()</f>
        <v>0.88678877809411616</v>
      </c>
      <c r="B10103" s="1"/>
      <c r="C10103">
        <v>11</v>
      </c>
      <c r="D10103" t="s">
        <v>20564</v>
      </c>
      <c r="E10103" t="s">
        <v>33404</v>
      </c>
      <c r="F10103">
        <v>3</v>
      </c>
      <c r="G10103" t="s">
        <v>762</v>
      </c>
      <c r="H10103" t="s">
        <v>20565</v>
      </c>
      <c r="I10103" t="s">
        <v>30540</v>
      </c>
    </row>
    <row r="10104" spans="1:9">
      <c r="A10104" s="1">
        <f ca="1">RAND()</f>
        <v>0.97015748512515332</v>
      </c>
      <c r="B10104" s="1"/>
      <c r="C10104">
        <v>20</v>
      </c>
      <c r="D10104" t="s">
        <v>20570</v>
      </c>
      <c r="E10104" t="s">
        <v>33404</v>
      </c>
      <c r="F10104">
        <v>2</v>
      </c>
      <c r="G10104" t="s">
        <v>2738</v>
      </c>
      <c r="H10104" t="s">
        <v>20571</v>
      </c>
      <c r="I10104" t="s">
        <v>30540</v>
      </c>
    </row>
    <row r="10105" spans="1:9">
      <c r="A10105" s="1">
        <f ca="1">RAND()</f>
        <v>0.18216447421752391</v>
      </c>
      <c r="B10105" s="1"/>
      <c r="C10105">
        <v>1</v>
      </c>
      <c r="D10105" t="s">
        <v>20554</v>
      </c>
      <c r="E10105" t="s">
        <v>33405</v>
      </c>
      <c r="F10105">
        <v>5</v>
      </c>
      <c r="G10105" t="s">
        <v>0</v>
      </c>
      <c r="H10105" t="s">
        <v>20555</v>
      </c>
      <c r="I10105" t="s">
        <v>30540</v>
      </c>
    </row>
    <row r="10106" spans="1:9">
      <c r="A10106" s="1">
        <f ca="1">RAND()</f>
        <v>2.0849448319665398E-2</v>
      </c>
      <c r="B10106" s="1"/>
      <c r="C10106">
        <v>10</v>
      </c>
      <c r="D10106" t="s">
        <v>20558</v>
      </c>
      <c r="E10106" t="s">
        <v>33405</v>
      </c>
      <c r="F10106">
        <v>4</v>
      </c>
      <c r="G10106" t="s">
        <v>14</v>
      </c>
      <c r="H10106" t="s">
        <v>20559</v>
      </c>
      <c r="I10106" t="s">
        <v>30540</v>
      </c>
    </row>
    <row r="10107" spans="1:9">
      <c r="A10107" s="1">
        <f ca="1">RAND()</f>
        <v>0.64394159645315407</v>
      </c>
      <c r="B10107" s="1"/>
      <c r="C10107">
        <v>4</v>
      </c>
      <c r="D10107" t="s">
        <v>20556</v>
      </c>
      <c r="E10107" t="s">
        <v>33405</v>
      </c>
      <c r="F10107">
        <v>2</v>
      </c>
      <c r="G10107" t="s">
        <v>1</v>
      </c>
      <c r="H10107" t="s">
        <v>20557</v>
      </c>
      <c r="I10107" t="s">
        <v>30540</v>
      </c>
    </row>
    <row r="10108" spans="1:9">
      <c r="A10108" s="1">
        <f ca="1">RAND()</f>
        <v>0.16922484975847074</v>
      </c>
      <c r="B10108" s="1"/>
      <c r="C10108">
        <v>12</v>
      </c>
      <c r="D10108" t="s">
        <v>20550</v>
      </c>
      <c r="E10108" t="s">
        <v>33406</v>
      </c>
      <c r="F10108">
        <v>5</v>
      </c>
      <c r="G10108" t="s">
        <v>1</v>
      </c>
      <c r="H10108" t="s">
        <v>20551</v>
      </c>
      <c r="I10108" t="s">
        <v>30540</v>
      </c>
    </row>
    <row r="10109" spans="1:9">
      <c r="A10109" s="1">
        <f ca="1">RAND()</f>
        <v>0.80720079069096196</v>
      </c>
      <c r="B10109" s="1"/>
      <c r="C10109">
        <v>10</v>
      </c>
      <c r="D10109" t="s">
        <v>20548</v>
      </c>
      <c r="E10109" t="s">
        <v>33406</v>
      </c>
      <c r="F10109">
        <v>4</v>
      </c>
      <c r="G10109" t="s">
        <v>10</v>
      </c>
      <c r="H10109" t="s">
        <v>20549</v>
      </c>
      <c r="I10109" t="s">
        <v>30540</v>
      </c>
    </row>
    <row r="10110" spans="1:9">
      <c r="A10110" s="1">
        <f ca="1">RAND()</f>
        <v>0.46383830603647613</v>
      </c>
      <c r="B10110" s="1"/>
      <c r="C10110">
        <v>15</v>
      </c>
      <c r="D10110" t="s">
        <v>20552</v>
      </c>
      <c r="E10110" t="s">
        <v>33406</v>
      </c>
      <c r="F10110">
        <v>4</v>
      </c>
      <c r="G10110" t="s">
        <v>10</v>
      </c>
      <c r="H10110" t="s">
        <v>20553</v>
      </c>
      <c r="I10110" t="s">
        <v>30540</v>
      </c>
    </row>
    <row r="10111" spans="1:9">
      <c r="A10111" s="1">
        <f ca="1">RAND()</f>
        <v>0.24549420680115075</v>
      </c>
      <c r="B10111" s="1"/>
      <c r="C10111">
        <v>8</v>
      </c>
      <c r="D10111" t="s">
        <v>20544</v>
      </c>
      <c r="E10111" t="s">
        <v>33407</v>
      </c>
      <c r="F10111">
        <v>5</v>
      </c>
      <c r="G10111" t="s">
        <v>14</v>
      </c>
      <c r="H10111" t="s">
        <v>20545</v>
      </c>
      <c r="I10111" t="s">
        <v>30540</v>
      </c>
    </row>
    <row r="10112" spans="1:9">
      <c r="A10112" s="1">
        <f ca="1">RAND()</f>
        <v>0.33100892050298436</v>
      </c>
      <c r="B10112" s="1"/>
      <c r="C10112">
        <v>13</v>
      </c>
      <c r="D10112" t="s">
        <v>20546</v>
      </c>
      <c r="E10112" t="s">
        <v>33407</v>
      </c>
      <c r="F10112">
        <v>4</v>
      </c>
      <c r="G10112" t="s">
        <v>14</v>
      </c>
      <c r="H10112" t="s">
        <v>20547</v>
      </c>
      <c r="I10112" t="s">
        <v>30540</v>
      </c>
    </row>
    <row r="10113" spans="1:9">
      <c r="A10113" s="1">
        <f ca="1">RAND()</f>
        <v>0.98408552678879913</v>
      </c>
      <c r="B10113" s="1"/>
      <c r="C10113">
        <v>7</v>
      </c>
      <c r="D10113" t="s">
        <v>20542</v>
      </c>
      <c r="E10113" t="s">
        <v>33407</v>
      </c>
      <c r="F10113">
        <v>2</v>
      </c>
      <c r="G10113" t="s">
        <v>15</v>
      </c>
      <c r="H10113" t="s">
        <v>20543</v>
      </c>
      <c r="I10113" t="s">
        <v>30540</v>
      </c>
    </row>
    <row r="10114" spans="1:9">
      <c r="A10114" s="1">
        <f ca="1">RAND()</f>
        <v>0.76513691537138584</v>
      </c>
      <c r="B10114" s="1"/>
      <c r="C10114">
        <v>1</v>
      </c>
      <c r="D10114" t="s">
        <v>20534</v>
      </c>
      <c r="E10114" t="s">
        <v>33408</v>
      </c>
      <c r="F10114">
        <v>4</v>
      </c>
      <c r="G10114" t="s">
        <v>10</v>
      </c>
      <c r="H10114" t="s">
        <v>20535</v>
      </c>
      <c r="I10114" t="s">
        <v>30540</v>
      </c>
    </row>
    <row r="10115" spans="1:9">
      <c r="A10115" s="1">
        <f ca="1">RAND()</f>
        <v>0.36166964428056569</v>
      </c>
      <c r="B10115" s="1"/>
      <c r="C10115">
        <v>7</v>
      </c>
      <c r="D10115" t="s">
        <v>20538</v>
      </c>
      <c r="E10115" t="s">
        <v>33408</v>
      </c>
      <c r="F10115">
        <v>2</v>
      </c>
      <c r="G10115" t="s">
        <v>14</v>
      </c>
      <c r="H10115" t="s">
        <v>20539</v>
      </c>
      <c r="I10115" t="s">
        <v>30540</v>
      </c>
    </row>
    <row r="10116" spans="1:9">
      <c r="A10116" s="1">
        <f ca="1">RAND()</f>
        <v>2.054770195981559E-2</v>
      </c>
      <c r="B10116" s="1"/>
      <c r="C10116">
        <v>6</v>
      </c>
      <c r="D10116" t="s">
        <v>20536</v>
      </c>
      <c r="E10116" t="s">
        <v>33408</v>
      </c>
      <c r="F10116">
        <v>2</v>
      </c>
      <c r="G10116" t="s">
        <v>14</v>
      </c>
      <c r="H10116" t="s">
        <v>20537</v>
      </c>
      <c r="I10116" t="s">
        <v>30540</v>
      </c>
    </row>
    <row r="10117" spans="1:9">
      <c r="A10117" s="1">
        <f ca="1">RAND()</f>
        <v>0.93502297795461053</v>
      </c>
      <c r="B10117" s="1"/>
      <c r="C10117">
        <v>10</v>
      </c>
      <c r="D10117" t="s">
        <v>20540</v>
      </c>
      <c r="E10117" t="s">
        <v>33408</v>
      </c>
      <c r="F10117">
        <v>1</v>
      </c>
      <c r="G10117" t="s">
        <v>14</v>
      </c>
      <c r="H10117" t="s">
        <v>20541</v>
      </c>
      <c r="I10117" t="s">
        <v>30540</v>
      </c>
    </row>
    <row r="10118" spans="1:9">
      <c r="A10118" s="1">
        <f ca="1">RAND()</f>
        <v>0.697241739530986</v>
      </c>
      <c r="B10118" s="1"/>
      <c r="C10118">
        <v>4</v>
      </c>
      <c r="D10118" t="s">
        <v>20528</v>
      </c>
      <c r="E10118" t="s">
        <v>33409</v>
      </c>
      <c r="F10118">
        <v>4</v>
      </c>
      <c r="G10118" t="s">
        <v>10</v>
      </c>
      <c r="H10118" t="s">
        <v>20529</v>
      </c>
      <c r="I10118" t="s">
        <v>30540</v>
      </c>
    </row>
    <row r="10119" spans="1:9">
      <c r="A10119" s="1">
        <f ca="1">RAND()</f>
        <v>0.28257508205537385</v>
      </c>
      <c r="B10119" s="1"/>
      <c r="C10119">
        <v>14</v>
      </c>
      <c r="D10119" t="s">
        <v>20532</v>
      </c>
      <c r="E10119" t="s">
        <v>33409</v>
      </c>
      <c r="F10119">
        <v>4</v>
      </c>
      <c r="G10119" t="s">
        <v>10</v>
      </c>
      <c r="H10119" t="s">
        <v>20533</v>
      </c>
      <c r="I10119" t="s">
        <v>30540</v>
      </c>
    </row>
    <row r="10120" spans="1:9">
      <c r="A10120" s="1">
        <f ca="1">RAND()</f>
        <v>0.49297274755293707</v>
      </c>
      <c r="B10120" s="1"/>
      <c r="C10120">
        <v>3</v>
      </c>
      <c r="D10120" t="s">
        <v>20526</v>
      </c>
      <c r="E10120" t="s">
        <v>33409</v>
      </c>
      <c r="F10120">
        <v>4</v>
      </c>
      <c r="G10120" t="s">
        <v>2</v>
      </c>
      <c r="H10120" t="s">
        <v>20527</v>
      </c>
      <c r="I10120" t="s">
        <v>30540</v>
      </c>
    </row>
    <row r="10121" spans="1:9">
      <c r="A10121" s="1">
        <f ca="1">RAND()</f>
        <v>0.26670271001660628</v>
      </c>
      <c r="B10121" s="1"/>
      <c r="C10121">
        <v>6</v>
      </c>
      <c r="D10121" t="s">
        <v>20530</v>
      </c>
      <c r="E10121" t="s">
        <v>33409</v>
      </c>
      <c r="F10121">
        <v>4</v>
      </c>
      <c r="G10121" t="s">
        <v>14</v>
      </c>
      <c r="H10121" t="s">
        <v>20531</v>
      </c>
      <c r="I10121" t="s">
        <v>30540</v>
      </c>
    </row>
    <row r="10122" spans="1:9">
      <c r="A10122" s="1">
        <f ca="1">RAND()</f>
        <v>0.38261319248731218</v>
      </c>
      <c r="B10122" s="1"/>
      <c r="C10122">
        <v>3</v>
      </c>
      <c r="D10122" t="s">
        <v>20522</v>
      </c>
      <c r="E10122" t="s">
        <v>33410</v>
      </c>
      <c r="F10122">
        <v>4</v>
      </c>
      <c r="G10122" t="s">
        <v>0</v>
      </c>
      <c r="H10122" t="s">
        <v>20523</v>
      </c>
      <c r="I10122" t="s">
        <v>30540</v>
      </c>
    </row>
    <row r="10123" spans="1:9">
      <c r="A10123" s="1">
        <f ca="1">RAND()</f>
        <v>8.0781109769114012E-2</v>
      </c>
      <c r="B10123" s="1"/>
      <c r="C10123">
        <v>6</v>
      </c>
      <c r="D10123" t="s">
        <v>20524</v>
      </c>
      <c r="E10123" t="s">
        <v>33410</v>
      </c>
      <c r="F10123">
        <v>3</v>
      </c>
      <c r="G10123" t="s">
        <v>14</v>
      </c>
      <c r="H10123" t="s">
        <v>20525</v>
      </c>
      <c r="I10123" t="s">
        <v>30540</v>
      </c>
    </row>
    <row r="10124" spans="1:9">
      <c r="A10124" s="1">
        <f ca="1">RAND()</f>
        <v>0.79956565833695248</v>
      </c>
      <c r="B10124" s="1"/>
      <c r="C10124">
        <v>4</v>
      </c>
      <c r="D10124" t="s">
        <v>20518</v>
      </c>
      <c r="E10124" t="s">
        <v>33411</v>
      </c>
      <c r="F10124">
        <v>5</v>
      </c>
      <c r="G10124" t="s">
        <v>13</v>
      </c>
      <c r="H10124" t="s">
        <v>20519</v>
      </c>
      <c r="I10124" t="s">
        <v>30540</v>
      </c>
    </row>
    <row r="10125" spans="1:9">
      <c r="A10125" s="1">
        <f ca="1">RAND()</f>
        <v>5.7997448471317825E-2</v>
      </c>
      <c r="B10125" s="1"/>
      <c r="C10125">
        <v>3</v>
      </c>
      <c r="D10125" t="s">
        <v>20516</v>
      </c>
      <c r="E10125" t="s">
        <v>33411</v>
      </c>
      <c r="F10125">
        <v>5</v>
      </c>
      <c r="G10125" t="s">
        <v>15</v>
      </c>
      <c r="H10125" t="s">
        <v>20517</v>
      </c>
      <c r="I10125" t="s">
        <v>30540</v>
      </c>
    </row>
    <row r="10126" spans="1:9">
      <c r="A10126" s="1">
        <f ca="1">RAND()</f>
        <v>0.58617953988134153</v>
      </c>
      <c r="B10126" s="1"/>
      <c r="C10126">
        <v>2</v>
      </c>
      <c r="D10126" t="s">
        <v>20514</v>
      </c>
      <c r="E10126" t="s">
        <v>33411</v>
      </c>
      <c r="F10126">
        <v>4</v>
      </c>
      <c r="G10126" t="s">
        <v>10</v>
      </c>
      <c r="H10126" t="s">
        <v>20515</v>
      </c>
      <c r="I10126" t="s">
        <v>30540</v>
      </c>
    </row>
    <row r="10127" spans="1:9">
      <c r="A10127" s="1">
        <f ca="1">RAND()</f>
        <v>0.17931662138397608</v>
      </c>
      <c r="B10127" s="1"/>
      <c r="C10127">
        <v>11</v>
      </c>
      <c r="D10127" t="s">
        <v>20520</v>
      </c>
      <c r="E10127" t="s">
        <v>33411</v>
      </c>
      <c r="F10127">
        <v>2</v>
      </c>
      <c r="G10127" t="s">
        <v>1</v>
      </c>
      <c r="H10127" t="s">
        <v>20521</v>
      </c>
      <c r="I10127" t="s">
        <v>30540</v>
      </c>
    </row>
    <row r="10128" spans="1:9">
      <c r="A10128" s="1">
        <f ca="1">RAND()</f>
        <v>0.59417456806750646</v>
      </c>
      <c r="B10128" s="1"/>
      <c r="C10128">
        <v>11</v>
      </c>
      <c r="D10128" t="s">
        <v>20510</v>
      </c>
      <c r="E10128" t="s">
        <v>33412</v>
      </c>
      <c r="F10128">
        <v>5</v>
      </c>
      <c r="G10128" t="s">
        <v>1</v>
      </c>
      <c r="H10128" t="s">
        <v>20511</v>
      </c>
      <c r="I10128" t="s">
        <v>30540</v>
      </c>
    </row>
    <row r="10129" spans="1:9">
      <c r="A10129" s="1">
        <f ca="1">RAND()</f>
        <v>0.34638708633231285</v>
      </c>
      <c r="B10129" s="1"/>
      <c r="C10129">
        <v>6</v>
      </c>
      <c r="D10129" t="s">
        <v>20508</v>
      </c>
      <c r="E10129" t="s">
        <v>33412</v>
      </c>
      <c r="F10129">
        <v>5</v>
      </c>
      <c r="G10129" t="s">
        <v>14</v>
      </c>
      <c r="H10129" t="s">
        <v>20509</v>
      </c>
      <c r="I10129" t="s">
        <v>30540</v>
      </c>
    </row>
    <row r="10130" spans="1:9">
      <c r="A10130" s="1">
        <f ca="1">RAND()</f>
        <v>0.40498235816950334</v>
      </c>
      <c r="B10130" s="1"/>
      <c r="C10130">
        <v>12</v>
      </c>
      <c r="D10130" t="s">
        <v>20512</v>
      </c>
      <c r="E10130" t="s">
        <v>33412</v>
      </c>
      <c r="F10130">
        <v>4</v>
      </c>
      <c r="G10130" t="s">
        <v>14</v>
      </c>
      <c r="H10130" t="s">
        <v>20513</v>
      </c>
      <c r="I10130" t="s">
        <v>30540</v>
      </c>
    </row>
    <row r="10131" spans="1:9">
      <c r="A10131" s="1">
        <f ca="1">RAND()</f>
        <v>0.32067764063124338</v>
      </c>
      <c r="B10131" s="1"/>
      <c r="C10131">
        <v>4</v>
      </c>
      <c r="D10131" t="s">
        <v>20506</v>
      </c>
      <c r="E10131" t="s">
        <v>33412</v>
      </c>
      <c r="F10131">
        <v>2</v>
      </c>
      <c r="G10131" t="s">
        <v>14</v>
      </c>
      <c r="H10131" t="s">
        <v>20507</v>
      </c>
      <c r="I10131" t="s">
        <v>30540</v>
      </c>
    </row>
    <row r="10132" spans="1:9">
      <c r="A10132" s="1">
        <f ca="1">RAND()</f>
        <v>3.5982233069785319E-2</v>
      </c>
      <c r="B10132" s="1"/>
      <c r="C10132">
        <v>12</v>
      </c>
      <c r="D10132" t="s">
        <v>20504</v>
      </c>
      <c r="E10132" t="s">
        <v>33413</v>
      </c>
      <c r="F10132">
        <v>5</v>
      </c>
      <c r="G10132" t="s">
        <v>14</v>
      </c>
      <c r="H10132" t="s">
        <v>20505</v>
      </c>
      <c r="I10132" t="s">
        <v>30540</v>
      </c>
    </row>
    <row r="10133" spans="1:9">
      <c r="A10133" s="1">
        <f ca="1">RAND()</f>
        <v>0.45473425260433475</v>
      </c>
      <c r="B10133" s="1"/>
      <c r="C10133">
        <v>9</v>
      </c>
      <c r="D10133" t="s">
        <v>20500</v>
      </c>
      <c r="E10133" t="s">
        <v>33413</v>
      </c>
      <c r="F10133">
        <v>5</v>
      </c>
      <c r="G10133" t="s">
        <v>1</v>
      </c>
      <c r="H10133" t="s">
        <v>20501</v>
      </c>
      <c r="I10133" t="s">
        <v>30540</v>
      </c>
    </row>
    <row r="10134" spans="1:9">
      <c r="A10134" s="1">
        <f ca="1">RAND()</f>
        <v>0.96885342194475177</v>
      </c>
      <c r="B10134" s="1"/>
      <c r="C10134">
        <v>10</v>
      </c>
      <c r="D10134" t="s">
        <v>20502</v>
      </c>
      <c r="E10134" t="s">
        <v>33413</v>
      </c>
      <c r="F10134">
        <v>4</v>
      </c>
      <c r="G10134" t="s">
        <v>0</v>
      </c>
      <c r="H10134" t="s">
        <v>20503</v>
      </c>
      <c r="I10134" t="s">
        <v>30540</v>
      </c>
    </row>
    <row r="10135" spans="1:9">
      <c r="A10135" s="1">
        <f ca="1">RAND()</f>
        <v>0.40947677020244577</v>
      </c>
      <c r="B10135" s="1"/>
      <c r="C10135">
        <v>8</v>
      </c>
      <c r="D10135" t="s">
        <v>20498</v>
      </c>
      <c r="E10135" t="s">
        <v>33413</v>
      </c>
      <c r="F10135">
        <v>3</v>
      </c>
      <c r="G10135" t="s">
        <v>0</v>
      </c>
      <c r="H10135" t="s">
        <v>20499</v>
      </c>
      <c r="I10135" t="s">
        <v>30540</v>
      </c>
    </row>
    <row r="10136" spans="1:9">
      <c r="A10136" s="1">
        <f ca="1">RAND()</f>
        <v>0.37013962516111232</v>
      </c>
      <c r="B10136" s="1"/>
      <c r="C10136">
        <v>6</v>
      </c>
      <c r="D10136" t="s">
        <v>20496</v>
      </c>
      <c r="E10136" t="s">
        <v>33413</v>
      </c>
      <c r="F10136">
        <v>3</v>
      </c>
      <c r="G10136" t="s">
        <v>13</v>
      </c>
      <c r="H10136" t="s">
        <v>20497</v>
      </c>
      <c r="I10136" t="s">
        <v>30540</v>
      </c>
    </row>
    <row r="10137" spans="1:9">
      <c r="A10137" s="1">
        <f ca="1">RAND()</f>
        <v>0.1568524505184371</v>
      </c>
      <c r="B10137" s="1"/>
      <c r="C10137">
        <v>3</v>
      </c>
      <c r="D10137" t="s">
        <v>20488</v>
      </c>
      <c r="E10137" t="s">
        <v>33414</v>
      </c>
      <c r="F10137">
        <v>4</v>
      </c>
      <c r="G10137" t="s">
        <v>2</v>
      </c>
      <c r="H10137" t="s">
        <v>20489</v>
      </c>
      <c r="I10137" t="s">
        <v>30540</v>
      </c>
    </row>
    <row r="10138" spans="1:9">
      <c r="A10138" s="1">
        <f ca="1">RAND()</f>
        <v>0.32086535472255207</v>
      </c>
      <c r="B10138" s="1"/>
      <c r="C10138">
        <v>10</v>
      </c>
      <c r="D10138" t="s">
        <v>20494</v>
      </c>
      <c r="E10138" t="s">
        <v>33414</v>
      </c>
      <c r="F10138">
        <v>4</v>
      </c>
      <c r="G10138" t="s">
        <v>771</v>
      </c>
      <c r="H10138" t="s">
        <v>20495</v>
      </c>
      <c r="I10138" t="s">
        <v>30540</v>
      </c>
    </row>
    <row r="10139" spans="1:9">
      <c r="A10139" s="1">
        <f ca="1">RAND()</f>
        <v>0.83113547061734694</v>
      </c>
      <c r="B10139" s="1"/>
      <c r="C10139">
        <v>1</v>
      </c>
      <c r="D10139" t="s">
        <v>20486</v>
      </c>
      <c r="E10139" t="s">
        <v>33414</v>
      </c>
      <c r="F10139">
        <v>4</v>
      </c>
      <c r="G10139" t="s">
        <v>1295</v>
      </c>
      <c r="H10139" t="s">
        <v>20487</v>
      </c>
      <c r="I10139" t="s">
        <v>30540</v>
      </c>
    </row>
    <row r="10140" spans="1:9">
      <c r="A10140" s="1">
        <f ca="1">RAND()</f>
        <v>0.94954488464281173</v>
      </c>
      <c r="B10140" s="1"/>
      <c r="C10140">
        <v>9</v>
      </c>
      <c r="D10140" t="s">
        <v>20492</v>
      </c>
      <c r="E10140" t="s">
        <v>33414</v>
      </c>
      <c r="F10140">
        <v>3</v>
      </c>
      <c r="G10140" t="s">
        <v>762</v>
      </c>
      <c r="H10140" t="s">
        <v>20493</v>
      </c>
      <c r="I10140" t="s">
        <v>30540</v>
      </c>
    </row>
    <row r="10141" spans="1:9">
      <c r="A10141" s="1">
        <f ca="1">RAND()</f>
        <v>1.8420719069275115E-2</v>
      </c>
      <c r="B10141" s="1"/>
      <c r="C10141">
        <v>7</v>
      </c>
      <c r="D10141" t="s">
        <v>20490</v>
      </c>
      <c r="E10141" t="s">
        <v>33414</v>
      </c>
      <c r="F10141">
        <v>2</v>
      </c>
      <c r="G10141" t="s">
        <v>14</v>
      </c>
      <c r="H10141" t="s">
        <v>20491</v>
      </c>
      <c r="I10141" t="s">
        <v>30540</v>
      </c>
    </row>
    <row r="10142" spans="1:9">
      <c r="A10142" s="1">
        <f ca="1">RAND()</f>
        <v>0.90087333865107055</v>
      </c>
      <c r="B10142" s="1"/>
      <c r="C10142">
        <v>15</v>
      </c>
      <c r="D10142" t="s">
        <v>20484</v>
      </c>
      <c r="E10142" t="s">
        <v>33415</v>
      </c>
      <c r="F10142">
        <v>5</v>
      </c>
      <c r="G10142" t="s">
        <v>14</v>
      </c>
      <c r="H10142" t="s">
        <v>20485</v>
      </c>
      <c r="I10142" t="s">
        <v>30540</v>
      </c>
    </row>
    <row r="10143" spans="1:9">
      <c r="A10143" s="1">
        <f ca="1">RAND()</f>
        <v>0.63840273478123299</v>
      </c>
      <c r="B10143" s="1"/>
      <c r="C10143">
        <v>14</v>
      </c>
      <c r="D10143" t="s">
        <v>20482</v>
      </c>
      <c r="E10143" t="s">
        <v>33415</v>
      </c>
      <c r="F10143">
        <v>5</v>
      </c>
      <c r="G10143" t="s">
        <v>14</v>
      </c>
      <c r="H10143" t="s">
        <v>20483</v>
      </c>
      <c r="I10143" t="s">
        <v>30540</v>
      </c>
    </row>
    <row r="10144" spans="1:9">
      <c r="A10144" s="1">
        <f ca="1">RAND()</f>
        <v>0.69024906936966091</v>
      </c>
      <c r="B10144" s="1"/>
      <c r="C10144">
        <v>3</v>
      </c>
      <c r="D10144" t="s">
        <v>20476</v>
      </c>
      <c r="E10144" t="s">
        <v>33415</v>
      </c>
      <c r="F10144">
        <v>5</v>
      </c>
      <c r="G10144" t="s">
        <v>10</v>
      </c>
      <c r="H10144" t="s">
        <v>20477</v>
      </c>
      <c r="I10144" t="s">
        <v>30540</v>
      </c>
    </row>
    <row r="10145" spans="1:9">
      <c r="A10145" s="1">
        <f ca="1">RAND()</f>
        <v>7.7474966805103351E-2</v>
      </c>
      <c r="B10145" s="1"/>
      <c r="C10145">
        <v>6</v>
      </c>
      <c r="D10145" t="s">
        <v>20478</v>
      </c>
      <c r="E10145" t="s">
        <v>33415</v>
      </c>
      <c r="F10145">
        <v>4</v>
      </c>
      <c r="G10145" t="s">
        <v>14</v>
      </c>
      <c r="H10145" t="s">
        <v>20479</v>
      </c>
      <c r="I10145" t="s">
        <v>30540</v>
      </c>
    </row>
    <row r="10146" spans="1:9">
      <c r="A10146" s="1">
        <f ca="1">RAND()</f>
        <v>0.55563290804558774</v>
      </c>
      <c r="B10146" s="1"/>
      <c r="C10146">
        <v>12</v>
      </c>
      <c r="D10146" t="s">
        <v>20480</v>
      </c>
      <c r="E10146" t="s">
        <v>33415</v>
      </c>
      <c r="F10146">
        <v>1</v>
      </c>
      <c r="G10146" t="s">
        <v>13</v>
      </c>
      <c r="H10146" t="s">
        <v>20481</v>
      </c>
      <c r="I10146" t="s">
        <v>30540</v>
      </c>
    </row>
    <row r="10147" spans="1:9">
      <c r="A10147" s="1">
        <f ca="1">RAND()</f>
        <v>0.370290394800595</v>
      </c>
      <c r="B10147" s="1"/>
      <c r="C10147">
        <v>1</v>
      </c>
      <c r="D10147" t="s">
        <v>20470</v>
      </c>
      <c r="E10147" t="s">
        <v>33416</v>
      </c>
      <c r="F10147">
        <v>5</v>
      </c>
      <c r="G10147" t="s">
        <v>2</v>
      </c>
      <c r="H10147" t="s">
        <v>20471</v>
      </c>
      <c r="I10147" t="s">
        <v>30540</v>
      </c>
    </row>
    <row r="10148" spans="1:9">
      <c r="A10148" s="1">
        <f ca="1">RAND()</f>
        <v>0.20033812586492672</v>
      </c>
      <c r="B10148" s="1"/>
      <c r="C10148">
        <v>20</v>
      </c>
      <c r="D10148" t="s">
        <v>20474</v>
      </c>
      <c r="E10148" t="s">
        <v>33416</v>
      </c>
      <c r="F10148">
        <v>4</v>
      </c>
      <c r="G10148" t="s">
        <v>0</v>
      </c>
      <c r="H10148" t="s">
        <v>20475</v>
      </c>
      <c r="I10148" t="s">
        <v>30540</v>
      </c>
    </row>
    <row r="10149" spans="1:9">
      <c r="A10149" s="1">
        <f ca="1">RAND()</f>
        <v>0.95094438969968942</v>
      </c>
      <c r="B10149" s="1"/>
      <c r="C10149">
        <v>13</v>
      </c>
      <c r="D10149" t="s">
        <v>20472</v>
      </c>
      <c r="E10149" t="s">
        <v>33416</v>
      </c>
      <c r="F10149">
        <v>4</v>
      </c>
      <c r="G10149" t="s">
        <v>2738</v>
      </c>
      <c r="H10149" t="s">
        <v>20473</v>
      </c>
      <c r="I10149" t="s">
        <v>30540</v>
      </c>
    </row>
    <row r="10150" spans="1:9">
      <c r="A10150" s="1">
        <f ca="1">RAND()</f>
        <v>0.82856353509482594</v>
      </c>
      <c r="B10150" s="1"/>
      <c r="C10150">
        <v>13</v>
      </c>
      <c r="D10150" t="s">
        <v>20468</v>
      </c>
      <c r="E10150" t="s">
        <v>33417</v>
      </c>
      <c r="F10150">
        <v>5</v>
      </c>
      <c r="G10150" t="s">
        <v>14</v>
      </c>
      <c r="H10150" t="s">
        <v>20469</v>
      </c>
      <c r="I10150" t="s">
        <v>30540</v>
      </c>
    </row>
    <row r="10151" spans="1:9">
      <c r="A10151" s="1">
        <f ca="1">RAND()</f>
        <v>0.75546534298568635</v>
      </c>
      <c r="B10151" s="1"/>
      <c r="C10151">
        <v>10</v>
      </c>
      <c r="D10151" t="s">
        <v>20464</v>
      </c>
      <c r="E10151" t="s">
        <v>33418</v>
      </c>
      <c r="F10151">
        <v>5</v>
      </c>
      <c r="G10151" t="s">
        <v>14</v>
      </c>
      <c r="H10151" t="s">
        <v>20465</v>
      </c>
      <c r="I10151" t="s">
        <v>30540</v>
      </c>
    </row>
    <row r="10152" spans="1:9">
      <c r="A10152" s="1">
        <f ca="1">RAND()</f>
        <v>0.96102791826709555</v>
      </c>
      <c r="B10152" s="1"/>
      <c r="C10152">
        <v>7</v>
      </c>
      <c r="D10152" t="s">
        <v>20460</v>
      </c>
      <c r="E10152" t="s">
        <v>33418</v>
      </c>
      <c r="F10152">
        <v>4</v>
      </c>
      <c r="G10152" t="s">
        <v>10</v>
      </c>
      <c r="H10152" t="s">
        <v>20461</v>
      </c>
      <c r="I10152" t="s">
        <v>30540</v>
      </c>
    </row>
    <row r="10153" spans="1:9">
      <c r="A10153" s="1">
        <f ca="1">RAND()</f>
        <v>0.47491622166257053</v>
      </c>
      <c r="B10153" s="1"/>
      <c r="C10153">
        <v>9</v>
      </c>
      <c r="D10153" t="s">
        <v>20462</v>
      </c>
      <c r="E10153" t="s">
        <v>33418</v>
      </c>
      <c r="F10153">
        <v>4</v>
      </c>
      <c r="G10153" t="s">
        <v>14</v>
      </c>
      <c r="H10153" t="s">
        <v>20463</v>
      </c>
      <c r="I10153" t="s">
        <v>30540</v>
      </c>
    </row>
    <row r="10154" spans="1:9">
      <c r="A10154" s="1">
        <f ca="1">RAND()</f>
        <v>0.5296121585547573</v>
      </c>
      <c r="B10154" s="1"/>
      <c r="C10154">
        <v>5</v>
      </c>
      <c r="D10154" t="s">
        <v>20458</v>
      </c>
      <c r="E10154" t="s">
        <v>33418</v>
      </c>
      <c r="F10154">
        <v>4</v>
      </c>
      <c r="G10154" t="s">
        <v>1</v>
      </c>
      <c r="H10154" t="s">
        <v>20459</v>
      </c>
      <c r="I10154" t="s">
        <v>30540</v>
      </c>
    </row>
    <row r="10155" spans="1:9">
      <c r="A10155" s="1">
        <f ca="1">RAND()</f>
        <v>0.28684200763003365</v>
      </c>
      <c r="B10155" s="1"/>
      <c r="C10155">
        <v>12</v>
      </c>
      <c r="D10155" t="s">
        <v>20466</v>
      </c>
      <c r="E10155" t="s">
        <v>33418</v>
      </c>
      <c r="F10155">
        <v>4</v>
      </c>
      <c r="G10155" t="s">
        <v>14</v>
      </c>
      <c r="H10155" t="s">
        <v>20467</v>
      </c>
      <c r="I10155" t="s">
        <v>30540</v>
      </c>
    </row>
    <row r="10156" spans="1:9">
      <c r="A10156" s="1">
        <f ca="1">RAND()</f>
        <v>0.4157917992617014</v>
      </c>
      <c r="B10156" s="1"/>
      <c r="C10156">
        <v>10</v>
      </c>
      <c r="D10156" t="s">
        <v>20456</v>
      </c>
      <c r="E10156" t="s">
        <v>33419</v>
      </c>
      <c r="F10156">
        <v>5</v>
      </c>
      <c r="G10156" t="s">
        <v>10</v>
      </c>
      <c r="H10156" t="s">
        <v>20457</v>
      </c>
      <c r="I10156" t="s">
        <v>30540</v>
      </c>
    </row>
    <row r="10157" spans="1:9">
      <c r="A10157" s="1">
        <f ca="1">RAND()</f>
        <v>0.58970530669196353</v>
      </c>
      <c r="B10157" s="1"/>
      <c r="C10157">
        <v>5</v>
      </c>
      <c r="D10157" t="s">
        <v>20452</v>
      </c>
      <c r="E10157" t="s">
        <v>33419</v>
      </c>
      <c r="F10157">
        <v>4</v>
      </c>
      <c r="G10157" t="s">
        <v>10</v>
      </c>
      <c r="H10157" t="s">
        <v>20453</v>
      </c>
      <c r="I10157" t="s">
        <v>30540</v>
      </c>
    </row>
    <row r="10158" spans="1:9">
      <c r="A10158" s="1">
        <f ca="1">RAND()</f>
        <v>0.70289309055507909</v>
      </c>
      <c r="B10158" s="1"/>
      <c r="C10158">
        <v>3</v>
      </c>
      <c r="D10158" t="s">
        <v>20450</v>
      </c>
      <c r="E10158" t="s">
        <v>33419</v>
      </c>
      <c r="F10158">
        <v>4</v>
      </c>
      <c r="G10158" t="s">
        <v>10</v>
      </c>
      <c r="H10158" t="s">
        <v>20451</v>
      </c>
      <c r="I10158" t="s">
        <v>30540</v>
      </c>
    </row>
    <row r="10159" spans="1:9">
      <c r="A10159" s="1">
        <f ca="1">RAND()</f>
        <v>9.0384968967237023E-2</v>
      </c>
      <c r="B10159" s="1"/>
      <c r="C10159">
        <v>7</v>
      </c>
      <c r="D10159" t="s">
        <v>20454</v>
      </c>
      <c r="E10159" t="s">
        <v>33419</v>
      </c>
      <c r="F10159">
        <v>4</v>
      </c>
      <c r="G10159" t="s">
        <v>10</v>
      </c>
      <c r="H10159" t="s">
        <v>20455</v>
      </c>
      <c r="I10159" t="s">
        <v>30540</v>
      </c>
    </row>
    <row r="10160" spans="1:9">
      <c r="A10160" s="1">
        <f ca="1">RAND()</f>
        <v>0.461524371704639</v>
      </c>
      <c r="B10160" s="1"/>
      <c r="C10160">
        <v>8</v>
      </c>
      <c r="D10160" t="s">
        <v>20446</v>
      </c>
      <c r="E10160" t="s">
        <v>33420</v>
      </c>
      <c r="F10160">
        <v>5</v>
      </c>
      <c r="G10160" t="s">
        <v>0</v>
      </c>
      <c r="H10160" t="s">
        <v>20447</v>
      </c>
      <c r="I10160" t="s">
        <v>30540</v>
      </c>
    </row>
    <row r="10161" spans="1:9">
      <c r="A10161" s="1">
        <f ca="1">RAND()</f>
        <v>0.41091960320818188</v>
      </c>
      <c r="B10161" s="1"/>
      <c r="C10161">
        <v>10</v>
      </c>
      <c r="D10161" t="s">
        <v>20448</v>
      </c>
      <c r="E10161" t="s">
        <v>33420</v>
      </c>
      <c r="F10161">
        <v>4</v>
      </c>
      <c r="G10161" t="s">
        <v>14</v>
      </c>
      <c r="H10161" t="s">
        <v>20449</v>
      </c>
      <c r="I10161" t="s">
        <v>30540</v>
      </c>
    </row>
    <row r="10162" spans="1:9">
      <c r="A10162" s="1">
        <f ca="1">RAND()</f>
        <v>0.86482886388931535</v>
      </c>
      <c r="B10162" s="1"/>
      <c r="C10162">
        <v>6</v>
      </c>
      <c r="D10162" t="s">
        <v>20442</v>
      </c>
      <c r="E10162" t="s">
        <v>33420</v>
      </c>
      <c r="F10162">
        <v>4</v>
      </c>
      <c r="G10162" t="s">
        <v>14</v>
      </c>
      <c r="H10162" t="s">
        <v>20443</v>
      </c>
      <c r="I10162" t="s">
        <v>30540</v>
      </c>
    </row>
    <row r="10163" spans="1:9">
      <c r="A10163" s="1">
        <f ca="1">RAND()</f>
        <v>0.31842387700754082</v>
      </c>
      <c r="B10163" s="1"/>
      <c r="C10163">
        <v>7</v>
      </c>
      <c r="D10163" t="s">
        <v>20444</v>
      </c>
      <c r="E10163" t="s">
        <v>33420</v>
      </c>
      <c r="F10163">
        <v>2</v>
      </c>
      <c r="G10163" t="s">
        <v>14</v>
      </c>
      <c r="H10163" t="s">
        <v>20445</v>
      </c>
      <c r="I10163" t="s">
        <v>30540</v>
      </c>
    </row>
    <row r="10164" spans="1:9">
      <c r="A10164" s="1">
        <f ca="1">RAND()</f>
        <v>7.1458382728430747E-2</v>
      </c>
      <c r="B10164" s="1"/>
      <c r="C10164">
        <v>15</v>
      </c>
      <c r="D10164" t="s">
        <v>20438</v>
      </c>
      <c r="E10164" t="s">
        <v>33421</v>
      </c>
      <c r="F10164">
        <v>5</v>
      </c>
      <c r="G10164" t="s">
        <v>774</v>
      </c>
      <c r="H10164" t="s">
        <v>20439</v>
      </c>
      <c r="I10164" t="s">
        <v>30540</v>
      </c>
    </row>
    <row r="10165" spans="1:9">
      <c r="A10165" s="1">
        <f ca="1">RAND()</f>
        <v>2.1680644444032393E-2</v>
      </c>
      <c r="B10165" s="1"/>
      <c r="C10165">
        <v>19</v>
      </c>
      <c r="D10165" t="s">
        <v>20440</v>
      </c>
      <c r="E10165" t="s">
        <v>33421</v>
      </c>
      <c r="F10165">
        <v>4</v>
      </c>
      <c r="G10165" t="s">
        <v>1426</v>
      </c>
      <c r="H10165" t="s">
        <v>20441</v>
      </c>
      <c r="I10165" t="s">
        <v>30540</v>
      </c>
    </row>
    <row r="10166" spans="1:9">
      <c r="A10166" s="1">
        <f ca="1">RAND()</f>
        <v>0.18674856546155827</v>
      </c>
      <c r="B10166" s="1"/>
      <c r="C10166">
        <v>5</v>
      </c>
      <c r="D10166" t="s">
        <v>20432</v>
      </c>
      <c r="E10166" t="s">
        <v>33422</v>
      </c>
      <c r="F10166">
        <v>5</v>
      </c>
      <c r="G10166" t="s">
        <v>14</v>
      </c>
      <c r="H10166" t="s">
        <v>20433</v>
      </c>
      <c r="I10166" t="s">
        <v>30540</v>
      </c>
    </row>
    <row r="10167" spans="1:9">
      <c r="A10167" s="1">
        <f ca="1">RAND()</f>
        <v>0.62473995512970648</v>
      </c>
      <c r="B10167" s="1"/>
      <c r="C10167">
        <v>6</v>
      </c>
      <c r="D10167" t="s">
        <v>20434</v>
      </c>
      <c r="E10167" t="s">
        <v>33422</v>
      </c>
      <c r="F10167">
        <v>4</v>
      </c>
      <c r="G10167" t="s">
        <v>9</v>
      </c>
      <c r="H10167" t="s">
        <v>20435</v>
      </c>
      <c r="I10167" t="s">
        <v>30540</v>
      </c>
    </row>
    <row r="10168" spans="1:9">
      <c r="A10168" s="1">
        <f ca="1">RAND()</f>
        <v>0.76072045636843633</v>
      </c>
      <c r="B10168" s="1"/>
      <c r="C10168">
        <v>9</v>
      </c>
      <c r="D10168" t="s">
        <v>20436</v>
      </c>
      <c r="E10168" t="s">
        <v>33422</v>
      </c>
      <c r="F10168">
        <v>4</v>
      </c>
      <c r="G10168" t="s">
        <v>14</v>
      </c>
      <c r="H10168" t="s">
        <v>20437</v>
      </c>
      <c r="I10168" t="s">
        <v>30540</v>
      </c>
    </row>
    <row r="10169" spans="1:9">
      <c r="A10169" s="1">
        <f ca="1">RAND()</f>
        <v>0.6023740358906351</v>
      </c>
      <c r="B10169" s="1"/>
      <c r="C10169">
        <v>14</v>
      </c>
      <c r="D10169" t="s">
        <v>20430</v>
      </c>
      <c r="E10169" t="s">
        <v>33423</v>
      </c>
      <c r="F10169">
        <v>5</v>
      </c>
      <c r="G10169" t="s">
        <v>14</v>
      </c>
      <c r="H10169" t="s">
        <v>20431</v>
      </c>
      <c r="I10169" t="s">
        <v>30540</v>
      </c>
    </row>
    <row r="10170" spans="1:9">
      <c r="A10170" s="1">
        <f ca="1">RAND()</f>
        <v>0.76337047352156617</v>
      </c>
      <c r="B10170" s="1"/>
      <c r="C10170">
        <v>8</v>
      </c>
      <c r="D10170" t="s">
        <v>20428</v>
      </c>
      <c r="E10170" t="s">
        <v>33423</v>
      </c>
      <c r="F10170">
        <v>5</v>
      </c>
      <c r="G10170" t="s">
        <v>0</v>
      </c>
      <c r="H10170" t="s">
        <v>20429</v>
      </c>
      <c r="I10170" t="s">
        <v>30540</v>
      </c>
    </row>
    <row r="10171" spans="1:9">
      <c r="A10171" s="1">
        <f ca="1">RAND()</f>
        <v>0.82035380838914806</v>
      </c>
      <c r="B10171" s="1"/>
      <c r="C10171">
        <v>1</v>
      </c>
      <c r="D10171" t="s">
        <v>20426</v>
      </c>
      <c r="E10171" t="s">
        <v>33423</v>
      </c>
      <c r="F10171">
        <v>4</v>
      </c>
      <c r="G10171" t="s">
        <v>10</v>
      </c>
      <c r="H10171" t="s">
        <v>20427</v>
      </c>
      <c r="I10171" t="s">
        <v>30540</v>
      </c>
    </row>
    <row r="10172" spans="1:9">
      <c r="A10172" s="1">
        <f ca="1">RAND()</f>
        <v>0.16072260116730941</v>
      </c>
      <c r="B10172" s="1"/>
      <c r="C10172">
        <v>8</v>
      </c>
      <c r="D10172" t="s">
        <v>20424</v>
      </c>
      <c r="E10172" t="s">
        <v>33424</v>
      </c>
      <c r="F10172">
        <v>5</v>
      </c>
      <c r="G10172" t="s">
        <v>14</v>
      </c>
      <c r="H10172" t="s">
        <v>20425</v>
      </c>
      <c r="I10172" t="s">
        <v>30540</v>
      </c>
    </row>
    <row r="10173" spans="1:9">
      <c r="A10173" s="1">
        <f ca="1">RAND()</f>
        <v>0.54037862962231087</v>
      </c>
      <c r="B10173" s="1"/>
      <c r="C10173">
        <v>6</v>
      </c>
      <c r="D10173" t="s">
        <v>20422</v>
      </c>
      <c r="E10173" t="s">
        <v>33424</v>
      </c>
      <c r="F10173">
        <v>2</v>
      </c>
      <c r="G10173" t="s">
        <v>14</v>
      </c>
      <c r="H10173" t="s">
        <v>20423</v>
      </c>
      <c r="I10173" t="s">
        <v>30540</v>
      </c>
    </row>
    <row r="10174" spans="1:9">
      <c r="A10174" s="1">
        <f ca="1">RAND()</f>
        <v>0.78854467369056702</v>
      </c>
      <c r="B10174" s="1"/>
      <c r="C10174">
        <v>6</v>
      </c>
      <c r="D10174" t="s">
        <v>20418</v>
      </c>
      <c r="E10174" t="s">
        <v>33425</v>
      </c>
      <c r="F10174">
        <v>5</v>
      </c>
      <c r="G10174" t="s">
        <v>13</v>
      </c>
      <c r="H10174" t="s">
        <v>20419</v>
      </c>
      <c r="I10174" t="s">
        <v>30540</v>
      </c>
    </row>
    <row r="10175" spans="1:9">
      <c r="A10175" s="1">
        <f ca="1">RAND()</f>
        <v>0.33940500885068958</v>
      </c>
      <c r="B10175" s="1"/>
      <c r="C10175">
        <v>9</v>
      </c>
      <c r="D10175" t="s">
        <v>20420</v>
      </c>
      <c r="E10175" t="s">
        <v>33425</v>
      </c>
      <c r="F10175">
        <v>2</v>
      </c>
      <c r="G10175" t="s">
        <v>14</v>
      </c>
      <c r="H10175" t="s">
        <v>20421</v>
      </c>
      <c r="I10175" t="s">
        <v>30540</v>
      </c>
    </row>
    <row r="10176" spans="1:9">
      <c r="A10176" s="1">
        <f ca="1">RAND()</f>
        <v>0.99986973323797246</v>
      </c>
      <c r="B10176" s="1"/>
      <c r="C10176">
        <v>8</v>
      </c>
      <c r="D10176" t="s">
        <v>20416</v>
      </c>
      <c r="E10176" t="s">
        <v>33426</v>
      </c>
      <c r="F10176">
        <v>4</v>
      </c>
      <c r="G10176" t="s">
        <v>775</v>
      </c>
      <c r="H10176" t="s">
        <v>20417</v>
      </c>
      <c r="I10176" t="s">
        <v>30540</v>
      </c>
    </row>
    <row r="10177" spans="1:9">
      <c r="A10177" s="1">
        <f ca="1">RAND()</f>
        <v>0.21148214932958487</v>
      </c>
      <c r="B10177" s="1"/>
      <c r="C10177">
        <v>5</v>
      </c>
      <c r="D10177" t="s">
        <v>20414</v>
      </c>
      <c r="E10177" t="s">
        <v>33426</v>
      </c>
      <c r="F10177">
        <v>2</v>
      </c>
      <c r="G10177" t="s">
        <v>762</v>
      </c>
      <c r="H10177" t="s">
        <v>20415</v>
      </c>
      <c r="I10177" t="s">
        <v>30540</v>
      </c>
    </row>
    <row r="10178" spans="1:9">
      <c r="A10178" s="1">
        <f ca="1">RAND()</f>
        <v>0.16454129347414292</v>
      </c>
      <c r="B10178" s="1"/>
      <c r="C10178">
        <v>6</v>
      </c>
      <c r="D10178" t="s">
        <v>20408</v>
      </c>
      <c r="E10178" t="s">
        <v>33427</v>
      </c>
      <c r="F10178">
        <v>4</v>
      </c>
      <c r="G10178" t="s">
        <v>14</v>
      </c>
      <c r="H10178" t="s">
        <v>20409</v>
      </c>
      <c r="I10178" t="s">
        <v>30540</v>
      </c>
    </row>
    <row r="10179" spans="1:9">
      <c r="A10179" s="1">
        <f ca="1">RAND()</f>
        <v>0.95148664470308597</v>
      </c>
      <c r="B10179" s="1"/>
      <c r="C10179">
        <v>10</v>
      </c>
      <c r="D10179" t="s">
        <v>20412</v>
      </c>
      <c r="E10179" t="s">
        <v>33427</v>
      </c>
      <c r="F10179">
        <v>4</v>
      </c>
      <c r="G10179" t="s">
        <v>14</v>
      </c>
      <c r="H10179" t="s">
        <v>20413</v>
      </c>
      <c r="I10179" t="s">
        <v>30540</v>
      </c>
    </row>
    <row r="10180" spans="1:9">
      <c r="A10180" s="1">
        <f ca="1">RAND()</f>
        <v>0.71654855615676272</v>
      </c>
      <c r="B10180" s="1"/>
      <c r="C10180">
        <v>8</v>
      </c>
      <c r="D10180" t="s">
        <v>20410</v>
      </c>
      <c r="E10180" t="s">
        <v>33427</v>
      </c>
      <c r="F10180">
        <v>4</v>
      </c>
      <c r="G10180" t="s">
        <v>0</v>
      </c>
      <c r="H10180" t="s">
        <v>20411</v>
      </c>
      <c r="I10180" t="s">
        <v>30540</v>
      </c>
    </row>
    <row r="10181" spans="1:9">
      <c r="A10181" s="1">
        <f ca="1">RAND()</f>
        <v>0.14087101754083742</v>
      </c>
      <c r="B10181" s="1"/>
      <c r="C10181">
        <v>17</v>
      </c>
      <c r="D10181" t="s">
        <v>20404</v>
      </c>
      <c r="E10181" t="s">
        <v>33428</v>
      </c>
      <c r="F10181">
        <v>5</v>
      </c>
      <c r="G10181" t="s">
        <v>14</v>
      </c>
      <c r="H10181" t="s">
        <v>20405</v>
      </c>
      <c r="I10181" t="s">
        <v>30540</v>
      </c>
    </row>
    <row r="10182" spans="1:9">
      <c r="A10182" s="1">
        <f ca="1">RAND()</f>
        <v>0.11372982453523095</v>
      </c>
      <c r="B10182" s="1"/>
      <c r="C10182">
        <v>16</v>
      </c>
      <c r="D10182" t="s">
        <v>20402</v>
      </c>
      <c r="E10182" t="s">
        <v>33428</v>
      </c>
      <c r="F10182">
        <v>5</v>
      </c>
      <c r="G10182" t="s">
        <v>0</v>
      </c>
      <c r="H10182" t="s">
        <v>20403</v>
      </c>
      <c r="I10182" t="s">
        <v>30540</v>
      </c>
    </row>
    <row r="10183" spans="1:9">
      <c r="A10183" s="1">
        <f ca="1">RAND()</f>
        <v>0.22032542205048566</v>
      </c>
      <c r="B10183" s="1"/>
      <c r="C10183">
        <v>2</v>
      </c>
      <c r="D10183" t="s">
        <v>20396</v>
      </c>
      <c r="E10183" t="s">
        <v>33428</v>
      </c>
      <c r="F10183">
        <v>5</v>
      </c>
      <c r="G10183" t="s">
        <v>10</v>
      </c>
      <c r="H10183" t="s">
        <v>20397</v>
      </c>
      <c r="I10183" t="s">
        <v>30540</v>
      </c>
    </row>
    <row r="10184" spans="1:9">
      <c r="A10184" s="1">
        <f ca="1">RAND()</f>
        <v>7.795991011262049E-3</v>
      </c>
      <c r="B10184" s="1"/>
      <c r="C10184">
        <v>11</v>
      </c>
      <c r="D10184" t="s">
        <v>20398</v>
      </c>
      <c r="E10184" t="s">
        <v>33428</v>
      </c>
      <c r="F10184">
        <v>4</v>
      </c>
      <c r="G10184" t="s">
        <v>14</v>
      </c>
      <c r="H10184" t="s">
        <v>20399</v>
      </c>
      <c r="I10184" t="s">
        <v>30540</v>
      </c>
    </row>
    <row r="10185" spans="1:9">
      <c r="A10185" s="1">
        <f ca="1">RAND()</f>
        <v>0.32029605114965931</v>
      </c>
      <c r="B10185" s="1"/>
      <c r="C10185">
        <v>1</v>
      </c>
      <c r="D10185" t="s">
        <v>20394</v>
      </c>
      <c r="E10185" t="s">
        <v>33428</v>
      </c>
      <c r="F10185">
        <v>4</v>
      </c>
      <c r="G10185" t="s">
        <v>2</v>
      </c>
      <c r="H10185" t="s">
        <v>20395</v>
      </c>
      <c r="I10185" t="s">
        <v>30540</v>
      </c>
    </row>
    <row r="10186" spans="1:9">
      <c r="A10186" s="1">
        <f ca="1">RAND()</f>
        <v>0.36653473213954324</v>
      </c>
      <c r="B10186" s="1"/>
      <c r="C10186">
        <v>18</v>
      </c>
      <c r="D10186" t="s">
        <v>20406</v>
      </c>
      <c r="E10186" t="s">
        <v>33428</v>
      </c>
      <c r="F10186">
        <v>4</v>
      </c>
      <c r="G10186" t="s">
        <v>14</v>
      </c>
      <c r="H10186" t="s">
        <v>20407</v>
      </c>
      <c r="I10186" t="s">
        <v>30540</v>
      </c>
    </row>
    <row r="10187" spans="1:9">
      <c r="A10187" s="1">
        <f ca="1">RAND()</f>
        <v>0.34541392422099126</v>
      </c>
      <c r="B10187" s="1"/>
      <c r="C10187">
        <v>14</v>
      </c>
      <c r="D10187" t="s">
        <v>20400</v>
      </c>
      <c r="E10187" t="s">
        <v>33428</v>
      </c>
      <c r="F10187">
        <v>2</v>
      </c>
      <c r="G10187" t="s">
        <v>14</v>
      </c>
      <c r="H10187" t="s">
        <v>20401</v>
      </c>
      <c r="I10187" t="s">
        <v>30540</v>
      </c>
    </row>
    <row r="10188" spans="1:9">
      <c r="A10188" s="1">
        <f ca="1">RAND()</f>
        <v>0.2612965820042692</v>
      </c>
      <c r="B10188" s="1"/>
      <c r="C10188">
        <v>14</v>
      </c>
      <c r="D10188" t="s">
        <v>20392</v>
      </c>
      <c r="E10188" t="s">
        <v>33429</v>
      </c>
      <c r="F10188">
        <v>4</v>
      </c>
      <c r="G10188" t="s">
        <v>14</v>
      </c>
      <c r="H10188" t="s">
        <v>20393</v>
      </c>
      <c r="I10188" t="s">
        <v>30540</v>
      </c>
    </row>
    <row r="10189" spans="1:9">
      <c r="A10189" s="1">
        <f ca="1">RAND()</f>
        <v>0.58270257196138764</v>
      </c>
      <c r="B10189" s="1"/>
      <c r="C10189">
        <v>4</v>
      </c>
      <c r="D10189" t="s">
        <v>20382</v>
      </c>
      <c r="E10189" t="s">
        <v>33430</v>
      </c>
      <c r="F10189">
        <v>5</v>
      </c>
      <c r="G10189" t="s">
        <v>10</v>
      </c>
      <c r="H10189" t="s">
        <v>20383</v>
      </c>
      <c r="I10189" t="s">
        <v>30540</v>
      </c>
    </row>
    <row r="10190" spans="1:9">
      <c r="A10190" s="1">
        <f ca="1">RAND()</f>
        <v>0.35668161831697798</v>
      </c>
      <c r="B10190" s="1"/>
      <c r="C10190">
        <v>1</v>
      </c>
      <c r="D10190" t="s">
        <v>20380</v>
      </c>
      <c r="E10190" t="s">
        <v>33430</v>
      </c>
      <c r="F10190">
        <v>4</v>
      </c>
      <c r="G10190" t="s">
        <v>10</v>
      </c>
      <c r="H10190" t="s">
        <v>20381</v>
      </c>
      <c r="I10190" t="s">
        <v>30540</v>
      </c>
    </row>
    <row r="10191" spans="1:9">
      <c r="A10191" s="1">
        <f ca="1">RAND()</f>
        <v>0.70602314437688973</v>
      </c>
      <c r="B10191" s="1"/>
      <c r="C10191">
        <v>9</v>
      </c>
      <c r="D10191" t="s">
        <v>20384</v>
      </c>
      <c r="E10191" t="s">
        <v>33430</v>
      </c>
      <c r="F10191">
        <v>4</v>
      </c>
      <c r="G10191" t="s">
        <v>14</v>
      </c>
      <c r="H10191" t="s">
        <v>20385</v>
      </c>
      <c r="I10191" t="s">
        <v>30540</v>
      </c>
    </row>
    <row r="10192" spans="1:9">
      <c r="A10192" s="1">
        <f ca="1">RAND()</f>
        <v>0.30220744816602574</v>
      </c>
      <c r="B10192" s="1"/>
      <c r="C10192">
        <v>15</v>
      </c>
      <c r="D10192" t="s">
        <v>20388</v>
      </c>
      <c r="E10192" t="s">
        <v>33430</v>
      </c>
      <c r="F10192">
        <v>4</v>
      </c>
      <c r="G10192" t="s">
        <v>1</v>
      </c>
      <c r="H10192" t="s">
        <v>20389</v>
      </c>
      <c r="I10192" t="s">
        <v>30540</v>
      </c>
    </row>
    <row r="10193" spans="1:9">
      <c r="A10193" s="1">
        <f ca="1">RAND()</f>
        <v>0.91341385000544328</v>
      </c>
      <c r="B10193" s="1"/>
      <c r="C10193">
        <v>12</v>
      </c>
      <c r="D10193" t="s">
        <v>20386</v>
      </c>
      <c r="E10193" t="s">
        <v>33430</v>
      </c>
      <c r="F10193">
        <v>4</v>
      </c>
      <c r="G10193" t="s">
        <v>14</v>
      </c>
      <c r="H10193" t="s">
        <v>20387</v>
      </c>
      <c r="I10193" t="s">
        <v>30540</v>
      </c>
    </row>
    <row r="10194" spans="1:9">
      <c r="A10194" s="1">
        <f ca="1">RAND()</f>
        <v>0.69110796877081604</v>
      </c>
      <c r="B10194" s="1"/>
      <c r="C10194">
        <v>16</v>
      </c>
      <c r="D10194" t="s">
        <v>20390</v>
      </c>
      <c r="E10194" t="s">
        <v>33430</v>
      </c>
      <c r="F10194">
        <v>2</v>
      </c>
      <c r="G10194" t="s">
        <v>14</v>
      </c>
      <c r="H10194" t="s">
        <v>20391</v>
      </c>
      <c r="I10194" t="s">
        <v>30540</v>
      </c>
    </row>
    <row r="10195" spans="1:9">
      <c r="A10195" s="1">
        <f ca="1">RAND()</f>
        <v>0.4517614802411426</v>
      </c>
      <c r="B10195" s="1"/>
      <c r="C10195">
        <v>14</v>
      </c>
      <c r="D10195" t="s">
        <v>20376</v>
      </c>
      <c r="E10195" t="s">
        <v>33431</v>
      </c>
      <c r="F10195">
        <v>5</v>
      </c>
      <c r="G10195" t="s">
        <v>762</v>
      </c>
      <c r="H10195" t="s">
        <v>20377</v>
      </c>
      <c r="I10195" t="s">
        <v>30540</v>
      </c>
    </row>
    <row r="10196" spans="1:9">
      <c r="A10196" s="1">
        <f ca="1">RAND()</f>
        <v>0.16734074262524368</v>
      </c>
      <c r="B10196" s="1"/>
      <c r="C10196">
        <v>20</v>
      </c>
      <c r="D10196" t="s">
        <v>20378</v>
      </c>
      <c r="E10196" t="s">
        <v>33431</v>
      </c>
      <c r="F10196">
        <v>4</v>
      </c>
      <c r="G10196" t="s">
        <v>1431</v>
      </c>
      <c r="H10196" t="s">
        <v>20379</v>
      </c>
      <c r="I10196" t="s">
        <v>30540</v>
      </c>
    </row>
    <row r="10197" spans="1:9">
      <c r="A10197" s="1">
        <f ca="1">RAND()</f>
        <v>0.62388989199180722</v>
      </c>
      <c r="B10197" s="1"/>
      <c r="C10197">
        <v>4</v>
      </c>
      <c r="D10197" t="s">
        <v>20374</v>
      </c>
      <c r="E10197" t="s">
        <v>33431</v>
      </c>
      <c r="F10197">
        <v>4</v>
      </c>
      <c r="G10197" t="s">
        <v>1426</v>
      </c>
      <c r="H10197" t="s">
        <v>20375</v>
      </c>
      <c r="I10197" t="s">
        <v>30540</v>
      </c>
    </row>
    <row r="10198" spans="1:9">
      <c r="A10198" s="1">
        <f ca="1">RAND()</f>
        <v>0.76778935911317869</v>
      </c>
      <c r="B10198" s="1"/>
      <c r="C10198">
        <v>8</v>
      </c>
      <c r="D10198" t="s">
        <v>20366</v>
      </c>
      <c r="E10198" t="s">
        <v>33432</v>
      </c>
      <c r="F10198">
        <v>4</v>
      </c>
      <c r="G10198" t="s">
        <v>0</v>
      </c>
      <c r="H10198" t="s">
        <v>20367</v>
      </c>
      <c r="I10198" t="s">
        <v>30540</v>
      </c>
    </row>
    <row r="10199" spans="1:9">
      <c r="A10199" s="1">
        <f ca="1">RAND()</f>
        <v>0.7719261404805402</v>
      </c>
      <c r="B10199" s="1"/>
      <c r="C10199">
        <v>10</v>
      </c>
      <c r="D10199" t="s">
        <v>20368</v>
      </c>
      <c r="E10199" t="s">
        <v>33432</v>
      </c>
      <c r="F10199">
        <v>4</v>
      </c>
      <c r="G10199" t="s">
        <v>10</v>
      </c>
      <c r="H10199" t="s">
        <v>20369</v>
      </c>
      <c r="I10199" t="s">
        <v>30540</v>
      </c>
    </row>
    <row r="10200" spans="1:9">
      <c r="A10200" s="1">
        <f ca="1">RAND()</f>
        <v>0.76728716474961833</v>
      </c>
      <c r="B10200" s="1"/>
      <c r="C10200">
        <v>13</v>
      </c>
      <c r="D10200" t="s">
        <v>20370</v>
      </c>
      <c r="E10200" t="s">
        <v>33432</v>
      </c>
      <c r="F10200">
        <v>4</v>
      </c>
      <c r="G10200" t="s">
        <v>10</v>
      </c>
      <c r="H10200" t="s">
        <v>20371</v>
      </c>
      <c r="I10200" t="s">
        <v>30540</v>
      </c>
    </row>
    <row r="10201" spans="1:9">
      <c r="A10201" s="1">
        <f ca="1">RAND()</f>
        <v>5.9872085249900175E-2</v>
      </c>
      <c r="B10201" s="1"/>
      <c r="C10201">
        <v>16</v>
      </c>
      <c r="D10201" t="s">
        <v>20372</v>
      </c>
      <c r="E10201" t="s">
        <v>33432</v>
      </c>
      <c r="F10201">
        <v>2</v>
      </c>
      <c r="G10201" t="s">
        <v>10</v>
      </c>
      <c r="H10201" t="s">
        <v>20373</v>
      </c>
      <c r="I10201" t="s">
        <v>30540</v>
      </c>
    </row>
    <row r="10202" spans="1:9">
      <c r="A10202" s="1">
        <f ca="1">RAND()</f>
        <v>0.46452812264007526</v>
      </c>
      <c r="B10202" s="1"/>
      <c r="C10202">
        <v>1</v>
      </c>
      <c r="D10202" t="s">
        <v>20358</v>
      </c>
      <c r="E10202" t="s">
        <v>33433</v>
      </c>
      <c r="F10202">
        <v>4</v>
      </c>
      <c r="G10202" t="s">
        <v>10</v>
      </c>
      <c r="H10202" t="s">
        <v>20359</v>
      </c>
      <c r="I10202" t="s">
        <v>30540</v>
      </c>
    </row>
    <row r="10203" spans="1:9">
      <c r="A10203" s="1">
        <f ca="1">RAND()</f>
        <v>0.13616287417000594</v>
      </c>
      <c r="B10203" s="1"/>
      <c r="C10203">
        <v>2</v>
      </c>
      <c r="D10203" t="s">
        <v>20360</v>
      </c>
      <c r="E10203" t="s">
        <v>33433</v>
      </c>
      <c r="F10203">
        <v>4</v>
      </c>
      <c r="G10203" t="s">
        <v>2</v>
      </c>
      <c r="H10203" t="s">
        <v>20361</v>
      </c>
      <c r="I10203" t="s">
        <v>30540</v>
      </c>
    </row>
    <row r="10204" spans="1:9">
      <c r="A10204" s="1">
        <f ca="1">RAND()</f>
        <v>0.24744200659509175</v>
      </c>
      <c r="B10204" s="1"/>
      <c r="C10204">
        <v>10</v>
      </c>
      <c r="D10204" t="s">
        <v>20362</v>
      </c>
      <c r="E10204" t="s">
        <v>33433</v>
      </c>
      <c r="F10204">
        <v>4</v>
      </c>
      <c r="G10204" t="s">
        <v>14</v>
      </c>
      <c r="H10204" t="s">
        <v>20363</v>
      </c>
      <c r="I10204" t="s">
        <v>30540</v>
      </c>
    </row>
    <row r="10205" spans="1:9">
      <c r="A10205" s="1">
        <f ca="1">RAND()</f>
        <v>0.64320934912732974</v>
      </c>
      <c r="B10205" s="1"/>
      <c r="C10205">
        <v>13</v>
      </c>
      <c r="D10205" t="s">
        <v>20364</v>
      </c>
      <c r="E10205" t="s">
        <v>33433</v>
      </c>
      <c r="F10205">
        <v>4</v>
      </c>
      <c r="G10205" t="s">
        <v>14</v>
      </c>
      <c r="H10205" t="s">
        <v>20365</v>
      </c>
      <c r="I10205" t="s">
        <v>30540</v>
      </c>
    </row>
    <row r="10206" spans="1:9">
      <c r="A10206" s="1">
        <f ca="1">RAND()</f>
        <v>0.37848150777677914</v>
      </c>
      <c r="B10206" s="1"/>
      <c r="C10206">
        <v>6</v>
      </c>
      <c r="D10206" t="s">
        <v>20352</v>
      </c>
      <c r="E10206" t="s">
        <v>33434</v>
      </c>
      <c r="F10206">
        <v>5</v>
      </c>
      <c r="G10206" t="s">
        <v>14</v>
      </c>
      <c r="H10206" t="s">
        <v>20353</v>
      </c>
      <c r="I10206" t="s">
        <v>30540</v>
      </c>
    </row>
    <row r="10207" spans="1:9">
      <c r="A10207" s="1">
        <f ca="1">RAND()</f>
        <v>0.3770774956271612</v>
      </c>
      <c r="B10207" s="1"/>
      <c r="C10207">
        <v>3</v>
      </c>
      <c r="D10207" t="s">
        <v>20350</v>
      </c>
      <c r="E10207" t="s">
        <v>33434</v>
      </c>
      <c r="F10207">
        <v>5</v>
      </c>
      <c r="G10207" t="s">
        <v>0</v>
      </c>
      <c r="H10207" t="s">
        <v>20351</v>
      </c>
      <c r="I10207" t="s">
        <v>30540</v>
      </c>
    </row>
    <row r="10208" spans="1:9">
      <c r="A10208" s="1">
        <f ca="1">RAND()</f>
        <v>0.55092564618138717</v>
      </c>
      <c r="B10208" s="1"/>
      <c r="C10208">
        <v>11</v>
      </c>
      <c r="D10208" t="s">
        <v>20356</v>
      </c>
      <c r="E10208" t="s">
        <v>33434</v>
      </c>
      <c r="F10208">
        <v>2</v>
      </c>
      <c r="G10208" t="s">
        <v>14</v>
      </c>
      <c r="H10208" t="s">
        <v>20357</v>
      </c>
      <c r="I10208" t="s">
        <v>30540</v>
      </c>
    </row>
    <row r="10209" spans="1:9">
      <c r="A10209" s="1">
        <f ca="1">RAND()</f>
        <v>0.88354383580079099</v>
      </c>
      <c r="B10209" s="1"/>
      <c r="C10209">
        <v>10</v>
      </c>
      <c r="D10209" t="s">
        <v>20354</v>
      </c>
      <c r="E10209" t="s">
        <v>33434</v>
      </c>
      <c r="F10209">
        <v>2</v>
      </c>
      <c r="G10209" t="s">
        <v>14</v>
      </c>
      <c r="H10209" t="s">
        <v>20355</v>
      </c>
      <c r="I10209" t="s">
        <v>30540</v>
      </c>
    </row>
    <row r="10210" spans="1:9">
      <c r="A10210" s="1">
        <f ca="1">RAND()</f>
        <v>9.546358628252527E-2</v>
      </c>
      <c r="B10210" s="1"/>
      <c r="C10210">
        <v>10</v>
      </c>
      <c r="D10210" t="s">
        <v>20344</v>
      </c>
      <c r="E10210" t="s">
        <v>33435</v>
      </c>
      <c r="F10210">
        <v>5</v>
      </c>
      <c r="G10210" t="s">
        <v>14</v>
      </c>
      <c r="H10210" t="s">
        <v>20345</v>
      </c>
      <c r="I10210" t="s">
        <v>30540</v>
      </c>
    </row>
    <row r="10211" spans="1:9">
      <c r="A10211" s="1">
        <f ca="1">RAND()</f>
        <v>0.55353701857192383</v>
      </c>
      <c r="B10211" s="1"/>
      <c r="C10211">
        <v>13</v>
      </c>
      <c r="D10211" t="s">
        <v>20346</v>
      </c>
      <c r="E10211" t="s">
        <v>33435</v>
      </c>
      <c r="F10211">
        <v>5</v>
      </c>
      <c r="G10211" t="s">
        <v>13</v>
      </c>
      <c r="H10211" t="s">
        <v>20347</v>
      </c>
      <c r="I10211" t="s">
        <v>30540</v>
      </c>
    </row>
    <row r="10212" spans="1:9">
      <c r="A10212" s="1">
        <f ca="1">RAND()</f>
        <v>0.70375152711180289</v>
      </c>
      <c r="B10212" s="1"/>
      <c r="C10212">
        <v>2</v>
      </c>
      <c r="D10212" t="s">
        <v>20340</v>
      </c>
      <c r="E10212" t="s">
        <v>33435</v>
      </c>
      <c r="F10212">
        <v>5</v>
      </c>
      <c r="G10212" t="s">
        <v>10</v>
      </c>
      <c r="H10212" t="s">
        <v>20341</v>
      </c>
      <c r="I10212" t="s">
        <v>30540</v>
      </c>
    </row>
    <row r="10213" spans="1:9">
      <c r="A10213" s="1">
        <f ca="1">RAND()</f>
        <v>0.54337717225960658</v>
      </c>
      <c r="B10213" s="1"/>
      <c r="C10213">
        <v>5</v>
      </c>
      <c r="D10213" t="s">
        <v>20342</v>
      </c>
      <c r="E10213" t="s">
        <v>33435</v>
      </c>
      <c r="F10213">
        <v>5</v>
      </c>
      <c r="G10213" t="s">
        <v>0</v>
      </c>
      <c r="H10213" t="s">
        <v>20343</v>
      </c>
      <c r="I10213" t="s">
        <v>30540</v>
      </c>
    </row>
    <row r="10214" spans="1:9">
      <c r="A10214" s="1">
        <f ca="1">RAND()</f>
        <v>0.64569256842916789</v>
      </c>
      <c r="B10214" s="1"/>
      <c r="C10214">
        <v>14</v>
      </c>
      <c r="D10214" t="s">
        <v>20348</v>
      </c>
      <c r="E10214" t="s">
        <v>33435</v>
      </c>
      <c r="F10214">
        <v>4</v>
      </c>
      <c r="G10214" t="s">
        <v>10</v>
      </c>
      <c r="H10214" t="s">
        <v>20349</v>
      </c>
      <c r="I10214" t="s">
        <v>30540</v>
      </c>
    </row>
    <row r="10215" spans="1:9">
      <c r="A10215" s="1">
        <f ca="1">RAND()</f>
        <v>0.94215335021324209</v>
      </c>
      <c r="B10215" s="1"/>
      <c r="C10215">
        <v>17</v>
      </c>
      <c r="D10215" t="s">
        <v>20338</v>
      </c>
      <c r="E10215" t="s">
        <v>33436</v>
      </c>
      <c r="F10215">
        <v>4</v>
      </c>
      <c r="G10215" t="s">
        <v>13</v>
      </c>
      <c r="H10215" t="s">
        <v>20339</v>
      </c>
      <c r="I10215" t="s">
        <v>30540</v>
      </c>
    </row>
    <row r="10216" spans="1:9">
      <c r="A10216" s="1">
        <f ca="1">RAND()</f>
        <v>0.26518435010281372</v>
      </c>
      <c r="B10216" s="1"/>
      <c r="C10216">
        <v>2</v>
      </c>
      <c r="D10216" t="s">
        <v>20336</v>
      </c>
      <c r="E10216" t="s">
        <v>33436</v>
      </c>
      <c r="F10216">
        <v>3</v>
      </c>
      <c r="G10216" t="s">
        <v>1431</v>
      </c>
      <c r="H10216" t="s">
        <v>20337</v>
      </c>
      <c r="I10216" t="s">
        <v>30540</v>
      </c>
    </row>
    <row r="10217" spans="1:9">
      <c r="A10217" s="1">
        <f ca="1">RAND()</f>
        <v>0.8966489431917346</v>
      </c>
      <c r="B10217" s="1"/>
      <c r="C10217">
        <v>13</v>
      </c>
      <c r="D10217" t="s">
        <v>20334</v>
      </c>
      <c r="E10217" t="s">
        <v>33437</v>
      </c>
      <c r="F10217">
        <v>5</v>
      </c>
      <c r="G10217" t="s">
        <v>14</v>
      </c>
      <c r="H10217" t="s">
        <v>20335</v>
      </c>
      <c r="I10217" t="s">
        <v>30540</v>
      </c>
    </row>
    <row r="10218" spans="1:9">
      <c r="A10218" s="1">
        <f ca="1">RAND()</f>
        <v>0.96172747448511331</v>
      </c>
      <c r="B10218" s="1"/>
      <c r="C10218">
        <v>9</v>
      </c>
      <c r="D10218" t="s">
        <v>20324</v>
      </c>
      <c r="E10218" t="s">
        <v>33438</v>
      </c>
      <c r="F10218">
        <v>4</v>
      </c>
      <c r="G10218" t="s">
        <v>10</v>
      </c>
      <c r="H10218" t="s">
        <v>20325</v>
      </c>
      <c r="I10218" t="s">
        <v>30540</v>
      </c>
    </row>
    <row r="10219" spans="1:9">
      <c r="A10219" s="1">
        <f ca="1">RAND()</f>
        <v>1.6119639380057227E-2</v>
      </c>
      <c r="B10219" s="1"/>
      <c r="C10219">
        <v>2</v>
      </c>
      <c r="D10219" t="s">
        <v>20322</v>
      </c>
      <c r="E10219" t="s">
        <v>33438</v>
      </c>
      <c r="F10219">
        <v>4</v>
      </c>
      <c r="G10219" t="s">
        <v>10</v>
      </c>
      <c r="H10219" t="s">
        <v>20323</v>
      </c>
      <c r="I10219" t="s">
        <v>30540</v>
      </c>
    </row>
    <row r="10220" spans="1:9">
      <c r="A10220" s="1">
        <f ca="1">RAND()</f>
        <v>0.22220562294867374</v>
      </c>
      <c r="B10220" s="1"/>
      <c r="C10220">
        <v>11</v>
      </c>
      <c r="D10220" t="s">
        <v>20326</v>
      </c>
      <c r="E10220" t="s">
        <v>33438</v>
      </c>
      <c r="F10220">
        <v>4</v>
      </c>
      <c r="G10220" t="s">
        <v>10</v>
      </c>
      <c r="H10220" t="s">
        <v>20327</v>
      </c>
      <c r="I10220" t="s">
        <v>30540</v>
      </c>
    </row>
    <row r="10221" spans="1:9">
      <c r="A10221" s="1">
        <f ca="1">RAND()</f>
        <v>0.22604623561457793</v>
      </c>
      <c r="B10221" s="1"/>
      <c r="C10221">
        <v>12</v>
      </c>
      <c r="D10221" t="s">
        <v>20328</v>
      </c>
      <c r="E10221" t="s">
        <v>33438</v>
      </c>
      <c r="F10221">
        <v>4</v>
      </c>
      <c r="G10221" t="s">
        <v>10</v>
      </c>
      <c r="H10221" t="s">
        <v>20329</v>
      </c>
      <c r="I10221" t="s">
        <v>30540</v>
      </c>
    </row>
    <row r="10222" spans="1:9">
      <c r="A10222" s="1">
        <f ca="1">RAND()</f>
        <v>4.838669794775563E-2</v>
      </c>
      <c r="B10222" s="1"/>
      <c r="C10222">
        <v>16</v>
      </c>
      <c r="D10222" t="s">
        <v>20332</v>
      </c>
      <c r="E10222" t="s">
        <v>33438</v>
      </c>
      <c r="F10222">
        <v>4</v>
      </c>
      <c r="G10222" t="s">
        <v>10</v>
      </c>
      <c r="H10222" t="s">
        <v>20333</v>
      </c>
      <c r="I10222" t="s">
        <v>30540</v>
      </c>
    </row>
    <row r="10223" spans="1:9">
      <c r="A10223" s="1">
        <f ca="1">RAND()</f>
        <v>0.91150438012589796</v>
      </c>
      <c r="B10223" s="1"/>
      <c r="C10223">
        <v>13</v>
      </c>
      <c r="D10223" t="s">
        <v>20330</v>
      </c>
      <c r="E10223" t="s">
        <v>33438</v>
      </c>
      <c r="F10223">
        <v>3</v>
      </c>
      <c r="G10223" t="s">
        <v>10</v>
      </c>
      <c r="H10223" t="s">
        <v>20331</v>
      </c>
      <c r="I10223" t="s">
        <v>30540</v>
      </c>
    </row>
    <row r="10224" spans="1:9">
      <c r="A10224" s="1">
        <f ca="1">RAND()</f>
        <v>0.76478205158939094</v>
      </c>
      <c r="B10224" s="1"/>
      <c r="C10224">
        <v>7</v>
      </c>
      <c r="D10224" t="s">
        <v>20320</v>
      </c>
      <c r="E10224" t="s">
        <v>33439</v>
      </c>
      <c r="F10224">
        <v>4</v>
      </c>
      <c r="G10224" t="s">
        <v>14</v>
      </c>
      <c r="H10224" t="s">
        <v>20321</v>
      </c>
      <c r="I10224" t="s">
        <v>30540</v>
      </c>
    </row>
    <row r="10225" spans="1:9">
      <c r="A10225" s="1">
        <f ca="1">RAND()</f>
        <v>0.2761713276177864</v>
      </c>
      <c r="B10225" s="1"/>
      <c r="C10225">
        <v>1</v>
      </c>
      <c r="D10225" t="s">
        <v>20312</v>
      </c>
      <c r="E10225" t="s">
        <v>33440</v>
      </c>
      <c r="F10225">
        <v>5</v>
      </c>
      <c r="G10225" t="s">
        <v>10</v>
      </c>
      <c r="H10225" t="s">
        <v>20313</v>
      </c>
      <c r="I10225" t="s">
        <v>30540</v>
      </c>
    </row>
    <row r="10226" spans="1:9">
      <c r="A10226" s="1">
        <f ca="1">RAND()</f>
        <v>0.91013640482736957</v>
      </c>
      <c r="B10226" s="1"/>
      <c r="C10226">
        <v>16</v>
      </c>
      <c r="D10226" t="s">
        <v>20318</v>
      </c>
      <c r="E10226" t="s">
        <v>33440</v>
      </c>
      <c r="F10226">
        <v>4</v>
      </c>
      <c r="G10226" t="s">
        <v>14</v>
      </c>
      <c r="H10226" t="s">
        <v>20319</v>
      </c>
      <c r="I10226" t="s">
        <v>30540</v>
      </c>
    </row>
    <row r="10227" spans="1:9">
      <c r="A10227" s="1">
        <f ca="1">RAND()</f>
        <v>0.87166665306873059</v>
      </c>
      <c r="B10227" s="1"/>
      <c r="C10227">
        <v>11</v>
      </c>
      <c r="D10227" t="s">
        <v>20314</v>
      </c>
      <c r="E10227" t="s">
        <v>33440</v>
      </c>
      <c r="F10227">
        <v>4</v>
      </c>
      <c r="G10227" t="s">
        <v>14</v>
      </c>
      <c r="H10227" t="s">
        <v>20315</v>
      </c>
      <c r="I10227" t="s">
        <v>30540</v>
      </c>
    </row>
    <row r="10228" spans="1:9">
      <c r="A10228" s="1">
        <f ca="1">RAND()</f>
        <v>0.46365175297957084</v>
      </c>
      <c r="B10228" s="1"/>
      <c r="C10228">
        <v>15</v>
      </c>
      <c r="D10228" t="s">
        <v>20316</v>
      </c>
      <c r="E10228" t="s">
        <v>33440</v>
      </c>
      <c r="F10228">
        <v>4</v>
      </c>
      <c r="G10228" t="s">
        <v>14</v>
      </c>
      <c r="H10228" t="s">
        <v>20317</v>
      </c>
      <c r="I10228" t="s">
        <v>30540</v>
      </c>
    </row>
    <row r="10229" spans="1:9">
      <c r="A10229" s="1">
        <f ca="1">RAND()</f>
        <v>0.52848387283701215</v>
      </c>
      <c r="B10229" s="1"/>
      <c r="C10229">
        <v>13</v>
      </c>
      <c r="D10229" t="s">
        <v>20308</v>
      </c>
      <c r="E10229" t="s">
        <v>33441</v>
      </c>
      <c r="F10229">
        <v>5</v>
      </c>
      <c r="G10229" t="s">
        <v>770</v>
      </c>
      <c r="H10229" t="s">
        <v>20309</v>
      </c>
      <c r="I10229" t="s">
        <v>30540</v>
      </c>
    </row>
    <row r="10230" spans="1:9">
      <c r="A10230" s="1">
        <f ca="1">RAND()</f>
        <v>0.1624928681074862</v>
      </c>
      <c r="B10230" s="1"/>
      <c r="C10230">
        <v>5</v>
      </c>
      <c r="D10230" t="s">
        <v>20306</v>
      </c>
      <c r="E10230" t="s">
        <v>33441</v>
      </c>
      <c r="F10230">
        <v>4</v>
      </c>
      <c r="G10230" t="s">
        <v>10</v>
      </c>
      <c r="H10230" t="s">
        <v>20307</v>
      </c>
      <c r="I10230" t="s">
        <v>30540</v>
      </c>
    </row>
    <row r="10231" spans="1:9">
      <c r="A10231" s="1">
        <f ca="1">RAND()</f>
        <v>0.26121035272019488</v>
      </c>
      <c r="B10231" s="1"/>
      <c r="C10231">
        <v>14</v>
      </c>
      <c r="D10231" t="s">
        <v>20310</v>
      </c>
      <c r="E10231" t="s">
        <v>33441</v>
      </c>
      <c r="F10231">
        <v>2</v>
      </c>
      <c r="G10231" t="s">
        <v>1431</v>
      </c>
      <c r="H10231" t="s">
        <v>20311</v>
      </c>
      <c r="I10231" t="s">
        <v>30540</v>
      </c>
    </row>
    <row r="10232" spans="1:9">
      <c r="A10232" s="1">
        <f ca="1">RAND()</f>
        <v>6.1309711206424811E-2</v>
      </c>
      <c r="B10232" s="1"/>
      <c r="C10232">
        <v>6</v>
      </c>
      <c r="D10232" t="s">
        <v>20304</v>
      </c>
      <c r="E10232" t="s">
        <v>33442</v>
      </c>
      <c r="F10232">
        <v>3</v>
      </c>
      <c r="G10232" t="s">
        <v>14</v>
      </c>
      <c r="H10232" t="s">
        <v>20305</v>
      </c>
      <c r="I10232" t="s">
        <v>30540</v>
      </c>
    </row>
    <row r="10233" spans="1:9">
      <c r="A10233" s="1">
        <f ca="1">RAND()</f>
        <v>0.1363411978782324</v>
      </c>
      <c r="B10233" s="1"/>
      <c r="C10233">
        <v>2</v>
      </c>
      <c r="D10233" t="s">
        <v>20296</v>
      </c>
      <c r="E10233" t="s">
        <v>33443</v>
      </c>
      <c r="F10233">
        <v>5</v>
      </c>
      <c r="G10233" t="s">
        <v>2</v>
      </c>
      <c r="H10233" t="s">
        <v>20297</v>
      </c>
      <c r="I10233" t="s">
        <v>30540</v>
      </c>
    </row>
    <row r="10234" spans="1:9">
      <c r="A10234" s="1">
        <f ca="1">RAND()</f>
        <v>0.17866988903640668</v>
      </c>
      <c r="B10234" s="1"/>
      <c r="C10234">
        <v>11</v>
      </c>
      <c r="D10234" t="s">
        <v>20300</v>
      </c>
      <c r="E10234" t="s">
        <v>33443</v>
      </c>
      <c r="F10234">
        <v>4</v>
      </c>
      <c r="G10234" t="s">
        <v>13</v>
      </c>
      <c r="H10234" t="s">
        <v>20301</v>
      </c>
      <c r="I10234" t="s">
        <v>30540</v>
      </c>
    </row>
    <row r="10235" spans="1:9">
      <c r="A10235" s="1">
        <f ca="1">RAND()</f>
        <v>0.69270547285440121</v>
      </c>
      <c r="B10235" s="1"/>
      <c r="C10235">
        <v>12</v>
      </c>
      <c r="D10235" t="s">
        <v>20302</v>
      </c>
      <c r="E10235" t="s">
        <v>33443</v>
      </c>
      <c r="F10235">
        <v>4</v>
      </c>
      <c r="G10235" t="s">
        <v>14</v>
      </c>
      <c r="H10235" t="s">
        <v>20303</v>
      </c>
      <c r="I10235" t="s">
        <v>30540</v>
      </c>
    </row>
    <row r="10236" spans="1:9">
      <c r="A10236" s="1">
        <f ca="1">RAND()</f>
        <v>0.78258925395239143</v>
      </c>
      <c r="B10236" s="1"/>
      <c r="C10236">
        <v>7</v>
      </c>
      <c r="D10236" t="s">
        <v>20298</v>
      </c>
      <c r="E10236" t="s">
        <v>33443</v>
      </c>
      <c r="F10236">
        <v>2</v>
      </c>
      <c r="G10236" t="s">
        <v>14</v>
      </c>
      <c r="H10236" t="s">
        <v>20299</v>
      </c>
      <c r="I10236" t="s">
        <v>30540</v>
      </c>
    </row>
    <row r="10237" spans="1:9">
      <c r="A10237" s="1">
        <f ca="1">RAND()</f>
        <v>0.91962368602515931</v>
      </c>
      <c r="B10237" s="1"/>
      <c r="C10237">
        <v>6</v>
      </c>
      <c r="D10237" t="s">
        <v>20292</v>
      </c>
      <c r="E10237" t="s">
        <v>33444</v>
      </c>
      <c r="F10237">
        <v>5</v>
      </c>
      <c r="G10237" t="s">
        <v>14</v>
      </c>
      <c r="H10237" t="s">
        <v>20293</v>
      </c>
      <c r="I10237" t="s">
        <v>30540</v>
      </c>
    </row>
    <row r="10238" spans="1:9">
      <c r="A10238" s="1">
        <f ca="1">RAND()</f>
        <v>0.16375247817737748</v>
      </c>
      <c r="B10238" s="1"/>
      <c r="C10238">
        <v>5</v>
      </c>
      <c r="D10238" t="s">
        <v>20290</v>
      </c>
      <c r="E10238" t="s">
        <v>33444</v>
      </c>
      <c r="F10238">
        <v>5</v>
      </c>
      <c r="G10238" t="s">
        <v>13</v>
      </c>
      <c r="H10238" t="s">
        <v>20291</v>
      </c>
      <c r="I10238" t="s">
        <v>30540</v>
      </c>
    </row>
    <row r="10239" spans="1:9">
      <c r="A10239" s="1">
        <f ca="1">RAND()</f>
        <v>0.20079641555020888</v>
      </c>
      <c r="B10239" s="1"/>
      <c r="C10239">
        <v>10</v>
      </c>
      <c r="D10239" t="s">
        <v>20294</v>
      </c>
      <c r="E10239" t="s">
        <v>33444</v>
      </c>
      <c r="F10239">
        <v>2</v>
      </c>
      <c r="G10239" t="s">
        <v>14</v>
      </c>
      <c r="H10239" t="s">
        <v>20295</v>
      </c>
      <c r="I10239" t="s">
        <v>30540</v>
      </c>
    </row>
    <row r="10240" spans="1:9">
      <c r="A10240" s="1">
        <f ca="1">RAND()</f>
        <v>6.6258577362111604E-2</v>
      </c>
      <c r="B10240" s="1"/>
      <c r="C10240">
        <v>1</v>
      </c>
      <c r="D10240" t="s">
        <v>20282</v>
      </c>
      <c r="E10240" t="s">
        <v>33445</v>
      </c>
      <c r="F10240">
        <v>4</v>
      </c>
      <c r="G10240" t="s">
        <v>2</v>
      </c>
      <c r="H10240" t="s">
        <v>20283</v>
      </c>
      <c r="I10240" t="s">
        <v>30540</v>
      </c>
    </row>
    <row r="10241" spans="1:9">
      <c r="A10241" s="1">
        <f ca="1">RAND()</f>
        <v>0.90243502375062157</v>
      </c>
      <c r="B10241" s="1"/>
      <c r="C10241">
        <v>13</v>
      </c>
      <c r="D10241" t="s">
        <v>20288</v>
      </c>
      <c r="E10241" t="s">
        <v>33445</v>
      </c>
      <c r="F10241">
        <v>4</v>
      </c>
      <c r="G10241" t="s">
        <v>14</v>
      </c>
      <c r="H10241" t="s">
        <v>20289</v>
      </c>
      <c r="I10241" t="s">
        <v>30540</v>
      </c>
    </row>
    <row r="10242" spans="1:9">
      <c r="A10242" s="1">
        <f ca="1">RAND()</f>
        <v>0.81777883587641875</v>
      </c>
      <c r="B10242" s="1"/>
      <c r="C10242">
        <v>9</v>
      </c>
      <c r="D10242" t="s">
        <v>20286</v>
      </c>
      <c r="E10242" t="s">
        <v>33445</v>
      </c>
      <c r="F10242">
        <v>3</v>
      </c>
      <c r="G10242" t="s">
        <v>9</v>
      </c>
      <c r="H10242" t="s">
        <v>20287</v>
      </c>
      <c r="I10242" t="s">
        <v>30540</v>
      </c>
    </row>
    <row r="10243" spans="1:9">
      <c r="A10243" s="1">
        <f ca="1">RAND()</f>
        <v>0.29429977226085757</v>
      </c>
      <c r="B10243" s="1"/>
      <c r="C10243">
        <v>4</v>
      </c>
      <c r="D10243" t="s">
        <v>20284</v>
      </c>
      <c r="E10243" t="s">
        <v>33445</v>
      </c>
      <c r="F10243">
        <v>3</v>
      </c>
      <c r="G10243" t="s">
        <v>14</v>
      </c>
      <c r="H10243" t="s">
        <v>20285</v>
      </c>
      <c r="I10243" t="s">
        <v>30540</v>
      </c>
    </row>
    <row r="10244" spans="1:9">
      <c r="A10244" s="1">
        <f ca="1">RAND()</f>
        <v>0.33724023575630035</v>
      </c>
      <c r="B10244" s="1"/>
      <c r="C10244">
        <v>20</v>
      </c>
      <c r="D10244" t="s">
        <v>20280</v>
      </c>
      <c r="E10244" t="s">
        <v>33446</v>
      </c>
      <c r="F10244">
        <v>4</v>
      </c>
      <c r="G10244" t="s">
        <v>774</v>
      </c>
      <c r="H10244" t="s">
        <v>20281</v>
      </c>
      <c r="I10244" t="s">
        <v>30540</v>
      </c>
    </row>
    <row r="10245" spans="1:9">
      <c r="A10245" s="1">
        <f ca="1">RAND()</f>
        <v>0.48533021984215485</v>
      </c>
      <c r="B10245" s="1"/>
      <c r="C10245">
        <v>18</v>
      </c>
      <c r="D10245" t="s">
        <v>20278</v>
      </c>
      <c r="E10245" t="s">
        <v>33446</v>
      </c>
      <c r="F10245">
        <v>4</v>
      </c>
      <c r="G10245" t="s">
        <v>14</v>
      </c>
      <c r="H10245" t="s">
        <v>20279</v>
      </c>
      <c r="I10245" t="s">
        <v>30540</v>
      </c>
    </row>
    <row r="10246" spans="1:9">
      <c r="A10246" s="1">
        <f ca="1">RAND()</f>
        <v>0.95357101437745806</v>
      </c>
      <c r="B10246" s="1"/>
      <c r="C10246">
        <v>1</v>
      </c>
      <c r="D10246" t="s">
        <v>20272</v>
      </c>
      <c r="E10246" t="s">
        <v>33446</v>
      </c>
      <c r="F10246">
        <v>4</v>
      </c>
      <c r="G10246" t="s">
        <v>775</v>
      </c>
      <c r="H10246" t="s">
        <v>20273</v>
      </c>
      <c r="I10246" t="s">
        <v>30540</v>
      </c>
    </row>
    <row r="10247" spans="1:9">
      <c r="A10247" s="1">
        <f ca="1">RAND()</f>
        <v>0.43435955642924562</v>
      </c>
      <c r="B10247" s="1"/>
      <c r="C10247">
        <v>13</v>
      </c>
      <c r="D10247" t="s">
        <v>20276</v>
      </c>
      <c r="E10247" t="s">
        <v>33446</v>
      </c>
      <c r="F10247">
        <v>3</v>
      </c>
      <c r="G10247" t="s">
        <v>762</v>
      </c>
      <c r="H10247" t="s">
        <v>20277</v>
      </c>
      <c r="I10247" t="s">
        <v>30540</v>
      </c>
    </row>
    <row r="10248" spans="1:9">
      <c r="A10248" s="1">
        <f ca="1">RAND()</f>
        <v>0.8749796858105563</v>
      </c>
      <c r="B10248" s="1"/>
      <c r="C10248">
        <v>3</v>
      </c>
      <c r="D10248" t="s">
        <v>20274</v>
      </c>
      <c r="E10248" t="s">
        <v>33446</v>
      </c>
      <c r="F10248">
        <v>2</v>
      </c>
      <c r="G10248" t="s">
        <v>766</v>
      </c>
      <c r="H10248" t="s">
        <v>20275</v>
      </c>
      <c r="I10248" t="s">
        <v>30540</v>
      </c>
    </row>
    <row r="10249" spans="1:9">
      <c r="A10249" s="1">
        <f ca="1">RAND()</f>
        <v>0.47676725242027496</v>
      </c>
      <c r="B10249" s="1"/>
      <c r="C10249">
        <v>5</v>
      </c>
      <c r="D10249" t="s">
        <v>20268</v>
      </c>
      <c r="E10249" t="s">
        <v>33447</v>
      </c>
      <c r="F10249">
        <v>4</v>
      </c>
      <c r="G10249" t="s">
        <v>0</v>
      </c>
      <c r="H10249" t="s">
        <v>20269</v>
      </c>
      <c r="I10249" t="s">
        <v>30540</v>
      </c>
    </row>
    <row r="10250" spans="1:9">
      <c r="A10250" s="1">
        <f ca="1">RAND()</f>
        <v>0.75232295553363515</v>
      </c>
      <c r="B10250" s="1"/>
      <c r="C10250">
        <v>11</v>
      </c>
      <c r="D10250" t="s">
        <v>20270</v>
      </c>
      <c r="E10250" t="s">
        <v>33447</v>
      </c>
      <c r="F10250">
        <v>3</v>
      </c>
      <c r="G10250" t="s">
        <v>14</v>
      </c>
      <c r="H10250" t="s">
        <v>20271</v>
      </c>
      <c r="I10250" t="s">
        <v>30540</v>
      </c>
    </row>
    <row r="10251" spans="1:9">
      <c r="A10251" s="1">
        <f ca="1">RAND()</f>
        <v>3.3624636462416091E-2</v>
      </c>
      <c r="B10251" s="1"/>
      <c r="C10251">
        <v>15</v>
      </c>
      <c r="D10251" t="s">
        <v>20266</v>
      </c>
      <c r="E10251" t="s">
        <v>33448</v>
      </c>
      <c r="F10251">
        <v>5</v>
      </c>
      <c r="G10251" t="s">
        <v>14</v>
      </c>
      <c r="H10251" t="s">
        <v>20267</v>
      </c>
      <c r="I10251" t="s">
        <v>30540</v>
      </c>
    </row>
    <row r="10252" spans="1:9">
      <c r="A10252" s="1">
        <f ca="1">RAND()</f>
        <v>0.21129169900773359</v>
      </c>
      <c r="B10252" s="1"/>
      <c r="C10252">
        <v>8</v>
      </c>
      <c r="D10252" t="s">
        <v>20262</v>
      </c>
      <c r="E10252" t="s">
        <v>33448</v>
      </c>
      <c r="F10252">
        <v>4</v>
      </c>
      <c r="G10252" t="s">
        <v>14</v>
      </c>
      <c r="H10252" t="s">
        <v>20263</v>
      </c>
      <c r="I10252" t="s">
        <v>30540</v>
      </c>
    </row>
    <row r="10253" spans="1:9">
      <c r="A10253" s="1">
        <f ca="1">RAND()</f>
        <v>0.94998666954059618</v>
      </c>
      <c r="B10253" s="1"/>
      <c r="C10253">
        <v>4</v>
      </c>
      <c r="D10253" t="s">
        <v>20258</v>
      </c>
      <c r="E10253" t="s">
        <v>33448</v>
      </c>
      <c r="F10253">
        <v>4</v>
      </c>
      <c r="G10253" t="s">
        <v>9</v>
      </c>
      <c r="H10253" t="s">
        <v>20259</v>
      </c>
      <c r="I10253" t="s">
        <v>30540</v>
      </c>
    </row>
    <row r="10254" spans="1:9">
      <c r="A10254" s="1">
        <f ca="1">RAND()</f>
        <v>0.19547446173231675</v>
      </c>
      <c r="B10254" s="1"/>
      <c r="C10254">
        <v>2</v>
      </c>
      <c r="D10254" t="s">
        <v>20256</v>
      </c>
      <c r="E10254" t="s">
        <v>33448</v>
      </c>
      <c r="F10254">
        <v>4</v>
      </c>
      <c r="G10254" t="s">
        <v>10</v>
      </c>
      <c r="H10254" t="s">
        <v>20257</v>
      </c>
      <c r="I10254" t="s">
        <v>30540</v>
      </c>
    </row>
    <row r="10255" spans="1:9">
      <c r="A10255" s="1">
        <f ca="1">RAND()</f>
        <v>2.0742225882088072E-2</v>
      </c>
      <c r="B10255" s="1"/>
      <c r="C10255">
        <v>13</v>
      </c>
      <c r="D10255" t="s">
        <v>20264</v>
      </c>
      <c r="E10255" t="s">
        <v>33448</v>
      </c>
      <c r="F10255">
        <v>3</v>
      </c>
      <c r="G10255" t="s">
        <v>1</v>
      </c>
      <c r="H10255" t="s">
        <v>20265</v>
      </c>
      <c r="I10255" t="s">
        <v>30540</v>
      </c>
    </row>
    <row r="10256" spans="1:9">
      <c r="A10256" s="1">
        <f ca="1">RAND()</f>
        <v>0.41313530547792787</v>
      </c>
      <c r="B10256" s="1"/>
      <c r="C10256">
        <v>7</v>
      </c>
      <c r="D10256" t="s">
        <v>20260</v>
      </c>
      <c r="E10256" t="s">
        <v>33448</v>
      </c>
      <c r="F10256">
        <v>2</v>
      </c>
      <c r="G10256" t="s">
        <v>1</v>
      </c>
      <c r="H10256" t="s">
        <v>20261</v>
      </c>
      <c r="I10256" t="s">
        <v>30540</v>
      </c>
    </row>
    <row r="10257" spans="1:9">
      <c r="A10257" s="1">
        <f ca="1">RAND()</f>
        <v>0.30463592257738703</v>
      </c>
      <c r="B10257" s="1"/>
      <c r="C10257">
        <v>10</v>
      </c>
      <c r="D10257" t="s">
        <v>20252</v>
      </c>
      <c r="E10257" t="s">
        <v>33449</v>
      </c>
      <c r="F10257">
        <v>4</v>
      </c>
      <c r="G10257" t="s">
        <v>14</v>
      </c>
      <c r="H10257" t="s">
        <v>20253</v>
      </c>
      <c r="I10257" t="s">
        <v>30540</v>
      </c>
    </row>
    <row r="10258" spans="1:9">
      <c r="A10258" s="1">
        <f ca="1">RAND()</f>
        <v>0.83631773423418421</v>
      </c>
      <c r="B10258" s="1"/>
      <c r="C10258">
        <v>9</v>
      </c>
      <c r="D10258" t="s">
        <v>20250</v>
      </c>
      <c r="E10258" t="s">
        <v>33449</v>
      </c>
      <c r="F10258">
        <v>4</v>
      </c>
      <c r="G10258" t="s">
        <v>14</v>
      </c>
      <c r="H10258" t="s">
        <v>20251</v>
      </c>
      <c r="I10258" t="s">
        <v>30540</v>
      </c>
    </row>
    <row r="10259" spans="1:9">
      <c r="A10259" s="1">
        <f ca="1">RAND()</f>
        <v>0.854755483111454</v>
      </c>
      <c r="B10259" s="1"/>
      <c r="C10259">
        <v>12</v>
      </c>
      <c r="D10259" t="s">
        <v>20254</v>
      </c>
      <c r="E10259" t="s">
        <v>33449</v>
      </c>
      <c r="F10259">
        <v>2</v>
      </c>
      <c r="G10259" t="s">
        <v>14</v>
      </c>
      <c r="H10259" t="s">
        <v>20255</v>
      </c>
      <c r="I10259" t="s">
        <v>30540</v>
      </c>
    </row>
    <row r="10260" spans="1:9">
      <c r="A10260" s="1">
        <f ca="1">RAND()</f>
        <v>0.48536794203086786</v>
      </c>
      <c r="B10260" s="1"/>
      <c r="C10260">
        <v>6</v>
      </c>
      <c r="D10260" t="s">
        <v>20248</v>
      </c>
      <c r="E10260" t="s">
        <v>33449</v>
      </c>
      <c r="F10260">
        <v>1</v>
      </c>
      <c r="G10260" t="s">
        <v>13</v>
      </c>
      <c r="H10260" t="s">
        <v>20249</v>
      </c>
      <c r="I10260" t="s">
        <v>30540</v>
      </c>
    </row>
    <row r="10261" spans="1:9">
      <c r="A10261" s="1">
        <f ca="1">RAND()</f>
        <v>0.77104365314418333</v>
      </c>
      <c r="B10261" s="1"/>
      <c r="C10261">
        <v>7</v>
      </c>
      <c r="D10261" t="s">
        <v>20244</v>
      </c>
      <c r="E10261" t="s">
        <v>33450</v>
      </c>
      <c r="F10261">
        <v>5</v>
      </c>
      <c r="G10261" t="s">
        <v>10</v>
      </c>
      <c r="H10261" t="s">
        <v>20245</v>
      </c>
      <c r="I10261" t="s">
        <v>30540</v>
      </c>
    </row>
    <row r="10262" spans="1:9">
      <c r="A10262" s="1">
        <f ca="1">RAND()</f>
        <v>0.20497679220421772</v>
      </c>
      <c r="B10262" s="1"/>
      <c r="C10262">
        <v>4</v>
      </c>
      <c r="D10262" t="s">
        <v>20242</v>
      </c>
      <c r="E10262" t="s">
        <v>33450</v>
      </c>
      <c r="F10262">
        <v>5</v>
      </c>
      <c r="G10262" t="s">
        <v>0</v>
      </c>
      <c r="H10262" t="s">
        <v>20243</v>
      </c>
      <c r="I10262" t="s">
        <v>30540</v>
      </c>
    </row>
    <row r="10263" spans="1:9">
      <c r="A10263" s="1">
        <f ca="1">RAND()</f>
        <v>0.17384539184738135</v>
      </c>
      <c r="B10263" s="1"/>
      <c r="C10263">
        <v>11</v>
      </c>
      <c r="D10263" t="s">
        <v>20246</v>
      </c>
      <c r="E10263" t="s">
        <v>33450</v>
      </c>
      <c r="F10263">
        <v>4</v>
      </c>
      <c r="G10263" t="s">
        <v>10</v>
      </c>
      <c r="H10263" t="s">
        <v>20247</v>
      </c>
      <c r="I10263" t="s">
        <v>30540</v>
      </c>
    </row>
    <row r="10264" spans="1:9">
      <c r="A10264" s="1">
        <f ca="1">RAND()</f>
        <v>0.33460207090413774</v>
      </c>
      <c r="B10264" s="1"/>
      <c r="C10264">
        <v>19</v>
      </c>
      <c r="D10264" t="s">
        <v>20240</v>
      </c>
      <c r="E10264" t="s">
        <v>33451</v>
      </c>
      <c r="F10264">
        <v>5</v>
      </c>
      <c r="G10264" t="s">
        <v>3732</v>
      </c>
      <c r="H10264" t="s">
        <v>20241</v>
      </c>
      <c r="I10264" t="s">
        <v>30540</v>
      </c>
    </row>
    <row r="10265" spans="1:9">
      <c r="A10265" s="1">
        <f ca="1">RAND()</f>
        <v>0.77191284977513308</v>
      </c>
      <c r="B10265" s="1"/>
      <c r="C10265">
        <v>6</v>
      </c>
      <c r="D10265" t="s">
        <v>20234</v>
      </c>
      <c r="E10265" t="s">
        <v>33451</v>
      </c>
      <c r="F10265">
        <v>4</v>
      </c>
      <c r="G10265" t="s">
        <v>766</v>
      </c>
      <c r="H10265" t="s">
        <v>20235</v>
      </c>
      <c r="I10265" t="s">
        <v>30540</v>
      </c>
    </row>
    <row r="10266" spans="1:9">
      <c r="A10266" s="1">
        <f ca="1">RAND()</f>
        <v>0.59311466992947381</v>
      </c>
      <c r="B10266" s="1"/>
      <c r="C10266">
        <v>17</v>
      </c>
      <c r="D10266" t="s">
        <v>20238</v>
      </c>
      <c r="E10266" t="s">
        <v>33451</v>
      </c>
      <c r="F10266">
        <v>4</v>
      </c>
      <c r="G10266" t="s">
        <v>766</v>
      </c>
      <c r="H10266" t="s">
        <v>20239</v>
      </c>
      <c r="I10266" t="s">
        <v>30540</v>
      </c>
    </row>
    <row r="10267" spans="1:9">
      <c r="A10267" s="1">
        <f ca="1">RAND()</f>
        <v>0.22457402680290073</v>
      </c>
      <c r="B10267" s="1"/>
      <c r="C10267">
        <v>3</v>
      </c>
      <c r="D10267" t="s">
        <v>20232</v>
      </c>
      <c r="E10267" t="s">
        <v>33451</v>
      </c>
      <c r="F10267">
        <v>4</v>
      </c>
      <c r="G10267" t="s">
        <v>15</v>
      </c>
      <c r="H10267" t="s">
        <v>20233</v>
      </c>
      <c r="I10267" t="s">
        <v>30540</v>
      </c>
    </row>
    <row r="10268" spans="1:9">
      <c r="A10268" s="1">
        <f ca="1">RAND()</f>
        <v>0.18607069478039118</v>
      </c>
      <c r="B10268" s="1"/>
      <c r="C10268">
        <v>16</v>
      </c>
      <c r="D10268" t="s">
        <v>20236</v>
      </c>
      <c r="E10268" t="s">
        <v>33451</v>
      </c>
      <c r="F10268">
        <v>4</v>
      </c>
      <c r="G10268" t="s">
        <v>1431</v>
      </c>
      <c r="H10268" t="s">
        <v>20237</v>
      </c>
      <c r="I10268" t="s">
        <v>30540</v>
      </c>
    </row>
    <row r="10269" spans="1:9">
      <c r="A10269" s="1">
        <f ca="1">RAND()</f>
        <v>0.7521662398254233</v>
      </c>
      <c r="B10269" s="1"/>
      <c r="C10269">
        <v>1</v>
      </c>
      <c r="D10269" t="s">
        <v>20224</v>
      </c>
      <c r="E10269" t="s">
        <v>33452</v>
      </c>
      <c r="F10269">
        <v>5</v>
      </c>
      <c r="G10269" t="s">
        <v>10</v>
      </c>
      <c r="H10269" t="s">
        <v>20225</v>
      </c>
      <c r="I10269" t="s">
        <v>30540</v>
      </c>
    </row>
    <row r="10270" spans="1:9">
      <c r="A10270" s="1">
        <f ca="1">RAND()</f>
        <v>0.38685813370389166</v>
      </c>
      <c r="B10270" s="1"/>
      <c r="C10270">
        <v>14</v>
      </c>
      <c r="D10270" t="s">
        <v>20228</v>
      </c>
      <c r="E10270" t="s">
        <v>33452</v>
      </c>
      <c r="F10270">
        <v>4</v>
      </c>
      <c r="G10270" t="s">
        <v>13</v>
      </c>
      <c r="H10270" t="s">
        <v>20229</v>
      </c>
      <c r="I10270" t="s">
        <v>30540</v>
      </c>
    </row>
    <row r="10271" spans="1:9">
      <c r="A10271" s="1">
        <f ca="1">RAND()</f>
        <v>0.52566822372358124</v>
      </c>
      <c r="B10271" s="1"/>
      <c r="C10271">
        <v>16</v>
      </c>
      <c r="D10271" t="s">
        <v>20230</v>
      </c>
      <c r="E10271" t="s">
        <v>33452</v>
      </c>
      <c r="F10271">
        <v>4</v>
      </c>
      <c r="G10271" t="s">
        <v>14</v>
      </c>
      <c r="H10271" t="s">
        <v>20231</v>
      </c>
      <c r="I10271" t="s">
        <v>30540</v>
      </c>
    </row>
    <row r="10272" spans="1:9">
      <c r="A10272" s="1">
        <f ca="1">RAND()</f>
        <v>0.4571197203568913</v>
      </c>
      <c r="B10272" s="1"/>
      <c r="C10272">
        <v>12</v>
      </c>
      <c r="D10272" t="s">
        <v>20226</v>
      </c>
      <c r="E10272" t="s">
        <v>33452</v>
      </c>
      <c r="F10272">
        <v>2</v>
      </c>
      <c r="G10272" t="s">
        <v>1</v>
      </c>
      <c r="H10272" t="s">
        <v>20227</v>
      </c>
      <c r="I10272" t="s">
        <v>30540</v>
      </c>
    </row>
    <row r="10273" spans="1:9">
      <c r="A10273" s="1">
        <f ca="1">RAND()</f>
        <v>0.86006592142729843</v>
      </c>
      <c r="B10273" s="1"/>
      <c r="C10273">
        <v>17</v>
      </c>
      <c r="D10273" t="s">
        <v>20222</v>
      </c>
      <c r="E10273" t="s">
        <v>33453</v>
      </c>
      <c r="F10273">
        <v>5</v>
      </c>
      <c r="G10273" t="s">
        <v>14</v>
      </c>
      <c r="H10273" t="s">
        <v>20223</v>
      </c>
      <c r="I10273" t="s">
        <v>30540</v>
      </c>
    </row>
    <row r="10274" spans="1:9">
      <c r="A10274" s="1">
        <f ca="1">RAND()</f>
        <v>0.19909570382531494</v>
      </c>
      <c r="B10274" s="1"/>
      <c r="C10274">
        <v>1</v>
      </c>
      <c r="D10274" t="s">
        <v>20210</v>
      </c>
      <c r="E10274" t="s">
        <v>33453</v>
      </c>
      <c r="F10274">
        <v>4</v>
      </c>
      <c r="G10274" t="s">
        <v>10</v>
      </c>
      <c r="H10274" t="s">
        <v>20211</v>
      </c>
      <c r="I10274" t="s">
        <v>30540</v>
      </c>
    </row>
    <row r="10275" spans="1:9">
      <c r="A10275" s="1">
        <f ca="1">RAND()</f>
        <v>0.2074669005039067</v>
      </c>
      <c r="B10275" s="1"/>
      <c r="C10275">
        <v>10</v>
      </c>
      <c r="D10275" t="s">
        <v>20214</v>
      </c>
      <c r="E10275" t="s">
        <v>33453</v>
      </c>
      <c r="F10275">
        <v>4</v>
      </c>
      <c r="G10275" t="s">
        <v>0</v>
      </c>
      <c r="H10275" t="s">
        <v>20215</v>
      </c>
      <c r="I10275" t="s">
        <v>30540</v>
      </c>
    </row>
    <row r="10276" spans="1:9">
      <c r="A10276" s="1">
        <f ca="1">RAND()</f>
        <v>0.74744305305627678</v>
      </c>
      <c r="B10276" s="1"/>
      <c r="C10276">
        <v>15</v>
      </c>
      <c r="D10276" t="s">
        <v>20218</v>
      </c>
      <c r="E10276" t="s">
        <v>33453</v>
      </c>
      <c r="F10276">
        <v>4</v>
      </c>
      <c r="G10276" t="s">
        <v>14</v>
      </c>
      <c r="H10276" t="s">
        <v>20219</v>
      </c>
      <c r="I10276" t="s">
        <v>30540</v>
      </c>
    </row>
    <row r="10277" spans="1:9">
      <c r="A10277" s="1">
        <f ca="1">RAND()</f>
        <v>0.92408055456122273</v>
      </c>
      <c r="B10277" s="1"/>
      <c r="C10277">
        <v>4</v>
      </c>
      <c r="D10277" t="s">
        <v>20212</v>
      </c>
      <c r="E10277" t="s">
        <v>33453</v>
      </c>
      <c r="F10277">
        <v>4</v>
      </c>
      <c r="G10277" t="s">
        <v>10</v>
      </c>
      <c r="H10277" t="s">
        <v>20213</v>
      </c>
      <c r="I10277" t="s">
        <v>30540</v>
      </c>
    </row>
    <row r="10278" spans="1:9">
      <c r="A10278" s="1">
        <f ca="1">RAND()</f>
        <v>0.30304043191779262</v>
      </c>
      <c r="B10278" s="1"/>
      <c r="C10278">
        <v>12</v>
      </c>
      <c r="D10278" t="s">
        <v>20216</v>
      </c>
      <c r="E10278" t="s">
        <v>33453</v>
      </c>
      <c r="F10278">
        <v>4</v>
      </c>
      <c r="G10278" t="s">
        <v>13</v>
      </c>
      <c r="H10278" t="s">
        <v>20217</v>
      </c>
      <c r="I10278" t="s">
        <v>30540</v>
      </c>
    </row>
    <row r="10279" spans="1:9">
      <c r="A10279" s="1">
        <f ca="1">RAND()</f>
        <v>0.33160778645901734</v>
      </c>
      <c r="B10279" s="1"/>
      <c r="C10279">
        <v>16</v>
      </c>
      <c r="D10279" t="s">
        <v>20220</v>
      </c>
      <c r="E10279" t="s">
        <v>33453</v>
      </c>
      <c r="F10279">
        <v>4</v>
      </c>
      <c r="G10279" t="s">
        <v>1</v>
      </c>
      <c r="H10279" t="s">
        <v>20221</v>
      </c>
      <c r="I10279" t="s">
        <v>30540</v>
      </c>
    </row>
    <row r="10280" spans="1:9">
      <c r="A10280" s="1">
        <f ca="1">RAND()</f>
        <v>0.20531097515163066</v>
      </c>
      <c r="B10280" s="1"/>
      <c r="C10280">
        <v>11</v>
      </c>
      <c r="D10280" t="s">
        <v>20204</v>
      </c>
      <c r="E10280" t="s">
        <v>33454</v>
      </c>
      <c r="F10280">
        <v>5</v>
      </c>
      <c r="G10280" t="s">
        <v>14</v>
      </c>
      <c r="H10280" t="s">
        <v>20205</v>
      </c>
      <c r="I10280" t="s">
        <v>30540</v>
      </c>
    </row>
    <row r="10281" spans="1:9">
      <c r="A10281" s="1">
        <f ca="1">RAND()</f>
        <v>0.42162926056017047</v>
      </c>
      <c r="B10281" s="1"/>
      <c r="C10281">
        <v>4</v>
      </c>
      <c r="D10281" t="s">
        <v>20200</v>
      </c>
      <c r="E10281" t="s">
        <v>33454</v>
      </c>
      <c r="F10281">
        <v>4</v>
      </c>
      <c r="G10281" t="s">
        <v>14</v>
      </c>
      <c r="H10281" t="s">
        <v>20201</v>
      </c>
      <c r="I10281" t="s">
        <v>30540</v>
      </c>
    </row>
    <row r="10282" spans="1:9">
      <c r="A10282" s="1">
        <f ca="1">RAND()</f>
        <v>7.9552976725063895E-2</v>
      </c>
      <c r="B10282" s="1"/>
      <c r="C10282">
        <v>14</v>
      </c>
      <c r="D10282" t="s">
        <v>20208</v>
      </c>
      <c r="E10282" t="s">
        <v>33454</v>
      </c>
      <c r="F10282">
        <v>4</v>
      </c>
      <c r="G10282" t="s">
        <v>14</v>
      </c>
      <c r="H10282" t="s">
        <v>20209</v>
      </c>
      <c r="I10282" t="s">
        <v>30540</v>
      </c>
    </row>
    <row r="10283" spans="1:9">
      <c r="A10283" s="1">
        <f ca="1">RAND()</f>
        <v>0.12099651009767221</v>
      </c>
      <c r="B10283" s="1"/>
      <c r="C10283">
        <v>12</v>
      </c>
      <c r="D10283" t="s">
        <v>20206</v>
      </c>
      <c r="E10283" t="s">
        <v>33454</v>
      </c>
      <c r="F10283">
        <v>4</v>
      </c>
      <c r="G10283" t="s">
        <v>0</v>
      </c>
      <c r="H10283" t="s">
        <v>20207</v>
      </c>
      <c r="I10283" t="s">
        <v>30540</v>
      </c>
    </row>
    <row r="10284" spans="1:9">
      <c r="A10284" s="1">
        <f ca="1">RAND()</f>
        <v>0.70308361242721495</v>
      </c>
      <c r="B10284" s="1"/>
      <c r="C10284">
        <v>6</v>
      </c>
      <c r="D10284" t="s">
        <v>20202</v>
      </c>
      <c r="E10284" t="s">
        <v>33454</v>
      </c>
      <c r="F10284">
        <v>2</v>
      </c>
      <c r="G10284" t="s">
        <v>14</v>
      </c>
      <c r="H10284" t="s">
        <v>20203</v>
      </c>
      <c r="I10284" t="s">
        <v>30540</v>
      </c>
    </row>
    <row r="10285" spans="1:9">
      <c r="A10285" s="1">
        <f ca="1">RAND()</f>
        <v>0.81341778659585751</v>
      </c>
      <c r="B10285" s="1"/>
      <c r="C10285">
        <v>16</v>
      </c>
      <c r="D10285" t="s">
        <v>20198</v>
      </c>
      <c r="E10285" t="s">
        <v>33455</v>
      </c>
      <c r="F10285">
        <v>4</v>
      </c>
      <c r="G10285" t="s">
        <v>14</v>
      </c>
      <c r="H10285" t="s">
        <v>20199</v>
      </c>
      <c r="I10285" t="s">
        <v>30540</v>
      </c>
    </row>
    <row r="10286" spans="1:9">
      <c r="A10286" s="1">
        <f ca="1">RAND()</f>
        <v>0.69678656842147202</v>
      </c>
      <c r="B10286" s="1"/>
      <c r="C10286">
        <v>11</v>
      </c>
      <c r="D10286" t="s">
        <v>20196</v>
      </c>
      <c r="E10286" t="s">
        <v>33455</v>
      </c>
      <c r="F10286">
        <v>4</v>
      </c>
      <c r="G10286" t="s">
        <v>1</v>
      </c>
      <c r="H10286" t="s">
        <v>20197</v>
      </c>
      <c r="I10286" t="s">
        <v>30540</v>
      </c>
    </row>
    <row r="10287" spans="1:9">
      <c r="A10287" s="1">
        <f ca="1">RAND()</f>
        <v>0.31169168176607309</v>
      </c>
      <c r="B10287" s="1"/>
      <c r="C10287">
        <v>1</v>
      </c>
      <c r="D10287" t="s">
        <v>20192</v>
      </c>
      <c r="E10287" t="s">
        <v>33455</v>
      </c>
      <c r="F10287">
        <v>4</v>
      </c>
      <c r="G10287" t="s">
        <v>10</v>
      </c>
      <c r="H10287" t="s">
        <v>20193</v>
      </c>
      <c r="I10287" t="s">
        <v>30540</v>
      </c>
    </row>
    <row r="10288" spans="1:9">
      <c r="A10288" s="1">
        <f ca="1">RAND()</f>
        <v>0.55131810130745729</v>
      </c>
      <c r="B10288" s="1"/>
      <c r="C10288">
        <v>3</v>
      </c>
      <c r="D10288" t="s">
        <v>20194</v>
      </c>
      <c r="E10288" t="s">
        <v>33455</v>
      </c>
      <c r="F10288">
        <v>4</v>
      </c>
      <c r="G10288" t="s">
        <v>10</v>
      </c>
      <c r="H10288" t="s">
        <v>20195</v>
      </c>
      <c r="I10288" t="s">
        <v>30540</v>
      </c>
    </row>
    <row r="10289" spans="1:9">
      <c r="A10289" s="1">
        <f ca="1">RAND()</f>
        <v>8.1016595334544084E-2</v>
      </c>
      <c r="B10289" s="1"/>
      <c r="C10289">
        <v>13</v>
      </c>
      <c r="D10289" t="s">
        <v>20188</v>
      </c>
      <c r="E10289" t="s">
        <v>33456</v>
      </c>
      <c r="F10289">
        <v>5</v>
      </c>
      <c r="G10289" t="s">
        <v>3732</v>
      </c>
      <c r="H10289" t="s">
        <v>20189</v>
      </c>
      <c r="I10289" t="s">
        <v>30540</v>
      </c>
    </row>
    <row r="10290" spans="1:9">
      <c r="A10290" s="1">
        <f ca="1">RAND()</f>
        <v>0.73758752792692728</v>
      </c>
      <c r="B10290" s="1"/>
      <c r="C10290">
        <v>19</v>
      </c>
      <c r="D10290" t="s">
        <v>20190</v>
      </c>
      <c r="E10290" t="s">
        <v>33456</v>
      </c>
      <c r="F10290">
        <v>4</v>
      </c>
      <c r="G10290" t="s">
        <v>14</v>
      </c>
      <c r="H10290" t="s">
        <v>20191</v>
      </c>
      <c r="I10290" t="s">
        <v>30540</v>
      </c>
    </row>
    <row r="10291" spans="1:9">
      <c r="A10291" s="1">
        <f ca="1">RAND()</f>
        <v>0.16627802996772145</v>
      </c>
      <c r="B10291" s="1"/>
      <c r="C10291">
        <v>11</v>
      </c>
      <c r="D10291" t="s">
        <v>20186</v>
      </c>
      <c r="E10291" t="s">
        <v>33456</v>
      </c>
      <c r="F10291">
        <v>1</v>
      </c>
      <c r="G10291" t="s">
        <v>762</v>
      </c>
      <c r="H10291" t="s">
        <v>20187</v>
      </c>
      <c r="I10291" t="s">
        <v>30540</v>
      </c>
    </row>
    <row r="10292" spans="1:9">
      <c r="A10292" s="1">
        <f ca="1">RAND()</f>
        <v>0.97806489286434684</v>
      </c>
      <c r="B10292" s="1"/>
      <c r="C10292">
        <v>20</v>
      </c>
      <c r="D10292" t="s">
        <v>20184</v>
      </c>
      <c r="E10292" t="s">
        <v>33457</v>
      </c>
      <c r="F10292">
        <v>4</v>
      </c>
      <c r="G10292" t="s">
        <v>14</v>
      </c>
      <c r="H10292" t="s">
        <v>20185</v>
      </c>
      <c r="I10292" t="s">
        <v>30540</v>
      </c>
    </row>
    <row r="10293" spans="1:9">
      <c r="A10293" s="1">
        <f ca="1">RAND()</f>
        <v>0.24811182441774127</v>
      </c>
      <c r="B10293" s="1"/>
      <c r="C10293">
        <v>13</v>
      </c>
      <c r="D10293" t="s">
        <v>20180</v>
      </c>
      <c r="E10293" t="s">
        <v>33457</v>
      </c>
      <c r="F10293">
        <v>4</v>
      </c>
      <c r="G10293" t="s">
        <v>1</v>
      </c>
      <c r="H10293" t="s">
        <v>20181</v>
      </c>
      <c r="I10293" t="s">
        <v>30540</v>
      </c>
    </row>
    <row r="10294" spans="1:9">
      <c r="A10294" s="1">
        <f ca="1">RAND()</f>
        <v>0.87589263799676043</v>
      </c>
      <c r="B10294" s="1"/>
      <c r="C10294">
        <v>16</v>
      </c>
      <c r="D10294" t="s">
        <v>20182</v>
      </c>
      <c r="E10294" t="s">
        <v>33457</v>
      </c>
      <c r="F10294">
        <v>3</v>
      </c>
      <c r="G10294" t="s">
        <v>13</v>
      </c>
      <c r="H10294" t="s">
        <v>20183</v>
      </c>
      <c r="I10294" t="s">
        <v>30540</v>
      </c>
    </row>
    <row r="10295" spans="1:9">
      <c r="A10295" s="1">
        <f ca="1">RAND()</f>
        <v>0.38839373845223912</v>
      </c>
      <c r="B10295" s="1"/>
      <c r="C10295">
        <v>5</v>
      </c>
      <c r="D10295" t="s">
        <v>20178</v>
      </c>
      <c r="E10295" t="s">
        <v>33457</v>
      </c>
      <c r="F10295">
        <v>2</v>
      </c>
      <c r="G10295" t="s">
        <v>14</v>
      </c>
      <c r="H10295" t="s">
        <v>20179</v>
      </c>
      <c r="I10295" t="s">
        <v>30540</v>
      </c>
    </row>
    <row r="10296" spans="1:9">
      <c r="A10296" s="1">
        <f ca="1">RAND()</f>
        <v>0.22259269206057286</v>
      </c>
      <c r="B10296" s="1"/>
      <c r="C10296">
        <v>1</v>
      </c>
      <c r="D10296" t="s">
        <v>20174</v>
      </c>
      <c r="E10296" t="s">
        <v>33458</v>
      </c>
      <c r="F10296">
        <v>4</v>
      </c>
      <c r="G10296" t="s">
        <v>2</v>
      </c>
      <c r="H10296" t="s">
        <v>20175</v>
      </c>
      <c r="I10296" t="s">
        <v>30540</v>
      </c>
    </row>
    <row r="10297" spans="1:9">
      <c r="A10297" s="1">
        <f ca="1">RAND()</f>
        <v>0.31872144959926763</v>
      </c>
      <c r="B10297" s="1"/>
      <c r="C10297">
        <v>11</v>
      </c>
      <c r="D10297" t="s">
        <v>20176</v>
      </c>
      <c r="E10297" t="s">
        <v>33458</v>
      </c>
      <c r="F10297">
        <v>4</v>
      </c>
      <c r="G10297" t="s">
        <v>14</v>
      </c>
      <c r="H10297" t="s">
        <v>20177</v>
      </c>
      <c r="I10297" t="s">
        <v>30540</v>
      </c>
    </row>
    <row r="10298" spans="1:9">
      <c r="A10298" s="1">
        <f ca="1">RAND()</f>
        <v>0.8960330818397364</v>
      </c>
      <c r="B10298" s="1"/>
      <c r="C10298">
        <v>6</v>
      </c>
      <c r="D10298" t="s">
        <v>20168</v>
      </c>
      <c r="E10298" t="s">
        <v>33459</v>
      </c>
      <c r="F10298">
        <v>4</v>
      </c>
      <c r="G10298" t="s">
        <v>9</v>
      </c>
      <c r="H10298" t="s">
        <v>20169</v>
      </c>
      <c r="I10298" t="s">
        <v>30540</v>
      </c>
    </row>
    <row r="10299" spans="1:9">
      <c r="A10299" s="1">
        <f ca="1">RAND()</f>
        <v>0.24467522784569418</v>
      </c>
      <c r="B10299" s="1"/>
      <c r="C10299">
        <v>9</v>
      </c>
      <c r="D10299" t="s">
        <v>20172</v>
      </c>
      <c r="E10299" t="s">
        <v>33459</v>
      </c>
      <c r="F10299">
        <v>4</v>
      </c>
      <c r="G10299" t="s">
        <v>14</v>
      </c>
      <c r="H10299" t="s">
        <v>20173</v>
      </c>
      <c r="I10299" t="s">
        <v>30540</v>
      </c>
    </row>
    <row r="10300" spans="1:9">
      <c r="A10300" s="1">
        <f ca="1">RAND()</f>
        <v>0.16814187101009404</v>
      </c>
      <c r="B10300" s="1"/>
      <c r="C10300">
        <v>8</v>
      </c>
      <c r="D10300" t="s">
        <v>20170</v>
      </c>
      <c r="E10300" t="s">
        <v>33459</v>
      </c>
      <c r="F10300">
        <v>4</v>
      </c>
      <c r="G10300" t="s">
        <v>2</v>
      </c>
      <c r="H10300" t="s">
        <v>20171</v>
      </c>
      <c r="I10300" t="s">
        <v>30540</v>
      </c>
    </row>
    <row r="10301" spans="1:9">
      <c r="A10301" s="1">
        <f ca="1">RAND()</f>
        <v>0.73987553422016439</v>
      </c>
      <c r="B10301" s="1"/>
      <c r="C10301">
        <v>14</v>
      </c>
      <c r="D10301" t="s">
        <v>20166</v>
      </c>
      <c r="E10301" t="s">
        <v>33460</v>
      </c>
      <c r="F10301">
        <v>4</v>
      </c>
      <c r="G10301" t="s">
        <v>14</v>
      </c>
      <c r="H10301" t="s">
        <v>20167</v>
      </c>
      <c r="I10301" t="s">
        <v>30540</v>
      </c>
    </row>
    <row r="10302" spans="1:9">
      <c r="A10302" s="1">
        <f ca="1">RAND()</f>
        <v>0.22008673183478356</v>
      </c>
      <c r="B10302" s="1"/>
      <c r="C10302">
        <v>6</v>
      </c>
      <c r="D10302" t="s">
        <v>20164</v>
      </c>
      <c r="E10302" t="s">
        <v>33460</v>
      </c>
      <c r="F10302">
        <v>3</v>
      </c>
      <c r="G10302" t="s">
        <v>14</v>
      </c>
      <c r="H10302" t="s">
        <v>20165</v>
      </c>
      <c r="I10302" t="s">
        <v>30540</v>
      </c>
    </row>
    <row r="10303" spans="1:9">
      <c r="A10303" s="1">
        <f ca="1">RAND()</f>
        <v>0.61630704605687192</v>
      </c>
      <c r="B10303" s="1"/>
      <c r="C10303">
        <v>1</v>
      </c>
      <c r="D10303" t="s">
        <v>20162</v>
      </c>
      <c r="E10303" t="s">
        <v>33460</v>
      </c>
      <c r="F10303">
        <v>2</v>
      </c>
      <c r="G10303" t="s">
        <v>10</v>
      </c>
      <c r="H10303" t="s">
        <v>20163</v>
      </c>
      <c r="I10303" t="s">
        <v>30540</v>
      </c>
    </row>
    <row r="10304" spans="1:9">
      <c r="A10304" s="1">
        <f ca="1">RAND()</f>
        <v>0.3403149174189094</v>
      </c>
      <c r="B10304" s="1"/>
      <c r="C10304">
        <v>16</v>
      </c>
      <c r="D10304" t="s">
        <v>20158</v>
      </c>
      <c r="E10304" t="s">
        <v>33461</v>
      </c>
      <c r="F10304">
        <v>4</v>
      </c>
      <c r="G10304" t="s">
        <v>2738</v>
      </c>
      <c r="H10304" t="s">
        <v>20159</v>
      </c>
      <c r="I10304" t="s">
        <v>30540</v>
      </c>
    </row>
    <row r="10305" spans="1:9">
      <c r="A10305" s="1">
        <f ca="1">RAND()</f>
        <v>0.79398753149373624</v>
      </c>
      <c r="B10305" s="1"/>
      <c r="C10305">
        <v>20</v>
      </c>
      <c r="D10305" t="s">
        <v>20160</v>
      </c>
      <c r="E10305" t="s">
        <v>33461</v>
      </c>
      <c r="F10305">
        <v>1</v>
      </c>
      <c r="G10305" t="s">
        <v>762</v>
      </c>
      <c r="H10305" t="s">
        <v>20161</v>
      </c>
      <c r="I10305" t="s">
        <v>30540</v>
      </c>
    </row>
    <row r="10306" spans="1:9">
      <c r="A10306" s="1">
        <f ca="1">RAND()</f>
        <v>0.35015241360141247</v>
      </c>
      <c r="B10306" s="1"/>
      <c r="C10306">
        <v>12</v>
      </c>
      <c r="D10306" t="s">
        <v>20154</v>
      </c>
      <c r="E10306" t="s">
        <v>33462</v>
      </c>
      <c r="F10306">
        <v>5</v>
      </c>
      <c r="G10306" t="s">
        <v>10</v>
      </c>
      <c r="H10306" t="s">
        <v>20155</v>
      </c>
      <c r="I10306" t="s">
        <v>30540</v>
      </c>
    </row>
    <row r="10307" spans="1:9">
      <c r="A10307" s="1">
        <f ca="1">RAND()</f>
        <v>0.45805582645365073</v>
      </c>
      <c r="B10307" s="1"/>
      <c r="C10307">
        <v>5</v>
      </c>
      <c r="D10307" t="s">
        <v>20152</v>
      </c>
      <c r="E10307" t="s">
        <v>33462</v>
      </c>
      <c r="F10307">
        <v>4</v>
      </c>
      <c r="G10307" t="s">
        <v>10</v>
      </c>
      <c r="H10307" t="s">
        <v>20153</v>
      </c>
      <c r="I10307" t="s">
        <v>30540</v>
      </c>
    </row>
    <row r="10308" spans="1:9">
      <c r="A10308" s="1">
        <f ca="1">RAND()</f>
        <v>0.28874959080054396</v>
      </c>
      <c r="B10308" s="1"/>
      <c r="C10308">
        <v>13</v>
      </c>
      <c r="D10308" t="s">
        <v>20156</v>
      </c>
      <c r="E10308" t="s">
        <v>33462</v>
      </c>
      <c r="F10308">
        <v>4</v>
      </c>
      <c r="G10308" t="s">
        <v>10</v>
      </c>
      <c r="H10308" t="s">
        <v>20157</v>
      </c>
      <c r="I10308" t="s">
        <v>30540</v>
      </c>
    </row>
    <row r="10309" spans="1:9">
      <c r="A10309" s="1">
        <f ca="1">RAND()</f>
        <v>0.66628068426619236</v>
      </c>
      <c r="B10309" s="1"/>
      <c r="C10309">
        <v>15</v>
      </c>
      <c r="D10309" t="s">
        <v>20150</v>
      </c>
      <c r="E10309" t="s">
        <v>33463</v>
      </c>
      <c r="F10309">
        <v>5</v>
      </c>
      <c r="G10309" t="s">
        <v>14</v>
      </c>
      <c r="H10309" t="s">
        <v>20151</v>
      </c>
      <c r="I10309" t="s">
        <v>30540</v>
      </c>
    </row>
    <row r="10310" spans="1:9">
      <c r="A10310" s="1">
        <f ca="1">RAND()</f>
        <v>0.87670811699248552</v>
      </c>
      <c r="B10310" s="1"/>
      <c r="C10310">
        <v>4</v>
      </c>
      <c r="D10310" t="s">
        <v>20142</v>
      </c>
      <c r="E10310" t="s">
        <v>33463</v>
      </c>
      <c r="F10310">
        <v>4</v>
      </c>
      <c r="G10310" t="s">
        <v>9</v>
      </c>
      <c r="H10310" t="s">
        <v>20143</v>
      </c>
      <c r="I10310" t="s">
        <v>30540</v>
      </c>
    </row>
    <row r="10311" spans="1:9">
      <c r="A10311" s="1">
        <f ca="1">RAND()</f>
        <v>0.81086785326752608</v>
      </c>
      <c r="B10311" s="1"/>
      <c r="C10311">
        <v>6</v>
      </c>
      <c r="D10311" t="s">
        <v>20144</v>
      </c>
      <c r="E10311" t="s">
        <v>33463</v>
      </c>
      <c r="F10311">
        <v>4</v>
      </c>
      <c r="G10311" t="s">
        <v>10</v>
      </c>
      <c r="H10311" t="s">
        <v>20145</v>
      </c>
      <c r="I10311" t="s">
        <v>30540</v>
      </c>
    </row>
    <row r="10312" spans="1:9">
      <c r="A10312" s="1">
        <f ca="1">RAND()</f>
        <v>0.77246736985938869</v>
      </c>
      <c r="B10312" s="1"/>
      <c r="C10312">
        <v>14</v>
      </c>
      <c r="D10312" t="s">
        <v>20148</v>
      </c>
      <c r="E10312" t="s">
        <v>33463</v>
      </c>
      <c r="F10312">
        <v>4</v>
      </c>
      <c r="G10312" t="s">
        <v>14</v>
      </c>
      <c r="H10312" t="s">
        <v>20149</v>
      </c>
      <c r="I10312" t="s">
        <v>30540</v>
      </c>
    </row>
    <row r="10313" spans="1:9">
      <c r="A10313" s="1">
        <f ca="1">RAND()</f>
        <v>0.89228610758431903</v>
      </c>
      <c r="B10313" s="1"/>
      <c r="C10313">
        <v>12</v>
      </c>
      <c r="D10313" t="s">
        <v>20146</v>
      </c>
      <c r="E10313" t="s">
        <v>33463</v>
      </c>
      <c r="F10313">
        <v>4</v>
      </c>
      <c r="G10313" t="s">
        <v>14</v>
      </c>
      <c r="H10313" t="s">
        <v>20147</v>
      </c>
      <c r="I10313" t="s">
        <v>30540</v>
      </c>
    </row>
    <row r="10314" spans="1:9">
      <c r="A10314" s="1">
        <f ca="1">RAND()</f>
        <v>0.24950443592075755</v>
      </c>
      <c r="B10314" s="1"/>
      <c r="C10314">
        <v>3</v>
      </c>
      <c r="D10314" t="s">
        <v>20138</v>
      </c>
      <c r="E10314" t="s">
        <v>33464</v>
      </c>
      <c r="F10314">
        <v>4</v>
      </c>
      <c r="G10314" t="s">
        <v>14</v>
      </c>
      <c r="H10314" t="s">
        <v>20139</v>
      </c>
      <c r="I10314" t="s">
        <v>30540</v>
      </c>
    </row>
    <row r="10315" spans="1:9">
      <c r="A10315" s="1">
        <f ca="1">RAND()</f>
        <v>0.70249761857559423</v>
      </c>
      <c r="B10315" s="1"/>
      <c r="C10315">
        <v>5</v>
      </c>
      <c r="D10315" t="s">
        <v>20140</v>
      </c>
      <c r="E10315" t="s">
        <v>33464</v>
      </c>
      <c r="F10315">
        <v>4</v>
      </c>
      <c r="G10315" t="s">
        <v>14</v>
      </c>
      <c r="H10315" t="s">
        <v>20141</v>
      </c>
      <c r="I10315" t="s">
        <v>30540</v>
      </c>
    </row>
    <row r="10316" spans="1:9">
      <c r="A10316" s="1">
        <f ca="1">RAND()</f>
        <v>0.42732913619475565</v>
      </c>
      <c r="B10316" s="1"/>
      <c r="C10316">
        <v>2</v>
      </c>
      <c r="D10316" t="s">
        <v>20136</v>
      </c>
      <c r="E10316" t="s">
        <v>33464</v>
      </c>
      <c r="F10316">
        <v>1</v>
      </c>
      <c r="G10316" t="s">
        <v>2</v>
      </c>
      <c r="H10316" t="s">
        <v>20137</v>
      </c>
      <c r="I10316" t="s">
        <v>30540</v>
      </c>
    </row>
    <row r="10317" spans="1:9">
      <c r="A10317" s="1">
        <f ca="1">RAND()</f>
        <v>0.97779154074469576</v>
      </c>
      <c r="B10317" s="1"/>
      <c r="C10317">
        <v>2</v>
      </c>
      <c r="D10317" t="s">
        <v>20128</v>
      </c>
      <c r="E10317" t="s">
        <v>33465</v>
      </c>
      <c r="F10317">
        <v>4</v>
      </c>
      <c r="G10317" t="s">
        <v>10</v>
      </c>
      <c r="H10317" t="s">
        <v>20129</v>
      </c>
      <c r="I10317" t="s">
        <v>30540</v>
      </c>
    </row>
    <row r="10318" spans="1:9">
      <c r="A10318" s="1">
        <f ca="1">RAND()</f>
        <v>0.45128852853216916</v>
      </c>
      <c r="B10318" s="1"/>
      <c r="C10318">
        <v>12</v>
      </c>
      <c r="D10318" t="s">
        <v>20134</v>
      </c>
      <c r="E10318" t="s">
        <v>33465</v>
      </c>
      <c r="F10318">
        <v>4</v>
      </c>
      <c r="G10318" t="s">
        <v>10</v>
      </c>
      <c r="H10318" t="s">
        <v>20135</v>
      </c>
      <c r="I10318" t="s">
        <v>30540</v>
      </c>
    </row>
    <row r="10319" spans="1:9">
      <c r="A10319" s="1">
        <f ca="1">RAND()</f>
        <v>8.1513661166453422E-2</v>
      </c>
      <c r="B10319" s="1"/>
      <c r="C10319">
        <v>6</v>
      </c>
      <c r="D10319" t="s">
        <v>20130</v>
      </c>
      <c r="E10319" t="s">
        <v>33465</v>
      </c>
      <c r="F10319">
        <v>3</v>
      </c>
      <c r="G10319" t="s">
        <v>14</v>
      </c>
      <c r="H10319" t="s">
        <v>20131</v>
      </c>
      <c r="I10319" t="s">
        <v>30540</v>
      </c>
    </row>
    <row r="10320" spans="1:9">
      <c r="A10320" s="1">
        <f ca="1">RAND()</f>
        <v>0.54021275848975381</v>
      </c>
      <c r="B10320" s="1"/>
      <c r="C10320">
        <v>8</v>
      </c>
      <c r="D10320" t="s">
        <v>20132</v>
      </c>
      <c r="E10320" t="s">
        <v>33465</v>
      </c>
      <c r="F10320">
        <v>3</v>
      </c>
      <c r="G10320" t="s">
        <v>14</v>
      </c>
      <c r="H10320" t="s">
        <v>20133</v>
      </c>
      <c r="I10320" t="s">
        <v>30540</v>
      </c>
    </row>
    <row r="10321" spans="1:9">
      <c r="A10321" s="1">
        <f ca="1">RAND()</f>
        <v>0.19753041526174109</v>
      </c>
      <c r="B10321" s="1"/>
      <c r="C10321">
        <v>3</v>
      </c>
      <c r="D10321" t="s">
        <v>20122</v>
      </c>
      <c r="E10321" t="s">
        <v>33466</v>
      </c>
      <c r="F10321">
        <v>4</v>
      </c>
      <c r="G10321" t="s">
        <v>766</v>
      </c>
      <c r="H10321" t="s">
        <v>20123</v>
      </c>
      <c r="I10321" t="s">
        <v>30540</v>
      </c>
    </row>
    <row r="10322" spans="1:9">
      <c r="A10322" s="1">
        <f ca="1">RAND()</f>
        <v>0.30396386948519805</v>
      </c>
      <c r="B10322" s="1"/>
      <c r="C10322">
        <v>16</v>
      </c>
      <c r="D10322" t="s">
        <v>20126</v>
      </c>
      <c r="E10322" t="s">
        <v>33466</v>
      </c>
      <c r="F10322">
        <v>2</v>
      </c>
      <c r="G10322" t="s">
        <v>1431</v>
      </c>
      <c r="H10322" t="s">
        <v>20127</v>
      </c>
      <c r="I10322" t="s">
        <v>30540</v>
      </c>
    </row>
    <row r="10323" spans="1:9">
      <c r="A10323" s="1">
        <f ca="1">RAND()</f>
        <v>0.8041084269580494</v>
      </c>
      <c r="B10323" s="1"/>
      <c r="C10323">
        <v>13</v>
      </c>
      <c r="D10323" t="s">
        <v>20124</v>
      </c>
      <c r="E10323" t="s">
        <v>33466</v>
      </c>
      <c r="F10323">
        <v>2</v>
      </c>
      <c r="G10323" t="s">
        <v>14</v>
      </c>
      <c r="H10323" t="s">
        <v>20125</v>
      </c>
      <c r="I10323" t="s">
        <v>30540</v>
      </c>
    </row>
    <row r="10324" spans="1:9">
      <c r="A10324" s="1">
        <f ca="1">RAND()</f>
        <v>6.7437345202262078E-2</v>
      </c>
      <c r="B10324" s="1"/>
      <c r="C10324">
        <v>10</v>
      </c>
      <c r="D10324" t="s">
        <v>20120</v>
      </c>
      <c r="E10324" t="s">
        <v>33467</v>
      </c>
      <c r="F10324">
        <v>5</v>
      </c>
      <c r="G10324" t="s">
        <v>14</v>
      </c>
      <c r="H10324" t="s">
        <v>20121</v>
      </c>
      <c r="I10324" t="s">
        <v>30540</v>
      </c>
    </row>
    <row r="10325" spans="1:9">
      <c r="A10325" s="1">
        <f ca="1">RAND()</f>
        <v>0.47638651701365675</v>
      </c>
      <c r="B10325" s="1"/>
      <c r="C10325">
        <v>5</v>
      </c>
      <c r="D10325" t="s">
        <v>20116</v>
      </c>
      <c r="E10325" t="s">
        <v>33467</v>
      </c>
      <c r="F10325">
        <v>4</v>
      </c>
      <c r="G10325" t="s">
        <v>15</v>
      </c>
      <c r="H10325" t="s">
        <v>20117</v>
      </c>
      <c r="I10325" t="s">
        <v>30540</v>
      </c>
    </row>
    <row r="10326" spans="1:9">
      <c r="A10326" s="1">
        <f ca="1">RAND()</f>
        <v>0.26389734281426369</v>
      </c>
      <c r="B10326" s="1"/>
      <c r="C10326">
        <v>9</v>
      </c>
      <c r="D10326" t="s">
        <v>20118</v>
      </c>
      <c r="E10326" t="s">
        <v>33467</v>
      </c>
      <c r="F10326">
        <v>4</v>
      </c>
      <c r="G10326" t="s">
        <v>14</v>
      </c>
      <c r="H10326" t="s">
        <v>20119</v>
      </c>
      <c r="I10326" t="s">
        <v>30540</v>
      </c>
    </row>
    <row r="10327" spans="1:9">
      <c r="A10327" s="1">
        <f ca="1">RAND()</f>
        <v>5.1979766110796799E-2</v>
      </c>
      <c r="B10327" s="1"/>
      <c r="C10327">
        <v>3</v>
      </c>
      <c r="D10327" t="s">
        <v>20106</v>
      </c>
      <c r="E10327" t="s">
        <v>33468</v>
      </c>
      <c r="F10327">
        <v>5</v>
      </c>
      <c r="G10327" t="s">
        <v>10</v>
      </c>
      <c r="H10327" t="s">
        <v>20107</v>
      </c>
      <c r="I10327" t="s">
        <v>30540</v>
      </c>
    </row>
    <row r="10328" spans="1:9">
      <c r="A10328" s="1">
        <f ca="1">RAND()</f>
        <v>0.46600731909199578</v>
      </c>
      <c r="B10328" s="1"/>
      <c r="C10328">
        <v>12</v>
      </c>
      <c r="D10328" t="s">
        <v>20110</v>
      </c>
      <c r="E10328" t="s">
        <v>33468</v>
      </c>
      <c r="F10328">
        <v>5</v>
      </c>
      <c r="G10328" t="s">
        <v>14</v>
      </c>
      <c r="H10328" t="s">
        <v>20111</v>
      </c>
      <c r="I10328" t="s">
        <v>30540</v>
      </c>
    </row>
    <row r="10329" spans="1:9">
      <c r="A10329" s="1">
        <f ca="1">RAND()</f>
        <v>0.28741241648098959</v>
      </c>
      <c r="B10329" s="1"/>
      <c r="C10329">
        <v>2</v>
      </c>
      <c r="D10329" t="s">
        <v>20104</v>
      </c>
      <c r="E10329" t="s">
        <v>33468</v>
      </c>
      <c r="F10329">
        <v>4</v>
      </c>
      <c r="G10329" t="s">
        <v>10</v>
      </c>
      <c r="H10329" t="s">
        <v>20105</v>
      </c>
      <c r="I10329" t="s">
        <v>30540</v>
      </c>
    </row>
    <row r="10330" spans="1:9">
      <c r="A10330" s="1">
        <f ca="1">RAND()</f>
        <v>0.95756857370654758</v>
      </c>
      <c r="B10330" s="1"/>
      <c r="C10330">
        <v>1</v>
      </c>
      <c r="D10330" t="s">
        <v>20102</v>
      </c>
      <c r="E10330" t="s">
        <v>33468</v>
      </c>
      <c r="F10330">
        <v>4</v>
      </c>
      <c r="G10330" t="s">
        <v>2</v>
      </c>
      <c r="H10330" t="s">
        <v>20103</v>
      </c>
      <c r="I10330" t="s">
        <v>30540</v>
      </c>
    </row>
    <row r="10331" spans="1:9">
      <c r="A10331" s="1">
        <f ca="1">RAND()</f>
        <v>0.69309670241190491</v>
      </c>
      <c r="B10331" s="1"/>
      <c r="C10331">
        <v>14</v>
      </c>
      <c r="D10331" t="s">
        <v>20112</v>
      </c>
      <c r="E10331" t="s">
        <v>33468</v>
      </c>
      <c r="F10331">
        <v>4</v>
      </c>
      <c r="G10331" t="s">
        <v>1</v>
      </c>
      <c r="H10331" t="s">
        <v>20113</v>
      </c>
      <c r="I10331" t="s">
        <v>30540</v>
      </c>
    </row>
    <row r="10332" spans="1:9">
      <c r="A10332" s="1">
        <f ca="1">RAND()</f>
        <v>1.641465425298605E-2</v>
      </c>
      <c r="B10332" s="1"/>
      <c r="C10332">
        <v>15</v>
      </c>
      <c r="D10332" t="s">
        <v>20114</v>
      </c>
      <c r="E10332" t="s">
        <v>33468</v>
      </c>
      <c r="F10332">
        <v>4</v>
      </c>
      <c r="G10332" t="s">
        <v>14</v>
      </c>
      <c r="H10332" t="s">
        <v>20115</v>
      </c>
      <c r="I10332" t="s">
        <v>30540</v>
      </c>
    </row>
    <row r="10333" spans="1:9">
      <c r="A10333" s="1">
        <f ca="1">RAND()</f>
        <v>0.74050033575776197</v>
      </c>
      <c r="B10333" s="1"/>
      <c r="C10333">
        <v>8</v>
      </c>
      <c r="D10333" t="s">
        <v>20108</v>
      </c>
      <c r="E10333" t="s">
        <v>33468</v>
      </c>
      <c r="F10333">
        <v>4</v>
      </c>
      <c r="G10333" t="s">
        <v>10</v>
      </c>
      <c r="H10333" t="s">
        <v>20109</v>
      </c>
      <c r="I10333" t="s">
        <v>30540</v>
      </c>
    </row>
    <row r="10334" spans="1:9">
      <c r="A10334" s="1">
        <f ca="1">RAND()</f>
        <v>0.33176748040370974</v>
      </c>
      <c r="B10334" s="1"/>
      <c r="C10334">
        <v>8</v>
      </c>
      <c r="D10334" t="s">
        <v>20096</v>
      </c>
      <c r="E10334" t="s">
        <v>33469</v>
      </c>
      <c r="F10334">
        <v>5</v>
      </c>
      <c r="G10334" t="s">
        <v>14</v>
      </c>
      <c r="H10334" t="s">
        <v>20097</v>
      </c>
      <c r="I10334" t="s">
        <v>30540</v>
      </c>
    </row>
    <row r="10335" spans="1:9">
      <c r="A10335" s="1">
        <f ca="1">RAND()</f>
        <v>0.2261684252587135</v>
      </c>
      <c r="B10335" s="1"/>
      <c r="C10335">
        <v>9</v>
      </c>
      <c r="D10335" t="s">
        <v>20098</v>
      </c>
      <c r="E10335" t="s">
        <v>33469</v>
      </c>
      <c r="F10335">
        <v>4</v>
      </c>
      <c r="G10335" t="s">
        <v>14</v>
      </c>
      <c r="H10335" t="s">
        <v>20099</v>
      </c>
      <c r="I10335" t="s">
        <v>30540</v>
      </c>
    </row>
    <row r="10336" spans="1:9">
      <c r="A10336" s="1">
        <f ca="1">RAND()</f>
        <v>0.49550104861368904</v>
      </c>
      <c r="B10336" s="1"/>
      <c r="C10336">
        <v>1</v>
      </c>
      <c r="D10336" t="s">
        <v>20092</v>
      </c>
      <c r="E10336" t="s">
        <v>33469</v>
      </c>
      <c r="F10336">
        <v>4</v>
      </c>
      <c r="G10336" t="s">
        <v>13</v>
      </c>
      <c r="H10336" t="s">
        <v>20093</v>
      </c>
      <c r="I10336" t="s">
        <v>30540</v>
      </c>
    </row>
    <row r="10337" spans="1:9">
      <c r="A10337" s="1">
        <f ca="1">RAND()</f>
        <v>0.48487070955133338</v>
      </c>
      <c r="B10337" s="1"/>
      <c r="C10337">
        <v>2</v>
      </c>
      <c r="D10337" t="s">
        <v>20094</v>
      </c>
      <c r="E10337" t="s">
        <v>33469</v>
      </c>
      <c r="F10337">
        <v>4</v>
      </c>
      <c r="G10337" t="s">
        <v>9</v>
      </c>
      <c r="H10337" t="s">
        <v>20095</v>
      </c>
      <c r="I10337" t="s">
        <v>30540</v>
      </c>
    </row>
    <row r="10338" spans="1:9">
      <c r="A10338" s="1">
        <f ca="1">RAND()</f>
        <v>0.7722922685055601</v>
      </c>
      <c r="B10338" s="1"/>
      <c r="C10338">
        <v>14</v>
      </c>
      <c r="D10338" t="s">
        <v>20100</v>
      </c>
      <c r="E10338" t="s">
        <v>33469</v>
      </c>
      <c r="F10338">
        <v>2</v>
      </c>
      <c r="G10338" t="s">
        <v>14</v>
      </c>
      <c r="H10338" t="s">
        <v>20101</v>
      </c>
      <c r="I10338" t="s">
        <v>30540</v>
      </c>
    </row>
    <row r="10339" spans="1:9">
      <c r="A10339" s="1">
        <f ca="1">RAND()</f>
        <v>0.70487231567446174</v>
      </c>
      <c r="B10339" s="1"/>
      <c r="C10339">
        <v>9</v>
      </c>
      <c r="D10339" t="s">
        <v>20088</v>
      </c>
      <c r="E10339" t="s">
        <v>33470</v>
      </c>
      <c r="F10339">
        <v>5</v>
      </c>
      <c r="G10339" t="s">
        <v>14</v>
      </c>
      <c r="H10339" t="s">
        <v>20089</v>
      </c>
      <c r="I10339" t="s">
        <v>30540</v>
      </c>
    </row>
    <row r="10340" spans="1:9">
      <c r="A10340" s="1">
        <f ca="1">RAND()</f>
        <v>7.2215341662461685E-2</v>
      </c>
      <c r="B10340" s="1"/>
      <c r="C10340">
        <v>14</v>
      </c>
      <c r="D10340" t="s">
        <v>20090</v>
      </c>
      <c r="E10340" t="s">
        <v>33470</v>
      </c>
      <c r="F10340">
        <v>4</v>
      </c>
      <c r="G10340" t="s">
        <v>14</v>
      </c>
      <c r="H10340" t="s">
        <v>20091</v>
      </c>
      <c r="I10340" t="s">
        <v>30540</v>
      </c>
    </row>
    <row r="10341" spans="1:9">
      <c r="A10341" s="1">
        <f ca="1">RAND()</f>
        <v>0.39558227192408213</v>
      </c>
      <c r="B10341" s="1"/>
      <c r="C10341">
        <v>6</v>
      </c>
      <c r="D10341" t="s">
        <v>20086</v>
      </c>
      <c r="E10341" t="s">
        <v>33470</v>
      </c>
      <c r="F10341">
        <v>3</v>
      </c>
      <c r="G10341" t="s">
        <v>0</v>
      </c>
      <c r="H10341" t="s">
        <v>20087</v>
      </c>
      <c r="I10341" t="s">
        <v>30540</v>
      </c>
    </row>
    <row r="10342" spans="1:9">
      <c r="A10342" s="1">
        <f ca="1">RAND()</f>
        <v>0.75679606310263692</v>
      </c>
      <c r="B10342" s="1"/>
      <c r="C10342">
        <v>20</v>
      </c>
      <c r="D10342" t="s">
        <v>20084</v>
      </c>
      <c r="E10342" t="s">
        <v>33471</v>
      </c>
      <c r="F10342">
        <v>4</v>
      </c>
      <c r="G10342" t="s">
        <v>2738</v>
      </c>
      <c r="H10342" t="s">
        <v>20085</v>
      </c>
      <c r="I10342" t="s">
        <v>30540</v>
      </c>
    </row>
    <row r="10343" spans="1:9">
      <c r="A10343" s="1">
        <f ca="1">RAND()</f>
        <v>0.57297393433774768</v>
      </c>
      <c r="B10343" s="1"/>
      <c r="C10343">
        <v>2</v>
      </c>
      <c r="D10343" t="s">
        <v>20082</v>
      </c>
      <c r="E10343" t="s">
        <v>33471</v>
      </c>
      <c r="F10343">
        <v>4</v>
      </c>
      <c r="G10343" t="s">
        <v>3732</v>
      </c>
      <c r="H10343" t="s">
        <v>20083</v>
      </c>
      <c r="I10343" t="s">
        <v>30540</v>
      </c>
    </row>
    <row r="10344" spans="1:9">
      <c r="A10344" s="1">
        <f ca="1">RAND()</f>
        <v>0.35494316029143147</v>
      </c>
      <c r="B10344" s="1"/>
      <c r="C10344">
        <v>5</v>
      </c>
      <c r="D10344" t="s">
        <v>20078</v>
      </c>
      <c r="E10344" t="s">
        <v>33472</v>
      </c>
      <c r="F10344">
        <v>4</v>
      </c>
      <c r="G10344" t="s">
        <v>10</v>
      </c>
      <c r="H10344" t="s">
        <v>20079</v>
      </c>
      <c r="I10344" t="s">
        <v>30540</v>
      </c>
    </row>
    <row r="10345" spans="1:9">
      <c r="A10345" s="1">
        <f ca="1">RAND()</f>
        <v>0.81628772111414327</v>
      </c>
      <c r="B10345" s="1"/>
      <c r="C10345">
        <v>8</v>
      </c>
      <c r="D10345" t="s">
        <v>20080</v>
      </c>
      <c r="E10345" t="s">
        <v>33472</v>
      </c>
      <c r="F10345">
        <v>4</v>
      </c>
      <c r="G10345" t="s">
        <v>10</v>
      </c>
      <c r="H10345" t="s">
        <v>20081</v>
      </c>
      <c r="I10345" t="s">
        <v>30540</v>
      </c>
    </row>
    <row r="10346" spans="1:9">
      <c r="A10346" s="1">
        <f ca="1">RAND()</f>
        <v>0.9591437252688011</v>
      </c>
      <c r="B10346" s="1"/>
      <c r="C10346">
        <v>13</v>
      </c>
      <c r="D10346" t="s">
        <v>20074</v>
      </c>
      <c r="E10346" t="s">
        <v>33473</v>
      </c>
      <c r="F10346">
        <v>5</v>
      </c>
      <c r="G10346" t="s">
        <v>14</v>
      </c>
      <c r="H10346" t="s">
        <v>20075</v>
      </c>
      <c r="I10346" t="s">
        <v>30540</v>
      </c>
    </row>
    <row r="10347" spans="1:9">
      <c r="A10347" s="1">
        <f ca="1">RAND()</f>
        <v>0.56713821653574892</v>
      </c>
      <c r="B10347" s="1"/>
      <c r="C10347">
        <v>16</v>
      </c>
      <c r="D10347" t="s">
        <v>20076</v>
      </c>
      <c r="E10347" t="s">
        <v>33473</v>
      </c>
      <c r="F10347">
        <v>4</v>
      </c>
      <c r="G10347" t="s">
        <v>14</v>
      </c>
      <c r="H10347" t="s">
        <v>20077</v>
      </c>
      <c r="I10347" t="s">
        <v>30540</v>
      </c>
    </row>
    <row r="10348" spans="1:9">
      <c r="A10348" s="1">
        <f ca="1">RAND()</f>
        <v>0.51915468750800275</v>
      </c>
      <c r="B10348" s="1"/>
      <c r="C10348">
        <v>4</v>
      </c>
      <c r="D10348" t="s">
        <v>20072</v>
      </c>
      <c r="E10348" t="s">
        <v>33473</v>
      </c>
      <c r="F10348">
        <v>4</v>
      </c>
      <c r="G10348" t="s">
        <v>10</v>
      </c>
      <c r="H10348" t="s">
        <v>20073</v>
      </c>
      <c r="I10348" t="s">
        <v>30540</v>
      </c>
    </row>
    <row r="10349" spans="1:9">
      <c r="A10349" s="1">
        <f ca="1">RAND()</f>
        <v>9.8831469984938192E-2</v>
      </c>
      <c r="B10349" s="1"/>
      <c r="C10349">
        <v>1</v>
      </c>
      <c r="D10349" t="s">
        <v>20070</v>
      </c>
      <c r="E10349" t="s">
        <v>33473</v>
      </c>
      <c r="F10349">
        <v>4</v>
      </c>
      <c r="G10349" t="s">
        <v>10</v>
      </c>
      <c r="H10349" t="s">
        <v>20071</v>
      </c>
      <c r="I10349" t="s">
        <v>30540</v>
      </c>
    </row>
    <row r="10350" spans="1:9">
      <c r="A10350" s="1">
        <f ca="1">RAND()</f>
        <v>0.71226242581980204</v>
      </c>
      <c r="B10350" s="1"/>
      <c r="C10350">
        <v>8</v>
      </c>
      <c r="D10350" t="s">
        <v>20066</v>
      </c>
      <c r="E10350" t="s">
        <v>33474</v>
      </c>
      <c r="F10350">
        <v>4</v>
      </c>
      <c r="G10350" t="s">
        <v>14</v>
      </c>
      <c r="H10350" t="s">
        <v>20067</v>
      </c>
      <c r="I10350" t="s">
        <v>30540</v>
      </c>
    </row>
    <row r="10351" spans="1:9">
      <c r="A10351" s="1">
        <f ca="1">RAND()</f>
        <v>0.86146149861915366</v>
      </c>
      <c r="B10351" s="1"/>
      <c r="C10351">
        <v>5</v>
      </c>
      <c r="D10351" t="s">
        <v>20064</v>
      </c>
      <c r="E10351" t="s">
        <v>33474</v>
      </c>
      <c r="F10351">
        <v>4</v>
      </c>
      <c r="G10351" t="s">
        <v>2</v>
      </c>
      <c r="H10351" t="s">
        <v>20065</v>
      </c>
      <c r="I10351" t="s">
        <v>30540</v>
      </c>
    </row>
    <row r="10352" spans="1:9">
      <c r="A10352" s="1">
        <f ca="1">RAND()</f>
        <v>0.90211666645344701</v>
      </c>
      <c r="B10352" s="1"/>
      <c r="C10352">
        <v>9</v>
      </c>
      <c r="D10352" t="s">
        <v>20068</v>
      </c>
      <c r="E10352" t="s">
        <v>33474</v>
      </c>
      <c r="F10352">
        <v>2</v>
      </c>
      <c r="G10352" t="s">
        <v>1</v>
      </c>
      <c r="H10352" t="s">
        <v>20069</v>
      </c>
      <c r="I10352" t="s">
        <v>30540</v>
      </c>
    </row>
    <row r="10353" spans="1:9">
      <c r="A10353" s="1">
        <f ca="1">RAND()</f>
        <v>0.69634263398797558</v>
      </c>
      <c r="B10353" s="1"/>
      <c r="C10353">
        <v>9</v>
      </c>
      <c r="D10353" t="s">
        <v>20058</v>
      </c>
      <c r="E10353" t="s">
        <v>33475</v>
      </c>
      <c r="F10353">
        <v>5</v>
      </c>
      <c r="G10353" t="s">
        <v>14</v>
      </c>
      <c r="H10353" t="s">
        <v>20059</v>
      </c>
      <c r="I10353" t="s">
        <v>30540</v>
      </c>
    </row>
    <row r="10354" spans="1:9">
      <c r="A10354" s="1">
        <f ca="1">RAND()</f>
        <v>0.24939348649051285</v>
      </c>
      <c r="B10354" s="1"/>
      <c r="C10354">
        <v>4</v>
      </c>
      <c r="D10354" t="s">
        <v>20054</v>
      </c>
      <c r="E10354" t="s">
        <v>33475</v>
      </c>
      <c r="F10354">
        <v>4</v>
      </c>
      <c r="G10354" t="s">
        <v>1</v>
      </c>
      <c r="H10354" t="s">
        <v>20055</v>
      </c>
      <c r="I10354" t="s">
        <v>30540</v>
      </c>
    </row>
    <row r="10355" spans="1:9">
      <c r="A10355" s="1">
        <f ca="1">RAND()</f>
        <v>0.93516102774752607</v>
      </c>
      <c r="B10355" s="1"/>
      <c r="C10355">
        <v>14</v>
      </c>
      <c r="D10355" t="s">
        <v>20062</v>
      </c>
      <c r="E10355" t="s">
        <v>33475</v>
      </c>
      <c r="F10355">
        <v>4</v>
      </c>
      <c r="G10355" t="s">
        <v>14</v>
      </c>
      <c r="H10355" t="s">
        <v>20063</v>
      </c>
      <c r="I10355" t="s">
        <v>30540</v>
      </c>
    </row>
    <row r="10356" spans="1:9">
      <c r="A10356" s="1">
        <f ca="1">RAND()</f>
        <v>0.65199443288671644</v>
      </c>
      <c r="B10356" s="1"/>
      <c r="C10356">
        <v>5</v>
      </c>
      <c r="D10356" t="s">
        <v>20056</v>
      </c>
      <c r="E10356" t="s">
        <v>33475</v>
      </c>
      <c r="F10356">
        <v>4</v>
      </c>
      <c r="G10356" t="s">
        <v>14</v>
      </c>
      <c r="H10356" t="s">
        <v>20057</v>
      </c>
      <c r="I10356" t="s">
        <v>30540</v>
      </c>
    </row>
    <row r="10357" spans="1:9">
      <c r="A10357" s="1">
        <f ca="1">RAND()</f>
        <v>0.10167222421702593</v>
      </c>
      <c r="B10357" s="1"/>
      <c r="C10357">
        <v>10</v>
      </c>
      <c r="D10357" t="s">
        <v>20060</v>
      </c>
      <c r="E10357" t="s">
        <v>33475</v>
      </c>
      <c r="F10357">
        <v>4</v>
      </c>
      <c r="G10357" t="s">
        <v>14</v>
      </c>
      <c r="H10357" t="s">
        <v>20061</v>
      </c>
      <c r="I10357" t="s">
        <v>30540</v>
      </c>
    </row>
    <row r="10358" spans="1:9">
      <c r="A10358" s="1">
        <f ca="1">RAND()</f>
        <v>0.97874092271936275</v>
      </c>
      <c r="B10358" s="1"/>
      <c r="C10358">
        <v>10</v>
      </c>
      <c r="D10358" t="s">
        <v>20050</v>
      </c>
      <c r="E10358" t="s">
        <v>33476</v>
      </c>
      <c r="F10358">
        <v>4</v>
      </c>
      <c r="G10358" t="s">
        <v>14</v>
      </c>
      <c r="H10358" t="s">
        <v>20051</v>
      </c>
      <c r="I10358" t="s">
        <v>30540</v>
      </c>
    </row>
    <row r="10359" spans="1:9">
      <c r="A10359" s="1">
        <f ca="1">RAND()</f>
        <v>0.39420388263920203</v>
      </c>
      <c r="B10359" s="1"/>
      <c r="C10359">
        <v>9</v>
      </c>
      <c r="D10359" t="s">
        <v>20048</v>
      </c>
      <c r="E10359" t="s">
        <v>33476</v>
      </c>
      <c r="F10359">
        <v>4</v>
      </c>
      <c r="G10359" t="s">
        <v>1426</v>
      </c>
      <c r="H10359" t="s">
        <v>20049</v>
      </c>
      <c r="I10359" t="s">
        <v>30540</v>
      </c>
    </row>
    <row r="10360" spans="1:9">
      <c r="A10360" s="1">
        <f ca="1">RAND()</f>
        <v>0.3404227455406067</v>
      </c>
      <c r="B10360" s="1"/>
      <c r="C10360">
        <v>18</v>
      </c>
      <c r="D10360" t="s">
        <v>20052</v>
      </c>
      <c r="E10360" t="s">
        <v>33476</v>
      </c>
      <c r="F10360">
        <v>3</v>
      </c>
      <c r="G10360" t="s">
        <v>14</v>
      </c>
      <c r="H10360" t="s">
        <v>20053</v>
      </c>
      <c r="I10360" t="s">
        <v>30540</v>
      </c>
    </row>
    <row r="10361" spans="1:9">
      <c r="A10361" s="1">
        <f ca="1">RAND()</f>
        <v>0.7706071835622702</v>
      </c>
      <c r="B10361" s="1"/>
      <c r="C10361">
        <v>6</v>
      </c>
      <c r="D10361" t="s">
        <v>20038</v>
      </c>
      <c r="E10361" t="s">
        <v>33477</v>
      </c>
      <c r="F10361">
        <v>5</v>
      </c>
      <c r="G10361" t="s">
        <v>14</v>
      </c>
      <c r="H10361" t="s">
        <v>20039</v>
      </c>
      <c r="I10361" t="s">
        <v>30540</v>
      </c>
    </row>
    <row r="10362" spans="1:9">
      <c r="A10362" s="1">
        <f ca="1">RAND()</f>
        <v>8.19815295060351E-2</v>
      </c>
      <c r="B10362" s="1"/>
      <c r="C10362">
        <v>12</v>
      </c>
      <c r="D10362" t="s">
        <v>20042</v>
      </c>
      <c r="E10362" t="s">
        <v>33477</v>
      </c>
      <c r="F10362">
        <v>5</v>
      </c>
      <c r="G10362" t="s">
        <v>13</v>
      </c>
      <c r="H10362" t="s">
        <v>20043</v>
      </c>
      <c r="I10362" t="s">
        <v>30540</v>
      </c>
    </row>
    <row r="10363" spans="1:9">
      <c r="A10363" s="1">
        <f ca="1">RAND()</f>
        <v>9.5682030322408185E-3</v>
      </c>
      <c r="B10363" s="1"/>
      <c r="C10363">
        <v>8</v>
      </c>
      <c r="D10363" t="s">
        <v>20040</v>
      </c>
      <c r="E10363" t="s">
        <v>33477</v>
      </c>
      <c r="F10363">
        <v>4</v>
      </c>
      <c r="G10363" t="s">
        <v>9</v>
      </c>
      <c r="H10363" t="s">
        <v>20041</v>
      </c>
      <c r="I10363" t="s">
        <v>30540</v>
      </c>
    </row>
    <row r="10364" spans="1:9">
      <c r="A10364" s="1">
        <f ca="1">RAND()</f>
        <v>8.7324331372763297E-2</v>
      </c>
      <c r="B10364" s="1"/>
      <c r="C10364">
        <v>14</v>
      </c>
      <c r="D10364" t="s">
        <v>20046</v>
      </c>
      <c r="E10364" t="s">
        <v>33477</v>
      </c>
      <c r="F10364">
        <v>4</v>
      </c>
      <c r="G10364" t="s">
        <v>14</v>
      </c>
      <c r="H10364" t="s">
        <v>20047</v>
      </c>
      <c r="I10364" t="s">
        <v>30540</v>
      </c>
    </row>
    <row r="10365" spans="1:9">
      <c r="A10365" s="1">
        <f ca="1">RAND()</f>
        <v>0.57556798301268441</v>
      </c>
      <c r="B10365" s="1"/>
      <c r="C10365">
        <v>13</v>
      </c>
      <c r="D10365" t="s">
        <v>20044</v>
      </c>
      <c r="E10365" t="s">
        <v>33477</v>
      </c>
      <c r="F10365">
        <v>2</v>
      </c>
      <c r="G10365" t="s">
        <v>14</v>
      </c>
      <c r="H10365" t="s">
        <v>20045</v>
      </c>
      <c r="I10365" t="s">
        <v>30540</v>
      </c>
    </row>
    <row r="10366" spans="1:9">
      <c r="A10366" s="1">
        <f ca="1">RAND()</f>
        <v>0.67946854399392942</v>
      </c>
      <c r="B10366" s="1"/>
      <c r="C10366">
        <v>8</v>
      </c>
      <c r="D10366" t="s">
        <v>20034</v>
      </c>
      <c r="E10366" t="s">
        <v>33478</v>
      </c>
      <c r="F10366">
        <v>4</v>
      </c>
      <c r="G10366" t="s">
        <v>14</v>
      </c>
      <c r="H10366" t="s">
        <v>20035</v>
      </c>
      <c r="I10366" t="s">
        <v>30540</v>
      </c>
    </row>
    <row r="10367" spans="1:9">
      <c r="A10367" s="1">
        <f ca="1">RAND()</f>
        <v>0.66410192406921675</v>
      </c>
      <c r="B10367" s="1"/>
      <c r="C10367">
        <v>6</v>
      </c>
      <c r="D10367" t="s">
        <v>20030</v>
      </c>
      <c r="E10367" t="s">
        <v>33478</v>
      </c>
      <c r="F10367">
        <v>4</v>
      </c>
      <c r="G10367" t="s">
        <v>14</v>
      </c>
      <c r="H10367" t="s">
        <v>20031</v>
      </c>
      <c r="I10367" t="s">
        <v>30540</v>
      </c>
    </row>
    <row r="10368" spans="1:9">
      <c r="A10368" s="1">
        <f ca="1">RAND()</f>
        <v>0.66607451839867993</v>
      </c>
      <c r="B10368" s="1"/>
      <c r="C10368">
        <v>16</v>
      </c>
      <c r="D10368" t="s">
        <v>20036</v>
      </c>
      <c r="E10368" t="s">
        <v>33478</v>
      </c>
      <c r="F10368">
        <v>4</v>
      </c>
      <c r="G10368" t="s">
        <v>13</v>
      </c>
      <c r="H10368" t="s">
        <v>20037</v>
      </c>
      <c r="I10368" t="s">
        <v>30540</v>
      </c>
    </row>
    <row r="10369" spans="1:9">
      <c r="A10369" s="1">
        <f ca="1">RAND()</f>
        <v>0.98199705566662188</v>
      </c>
      <c r="B10369" s="1"/>
      <c r="C10369">
        <v>7</v>
      </c>
      <c r="D10369" t="s">
        <v>20032</v>
      </c>
      <c r="E10369" t="s">
        <v>33478</v>
      </c>
      <c r="F10369">
        <v>2</v>
      </c>
      <c r="G10369" t="s">
        <v>14</v>
      </c>
      <c r="H10369" t="s">
        <v>20033</v>
      </c>
      <c r="I10369" t="s">
        <v>30540</v>
      </c>
    </row>
    <row r="10370" spans="1:9">
      <c r="A10370" s="1">
        <f ca="1">RAND()</f>
        <v>0.8043196285617904</v>
      </c>
      <c r="B10370" s="1"/>
      <c r="C10370">
        <v>13</v>
      </c>
      <c r="D10370" t="s">
        <v>20024</v>
      </c>
      <c r="E10370" t="s">
        <v>33479</v>
      </c>
      <c r="F10370">
        <v>5</v>
      </c>
      <c r="G10370" t="s">
        <v>15</v>
      </c>
      <c r="H10370" t="s">
        <v>20025</v>
      </c>
      <c r="I10370" t="s">
        <v>30540</v>
      </c>
    </row>
    <row r="10371" spans="1:9">
      <c r="A10371" s="1">
        <f ca="1">RAND()</f>
        <v>0.45347293916132125</v>
      </c>
      <c r="B10371" s="1"/>
      <c r="C10371">
        <v>12</v>
      </c>
      <c r="D10371" t="s">
        <v>20022</v>
      </c>
      <c r="E10371" t="s">
        <v>33479</v>
      </c>
      <c r="F10371">
        <v>4</v>
      </c>
      <c r="G10371" t="s">
        <v>14</v>
      </c>
      <c r="H10371" t="s">
        <v>20023</v>
      </c>
      <c r="I10371" t="s">
        <v>30540</v>
      </c>
    </row>
    <row r="10372" spans="1:9">
      <c r="A10372" s="1">
        <f ca="1">RAND()</f>
        <v>0.99255724228596742</v>
      </c>
      <c r="B10372" s="1"/>
      <c r="C10372">
        <v>15</v>
      </c>
      <c r="D10372" t="s">
        <v>20028</v>
      </c>
      <c r="E10372" t="s">
        <v>33479</v>
      </c>
      <c r="F10372">
        <v>4</v>
      </c>
      <c r="G10372" t="s">
        <v>1</v>
      </c>
      <c r="H10372" t="s">
        <v>20029</v>
      </c>
      <c r="I10372" t="s">
        <v>30540</v>
      </c>
    </row>
    <row r="10373" spans="1:9">
      <c r="A10373" s="1">
        <f ca="1">RAND()</f>
        <v>0.20947833605977761</v>
      </c>
      <c r="B10373" s="1"/>
      <c r="C10373">
        <v>14</v>
      </c>
      <c r="D10373" t="s">
        <v>20026</v>
      </c>
      <c r="E10373" t="s">
        <v>33479</v>
      </c>
      <c r="F10373">
        <v>4</v>
      </c>
      <c r="G10373" t="s">
        <v>14</v>
      </c>
      <c r="H10373" t="s">
        <v>20027</v>
      </c>
      <c r="I10373" t="s">
        <v>30540</v>
      </c>
    </row>
    <row r="10374" spans="1:9">
      <c r="A10374" s="1">
        <f ca="1">RAND()</f>
        <v>0.83358660245363048</v>
      </c>
      <c r="B10374" s="1"/>
      <c r="C10374">
        <v>5</v>
      </c>
      <c r="D10374" t="s">
        <v>20020</v>
      </c>
      <c r="E10374" t="s">
        <v>33479</v>
      </c>
      <c r="F10374">
        <v>3</v>
      </c>
      <c r="G10374" t="s">
        <v>2</v>
      </c>
      <c r="H10374" t="s">
        <v>20021</v>
      </c>
      <c r="I10374" t="s">
        <v>30540</v>
      </c>
    </row>
    <row r="10375" spans="1:9">
      <c r="A10375" s="1">
        <f ca="1">RAND()</f>
        <v>0.315225508817777</v>
      </c>
      <c r="B10375" s="1"/>
      <c r="C10375">
        <v>2</v>
      </c>
      <c r="D10375" t="s">
        <v>20010</v>
      </c>
      <c r="E10375" t="s">
        <v>33480</v>
      </c>
      <c r="F10375">
        <v>5</v>
      </c>
      <c r="G10375" t="s">
        <v>10</v>
      </c>
      <c r="H10375" t="s">
        <v>20011</v>
      </c>
      <c r="I10375" t="s">
        <v>30540</v>
      </c>
    </row>
    <row r="10376" spans="1:9">
      <c r="A10376" s="1">
        <f ca="1">RAND()</f>
        <v>0.36137336230465888</v>
      </c>
      <c r="B10376" s="1"/>
      <c r="C10376">
        <v>8</v>
      </c>
      <c r="D10376" t="s">
        <v>20014</v>
      </c>
      <c r="E10376" t="s">
        <v>33480</v>
      </c>
      <c r="F10376">
        <v>5</v>
      </c>
      <c r="G10376" t="s">
        <v>14</v>
      </c>
      <c r="H10376" t="s">
        <v>20015</v>
      </c>
      <c r="I10376" t="s">
        <v>30540</v>
      </c>
    </row>
    <row r="10377" spans="1:9">
      <c r="A10377" s="1">
        <f ca="1">RAND()</f>
        <v>0.31391481142504496</v>
      </c>
      <c r="B10377" s="1"/>
      <c r="C10377">
        <v>7</v>
      </c>
      <c r="D10377" t="s">
        <v>20012</v>
      </c>
      <c r="E10377" t="s">
        <v>33480</v>
      </c>
      <c r="F10377">
        <v>4</v>
      </c>
      <c r="G10377" t="s">
        <v>14</v>
      </c>
      <c r="H10377" t="s">
        <v>20013</v>
      </c>
      <c r="I10377" t="s">
        <v>30540</v>
      </c>
    </row>
    <row r="10378" spans="1:9">
      <c r="A10378" s="1">
        <f ca="1">RAND()</f>
        <v>0.5402409196655521</v>
      </c>
      <c r="B10378" s="1"/>
      <c r="C10378">
        <v>11</v>
      </c>
      <c r="D10378" t="s">
        <v>20018</v>
      </c>
      <c r="E10378" t="s">
        <v>33480</v>
      </c>
      <c r="F10378">
        <v>4</v>
      </c>
      <c r="G10378" t="s">
        <v>14</v>
      </c>
      <c r="H10378" t="s">
        <v>20019</v>
      </c>
      <c r="I10378" t="s">
        <v>30540</v>
      </c>
    </row>
    <row r="10379" spans="1:9">
      <c r="A10379" s="1">
        <f ca="1">RAND()</f>
        <v>0.81313059115413377</v>
      </c>
      <c r="B10379" s="1"/>
      <c r="C10379">
        <v>9</v>
      </c>
      <c r="D10379" t="s">
        <v>20016</v>
      </c>
      <c r="E10379" t="s">
        <v>33480</v>
      </c>
      <c r="F10379">
        <v>3</v>
      </c>
      <c r="G10379" t="s">
        <v>1</v>
      </c>
      <c r="H10379" t="s">
        <v>20017</v>
      </c>
      <c r="I10379" t="s">
        <v>30540</v>
      </c>
    </row>
    <row r="10380" spans="1:9">
      <c r="A10380" s="1">
        <f ca="1">RAND()</f>
        <v>0.12691575549951428</v>
      </c>
      <c r="B10380" s="1"/>
      <c r="C10380">
        <v>10</v>
      </c>
      <c r="D10380" t="s">
        <v>20008</v>
      </c>
      <c r="E10380" t="s">
        <v>33481</v>
      </c>
      <c r="F10380">
        <v>4</v>
      </c>
      <c r="G10380" t="s">
        <v>10</v>
      </c>
      <c r="H10380" t="s">
        <v>20009</v>
      </c>
      <c r="I10380" t="s">
        <v>30540</v>
      </c>
    </row>
    <row r="10381" spans="1:9">
      <c r="A10381" s="1">
        <f ca="1">RAND()</f>
        <v>0.62630438077797601</v>
      </c>
      <c r="B10381" s="1"/>
      <c r="C10381">
        <v>2</v>
      </c>
      <c r="D10381" t="s">
        <v>20004</v>
      </c>
      <c r="E10381" t="s">
        <v>33481</v>
      </c>
      <c r="F10381">
        <v>4</v>
      </c>
      <c r="G10381" t="s">
        <v>10</v>
      </c>
      <c r="H10381" t="s">
        <v>20005</v>
      </c>
      <c r="I10381" t="s">
        <v>30540</v>
      </c>
    </row>
    <row r="10382" spans="1:9">
      <c r="A10382" s="1">
        <f ca="1">RAND()</f>
        <v>0.40263625107391487</v>
      </c>
      <c r="B10382" s="1"/>
      <c r="C10382">
        <v>6</v>
      </c>
      <c r="D10382" t="s">
        <v>20006</v>
      </c>
      <c r="E10382" t="s">
        <v>33481</v>
      </c>
      <c r="F10382">
        <v>4</v>
      </c>
      <c r="G10382" t="s">
        <v>1431</v>
      </c>
      <c r="H10382" t="s">
        <v>20007</v>
      </c>
      <c r="I10382" t="s">
        <v>30540</v>
      </c>
    </row>
    <row r="10383" spans="1:9">
      <c r="A10383" s="1">
        <f ca="1">RAND()</f>
        <v>0.79152294985233196</v>
      </c>
      <c r="B10383" s="1"/>
      <c r="C10383">
        <v>8</v>
      </c>
      <c r="D10383" t="s">
        <v>19998</v>
      </c>
      <c r="E10383" t="s">
        <v>33482</v>
      </c>
      <c r="F10383">
        <v>4</v>
      </c>
      <c r="G10383" t="s">
        <v>14</v>
      </c>
      <c r="H10383" t="s">
        <v>19999</v>
      </c>
      <c r="I10383" t="s">
        <v>30540</v>
      </c>
    </row>
    <row r="10384" spans="1:9">
      <c r="A10384" s="1">
        <f ca="1">RAND()</f>
        <v>0.71116781318031974</v>
      </c>
      <c r="B10384" s="1"/>
      <c r="C10384">
        <v>10</v>
      </c>
      <c r="D10384" t="s">
        <v>20000</v>
      </c>
      <c r="E10384" t="s">
        <v>33482</v>
      </c>
      <c r="F10384">
        <v>4</v>
      </c>
      <c r="G10384" t="s">
        <v>14</v>
      </c>
      <c r="H10384" t="s">
        <v>20001</v>
      </c>
      <c r="I10384" t="s">
        <v>30540</v>
      </c>
    </row>
    <row r="10385" spans="1:9">
      <c r="A10385" s="1">
        <f ca="1">RAND()</f>
        <v>0.26590746446978564</v>
      </c>
      <c r="B10385" s="1"/>
      <c r="C10385">
        <v>11</v>
      </c>
      <c r="D10385" t="s">
        <v>20002</v>
      </c>
      <c r="E10385" t="s">
        <v>33482</v>
      </c>
      <c r="F10385">
        <v>2</v>
      </c>
      <c r="G10385" t="s">
        <v>1</v>
      </c>
      <c r="H10385" t="s">
        <v>20003</v>
      </c>
      <c r="I10385" t="s">
        <v>30540</v>
      </c>
    </row>
    <row r="10386" spans="1:9">
      <c r="A10386" s="1">
        <f ca="1">RAND()</f>
        <v>0.30279073586543437</v>
      </c>
      <c r="B10386" s="1"/>
      <c r="C10386">
        <v>1</v>
      </c>
      <c r="D10386" t="s">
        <v>19992</v>
      </c>
      <c r="E10386" t="s">
        <v>33483</v>
      </c>
      <c r="F10386">
        <v>4</v>
      </c>
      <c r="G10386" t="s">
        <v>10</v>
      </c>
      <c r="H10386" t="s">
        <v>19993</v>
      </c>
      <c r="I10386" t="s">
        <v>30540</v>
      </c>
    </row>
    <row r="10387" spans="1:9">
      <c r="A10387" s="1">
        <f ca="1">RAND()</f>
        <v>0.17899946755005447</v>
      </c>
      <c r="B10387" s="1"/>
      <c r="C10387">
        <v>6</v>
      </c>
      <c r="D10387" t="s">
        <v>19994</v>
      </c>
      <c r="E10387" t="s">
        <v>33483</v>
      </c>
      <c r="F10387">
        <v>4</v>
      </c>
      <c r="G10387" t="s">
        <v>2</v>
      </c>
      <c r="H10387" t="s">
        <v>19995</v>
      </c>
      <c r="I10387" t="s">
        <v>30540</v>
      </c>
    </row>
    <row r="10388" spans="1:9">
      <c r="A10388" s="1">
        <f ca="1">RAND()</f>
        <v>0.5095585333574657</v>
      </c>
      <c r="B10388" s="1"/>
      <c r="C10388">
        <v>14</v>
      </c>
      <c r="D10388" t="s">
        <v>19996</v>
      </c>
      <c r="E10388" t="s">
        <v>33483</v>
      </c>
      <c r="F10388">
        <v>2</v>
      </c>
      <c r="G10388" t="s">
        <v>14</v>
      </c>
      <c r="H10388" t="s">
        <v>19997</v>
      </c>
      <c r="I10388" t="s">
        <v>30540</v>
      </c>
    </row>
    <row r="10389" spans="1:9">
      <c r="A10389" s="1">
        <f ca="1">RAND()</f>
        <v>0.85696887927160514</v>
      </c>
      <c r="B10389" s="1"/>
      <c r="C10389">
        <v>7</v>
      </c>
      <c r="D10389" t="s">
        <v>19990</v>
      </c>
      <c r="E10389" t="s">
        <v>33484</v>
      </c>
      <c r="F10389">
        <v>4</v>
      </c>
      <c r="G10389" t="s">
        <v>14</v>
      </c>
      <c r="H10389" t="s">
        <v>19991</v>
      </c>
      <c r="I10389" t="s">
        <v>30540</v>
      </c>
    </row>
    <row r="10390" spans="1:9">
      <c r="A10390" s="1">
        <f ca="1">RAND()</f>
        <v>1.0853226434323071E-3</v>
      </c>
      <c r="B10390" s="1"/>
      <c r="C10390">
        <v>7</v>
      </c>
      <c r="D10390" t="s">
        <v>19982</v>
      </c>
      <c r="E10390" t="s">
        <v>33485</v>
      </c>
      <c r="F10390">
        <v>5</v>
      </c>
      <c r="G10390" t="s">
        <v>14</v>
      </c>
      <c r="H10390" t="s">
        <v>19983</v>
      </c>
      <c r="I10390" t="s">
        <v>30540</v>
      </c>
    </row>
    <row r="10391" spans="1:9">
      <c r="A10391" s="1">
        <f ca="1">RAND()</f>
        <v>0.614454774320501</v>
      </c>
      <c r="B10391" s="1"/>
      <c r="C10391">
        <v>14</v>
      </c>
      <c r="D10391" t="s">
        <v>19988</v>
      </c>
      <c r="E10391" t="s">
        <v>33485</v>
      </c>
      <c r="F10391">
        <v>5</v>
      </c>
      <c r="G10391" t="s">
        <v>14</v>
      </c>
      <c r="H10391" t="s">
        <v>19989</v>
      </c>
      <c r="I10391" t="s">
        <v>30540</v>
      </c>
    </row>
    <row r="10392" spans="1:9">
      <c r="A10392" s="1">
        <f ca="1">RAND()</f>
        <v>1.0981890848167142E-2</v>
      </c>
      <c r="B10392" s="1"/>
      <c r="C10392">
        <v>9</v>
      </c>
      <c r="D10392" t="s">
        <v>19984</v>
      </c>
      <c r="E10392" t="s">
        <v>33485</v>
      </c>
      <c r="F10392">
        <v>4</v>
      </c>
      <c r="G10392" t="s">
        <v>1</v>
      </c>
      <c r="H10392" t="s">
        <v>19985</v>
      </c>
      <c r="I10392" t="s">
        <v>30540</v>
      </c>
    </row>
    <row r="10393" spans="1:9">
      <c r="A10393" s="1">
        <f ca="1">RAND()</f>
        <v>0.30221997946184742</v>
      </c>
      <c r="B10393" s="1"/>
      <c r="C10393">
        <v>13</v>
      </c>
      <c r="D10393" t="s">
        <v>19986</v>
      </c>
      <c r="E10393" t="s">
        <v>33485</v>
      </c>
      <c r="F10393">
        <v>4</v>
      </c>
      <c r="G10393" t="s">
        <v>13</v>
      </c>
      <c r="H10393" t="s">
        <v>19987</v>
      </c>
      <c r="I10393" t="s">
        <v>30540</v>
      </c>
    </row>
    <row r="10394" spans="1:9">
      <c r="A10394" s="1">
        <f ca="1">RAND()</f>
        <v>0.85413831530856155</v>
      </c>
      <c r="B10394" s="1"/>
      <c r="C10394">
        <v>6</v>
      </c>
      <c r="D10394" t="s">
        <v>19974</v>
      </c>
      <c r="E10394" t="s">
        <v>33486</v>
      </c>
      <c r="F10394">
        <v>4</v>
      </c>
      <c r="G10394" t="s">
        <v>14</v>
      </c>
      <c r="H10394" t="s">
        <v>19975</v>
      </c>
      <c r="I10394" t="s">
        <v>30540</v>
      </c>
    </row>
    <row r="10395" spans="1:9">
      <c r="A10395" s="1">
        <f ca="1">RAND()</f>
        <v>5.1330090407278872E-2</v>
      </c>
      <c r="B10395" s="1"/>
      <c r="C10395">
        <v>12</v>
      </c>
      <c r="D10395" t="s">
        <v>19978</v>
      </c>
      <c r="E10395" t="s">
        <v>33486</v>
      </c>
      <c r="F10395">
        <v>4</v>
      </c>
      <c r="G10395" t="s">
        <v>2</v>
      </c>
      <c r="H10395" t="s">
        <v>19979</v>
      </c>
      <c r="I10395" t="s">
        <v>30540</v>
      </c>
    </row>
    <row r="10396" spans="1:9">
      <c r="A10396" s="1">
        <f ca="1">RAND()</f>
        <v>0.95906884698467232</v>
      </c>
      <c r="B10396" s="1"/>
      <c r="C10396">
        <v>14</v>
      </c>
      <c r="D10396" t="s">
        <v>19980</v>
      </c>
      <c r="E10396" t="s">
        <v>33486</v>
      </c>
      <c r="F10396">
        <v>4</v>
      </c>
      <c r="G10396" t="s">
        <v>10</v>
      </c>
      <c r="H10396" t="s">
        <v>19981</v>
      </c>
      <c r="I10396" t="s">
        <v>30540</v>
      </c>
    </row>
    <row r="10397" spans="1:9">
      <c r="A10397" s="1">
        <f ca="1">RAND()</f>
        <v>0.47840306129843024</v>
      </c>
      <c r="B10397" s="1"/>
      <c r="C10397">
        <v>5</v>
      </c>
      <c r="D10397" t="s">
        <v>19972</v>
      </c>
      <c r="E10397" t="s">
        <v>33486</v>
      </c>
      <c r="F10397">
        <v>4</v>
      </c>
      <c r="G10397" t="s">
        <v>15</v>
      </c>
      <c r="H10397" t="s">
        <v>19973</v>
      </c>
      <c r="I10397" t="s">
        <v>30540</v>
      </c>
    </row>
    <row r="10398" spans="1:9">
      <c r="A10398" s="1">
        <f ca="1">RAND()</f>
        <v>0.84395130039021415</v>
      </c>
      <c r="B10398" s="1"/>
      <c r="C10398">
        <v>9</v>
      </c>
      <c r="D10398" t="s">
        <v>19976</v>
      </c>
      <c r="E10398" t="s">
        <v>33486</v>
      </c>
      <c r="F10398">
        <v>3</v>
      </c>
      <c r="G10398" t="s">
        <v>14</v>
      </c>
      <c r="H10398" t="s">
        <v>19977</v>
      </c>
      <c r="I10398" t="s">
        <v>30540</v>
      </c>
    </row>
    <row r="10399" spans="1:9">
      <c r="A10399" s="1">
        <f ca="1">RAND()</f>
        <v>0.37745654852588972</v>
      </c>
      <c r="B10399" s="1"/>
      <c r="C10399">
        <v>12</v>
      </c>
      <c r="D10399" t="s">
        <v>19968</v>
      </c>
      <c r="E10399" t="s">
        <v>33487</v>
      </c>
      <c r="F10399">
        <v>4</v>
      </c>
      <c r="G10399" t="s">
        <v>14</v>
      </c>
      <c r="H10399" t="s">
        <v>19969</v>
      </c>
      <c r="I10399" t="s">
        <v>30540</v>
      </c>
    </row>
    <row r="10400" spans="1:9">
      <c r="A10400" s="1">
        <f ca="1">RAND()</f>
        <v>0.20647621201232758</v>
      </c>
      <c r="B10400" s="1"/>
      <c r="C10400">
        <v>11</v>
      </c>
      <c r="D10400" t="s">
        <v>19966</v>
      </c>
      <c r="E10400" t="s">
        <v>33487</v>
      </c>
      <c r="F10400">
        <v>4</v>
      </c>
      <c r="G10400" t="s">
        <v>13</v>
      </c>
      <c r="H10400" t="s">
        <v>19967</v>
      </c>
      <c r="I10400" t="s">
        <v>30540</v>
      </c>
    </row>
    <row r="10401" spans="1:9">
      <c r="A10401" s="1">
        <f ca="1">RAND()</f>
        <v>0.90502768351542895</v>
      </c>
      <c r="B10401" s="1"/>
      <c r="C10401">
        <v>15</v>
      </c>
      <c r="D10401" t="s">
        <v>19970</v>
      </c>
      <c r="E10401" t="s">
        <v>33487</v>
      </c>
      <c r="F10401">
        <v>4</v>
      </c>
      <c r="G10401" t="s">
        <v>15</v>
      </c>
      <c r="H10401" t="s">
        <v>19971</v>
      </c>
      <c r="I10401" t="s">
        <v>30540</v>
      </c>
    </row>
    <row r="10402" spans="1:9">
      <c r="A10402" s="1">
        <f ca="1">RAND()</f>
        <v>0.75090952598386984</v>
      </c>
      <c r="B10402" s="1"/>
      <c r="C10402">
        <v>6</v>
      </c>
      <c r="D10402" t="s">
        <v>19964</v>
      </c>
      <c r="E10402" t="s">
        <v>33487</v>
      </c>
      <c r="F10402">
        <v>4</v>
      </c>
      <c r="G10402" t="s">
        <v>14</v>
      </c>
      <c r="H10402" t="s">
        <v>19965</v>
      </c>
      <c r="I10402" t="s">
        <v>30540</v>
      </c>
    </row>
    <row r="10403" spans="1:9">
      <c r="A10403" s="1">
        <f ca="1">RAND()</f>
        <v>0.38973045335031642</v>
      </c>
      <c r="B10403" s="1"/>
      <c r="C10403">
        <v>2</v>
      </c>
      <c r="D10403" t="s">
        <v>19962</v>
      </c>
      <c r="E10403" t="s">
        <v>33488</v>
      </c>
      <c r="F10403">
        <v>5</v>
      </c>
      <c r="G10403" t="s">
        <v>10</v>
      </c>
      <c r="H10403" t="s">
        <v>19963</v>
      </c>
      <c r="I10403" t="s">
        <v>30540</v>
      </c>
    </row>
    <row r="10404" spans="1:9">
      <c r="A10404" s="1">
        <f ca="1">RAND()</f>
        <v>0.81607448466164145</v>
      </c>
      <c r="B10404" s="1"/>
      <c r="C10404">
        <v>15</v>
      </c>
      <c r="D10404" t="s">
        <v>19958</v>
      </c>
      <c r="E10404" t="s">
        <v>33489</v>
      </c>
      <c r="F10404">
        <v>4</v>
      </c>
      <c r="G10404" t="s">
        <v>10</v>
      </c>
      <c r="H10404" t="s">
        <v>19959</v>
      </c>
      <c r="I10404" t="s">
        <v>30540</v>
      </c>
    </row>
    <row r="10405" spans="1:9">
      <c r="A10405" s="1">
        <f ca="1">RAND()</f>
        <v>0.16314159187809008</v>
      </c>
      <c r="B10405" s="1"/>
      <c r="C10405">
        <v>19</v>
      </c>
      <c r="D10405" t="s">
        <v>19960</v>
      </c>
      <c r="E10405" t="s">
        <v>33489</v>
      </c>
      <c r="F10405">
        <v>3</v>
      </c>
      <c r="G10405" t="s">
        <v>10</v>
      </c>
      <c r="H10405" t="s">
        <v>19961</v>
      </c>
      <c r="I10405" t="s">
        <v>30540</v>
      </c>
    </row>
    <row r="10406" spans="1:9">
      <c r="A10406" s="1">
        <f ca="1">RAND()</f>
        <v>0.35753839696643319</v>
      </c>
      <c r="B10406" s="1"/>
      <c r="C10406">
        <v>5</v>
      </c>
      <c r="D10406" t="s">
        <v>19956</v>
      </c>
      <c r="E10406" t="s">
        <v>33489</v>
      </c>
      <c r="F10406">
        <v>3</v>
      </c>
      <c r="G10406" t="s">
        <v>10</v>
      </c>
      <c r="H10406" t="s">
        <v>19957</v>
      </c>
      <c r="I10406" t="s">
        <v>30540</v>
      </c>
    </row>
    <row r="10407" spans="1:9">
      <c r="A10407" s="1">
        <f ca="1">RAND()</f>
        <v>0.92472649548449626</v>
      </c>
      <c r="B10407" s="1"/>
      <c r="C10407">
        <v>11</v>
      </c>
      <c r="D10407" t="s">
        <v>19948</v>
      </c>
      <c r="E10407" t="s">
        <v>33490</v>
      </c>
      <c r="F10407">
        <v>5</v>
      </c>
      <c r="G10407" t="s">
        <v>14</v>
      </c>
      <c r="H10407" t="s">
        <v>19949</v>
      </c>
      <c r="I10407" t="s">
        <v>30540</v>
      </c>
    </row>
    <row r="10408" spans="1:9">
      <c r="A10408" s="1">
        <f ca="1">RAND()</f>
        <v>0.71382284195142609</v>
      </c>
      <c r="B10408" s="1"/>
      <c r="C10408">
        <v>13</v>
      </c>
      <c r="D10408" t="s">
        <v>19950</v>
      </c>
      <c r="E10408" t="s">
        <v>33490</v>
      </c>
      <c r="F10408">
        <v>4</v>
      </c>
      <c r="G10408" t="s">
        <v>15</v>
      </c>
      <c r="H10408" t="s">
        <v>19951</v>
      </c>
      <c r="I10408" t="s">
        <v>30540</v>
      </c>
    </row>
    <row r="10409" spans="1:9">
      <c r="A10409" s="1">
        <f ca="1">RAND()</f>
        <v>0.88566912000449349</v>
      </c>
      <c r="B10409" s="1"/>
      <c r="C10409">
        <v>19</v>
      </c>
      <c r="D10409" t="s">
        <v>19954</v>
      </c>
      <c r="E10409" t="s">
        <v>33490</v>
      </c>
      <c r="F10409">
        <v>3</v>
      </c>
      <c r="G10409" t="s">
        <v>9</v>
      </c>
      <c r="H10409" t="s">
        <v>19955</v>
      </c>
      <c r="I10409" t="s">
        <v>30540</v>
      </c>
    </row>
    <row r="10410" spans="1:9">
      <c r="A10410" s="1">
        <f ca="1">RAND()</f>
        <v>0.38545139637173731</v>
      </c>
      <c r="B10410" s="1"/>
      <c r="C10410">
        <v>14</v>
      </c>
      <c r="D10410" t="s">
        <v>19952</v>
      </c>
      <c r="E10410" t="s">
        <v>33490</v>
      </c>
      <c r="F10410">
        <v>3</v>
      </c>
      <c r="G10410" t="s">
        <v>2</v>
      </c>
      <c r="H10410" t="s">
        <v>19953</v>
      </c>
      <c r="I10410" t="s">
        <v>30540</v>
      </c>
    </row>
    <row r="10411" spans="1:9">
      <c r="A10411" s="1">
        <f ca="1">RAND()</f>
        <v>0.1782530411171025</v>
      </c>
      <c r="B10411" s="1"/>
      <c r="C10411">
        <v>16</v>
      </c>
      <c r="D10411" t="s">
        <v>19944</v>
      </c>
      <c r="E10411" t="s">
        <v>33491</v>
      </c>
      <c r="F10411">
        <v>5</v>
      </c>
      <c r="G10411" t="s">
        <v>14</v>
      </c>
      <c r="H10411" t="s">
        <v>19945</v>
      </c>
      <c r="I10411" t="s">
        <v>30540</v>
      </c>
    </row>
    <row r="10412" spans="1:9">
      <c r="A10412" s="1">
        <f ca="1">RAND()</f>
        <v>0.45667558696283439</v>
      </c>
      <c r="B10412" s="1"/>
      <c r="C10412">
        <v>20</v>
      </c>
      <c r="D10412" t="s">
        <v>19946</v>
      </c>
      <c r="E10412" t="s">
        <v>33491</v>
      </c>
      <c r="F10412">
        <v>4</v>
      </c>
      <c r="G10412" t="s">
        <v>14</v>
      </c>
      <c r="H10412" t="s">
        <v>19947</v>
      </c>
      <c r="I10412" t="s">
        <v>30540</v>
      </c>
    </row>
    <row r="10413" spans="1:9">
      <c r="A10413" s="1">
        <f ca="1">RAND()</f>
        <v>0.81497501318337584</v>
      </c>
      <c r="B10413" s="1"/>
      <c r="C10413">
        <v>5</v>
      </c>
      <c r="D10413" t="s">
        <v>19936</v>
      </c>
      <c r="E10413" t="s">
        <v>33491</v>
      </c>
      <c r="F10413">
        <v>4</v>
      </c>
      <c r="G10413" t="s">
        <v>10</v>
      </c>
      <c r="H10413" t="s">
        <v>19937</v>
      </c>
      <c r="I10413" t="s">
        <v>30540</v>
      </c>
    </row>
    <row r="10414" spans="1:9">
      <c r="A10414" s="1">
        <f ca="1">RAND()</f>
        <v>0.50503829987447946</v>
      </c>
      <c r="B10414" s="1"/>
      <c r="C10414">
        <v>6</v>
      </c>
      <c r="D10414" t="s">
        <v>19938</v>
      </c>
      <c r="E10414" t="s">
        <v>33491</v>
      </c>
      <c r="F10414">
        <v>4</v>
      </c>
      <c r="G10414" t="s">
        <v>0</v>
      </c>
      <c r="H10414" t="s">
        <v>19939</v>
      </c>
      <c r="I10414" t="s">
        <v>30540</v>
      </c>
    </row>
    <row r="10415" spans="1:9">
      <c r="A10415" s="1">
        <f ca="1">RAND()</f>
        <v>2.395773559555181E-2</v>
      </c>
      <c r="B10415" s="1"/>
      <c r="C10415">
        <v>4</v>
      </c>
      <c r="D10415" t="s">
        <v>19934</v>
      </c>
      <c r="E10415" t="s">
        <v>33491</v>
      </c>
      <c r="F10415">
        <v>4</v>
      </c>
      <c r="G10415" t="s">
        <v>9</v>
      </c>
      <c r="H10415" t="s">
        <v>19935</v>
      </c>
      <c r="I10415" t="s">
        <v>30540</v>
      </c>
    </row>
    <row r="10416" spans="1:9">
      <c r="A10416" s="1">
        <f ca="1">RAND()</f>
        <v>7.6809845876395499E-2</v>
      </c>
      <c r="B10416" s="1"/>
      <c r="C10416">
        <v>11</v>
      </c>
      <c r="D10416" t="s">
        <v>19942</v>
      </c>
      <c r="E10416" t="s">
        <v>33491</v>
      </c>
      <c r="F10416">
        <v>3</v>
      </c>
      <c r="G10416" t="s">
        <v>0</v>
      </c>
      <c r="H10416" t="s">
        <v>19943</v>
      </c>
      <c r="I10416" t="s">
        <v>30540</v>
      </c>
    </row>
    <row r="10417" spans="1:9">
      <c r="A10417" s="1">
        <f ca="1">RAND()</f>
        <v>0.90859087549425688</v>
      </c>
      <c r="B10417" s="1"/>
      <c r="C10417">
        <v>9</v>
      </c>
      <c r="D10417" t="s">
        <v>19940</v>
      </c>
      <c r="E10417" t="s">
        <v>33491</v>
      </c>
      <c r="F10417">
        <v>2</v>
      </c>
      <c r="G10417" t="s">
        <v>14</v>
      </c>
      <c r="H10417" t="s">
        <v>19941</v>
      </c>
      <c r="I10417" t="s">
        <v>30540</v>
      </c>
    </row>
    <row r="10418" spans="1:9">
      <c r="A10418" s="1">
        <f ca="1">RAND()</f>
        <v>0.21932692810735843</v>
      </c>
      <c r="B10418" s="1"/>
      <c r="C10418">
        <v>11</v>
      </c>
      <c r="D10418" t="s">
        <v>19930</v>
      </c>
      <c r="E10418" t="s">
        <v>33492</v>
      </c>
      <c r="F10418">
        <v>5</v>
      </c>
      <c r="G10418" t="s">
        <v>1</v>
      </c>
      <c r="H10418" t="s">
        <v>19931</v>
      </c>
      <c r="I10418" t="s">
        <v>30540</v>
      </c>
    </row>
    <row r="10419" spans="1:9">
      <c r="A10419" s="1">
        <f ca="1">RAND()</f>
        <v>0.24517331623902616</v>
      </c>
      <c r="B10419" s="1"/>
      <c r="C10419">
        <v>4</v>
      </c>
      <c r="D10419" t="s">
        <v>19924</v>
      </c>
      <c r="E10419" t="s">
        <v>33492</v>
      </c>
      <c r="F10419">
        <v>4</v>
      </c>
      <c r="G10419" t="s">
        <v>14</v>
      </c>
      <c r="H10419" t="s">
        <v>19925</v>
      </c>
      <c r="I10419" t="s">
        <v>30540</v>
      </c>
    </row>
    <row r="10420" spans="1:9">
      <c r="A10420" s="1">
        <f ca="1">RAND()</f>
        <v>0.5953322846444935</v>
      </c>
      <c r="B10420" s="1"/>
      <c r="C10420">
        <v>5</v>
      </c>
      <c r="D10420" t="s">
        <v>19926</v>
      </c>
      <c r="E10420" t="s">
        <v>33492</v>
      </c>
      <c r="F10420">
        <v>4</v>
      </c>
      <c r="G10420" t="s">
        <v>14</v>
      </c>
      <c r="H10420" t="s">
        <v>19927</v>
      </c>
      <c r="I10420" t="s">
        <v>30540</v>
      </c>
    </row>
    <row r="10421" spans="1:9">
      <c r="A10421" s="1">
        <f ca="1">RAND()</f>
        <v>0.89299059230158051</v>
      </c>
      <c r="B10421" s="1"/>
      <c r="C10421">
        <v>7</v>
      </c>
      <c r="D10421" t="s">
        <v>19928</v>
      </c>
      <c r="E10421" t="s">
        <v>33492</v>
      </c>
      <c r="F10421">
        <v>4</v>
      </c>
      <c r="G10421" t="s">
        <v>10</v>
      </c>
      <c r="H10421" t="s">
        <v>19929</v>
      </c>
      <c r="I10421" t="s">
        <v>30540</v>
      </c>
    </row>
    <row r="10422" spans="1:9">
      <c r="A10422" s="1">
        <f ca="1">RAND()</f>
        <v>0.22560342389437316</v>
      </c>
      <c r="B10422" s="1"/>
      <c r="C10422">
        <v>16</v>
      </c>
      <c r="D10422" t="s">
        <v>19932</v>
      </c>
      <c r="E10422" t="s">
        <v>33492</v>
      </c>
      <c r="F10422">
        <v>3</v>
      </c>
      <c r="G10422" t="s">
        <v>14</v>
      </c>
      <c r="H10422" t="s">
        <v>19933</v>
      </c>
      <c r="I10422" t="s">
        <v>30540</v>
      </c>
    </row>
    <row r="10423" spans="1:9">
      <c r="A10423" s="1">
        <f ca="1">RAND()</f>
        <v>0.57244927215986308</v>
      </c>
      <c r="B10423" s="1"/>
      <c r="C10423">
        <v>9</v>
      </c>
      <c r="D10423" t="s">
        <v>19918</v>
      </c>
      <c r="E10423" t="s">
        <v>33493</v>
      </c>
      <c r="F10423">
        <v>5</v>
      </c>
      <c r="G10423" t="s">
        <v>14</v>
      </c>
      <c r="H10423" t="s">
        <v>19919</v>
      </c>
      <c r="I10423" t="s">
        <v>30540</v>
      </c>
    </row>
    <row r="10424" spans="1:9">
      <c r="A10424" s="1">
        <f ca="1">RAND()</f>
        <v>0.79815493538145099</v>
      </c>
      <c r="B10424" s="1"/>
      <c r="C10424">
        <v>14</v>
      </c>
      <c r="D10424" t="s">
        <v>19920</v>
      </c>
      <c r="E10424" t="s">
        <v>33493</v>
      </c>
      <c r="F10424">
        <v>4</v>
      </c>
      <c r="G10424" t="s">
        <v>0</v>
      </c>
      <c r="H10424" t="s">
        <v>19921</v>
      </c>
      <c r="I10424" t="s">
        <v>30540</v>
      </c>
    </row>
    <row r="10425" spans="1:9">
      <c r="A10425" s="1">
        <f ca="1">RAND()</f>
        <v>0.22606297862247327</v>
      </c>
      <c r="B10425" s="1"/>
      <c r="C10425">
        <v>7</v>
      </c>
      <c r="D10425" t="s">
        <v>19916</v>
      </c>
      <c r="E10425" t="s">
        <v>33493</v>
      </c>
      <c r="F10425">
        <v>4</v>
      </c>
      <c r="G10425" t="s">
        <v>14</v>
      </c>
      <c r="H10425" t="s">
        <v>19917</v>
      </c>
      <c r="I10425" t="s">
        <v>30540</v>
      </c>
    </row>
    <row r="10426" spans="1:9">
      <c r="A10426" s="1">
        <f ca="1">RAND()</f>
        <v>0.45797614470047188</v>
      </c>
      <c r="B10426" s="1"/>
      <c r="C10426">
        <v>15</v>
      </c>
      <c r="D10426" t="s">
        <v>19922</v>
      </c>
      <c r="E10426" t="s">
        <v>33493</v>
      </c>
      <c r="F10426">
        <v>3</v>
      </c>
      <c r="G10426" t="s">
        <v>14</v>
      </c>
      <c r="H10426" t="s">
        <v>19923</v>
      </c>
      <c r="I10426" t="s">
        <v>30540</v>
      </c>
    </row>
    <row r="10427" spans="1:9">
      <c r="A10427" s="1">
        <f ca="1">RAND()</f>
        <v>0.64869407858528183</v>
      </c>
      <c r="B10427" s="1"/>
      <c r="C10427">
        <v>16</v>
      </c>
      <c r="D10427" t="s">
        <v>19912</v>
      </c>
      <c r="E10427" t="s">
        <v>33494</v>
      </c>
      <c r="F10427">
        <v>5</v>
      </c>
      <c r="G10427" t="s">
        <v>3732</v>
      </c>
      <c r="H10427" t="s">
        <v>19913</v>
      </c>
      <c r="I10427" t="s">
        <v>30540</v>
      </c>
    </row>
    <row r="10428" spans="1:9">
      <c r="A10428" s="1">
        <f ca="1">RAND()</f>
        <v>0.66422394206019142</v>
      </c>
      <c r="B10428" s="1"/>
      <c r="C10428">
        <v>15</v>
      </c>
      <c r="D10428" t="s">
        <v>19910</v>
      </c>
      <c r="E10428" t="s">
        <v>33494</v>
      </c>
      <c r="F10428">
        <v>5</v>
      </c>
      <c r="G10428" t="s">
        <v>2</v>
      </c>
      <c r="H10428" t="s">
        <v>19911</v>
      </c>
      <c r="I10428" t="s">
        <v>30540</v>
      </c>
    </row>
    <row r="10429" spans="1:9">
      <c r="A10429" s="1">
        <f ca="1">RAND()</f>
        <v>0.96723332438268372</v>
      </c>
      <c r="B10429" s="1"/>
      <c r="C10429">
        <v>9</v>
      </c>
      <c r="D10429" t="s">
        <v>19908</v>
      </c>
      <c r="E10429" t="s">
        <v>33494</v>
      </c>
      <c r="F10429">
        <v>5</v>
      </c>
      <c r="G10429" t="s">
        <v>771</v>
      </c>
      <c r="H10429" t="s">
        <v>19909</v>
      </c>
      <c r="I10429" t="s">
        <v>30540</v>
      </c>
    </row>
    <row r="10430" spans="1:9">
      <c r="A10430" s="1">
        <f ca="1">RAND()</f>
        <v>0.2849268972819391</v>
      </c>
      <c r="B10430" s="1"/>
      <c r="C10430">
        <v>18</v>
      </c>
      <c r="D10430" t="s">
        <v>19914</v>
      </c>
      <c r="E10430" t="s">
        <v>33494</v>
      </c>
      <c r="F10430">
        <v>4</v>
      </c>
      <c r="G10430" t="s">
        <v>14</v>
      </c>
      <c r="H10430" t="s">
        <v>19915</v>
      </c>
      <c r="I10430" t="s">
        <v>30540</v>
      </c>
    </row>
    <row r="10431" spans="1:9">
      <c r="A10431" s="1">
        <f ca="1">RAND()</f>
        <v>0.64226756556854603</v>
      </c>
      <c r="B10431" s="1"/>
      <c r="C10431">
        <v>1</v>
      </c>
      <c r="D10431" t="s">
        <v>19906</v>
      </c>
      <c r="E10431" t="s">
        <v>33494</v>
      </c>
      <c r="F10431">
        <v>4</v>
      </c>
      <c r="G10431" t="s">
        <v>775</v>
      </c>
      <c r="H10431" t="s">
        <v>19907</v>
      </c>
      <c r="I10431" t="s">
        <v>30540</v>
      </c>
    </row>
    <row r="10432" spans="1:9">
      <c r="A10432" s="1">
        <f ca="1">RAND()</f>
        <v>0.88492364738367946</v>
      </c>
      <c r="B10432" s="1"/>
      <c r="C10432">
        <v>15</v>
      </c>
      <c r="D10432" t="s">
        <v>19904</v>
      </c>
      <c r="E10432" t="s">
        <v>33495</v>
      </c>
      <c r="F10432">
        <v>3</v>
      </c>
      <c r="G10432" t="s">
        <v>14</v>
      </c>
      <c r="H10432" t="s">
        <v>19905</v>
      </c>
      <c r="I10432" t="s">
        <v>30540</v>
      </c>
    </row>
    <row r="10433" spans="1:9">
      <c r="A10433" s="1">
        <f ca="1">RAND()</f>
        <v>0.50015028889626523</v>
      </c>
      <c r="B10433" s="1"/>
      <c r="C10433">
        <v>1</v>
      </c>
      <c r="D10433" t="s">
        <v>19882</v>
      </c>
      <c r="E10433" t="s">
        <v>33496</v>
      </c>
      <c r="F10433">
        <v>5</v>
      </c>
      <c r="G10433" t="s">
        <v>15</v>
      </c>
      <c r="H10433" t="s">
        <v>19883</v>
      </c>
      <c r="I10433" t="s">
        <v>30540</v>
      </c>
    </row>
    <row r="10434" spans="1:9">
      <c r="A10434" s="1">
        <f ca="1">RAND()</f>
        <v>4.0441675374659147E-2</v>
      </c>
      <c r="B10434" s="1"/>
      <c r="C10434">
        <v>15</v>
      </c>
      <c r="D10434" t="s">
        <v>19896</v>
      </c>
      <c r="E10434" t="s">
        <v>33496</v>
      </c>
      <c r="F10434">
        <v>5</v>
      </c>
      <c r="G10434" t="s">
        <v>14</v>
      </c>
      <c r="H10434" t="s">
        <v>19897</v>
      </c>
      <c r="I10434" t="s">
        <v>30540</v>
      </c>
    </row>
    <row r="10435" spans="1:9">
      <c r="A10435" s="1">
        <f ca="1">RAND()</f>
        <v>6.9375400466442638E-2</v>
      </c>
      <c r="B10435" s="1"/>
      <c r="C10435">
        <v>5</v>
      </c>
      <c r="D10435" t="s">
        <v>19886</v>
      </c>
      <c r="E10435" t="s">
        <v>33496</v>
      </c>
      <c r="F10435">
        <v>5</v>
      </c>
      <c r="G10435" t="s">
        <v>10</v>
      </c>
      <c r="H10435" t="s">
        <v>19887</v>
      </c>
      <c r="I10435" t="s">
        <v>30540</v>
      </c>
    </row>
    <row r="10436" spans="1:9">
      <c r="A10436" s="1">
        <f ca="1">RAND()</f>
        <v>0.59063259022537684</v>
      </c>
      <c r="B10436" s="1"/>
      <c r="C10436">
        <v>9</v>
      </c>
      <c r="D10436" t="s">
        <v>19890</v>
      </c>
      <c r="E10436" t="s">
        <v>33496</v>
      </c>
      <c r="F10436">
        <v>5</v>
      </c>
      <c r="G10436" t="s">
        <v>10</v>
      </c>
      <c r="H10436" t="s">
        <v>19891</v>
      </c>
      <c r="I10436" t="s">
        <v>30540</v>
      </c>
    </row>
    <row r="10437" spans="1:9">
      <c r="A10437" s="1">
        <f ca="1">RAND()</f>
        <v>0.2556375153262338</v>
      </c>
      <c r="B10437" s="1"/>
      <c r="C10437">
        <v>20</v>
      </c>
      <c r="D10437" t="s">
        <v>19902</v>
      </c>
      <c r="E10437" t="s">
        <v>33496</v>
      </c>
      <c r="F10437">
        <v>5</v>
      </c>
      <c r="G10437" t="s">
        <v>2</v>
      </c>
      <c r="H10437" t="s">
        <v>19903</v>
      </c>
      <c r="I10437" t="s">
        <v>30540</v>
      </c>
    </row>
    <row r="10438" spans="1:9">
      <c r="A10438" s="1">
        <f ca="1">RAND()</f>
        <v>1.4708201219012618E-2</v>
      </c>
      <c r="B10438" s="1"/>
      <c r="C10438">
        <v>7</v>
      </c>
      <c r="D10438" t="s">
        <v>19888</v>
      </c>
      <c r="E10438" t="s">
        <v>33496</v>
      </c>
      <c r="F10438">
        <v>4</v>
      </c>
      <c r="G10438" t="s">
        <v>9</v>
      </c>
      <c r="H10438" t="s">
        <v>19889</v>
      </c>
      <c r="I10438" t="s">
        <v>30540</v>
      </c>
    </row>
    <row r="10439" spans="1:9">
      <c r="A10439" s="1">
        <f ca="1">RAND()</f>
        <v>0.65214487159307732</v>
      </c>
      <c r="B10439" s="1"/>
      <c r="C10439">
        <v>13</v>
      </c>
      <c r="D10439" t="s">
        <v>19892</v>
      </c>
      <c r="E10439" t="s">
        <v>33496</v>
      </c>
      <c r="F10439">
        <v>4</v>
      </c>
      <c r="G10439" t="s">
        <v>2</v>
      </c>
      <c r="H10439" t="s">
        <v>19893</v>
      </c>
      <c r="I10439" t="s">
        <v>30540</v>
      </c>
    </row>
    <row r="10440" spans="1:9">
      <c r="A10440" s="1">
        <f ca="1">RAND()</f>
        <v>0.75404676050131958</v>
      </c>
      <c r="B10440" s="1"/>
      <c r="C10440">
        <v>18</v>
      </c>
      <c r="D10440" t="s">
        <v>19900</v>
      </c>
      <c r="E10440" t="s">
        <v>33496</v>
      </c>
      <c r="F10440">
        <v>4</v>
      </c>
      <c r="G10440" t="s">
        <v>14</v>
      </c>
      <c r="H10440" t="s">
        <v>19901</v>
      </c>
      <c r="I10440" t="s">
        <v>30540</v>
      </c>
    </row>
    <row r="10441" spans="1:9">
      <c r="A10441" s="1">
        <f ca="1">RAND()</f>
        <v>0.35520059102375101</v>
      </c>
      <c r="B10441" s="1"/>
      <c r="C10441">
        <v>3</v>
      </c>
      <c r="D10441" t="s">
        <v>19884</v>
      </c>
      <c r="E10441" t="s">
        <v>33496</v>
      </c>
      <c r="F10441">
        <v>4</v>
      </c>
      <c r="G10441" t="s">
        <v>14</v>
      </c>
      <c r="H10441" t="s">
        <v>19885</v>
      </c>
      <c r="I10441" t="s">
        <v>30540</v>
      </c>
    </row>
    <row r="10442" spans="1:9">
      <c r="A10442" s="1">
        <f ca="1">RAND()</f>
        <v>2.9424909133815791E-2</v>
      </c>
      <c r="B10442" s="1"/>
      <c r="C10442">
        <v>16</v>
      </c>
      <c r="D10442" t="s">
        <v>19898</v>
      </c>
      <c r="E10442" t="s">
        <v>33496</v>
      </c>
      <c r="F10442">
        <v>4</v>
      </c>
      <c r="G10442" t="s">
        <v>14</v>
      </c>
      <c r="H10442" t="s">
        <v>19899</v>
      </c>
      <c r="I10442" t="s">
        <v>30540</v>
      </c>
    </row>
    <row r="10443" spans="1:9">
      <c r="A10443" s="1">
        <f ca="1">RAND()</f>
        <v>0.26463439800969268</v>
      </c>
      <c r="B10443" s="1"/>
      <c r="C10443">
        <v>14</v>
      </c>
      <c r="D10443" t="s">
        <v>19894</v>
      </c>
      <c r="E10443" t="s">
        <v>33496</v>
      </c>
      <c r="F10443">
        <v>3</v>
      </c>
      <c r="G10443" t="s">
        <v>2</v>
      </c>
      <c r="H10443" t="s">
        <v>19895</v>
      </c>
      <c r="I10443" t="s">
        <v>30540</v>
      </c>
    </row>
    <row r="10444" spans="1:9">
      <c r="A10444" s="1">
        <f ca="1">RAND()</f>
        <v>0.78974771456684389</v>
      </c>
      <c r="B10444" s="1"/>
      <c r="C10444">
        <v>15</v>
      </c>
      <c r="D10444" t="s">
        <v>19876</v>
      </c>
      <c r="E10444" t="s">
        <v>33497</v>
      </c>
      <c r="F10444">
        <v>4</v>
      </c>
      <c r="G10444" t="s">
        <v>13</v>
      </c>
      <c r="H10444" t="s">
        <v>19877</v>
      </c>
      <c r="I10444" t="s">
        <v>30540</v>
      </c>
    </row>
    <row r="10445" spans="1:9">
      <c r="A10445" s="1">
        <f ca="1">RAND()</f>
        <v>0.68450884572550141</v>
      </c>
      <c r="B10445" s="1"/>
      <c r="C10445">
        <v>20</v>
      </c>
      <c r="D10445" t="s">
        <v>19880</v>
      </c>
      <c r="E10445" t="s">
        <v>33497</v>
      </c>
      <c r="F10445">
        <v>4</v>
      </c>
      <c r="G10445" t="s">
        <v>14</v>
      </c>
      <c r="H10445" t="s">
        <v>19881</v>
      </c>
      <c r="I10445" t="s">
        <v>30540</v>
      </c>
    </row>
    <row r="10446" spans="1:9">
      <c r="A10446" s="1">
        <f ca="1">RAND()</f>
        <v>0.73157084258877236</v>
      </c>
      <c r="B10446" s="1"/>
      <c r="C10446">
        <v>18</v>
      </c>
      <c r="D10446" t="s">
        <v>19878</v>
      </c>
      <c r="E10446" t="s">
        <v>33497</v>
      </c>
      <c r="F10446">
        <v>2</v>
      </c>
      <c r="G10446" t="s">
        <v>1</v>
      </c>
      <c r="H10446" t="s">
        <v>19879</v>
      </c>
      <c r="I10446" t="s">
        <v>30540</v>
      </c>
    </row>
    <row r="10447" spans="1:9">
      <c r="A10447" s="1">
        <f ca="1">RAND()</f>
        <v>0.98976865673677128</v>
      </c>
      <c r="B10447" s="1"/>
      <c r="C10447">
        <v>1</v>
      </c>
      <c r="D10447" t="s">
        <v>19868</v>
      </c>
      <c r="E10447" t="s">
        <v>33498</v>
      </c>
      <c r="F10447">
        <v>5</v>
      </c>
      <c r="G10447" t="s">
        <v>10</v>
      </c>
      <c r="H10447" t="s">
        <v>19869</v>
      </c>
      <c r="I10447" t="s">
        <v>30540</v>
      </c>
    </row>
    <row r="10448" spans="1:9">
      <c r="A10448" s="1">
        <f ca="1">RAND()</f>
        <v>0.60738958386543052</v>
      </c>
      <c r="B10448" s="1"/>
      <c r="C10448">
        <v>10</v>
      </c>
      <c r="D10448" t="s">
        <v>19872</v>
      </c>
      <c r="E10448" t="s">
        <v>33498</v>
      </c>
      <c r="F10448">
        <v>5</v>
      </c>
      <c r="G10448" t="s">
        <v>14</v>
      </c>
      <c r="H10448" t="s">
        <v>19873</v>
      </c>
      <c r="I10448" t="s">
        <v>30540</v>
      </c>
    </row>
    <row r="10449" spans="1:9">
      <c r="A10449" s="1">
        <f ca="1">RAND()</f>
        <v>0.79573760964604212</v>
      </c>
      <c r="B10449" s="1"/>
      <c r="C10449">
        <v>5</v>
      </c>
      <c r="D10449" t="s">
        <v>19870</v>
      </c>
      <c r="E10449" t="s">
        <v>33498</v>
      </c>
      <c r="F10449">
        <v>4</v>
      </c>
      <c r="G10449" t="s">
        <v>14</v>
      </c>
      <c r="H10449" t="s">
        <v>19871</v>
      </c>
      <c r="I10449" t="s">
        <v>30540</v>
      </c>
    </row>
    <row r="10450" spans="1:9">
      <c r="A10450" s="1">
        <f ca="1">RAND()</f>
        <v>0.36598902404164069</v>
      </c>
      <c r="B10450" s="1"/>
      <c r="C10450">
        <v>15</v>
      </c>
      <c r="D10450" t="s">
        <v>19874</v>
      </c>
      <c r="E10450" t="s">
        <v>33498</v>
      </c>
      <c r="F10450">
        <v>3</v>
      </c>
      <c r="G10450" t="s">
        <v>14</v>
      </c>
      <c r="H10450" t="s">
        <v>19875</v>
      </c>
      <c r="I10450" t="s">
        <v>30540</v>
      </c>
    </row>
    <row r="10451" spans="1:9">
      <c r="A10451" s="1">
        <f ca="1">RAND()</f>
        <v>0.13423778020908284</v>
      </c>
      <c r="B10451" s="1"/>
      <c r="C10451">
        <v>1</v>
      </c>
      <c r="D10451" t="s">
        <v>19864</v>
      </c>
      <c r="E10451" t="s">
        <v>33499</v>
      </c>
      <c r="F10451">
        <v>4</v>
      </c>
      <c r="G10451" t="s">
        <v>1431</v>
      </c>
      <c r="H10451" t="s">
        <v>19865</v>
      </c>
      <c r="I10451" t="s">
        <v>30540</v>
      </c>
    </row>
    <row r="10452" spans="1:9">
      <c r="A10452" s="1">
        <f ca="1">RAND()</f>
        <v>8.7424172939406297E-2</v>
      </c>
      <c r="B10452" s="1"/>
      <c r="C10452">
        <v>11</v>
      </c>
      <c r="D10452" t="s">
        <v>19866</v>
      </c>
      <c r="E10452" t="s">
        <v>33499</v>
      </c>
      <c r="F10452">
        <v>2</v>
      </c>
      <c r="G10452" t="s">
        <v>3732</v>
      </c>
      <c r="H10452" t="s">
        <v>19867</v>
      </c>
      <c r="I10452" t="s">
        <v>30540</v>
      </c>
    </row>
    <row r="10453" spans="1:9">
      <c r="A10453" s="1">
        <f ca="1">RAND()</f>
        <v>0.17129114539307777</v>
      </c>
      <c r="B10453" s="1"/>
      <c r="C10453">
        <v>16</v>
      </c>
      <c r="D10453" t="s">
        <v>19860</v>
      </c>
      <c r="E10453" t="s">
        <v>33500</v>
      </c>
      <c r="F10453">
        <v>4</v>
      </c>
      <c r="G10453" t="s">
        <v>1</v>
      </c>
      <c r="H10453" t="s">
        <v>19861</v>
      </c>
      <c r="I10453" t="s">
        <v>30540</v>
      </c>
    </row>
    <row r="10454" spans="1:9">
      <c r="A10454" s="1">
        <f ca="1">RAND()</f>
        <v>0.21895830199809752</v>
      </c>
      <c r="B10454" s="1"/>
      <c r="C10454">
        <v>19</v>
      </c>
      <c r="D10454" t="s">
        <v>19862</v>
      </c>
      <c r="E10454" t="s">
        <v>33500</v>
      </c>
      <c r="F10454">
        <v>4</v>
      </c>
      <c r="G10454" t="s">
        <v>0</v>
      </c>
      <c r="H10454" t="s">
        <v>19863</v>
      </c>
      <c r="I10454" t="s">
        <v>30540</v>
      </c>
    </row>
    <row r="10455" spans="1:9">
      <c r="A10455" s="1">
        <f ca="1">RAND()</f>
        <v>0.72077331403901512</v>
      </c>
      <c r="B10455" s="1"/>
      <c r="C10455">
        <v>13</v>
      </c>
      <c r="D10455" t="s">
        <v>19858</v>
      </c>
      <c r="E10455" t="s">
        <v>33500</v>
      </c>
      <c r="F10455">
        <v>2</v>
      </c>
      <c r="G10455" t="s">
        <v>14</v>
      </c>
      <c r="H10455" t="s">
        <v>19859</v>
      </c>
      <c r="I10455" t="s">
        <v>30540</v>
      </c>
    </row>
    <row r="10456" spans="1:9">
      <c r="A10456" s="1">
        <f ca="1">RAND()</f>
        <v>0.84158695768213732</v>
      </c>
      <c r="B10456" s="1"/>
      <c r="C10456">
        <v>10</v>
      </c>
      <c r="D10456" t="s">
        <v>19856</v>
      </c>
      <c r="E10456" t="s">
        <v>33500</v>
      </c>
      <c r="F10456">
        <v>2</v>
      </c>
      <c r="G10456" t="s">
        <v>15</v>
      </c>
      <c r="H10456" t="s">
        <v>19857</v>
      </c>
      <c r="I10456" t="s">
        <v>30540</v>
      </c>
    </row>
    <row r="10457" spans="1:9">
      <c r="A10457" s="1">
        <f ca="1">RAND()</f>
        <v>0.8770632228345514</v>
      </c>
      <c r="B10457" s="1"/>
      <c r="C10457">
        <v>13</v>
      </c>
      <c r="D10457" t="s">
        <v>19846</v>
      </c>
      <c r="E10457" t="s">
        <v>33501</v>
      </c>
      <c r="F10457">
        <v>5</v>
      </c>
      <c r="G10457" t="s">
        <v>10</v>
      </c>
      <c r="H10457" t="s">
        <v>19847</v>
      </c>
      <c r="I10457" t="s">
        <v>30540</v>
      </c>
    </row>
    <row r="10458" spans="1:9">
      <c r="A10458" s="1">
        <f ca="1">RAND()</f>
        <v>0.94280503314526276</v>
      </c>
      <c r="B10458" s="1"/>
      <c r="C10458">
        <v>16</v>
      </c>
      <c r="D10458" t="s">
        <v>19850</v>
      </c>
      <c r="E10458" t="s">
        <v>33501</v>
      </c>
      <c r="F10458">
        <v>4</v>
      </c>
      <c r="G10458" t="s">
        <v>14</v>
      </c>
      <c r="H10458" t="s">
        <v>19851</v>
      </c>
      <c r="I10458" t="s">
        <v>30540</v>
      </c>
    </row>
    <row r="10459" spans="1:9">
      <c r="A10459" s="1">
        <f ca="1">RAND()</f>
        <v>0.17927797618932106</v>
      </c>
      <c r="B10459" s="1"/>
      <c r="C10459">
        <v>7</v>
      </c>
      <c r="D10459" t="s">
        <v>19840</v>
      </c>
      <c r="E10459" t="s">
        <v>33501</v>
      </c>
      <c r="F10459">
        <v>4</v>
      </c>
      <c r="G10459" t="s">
        <v>10</v>
      </c>
      <c r="H10459" t="s">
        <v>19841</v>
      </c>
      <c r="I10459" t="s">
        <v>30540</v>
      </c>
    </row>
    <row r="10460" spans="1:9">
      <c r="A10460" s="1">
        <f ca="1">RAND()</f>
        <v>0.95839744099636315</v>
      </c>
      <c r="B10460" s="1"/>
      <c r="C10460">
        <v>2</v>
      </c>
      <c r="D10460" t="s">
        <v>19838</v>
      </c>
      <c r="E10460" t="s">
        <v>33501</v>
      </c>
      <c r="F10460">
        <v>4</v>
      </c>
      <c r="G10460" t="s">
        <v>14</v>
      </c>
      <c r="H10460" t="s">
        <v>19839</v>
      </c>
      <c r="I10460" t="s">
        <v>30540</v>
      </c>
    </row>
    <row r="10461" spans="1:9">
      <c r="A10461" s="1">
        <f ca="1">RAND()</f>
        <v>0.43269955562148998</v>
      </c>
      <c r="B10461" s="1"/>
      <c r="C10461">
        <v>9</v>
      </c>
      <c r="D10461" t="s">
        <v>19842</v>
      </c>
      <c r="E10461" t="s">
        <v>33501</v>
      </c>
      <c r="F10461">
        <v>4</v>
      </c>
      <c r="G10461" t="s">
        <v>10</v>
      </c>
      <c r="H10461" t="s">
        <v>19843</v>
      </c>
      <c r="I10461" t="s">
        <v>30540</v>
      </c>
    </row>
    <row r="10462" spans="1:9">
      <c r="A10462" s="1">
        <f ca="1">RAND()</f>
        <v>5.5414636484366731E-2</v>
      </c>
      <c r="B10462" s="1"/>
      <c r="C10462">
        <v>14</v>
      </c>
      <c r="D10462" t="s">
        <v>19848</v>
      </c>
      <c r="E10462" t="s">
        <v>33501</v>
      </c>
      <c r="F10462">
        <v>4</v>
      </c>
      <c r="G10462" t="s">
        <v>10</v>
      </c>
      <c r="H10462" t="s">
        <v>19849</v>
      </c>
      <c r="I10462" t="s">
        <v>30540</v>
      </c>
    </row>
    <row r="10463" spans="1:9">
      <c r="A10463" s="1">
        <f ca="1">RAND()</f>
        <v>0.11474505163060778</v>
      </c>
      <c r="B10463" s="1"/>
      <c r="C10463">
        <v>17</v>
      </c>
      <c r="D10463" t="s">
        <v>19852</v>
      </c>
      <c r="E10463" t="s">
        <v>33501</v>
      </c>
      <c r="F10463">
        <v>2</v>
      </c>
      <c r="G10463" t="s">
        <v>14</v>
      </c>
      <c r="H10463" t="s">
        <v>19853</v>
      </c>
      <c r="I10463" t="s">
        <v>30540</v>
      </c>
    </row>
    <row r="10464" spans="1:9">
      <c r="A10464" s="1">
        <f ca="1">RAND()</f>
        <v>0.16036782965636165</v>
      </c>
      <c r="B10464" s="1"/>
      <c r="C10464">
        <v>18</v>
      </c>
      <c r="D10464" t="s">
        <v>19854</v>
      </c>
      <c r="E10464" t="s">
        <v>33501</v>
      </c>
      <c r="F10464">
        <v>2</v>
      </c>
      <c r="G10464" t="s">
        <v>1</v>
      </c>
      <c r="H10464" t="s">
        <v>19855</v>
      </c>
      <c r="I10464" t="s">
        <v>30540</v>
      </c>
    </row>
    <row r="10465" spans="1:9">
      <c r="A10465" s="1">
        <f ca="1">RAND()</f>
        <v>0.88033455990488918</v>
      </c>
      <c r="B10465" s="1"/>
      <c r="C10465">
        <v>12</v>
      </c>
      <c r="D10465" t="s">
        <v>19844</v>
      </c>
      <c r="E10465" t="s">
        <v>33501</v>
      </c>
      <c r="F10465">
        <v>1</v>
      </c>
      <c r="G10465" t="s">
        <v>14</v>
      </c>
      <c r="H10465" t="s">
        <v>19845</v>
      </c>
      <c r="I10465" t="s">
        <v>30540</v>
      </c>
    </row>
    <row r="10466" spans="1:9">
      <c r="A10466" s="1">
        <f ca="1">RAND()</f>
        <v>0.59455299354852253</v>
      </c>
      <c r="B10466" s="1"/>
      <c r="C10466">
        <v>16</v>
      </c>
      <c r="D10466" t="s">
        <v>19832</v>
      </c>
      <c r="E10466" t="s">
        <v>33502</v>
      </c>
      <c r="F10466">
        <v>5</v>
      </c>
      <c r="G10466" t="s">
        <v>14</v>
      </c>
      <c r="H10466" t="s">
        <v>19833</v>
      </c>
      <c r="I10466" t="s">
        <v>30540</v>
      </c>
    </row>
    <row r="10467" spans="1:9">
      <c r="A10467" s="1">
        <f ca="1">RAND()</f>
        <v>0.24462058061522018</v>
      </c>
      <c r="B10467" s="1"/>
      <c r="C10467">
        <v>19</v>
      </c>
      <c r="D10467" t="s">
        <v>19836</v>
      </c>
      <c r="E10467" t="s">
        <v>33502</v>
      </c>
      <c r="F10467">
        <v>4</v>
      </c>
      <c r="G10467" t="s">
        <v>0</v>
      </c>
      <c r="H10467" t="s">
        <v>19837</v>
      </c>
      <c r="I10467" t="s">
        <v>30540</v>
      </c>
    </row>
    <row r="10468" spans="1:9">
      <c r="A10468" s="1">
        <f ca="1">RAND()</f>
        <v>0.62529165181385871</v>
      </c>
      <c r="B10468" s="1"/>
      <c r="C10468">
        <v>2</v>
      </c>
      <c r="D10468" t="s">
        <v>19828</v>
      </c>
      <c r="E10468" t="s">
        <v>33502</v>
      </c>
      <c r="F10468">
        <v>4</v>
      </c>
      <c r="G10468" t="s">
        <v>1</v>
      </c>
      <c r="H10468" t="s">
        <v>19829</v>
      </c>
      <c r="I10468" t="s">
        <v>30540</v>
      </c>
    </row>
    <row r="10469" spans="1:9">
      <c r="A10469" s="1">
        <f ca="1">RAND()</f>
        <v>4.8621561712998917E-2</v>
      </c>
      <c r="B10469" s="1"/>
      <c r="C10469">
        <v>9</v>
      </c>
      <c r="D10469" t="s">
        <v>19830</v>
      </c>
      <c r="E10469" t="s">
        <v>33502</v>
      </c>
      <c r="F10469">
        <v>4</v>
      </c>
      <c r="G10469" t="s">
        <v>14</v>
      </c>
      <c r="H10469" t="s">
        <v>19831</v>
      </c>
      <c r="I10469" t="s">
        <v>30540</v>
      </c>
    </row>
    <row r="10470" spans="1:9">
      <c r="A10470" s="1">
        <f ca="1">RAND()</f>
        <v>4.1142155219648258E-2</v>
      </c>
      <c r="B10470" s="1"/>
      <c r="C10470">
        <v>18</v>
      </c>
      <c r="D10470" t="s">
        <v>19834</v>
      </c>
      <c r="E10470" t="s">
        <v>33502</v>
      </c>
      <c r="F10470">
        <v>3</v>
      </c>
      <c r="G10470" t="s">
        <v>14</v>
      </c>
      <c r="H10470" t="s">
        <v>19835</v>
      </c>
      <c r="I10470" t="s">
        <v>30540</v>
      </c>
    </row>
    <row r="10471" spans="1:9">
      <c r="A10471" s="1">
        <f ca="1">RAND()</f>
        <v>4.3743794545118564E-2</v>
      </c>
      <c r="B10471" s="1"/>
      <c r="C10471">
        <v>15</v>
      </c>
      <c r="D10471" t="s">
        <v>19824</v>
      </c>
      <c r="E10471" t="s">
        <v>33503</v>
      </c>
      <c r="F10471">
        <v>4</v>
      </c>
      <c r="G10471" t="s">
        <v>1</v>
      </c>
      <c r="H10471" t="s">
        <v>19825</v>
      </c>
      <c r="I10471" t="s">
        <v>30540</v>
      </c>
    </row>
    <row r="10472" spans="1:9">
      <c r="A10472" s="1">
        <f ca="1">RAND()</f>
        <v>0.20254295988132431</v>
      </c>
      <c r="B10472" s="1"/>
      <c r="C10472">
        <v>12</v>
      </c>
      <c r="D10472" t="s">
        <v>19820</v>
      </c>
      <c r="E10472" t="s">
        <v>33503</v>
      </c>
      <c r="F10472">
        <v>4</v>
      </c>
      <c r="G10472" t="s">
        <v>14</v>
      </c>
      <c r="H10472" t="s">
        <v>19821</v>
      </c>
      <c r="I10472" t="s">
        <v>30540</v>
      </c>
    </row>
    <row r="10473" spans="1:9">
      <c r="A10473" s="1">
        <f ca="1">RAND()</f>
        <v>0.9013105812480976</v>
      </c>
      <c r="B10473" s="1"/>
      <c r="C10473">
        <v>20</v>
      </c>
      <c r="D10473" t="s">
        <v>19826</v>
      </c>
      <c r="E10473" t="s">
        <v>33503</v>
      </c>
      <c r="F10473">
        <v>4</v>
      </c>
      <c r="G10473" t="s">
        <v>14</v>
      </c>
      <c r="H10473" t="s">
        <v>19827</v>
      </c>
      <c r="I10473" t="s">
        <v>30540</v>
      </c>
    </row>
    <row r="10474" spans="1:9">
      <c r="A10474" s="1">
        <f ca="1">RAND()</f>
        <v>7.4624830085494587E-2</v>
      </c>
      <c r="B10474" s="1"/>
      <c r="C10474">
        <v>14</v>
      </c>
      <c r="D10474" t="s">
        <v>19822</v>
      </c>
      <c r="E10474" t="s">
        <v>33503</v>
      </c>
      <c r="F10474">
        <v>4</v>
      </c>
      <c r="G10474" t="s">
        <v>14</v>
      </c>
      <c r="H10474" t="s">
        <v>19823</v>
      </c>
      <c r="I10474" t="s">
        <v>30540</v>
      </c>
    </row>
    <row r="10475" spans="1:9">
      <c r="A10475" s="1">
        <f ca="1">RAND()</f>
        <v>0.50744111155880567</v>
      </c>
      <c r="B10475" s="1"/>
      <c r="C10475">
        <v>9</v>
      </c>
      <c r="D10475" t="s">
        <v>19818</v>
      </c>
      <c r="E10475" t="s">
        <v>33503</v>
      </c>
      <c r="F10475">
        <v>2</v>
      </c>
      <c r="G10475" t="s">
        <v>14</v>
      </c>
      <c r="H10475" t="s">
        <v>19819</v>
      </c>
      <c r="I10475" t="s">
        <v>30540</v>
      </c>
    </row>
    <row r="10476" spans="1:9">
      <c r="A10476" s="1">
        <f ca="1">RAND()</f>
        <v>0.98069005137922938</v>
      </c>
      <c r="B10476" s="1"/>
      <c r="C10476">
        <v>14</v>
      </c>
      <c r="D10476" t="s">
        <v>19816</v>
      </c>
      <c r="E10476" t="s">
        <v>33504</v>
      </c>
      <c r="F10476">
        <v>4</v>
      </c>
      <c r="G10476" t="s">
        <v>14</v>
      </c>
      <c r="H10476" t="s">
        <v>19817</v>
      </c>
      <c r="I10476" t="s">
        <v>30540</v>
      </c>
    </row>
    <row r="10477" spans="1:9">
      <c r="A10477" s="1">
        <f ca="1">RAND()</f>
        <v>0.52114840289786735</v>
      </c>
      <c r="B10477" s="1"/>
      <c r="C10477">
        <v>12</v>
      </c>
      <c r="D10477" t="s">
        <v>19814</v>
      </c>
      <c r="E10477" t="s">
        <v>33504</v>
      </c>
      <c r="F10477">
        <v>3</v>
      </c>
      <c r="G10477" t="s">
        <v>14</v>
      </c>
      <c r="H10477" t="s">
        <v>19815</v>
      </c>
      <c r="I10477" t="s">
        <v>30540</v>
      </c>
    </row>
    <row r="10478" spans="1:9">
      <c r="A10478" s="1">
        <f ca="1">RAND()</f>
        <v>3.2799397920820206E-2</v>
      </c>
      <c r="B10478" s="1"/>
      <c r="C10478">
        <v>15</v>
      </c>
      <c r="D10478" t="s">
        <v>19810</v>
      </c>
      <c r="E10478" t="s">
        <v>33505</v>
      </c>
      <c r="F10478">
        <v>4</v>
      </c>
      <c r="G10478" t="s">
        <v>14</v>
      </c>
      <c r="H10478" t="s">
        <v>19811</v>
      </c>
      <c r="I10478" t="s">
        <v>30540</v>
      </c>
    </row>
    <row r="10479" spans="1:9">
      <c r="A10479" s="1">
        <f ca="1">RAND()</f>
        <v>0.25618695053725982</v>
      </c>
      <c r="B10479" s="1"/>
      <c r="C10479">
        <v>17</v>
      </c>
      <c r="D10479" t="s">
        <v>19812</v>
      </c>
      <c r="E10479" t="s">
        <v>33505</v>
      </c>
      <c r="F10479">
        <v>4</v>
      </c>
      <c r="G10479" t="s">
        <v>14</v>
      </c>
      <c r="H10479" t="s">
        <v>19813</v>
      </c>
      <c r="I10479" t="s">
        <v>30540</v>
      </c>
    </row>
    <row r="10480" spans="1:9">
      <c r="A10480" s="1">
        <f ca="1">RAND()</f>
        <v>0.44957089113791915</v>
      </c>
      <c r="B10480" s="1"/>
      <c r="C10480">
        <v>10</v>
      </c>
      <c r="D10480" t="s">
        <v>19808</v>
      </c>
      <c r="E10480" t="s">
        <v>33505</v>
      </c>
      <c r="F10480">
        <v>4</v>
      </c>
      <c r="G10480" t="s">
        <v>10</v>
      </c>
      <c r="H10480" t="s">
        <v>19809</v>
      </c>
      <c r="I10480" t="s">
        <v>30540</v>
      </c>
    </row>
    <row r="10481" spans="1:9">
      <c r="A10481" s="1">
        <f ca="1">RAND()</f>
        <v>0.50060702564729875</v>
      </c>
      <c r="B10481" s="1"/>
      <c r="C10481">
        <v>4</v>
      </c>
      <c r="D10481" t="s">
        <v>19800</v>
      </c>
      <c r="E10481" t="s">
        <v>33506</v>
      </c>
      <c r="F10481">
        <v>5</v>
      </c>
      <c r="G10481" t="s">
        <v>14</v>
      </c>
      <c r="H10481" t="s">
        <v>19801</v>
      </c>
      <c r="I10481" t="s">
        <v>30540</v>
      </c>
    </row>
    <row r="10482" spans="1:9">
      <c r="A10482" s="1">
        <f ca="1">RAND()</f>
        <v>0.91255810995458031</v>
      </c>
      <c r="B10482" s="1"/>
      <c r="C10482">
        <v>6</v>
      </c>
      <c r="D10482" t="s">
        <v>19802</v>
      </c>
      <c r="E10482" t="s">
        <v>33506</v>
      </c>
      <c r="F10482">
        <v>4</v>
      </c>
      <c r="G10482" t="s">
        <v>2</v>
      </c>
      <c r="H10482" t="s">
        <v>19803</v>
      </c>
      <c r="I10482" t="s">
        <v>30540</v>
      </c>
    </row>
    <row r="10483" spans="1:9">
      <c r="A10483" s="1">
        <f ca="1">RAND()</f>
        <v>0.13798614309264046</v>
      </c>
      <c r="B10483" s="1"/>
      <c r="C10483">
        <v>16</v>
      </c>
      <c r="D10483" t="s">
        <v>19804</v>
      </c>
      <c r="E10483" t="s">
        <v>33506</v>
      </c>
      <c r="F10483">
        <v>4</v>
      </c>
      <c r="G10483" t="s">
        <v>14</v>
      </c>
      <c r="H10483" t="s">
        <v>19805</v>
      </c>
      <c r="I10483" t="s">
        <v>30540</v>
      </c>
    </row>
    <row r="10484" spans="1:9">
      <c r="A10484" s="1">
        <f ca="1">RAND()</f>
        <v>0.23701000219780288</v>
      </c>
      <c r="B10484" s="1"/>
      <c r="C10484">
        <v>17</v>
      </c>
      <c r="D10484" t="s">
        <v>19806</v>
      </c>
      <c r="E10484" t="s">
        <v>33506</v>
      </c>
      <c r="F10484">
        <v>4</v>
      </c>
      <c r="G10484" t="s">
        <v>14</v>
      </c>
      <c r="H10484" t="s">
        <v>19807</v>
      </c>
      <c r="I10484" t="s">
        <v>30540</v>
      </c>
    </row>
    <row r="10485" spans="1:9">
      <c r="A10485" s="1">
        <f ca="1">RAND()</f>
        <v>5.6296183316867032E-2</v>
      </c>
      <c r="B10485" s="1"/>
      <c r="C10485">
        <v>13</v>
      </c>
      <c r="D10485" t="s">
        <v>19794</v>
      </c>
      <c r="E10485" t="s">
        <v>33507</v>
      </c>
      <c r="F10485">
        <v>5</v>
      </c>
      <c r="G10485" t="s">
        <v>14</v>
      </c>
      <c r="H10485" t="s">
        <v>19795</v>
      </c>
      <c r="I10485" t="s">
        <v>30540</v>
      </c>
    </row>
    <row r="10486" spans="1:9">
      <c r="A10486" s="1">
        <f ca="1">RAND()</f>
        <v>0.26008347419259636</v>
      </c>
      <c r="B10486" s="1"/>
      <c r="C10486">
        <v>16</v>
      </c>
      <c r="D10486" t="s">
        <v>19796</v>
      </c>
      <c r="E10486" t="s">
        <v>33507</v>
      </c>
      <c r="F10486">
        <v>4</v>
      </c>
      <c r="G10486" t="s">
        <v>14</v>
      </c>
      <c r="H10486" t="s">
        <v>19797</v>
      </c>
      <c r="I10486" t="s">
        <v>30540</v>
      </c>
    </row>
    <row r="10487" spans="1:9">
      <c r="A10487" s="1">
        <f ca="1">RAND()</f>
        <v>0.99086351871967104</v>
      </c>
      <c r="B10487" s="1"/>
      <c r="C10487">
        <v>18</v>
      </c>
      <c r="D10487" t="s">
        <v>19798</v>
      </c>
      <c r="E10487" t="s">
        <v>33507</v>
      </c>
      <c r="F10487">
        <v>2</v>
      </c>
      <c r="G10487" t="s">
        <v>13</v>
      </c>
      <c r="H10487" t="s">
        <v>19799</v>
      </c>
      <c r="I10487" t="s">
        <v>30540</v>
      </c>
    </row>
    <row r="10488" spans="1:9">
      <c r="A10488" s="1">
        <f ca="1">RAND()</f>
        <v>0.19816144026497096</v>
      </c>
      <c r="B10488" s="1"/>
      <c r="C10488">
        <v>9</v>
      </c>
      <c r="D10488" t="s">
        <v>19792</v>
      </c>
      <c r="E10488" t="s">
        <v>33507</v>
      </c>
      <c r="F10488">
        <v>2</v>
      </c>
      <c r="G10488" t="s">
        <v>10</v>
      </c>
      <c r="H10488" t="s">
        <v>19793</v>
      </c>
      <c r="I10488" t="s">
        <v>30540</v>
      </c>
    </row>
    <row r="10489" spans="1:9">
      <c r="A10489" s="1">
        <f ca="1">RAND()</f>
        <v>0.34273652420126699</v>
      </c>
      <c r="B10489" s="1"/>
      <c r="C10489">
        <v>8</v>
      </c>
      <c r="D10489" t="s">
        <v>19790</v>
      </c>
      <c r="E10489" t="s">
        <v>33507</v>
      </c>
      <c r="F10489">
        <v>2</v>
      </c>
      <c r="G10489" t="s">
        <v>10</v>
      </c>
      <c r="H10489" t="s">
        <v>19791</v>
      </c>
      <c r="I10489" t="s">
        <v>30540</v>
      </c>
    </row>
    <row r="10490" spans="1:9">
      <c r="A10490" s="1">
        <f ca="1">RAND()</f>
        <v>0.85639869475636166</v>
      </c>
      <c r="B10490" s="1"/>
      <c r="C10490">
        <v>2</v>
      </c>
      <c r="D10490" t="s">
        <v>19782</v>
      </c>
      <c r="E10490" t="s">
        <v>33508</v>
      </c>
      <c r="F10490">
        <v>5</v>
      </c>
      <c r="G10490" t="s">
        <v>10</v>
      </c>
      <c r="H10490" t="s">
        <v>19783</v>
      </c>
      <c r="I10490" t="s">
        <v>30540</v>
      </c>
    </row>
    <row r="10491" spans="1:9">
      <c r="A10491" s="1">
        <f ca="1">RAND()</f>
        <v>0.3462821415016446</v>
      </c>
      <c r="B10491" s="1"/>
      <c r="C10491">
        <v>20</v>
      </c>
      <c r="D10491" t="s">
        <v>19788</v>
      </c>
      <c r="E10491" t="s">
        <v>33508</v>
      </c>
      <c r="F10491">
        <v>4</v>
      </c>
      <c r="G10491" t="s">
        <v>14</v>
      </c>
      <c r="H10491" t="s">
        <v>19789</v>
      </c>
      <c r="I10491" t="s">
        <v>30540</v>
      </c>
    </row>
    <row r="10492" spans="1:9">
      <c r="A10492" s="1">
        <f ca="1">RAND()</f>
        <v>0.71548283220681175</v>
      </c>
      <c r="B10492" s="1"/>
      <c r="C10492">
        <v>6</v>
      </c>
      <c r="D10492" t="s">
        <v>19784</v>
      </c>
      <c r="E10492" t="s">
        <v>33508</v>
      </c>
      <c r="F10492">
        <v>4</v>
      </c>
      <c r="G10492" t="s">
        <v>9</v>
      </c>
      <c r="H10492" t="s">
        <v>19785</v>
      </c>
      <c r="I10492" t="s">
        <v>30540</v>
      </c>
    </row>
    <row r="10493" spans="1:9">
      <c r="A10493" s="1">
        <f ca="1">RAND()</f>
        <v>0.49785053650570288</v>
      </c>
      <c r="B10493" s="1"/>
      <c r="C10493">
        <v>16</v>
      </c>
      <c r="D10493" t="s">
        <v>19786</v>
      </c>
      <c r="E10493" t="s">
        <v>33508</v>
      </c>
      <c r="F10493">
        <v>4</v>
      </c>
      <c r="G10493" t="s">
        <v>14</v>
      </c>
      <c r="H10493" t="s">
        <v>19787</v>
      </c>
      <c r="I10493" t="s">
        <v>30540</v>
      </c>
    </row>
    <row r="10494" spans="1:9">
      <c r="A10494" s="1">
        <f ca="1">RAND()</f>
        <v>0.22838804218892916</v>
      </c>
      <c r="B10494" s="1"/>
      <c r="C10494">
        <v>20</v>
      </c>
      <c r="D10494" t="s">
        <v>19780</v>
      </c>
      <c r="E10494" t="s">
        <v>33509</v>
      </c>
      <c r="F10494">
        <v>5</v>
      </c>
      <c r="G10494" t="s">
        <v>14</v>
      </c>
      <c r="H10494" t="s">
        <v>19781</v>
      </c>
      <c r="I10494" t="s">
        <v>30540</v>
      </c>
    </row>
    <row r="10495" spans="1:9">
      <c r="A10495" s="1">
        <f ca="1">RAND()</f>
        <v>0.44842365240804605</v>
      </c>
      <c r="B10495" s="1"/>
      <c r="C10495">
        <v>8</v>
      </c>
      <c r="D10495" t="s">
        <v>19772</v>
      </c>
      <c r="E10495" t="s">
        <v>33509</v>
      </c>
      <c r="F10495">
        <v>4</v>
      </c>
      <c r="G10495" t="s">
        <v>14</v>
      </c>
      <c r="H10495" t="s">
        <v>19773</v>
      </c>
      <c r="I10495" t="s">
        <v>30540</v>
      </c>
    </row>
    <row r="10496" spans="1:9">
      <c r="A10496" s="1">
        <f ca="1">RAND()</f>
        <v>0.996007225992109</v>
      </c>
      <c r="B10496" s="1"/>
      <c r="C10496">
        <v>17</v>
      </c>
      <c r="D10496" t="s">
        <v>19776</v>
      </c>
      <c r="E10496" t="s">
        <v>33509</v>
      </c>
      <c r="F10496">
        <v>4</v>
      </c>
      <c r="G10496" t="s">
        <v>14</v>
      </c>
      <c r="H10496" t="s">
        <v>19777</v>
      </c>
      <c r="I10496" t="s">
        <v>30540</v>
      </c>
    </row>
    <row r="10497" spans="1:9">
      <c r="A10497" s="1">
        <f ca="1">RAND()</f>
        <v>1.4419122350482483E-2</v>
      </c>
      <c r="B10497" s="1"/>
      <c r="C10497">
        <v>18</v>
      </c>
      <c r="D10497" t="s">
        <v>19778</v>
      </c>
      <c r="E10497" t="s">
        <v>33509</v>
      </c>
      <c r="F10497">
        <v>2</v>
      </c>
      <c r="G10497" t="s">
        <v>14</v>
      </c>
      <c r="H10497" t="s">
        <v>19779</v>
      </c>
      <c r="I10497" t="s">
        <v>30540</v>
      </c>
    </row>
    <row r="10498" spans="1:9">
      <c r="A10498" s="1">
        <f ca="1">RAND()</f>
        <v>2.4514608100042135E-2</v>
      </c>
      <c r="B10498" s="1"/>
      <c r="C10498">
        <v>9</v>
      </c>
      <c r="D10498" t="s">
        <v>19774</v>
      </c>
      <c r="E10498" t="s">
        <v>33509</v>
      </c>
      <c r="F10498">
        <v>2</v>
      </c>
      <c r="G10498" t="s">
        <v>10</v>
      </c>
      <c r="H10498" t="s">
        <v>19775</v>
      </c>
      <c r="I10498" t="s">
        <v>30540</v>
      </c>
    </row>
    <row r="10499" spans="1:9">
      <c r="A10499" s="1">
        <f ca="1">RAND()</f>
        <v>0.80829836910704012</v>
      </c>
      <c r="B10499" s="1"/>
      <c r="C10499">
        <v>10</v>
      </c>
      <c r="D10499" t="s">
        <v>19764</v>
      </c>
      <c r="E10499" t="s">
        <v>33510</v>
      </c>
      <c r="F10499">
        <v>5</v>
      </c>
      <c r="G10499" t="s">
        <v>0</v>
      </c>
      <c r="H10499" t="s">
        <v>19765</v>
      </c>
      <c r="I10499" t="s">
        <v>30540</v>
      </c>
    </row>
    <row r="10500" spans="1:9">
      <c r="A10500" s="1">
        <f ca="1">RAND()</f>
        <v>0.14288883435812239</v>
      </c>
      <c r="B10500" s="1"/>
      <c r="C10500">
        <v>18</v>
      </c>
      <c r="D10500" t="s">
        <v>19770</v>
      </c>
      <c r="E10500" t="s">
        <v>33510</v>
      </c>
      <c r="F10500">
        <v>4</v>
      </c>
      <c r="G10500" t="s">
        <v>14</v>
      </c>
      <c r="H10500" t="s">
        <v>19771</v>
      </c>
      <c r="I10500" t="s">
        <v>30540</v>
      </c>
    </row>
    <row r="10501" spans="1:9">
      <c r="A10501" s="1">
        <f ca="1">RAND()</f>
        <v>0.60437112493403933</v>
      </c>
      <c r="B10501" s="1"/>
      <c r="C10501">
        <v>14</v>
      </c>
      <c r="D10501" t="s">
        <v>19766</v>
      </c>
      <c r="E10501" t="s">
        <v>33510</v>
      </c>
      <c r="F10501">
        <v>4</v>
      </c>
      <c r="G10501" t="s">
        <v>14</v>
      </c>
      <c r="H10501" t="s">
        <v>19767</v>
      </c>
      <c r="I10501" t="s">
        <v>30540</v>
      </c>
    </row>
    <row r="10502" spans="1:9">
      <c r="A10502" s="1">
        <f ca="1">RAND()</f>
        <v>0.50535749845876132</v>
      </c>
      <c r="B10502" s="1"/>
      <c r="C10502">
        <v>16</v>
      </c>
      <c r="D10502" t="s">
        <v>19768</v>
      </c>
      <c r="E10502" t="s">
        <v>33510</v>
      </c>
      <c r="F10502">
        <v>4</v>
      </c>
      <c r="G10502" t="s">
        <v>2</v>
      </c>
      <c r="H10502" t="s">
        <v>19769</v>
      </c>
      <c r="I10502" t="s">
        <v>30540</v>
      </c>
    </row>
    <row r="10503" spans="1:9">
      <c r="A10503" s="1">
        <f ca="1">RAND()</f>
        <v>0.94153394743085217</v>
      </c>
      <c r="B10503" s="1"/>
      <c r="C10503">
        <v>17</v>
      </c>
      <c r="D10503" t="s">
        <v>19760</v>
      </c>
      <c r="E10503" t="s">
        <v>33511</v>
      </c>
      <c r="F10503">
        <v>4</v>
      </c>
      <c r="G10503" t="s">
        <v>10</v>
      </c>
      <c r="H10503" t="s">
        <v>19761</v>
      </c>
      <c r="I10503" t="s">
        <v>30540</v>
      </c>
    </row>
    <row r="10504" spans="1:9">
      <c r="A10504" s="1">
        <f ca="1">RAND()</f>
        <v>0.83683781990714778</v>
      </c>
      <c r="B10504" s="1"/>
      <c r="C10504">
        <v>14</v>
      </c>
      <c r="D10504" t="s">
        <v>19756</v>
      </c>
      <c r="E10504" t="s">
        <v>33511</v>
      </c>
      <c r="F10504">
        <v>4</v>
      </c>
      <c r="G10504" t="s">
        <v>10</v>
      </c>
      <c r="H10504" t="s">
        <v>19757</v>
      </c>
      <c r="I10504" t="s">
        <v>30540</v>
      </c>
    </row>
    <row r="10505" spans="1:9">
      <c r="A10505" s="1">
        <f ca="1">RAND()</f>
        <v>0.51417412353080516</v>
      </c>
      <c r="B10505" s="1"/>
      <c r="C10505">
        <v>1</v>
      </c>
      <c r="D10505" t="s">
        <v>19752</v>
      </c>
      <c r="E10505" t="s">
        <v>33511</v>
      </c>
      <c r="F10505">
        <v>4</v>
      </c>
      <c r="G10505" t="s">
        <v>15</v>
      </c>
      <c r="H10505" t="s">
        <v>19753</v>
      </c>
      <c r="I10505" t="s">
        <v>30540</v>
      </c>
    </row>
    <row r="10506" spans="1:9">
      <c r="A10506" s="1">
        <f ca="1">RAND()</f>
        <v>0.75250520380126074</v>
      </c>
      <c r="B10506" s="1"/>
      <c r="C10506">
        <v>20</v>
      </c>
      <c r="D10506" t="s">
        <v>19762</v>
      </c>
      <c r="E10506" t="s">
        <v>33511</v>
      </c>
      <c r="F10506">
        <v>4</v>
      </c>
      <c r="G10506" t="s">
        <v>10</v>
      </c>
      <c r="H10506" t="s">
        <v>19763</v>
      </c>
      <c r="I10506" t="s">
        <v>30540</v>
      </c>
    </row>
    <row r="10507" spans="1:9">
      <c r="A10507" s="1">
        <f ca="1">RAND()</f>
        <v>0.65938964642109188</v>
      </c>
      <c r="B10507" s="1"/>
      <c r="C10507">
        <v>2</v>
      </c>
      <c r="D10507" t="s">
        <v>19754</v>
      </c>
      <c r="E10507" t="s">
        <v>33511</v>
      </c>
      <c r="F10507">
        <v>4</v>
      </c>
      <c r="G10507" t="s">
        <v>14</v>
      </c>
      <c r="H10507" t="s">
        <v>19755</v>
      </c>
      <c r="I10507" t="s">
        <v>30540</v>
      </c>
    </row>
    <row r="10508" spans="1:9">
      <c r="A10508" s="1">
        <f ca="1">RAND()</f>
        <v>0.38601991087401721</v>
      </c>
      <c r="B10508" s="1"/>
      <c r="C10508">
        <v>15</v>
      </c>
      <c r="D10508" t="s">
        <v>19758</v>
      </c>
      <c r="E10508" t="s">
        <v>33511</v>
      </c>
      <c r="F10508">
        <v>4</v>
      </c>
      <c r="G10508" t="s">
        <v>10</v>
      </c>
      <c r="H10508" t="s">
        <v>19759</v>
      </c>
      <c r="I10508" t="s">
        <v>30540</v>
      </c>
    </row>
    <row r="10509" spans="1:9">
      <c r="A10509" s="1">
        <f ca="1">RAND()</f>
        <v>0.71709045451795728</v>
      </c>
      <c r="B10509" s="1"/>
      <c r="C10509">
        <v>10</v>
      </c>
      <c r="D10509" t="s">
        <v>19748</v>
      </c>
      <c r="E10509" t="s">
        <v>33512</v>
      </c>
      <c r="F10509">
        <v>5</v>
      </c>
      <c r="G10509" t="s">
        <v>10</v>
      </c>
      <c r="H10509" t="s">
        <v>19749</v>
      </c>
      <c r="I10509" t="s">
        <v>30540</v>
      </c>
    </row>
    <row r="10510" spans="1:9">
      <c r="A10510" s="1">
        <f ca="1">RAND()</f>
        <v>0.42859140660398198</v>
      </c>
      <c r="B10510" s="1"/>
      <c r="C10510">
        <v>6</v>
      </c>
      <c r="D10510" t="s">
        <v>19746</v>
      </c>
      <c r="E10510" t="s">
        <v>33512</v>
      </c>
      <c r="F10510">
        <v>4</v>
      </c>
      <c r="G10510" t="s">
        <v>15</v>
      </c>
      <c r="H10510" t="s">
        <v>19747</v>
      </c>
      <c r="I10510" t="s">
        <v>30540</v>
      </c>
    </row>
    <row r="10511" spans="1:9">
      <c r="A10511" s="1">
        <f ca="1">RAND()</f>
        <v>0.26818985135889672</v>
      </c>
      <c r="B10511" s="1"/>
      <c r="C10511">
        <v>3</v>
      </c>
      <c r="D10511" t="s">
        <v>19744</v>
      </c>
      <c r="E10511" t="s">
        <v>33512</v>
      </c>
      <c r="F10511">
        <v>3</v>
      </c>
      <c r="G10511" t="s">
        <v>3732</v>
      </c>
      <c r="H10511" t="s">
        <v>19745</v>
      </c>
      <c r="I10511" t="s">
        <v>30540</v>
      </c>
    </row>
    <row r="10512" spans="1:9">
      <c r="A10512" s="1">
        <f ca="1">RAND()</f>
        <v>5.4741495268059603E-2</v>
      </c>
      <c r="B10512" s="1"/>
      <c r="C10512">
        <v>1</v>
      </c>
      <c r="D10512" t="s">
        <v>19742</v>
      </c>
      <c r="E10512" t="s">
        <v>33512</v>
      </c>
      <c r="F10512">
        <v>2</v>
      </c>
      <c r="G10512" t="s">
        <v>2</v>
      </c>
      <c r="H10512" t="s">
        <v>19743</v>
      </c>
      <c r="I10512" t="s">
        <v>30540</v>
      </c>
    </row>
    <row r="10513" spans="1:9">
      <c r="A10513" s="1">
        <f ca="1">RAND()</f>
        <v>0.24698987214342616</v>
      </c>
      <c r="B10513" s="1"/>
      <c r="C10513">
        <v>14</v>
      </c>
      <c r="D10513" t="s">
        <v>19750</v>
      </c>
      <c r="E10513" t="s">
        <v>33512</v>
      </c>
      <c r="F10513">
        <v>2</v>
      </c>
      <c r="G10513" t="s">
        <v>771</v>
      </c>
      <c r="H10513" t="s">
        <v>19751</v>
      </c>
      <c r="I10513" t="s">
        <v>30540</v>
      </c>
    </row>
    <row r="10514" spans="1:9">
      <c r="A10514" s="1">
        <f ca="1">RAND()</f>
        <v>0.28250286708280947</v>
      </c>
      <c r="B10514" s="1"/>
      <c r="C10514">
        <v>8</v>
      </c>
      <c r="D10514" t="s">
        <v>19738</v>
      </c>
      <c r="E10514" t="s">
        <v>33513</v>
      </c>
      <c r="F10514">
        <v>4</v>
      </c>
      <c r="G10514" t="s">
        <v>1</v>
      </c>
      <c r="H10514" t="s">
        <v>19739</v>
      </c>
      <c r="I10514" t="s">
        <v>30540</v>
      </c>
    </row>
    <row r="10515" spans="1:9">
      <c r="A10515" s="1">
        <f ca="1">RAND()</f>
        <v>0.23771834296883176</v>
      </c>
      <c r="B10515" s="1"/>
      <c r="C10515">
        <v>10</v>
      </c>
      <c r="D10515" t="s">
        <v>19740</v>
      </c>
      <c r="E10515" t="s">
        <v>33513</v>
      </c>
      <c r="F10515">
        <v>4</v>
      </c>
      <c r="G10515" t="s">
        <v>14</v>
      </c>
      <c r="H10515" t="s">
        <v>19741</v>
      </c>
      <c r="I10515" t="s">
        <v>30540</v>
      </c>
    </row>
    <row r="10516" spans="1:9">
      <c r="A10516" s="1">
        <f ca="1">RAND()</f>
        <v>0.83195008003745796</v>
      </c>
      <c r="B10516" s="1"/>
      <c r="C10516">
        <v>15</v>
      </c>
      <c r="D10516" t="s">
        <v>19736</v>
      </c>
      <c r="E10516" t="s">
        <v>33514</v>
      </c>
      <c r="F10516">
        <v>4</v>
      </c>
      <c r="G10516" t="s">
        <v>14</v>
      </c>
      <c r="H10516" t="s">
        <v>19737</v>
      </c>
      <c r="I10516" t="s">
        <v>30540</v>
      </c>
    </row>
    <row r="10517" spans="1:9">
      <c r="A10517" s="1">
        <f ca="1">RAND()</f>
        <v>0.35907948085897068</v>
      </c>
      <c r="B10517" s="1"/>
      <c r="C10517">
        <v>2</v>
      </c>
      <c r="D10517" t="s">
        <v>19732</v>
      </c>
      <c r="E10517" t="s">
        <v>33514</v>
      </c>
      <c r="F10517">
        <v>4</v>
      </c>
      <c r="G10517" t="s">
        <v>10</v>
      </c>
      <c r="H10517" t="s">
        <v>19733</v>
      </c>
      <c r="I10517" t="s">
        <v>30540</v>
      </c>
    </row>
    <row r="10518" spans="1:9">
      <c r="A10518" s="1">
        <f ca="1">RAND()</f>
        <v>0.23227568841344659</v>
      </c>
      <c r="B10518" s="1"/>
      <c r="C10518">
        <v>10</v>
      </c>
      <c r="D10518" t="s">
        <v>19734</v>
      </c>
      <c r="E10518" t="s">
        <v>33514</v>
      </c>
      <c r="F10518">
        <v>4</v>
      </c>
      <c r="G10518" t="s">
        <v>14</v>
      </c>
      <c r="H10518" t="s">
        <v>19735</v>
      </c>
      <c r="I10518" t="s">
        <v>30540</v>
      </c>
    </row>
    <row r="10519" spans="1:9">
      <c r="A10519" s="1">
        <f ca="1">RAND()</f>
        <v>0.60626091331822896</v>
      </c>
      <c r="B10519" s="1"/>
      <c r="C10519">
        <v>16</v>
      </c>
      <c r="D10519" t="s">
        <v>19726</v>
      </c>
      <c r="E10519" t="s">
        <v>33515</v>
      </c>
      <c r="F10519">
        <v>5</v>
      </c>
      <c r="G10519" t="s">
        <v>9</v>
      </c>
      <c r="H10519" t="s">
        <v>19727</v>
      </c>
      <c r="I10519" t="s">
        <v>30540</v>
      </c>
    </row>
    <row r="10520" spans="1:9">
      <c r="A10520" s="1">
        <f ca="1">RAND()</f>
        <v>0.10487265000576751</v>
      </c>
      <c r="B10520" s="1"/>
      <c r="C10520">
        <v>17</v>
      </c>
      <c r="D10520" t="s">
        <v>19728</v>
      </c>
      <c r="E10520" t="s">
        <v>33515</v>
      </c>
      <c r="F10520">
        <v>5</v>
      </c>
      <c r="G10520" t="s">
        <v>9</v>
      </c>
      <c r="H10520" t="s">
        <v>19729</v>
      </c>
      <c r="I10520" t="s">
        <v>30540</v>
      </c>
    </row>
    <row r="10521" spans="1:9">
      <c r="A10521" s="1">
        <f ca="1">RAND()</f>
        <v>9.9780818705528573E-2</v>
      </c>
      <c r="B10521" s="1"/>
      <c r="C10521">
        <v>15</v>
      </c>
      <c r="D10521" t="s">
        <v>19724</v>
      </c>
      <c r="E10521" t="s">
        <v>33515</v>
      </c>
      <c r="F10521">
        <v>4</v>
      </c>
      <c r="G10521" t="s">
        <v>9</v>
      </c>
      <c r="H10521" t="s">
        <v>19725</v>
      </c>
      <c r="I10521" t="s">
        <v>30540</v>
      </c>
    </row>
    <row r="10522" spans="1:9">
      <c r="A10522" s="1">
        <f ca="1">RAND()</f>
        <v>0.42447847223290824</v>
      </c>
      <c r="B10522" s="1"/>
      <c r="C10522">
        <v>8</v>
      </c>
      <c r="D10522" t="s">
        <v>19722</v>
      </c>
      <c r="E10522" t="s">
        <v>33515</v>
      </c>
      <c r="F10522">
        <v>4</v>
      </c>
      <c r="G10522" t="s">
        <v>9</v>
      </c>
      <c r="H10522" t="s">
        <v>19723</v>
      </c>
      <c r="I10522" t="s">
        <v>30540</v>
      </c>
    </row>
    <row r="10523" spans="1:9">
      <c r="A10523" s="1">
        <f ca="1">RAND()</f>
        <v>0.44186225266343859</v>
      </c>
      <c r="B10523" s="1"/>
      <c r="C10523">
        <v>18</v>
      </c>
      <c r="D10523" t="s">
        <v>19730</v>
      </c>
      <c r="E10523" t="s">
        <v>33515</v>
      </c>
      <c r="F10523">
        <v>2</v>
      </c>
      <c r="G10523" t="s">
        <v>9</v>
      </c>
      <c r="H10523" t="s">
        <v>19731</v>
      </c>
      <c r="I10523" t="s">
        <v>30540</v>
      </c>
    </row>
    <row r="10524" spans="1:9">
      <c r="A10524" s="1">
        <f ca="1">RAND()</f>
        <v>0.81454382545502424</v>
      </c>
      <c r="B10524" s="1"/>
      <c r="C10524">
        <v>19</v>
      </c>
      <c r="D10524" t="s">
        <v>19720</v>
      </c>
      <c r="E10524" t="s">
        <v>33516</v>
      </c>
      <c r="F10524">
        <v>5</v>
      </c>
      <c r="G10524" t="s">
        <v>14</v>
      </c>
      <c r="H10524" t="s">
        <v>19721</v>
      </c>
      <c r="I10524" t="s">
        <v>30540</v>
      </c>
    </row>
    <row r="10525" spans="1:9">
      <c r="A10525" s="1">
        <f ca="1">RAND()</f>
        <v>0.26138117997775789</v>
      </c>
      <c r="B10525" s="1"/>
      <c r="C10525">
        <v>8</v>
      </c>
      <c r="D10525" t="s">
        <v>19710</v>
      </c>
      <c r="E10525" t="s">
        <v>33516</v>
      </c>
      <c r="F10525">
        <v>4</v>
      </c>
      <c r="G10525" t="s">
        <v>14</v>
      </c>
      <c r="H10525" t="s">
        <v>19711</v>
      </c>
      <c r="I10525" t="s">
        <v>30540</v>
      </c>
    </row>
    <row r="10526" spans="1:9">
      <c r="A10526" s="1">
        <f ca="1">RAND()</f>
        <v>0.22741721990831965</v>
      </c>
      <c r="B10526" s="1"/>
      <c r="C10526">
        <v>10</v>
      </c>
      <c r="D10526" t="s">
        <v>19712</v>
      </c>
      <c r="E10526" t="s">
        <v>33516</v>
      </c>
      <c r="F10526">
        <v>4</v>
      </c>
      <c r="G10526" t="s">
        <v>10</v>
      </c>
      <c r="H10526" t="s">
        <v>19713</v>
      </c>
      <c r="I10526" t="s">
        <v>30540</v>
      </c>
    </row>
    <row r="10527" spans="1:9">
      <c r="A10527" s="1">
        <f ca="1">RAND()</f>
        <v>0.42903303481809585</v>
      </c>
      <c r="B10527" s="1"/>
      <c r="C10527">
        <v>13</v>
      </c>
      <c r="D10527" t="s">
        <v>19714</v>
      </c>
      <c r="E10527" t="s">
        <v>33516</v>
      </c>
      <c r="F10527">
        <v>4</v>
      </c>
      <c r="G10527" t="s">
        <v>2</v>
      </c>
      <c r="H10527" t="s">
        <v>19715</v>
      </c>
      <c r="I10527" t="s">
        <v>30540</v>
      </c>
    </row>
    <row r="10528" spans="1:9">
      <c r="A10528" s="1">
        <f ca="1">RAND()</f>
        <v>0.72179198591993587</v>
      </c>
      <c r="B10528" s="1"/>
      <c r="C10528">
        <v>14</v>
      </c>
      <c r="D10528" t="s">
        <v>19716</v>
      </c>
      <c r="E10528" t="s">
        <v>33516</v>
      </c>
      <c r="F10528">
        <v>4</v>
      </c>
      <c r="G10528" t="s">
        <v>14</v>
      </c>
      <c r="H10528" t="s">
        <v>19717</v>
      </c>
      <c r="I10528" t="s">
        <v>30540</v>
      </c>
    </row>
    <row r="10529" spans="1:9">
      <c r="A10529" s="1">
        <f ca="1">RAND()</f>
        <v>0.86207554874800396</v>
      </c>
      <c r="B10529" s="1"/>
      <c r="C10529">
        <v>4</v>
      </c>
      <c r="D10529" t="s">
        <v>19708</v>
      </c>
      <c r="E10529" t="s">
        <v>33516</v>
      </c>
      <c r="F10529">
        <v>2</v>
      </c>
      <c r="G10529" t="s">
        <v>10</v>
      </c>
      <c r="H10529" t="s">
        <v>19709</v>
      </c>
      <c r="I10529" t="s">
        <v>30540</v>
      </c>
    </row>
    <row r="10530" spans="1:9">
      <c r="A10530" s="1">
        <f ca="1">RAND()</f>
        <v>0.82346601487869076</v>
      </c>
      <c r="B10530" s="1"/>
      <c r="C10530">
        <v>16</v>
      </c>
      <c r="D10530" t="s">
        <v>19718</v>
      </c>
      <c r="E10530" t="s">
        <v>33516</v>
      </c>
      <c r="F10530">
        <v>1</v>
      </c>
      <c r="G10530" t="s">
        <v>14</v>
      </c>
      <c r="H10530" t="s">
        <v>19719</v>
      </c>
      <c r="I10530" t="s">
        <v>30540</v>
      </c>
    </row>
    <row r="10531" spans="1:9">
      <c r="A10531" s="1">
        <f ca="1">RAND()</f>
        <v>0.13883483586726186</v>
      </c>
      <c r="B10531" s="1"/>
      <c r="C10531">
        <v>9</v>
      </c>
      <c r="D10531" t="s">
        <v>19702</v>
      </c>
      <c r="E10531" t="s">
        <v>33517</v>
      </c>
      <c r="F10531">
        <v>5</v>
      </c>
      <c r="G10531" t="s">
        <v>15</v>
      </c>
      <c r="H10531" t="s">
        <v>19703</v>
      </c>
      <c r="I10531" t="s">
        <v>30540</v>
      </c>
    </row>
    <row r="10532" spans="1:9">
      <c r="A10532" s="1">
        <f ca="1">RAND()</f>
        <v>0.55145336968021796</v>
      </c>
      <c r="B10532" s="1"/>
      <c r="C10532">
        <v>13</v>
      </c>
      <c r="D10532" t="s">
        <v>19704</v>
      </c>
      <c r="E10532" t="s">
        <v>33517</v>
      </c>
      <c r="F10532">
        <v>4</v>
      </c>
      <c r="G10532" t="s">
        <v>9</v>
      </c>
      <c r="H10532" t="s">
        <v>19705</v>
      </c>
      <c r="I10532" t="s">
        <v>30540</v>
      </c>
    </row>
    <row r="10533" spans="1:9">
      <c r="A10533" s="1">
        <f ca="1">RAND()</f>
        <v>0.9810031727544779</v>
      </c>
      <c r="B10533" s="1"/>
      <c r="C10533">
        <v>14</v>
      </c>
      <c r="D10533" t="s">
        <v>19706</v>
      </c>
      <c r="E10533" t="s">
        <v>33517</v>
      </c>
      <c r="F10533">
        <v>2</v>
      </c>
      <c r="G10533" t="s">
        <v>10</v>
      </c>
      <c r="H10533" t="s">
        <v>19707</v>
      </c>
      <c r="I10533" t="s">
        <v>30540</v>
      </c>
    </row>
    <row r="10534" spans="1:9">
      <c r="A10534" s="1">
        <f ca="1">RAND()</f>
        <v>0.9966313587030543</v>
      </c>
      <c r="B10534" s="1"/>
      <c r="C10534">
        <v>4</v>
      </c>
      <c r="D10534" t="s">
        <v>19694</v>
      </c>
      <c r="E10534" t="s">
        <v>33518</v>
      </c>
      <c r="F10534">
        <v>4</v>
      </c>
      <c r="G10534" t="s">
        <v>14</v>
      </c>
      <c r="H10534" t="s">
        <v>19695</v>
      </c>
      <c r="I10534" t="s">
        <v>30540</v>
      </c>
    </row>
    <row r="10535" spans="1:9">
      <c r="A10535" s="1">
        <f ca="1">RAND()</f>
        <v>0.96844435194968626</v>
      </c>
      <c r="B10535" s="1"/>
      <c r="C10535">
        <v>15</v>
      </c>
      <c r="D10535" t="s">
        <v>19696</v>
      </c>
      <c r="E10535" t="s">
        <v>33518</v>
      </c>
      <c r="F10535">
        <v>4</v>
      </c>
      <c r="G10535" t="s">
        <v>15</v>
      </c>
      <c r="H10535" t="s">
        <v>19697</v>
      </c>
      <c r="I10535" t="s">
        <v>30540</v>
      </c>
    </row>
    <row r="10536" spans="1:9">
      <c r="A10536" s="1">
        <f ca="1">RAND()</f>
        <v>0.40806301855181515</v>
      </c>
      <c r="B10536" s="1"/>
      <c r="C10536">
        <v>20</v>
      </c>
      <c r="D10536" t="s">
        <v>19700</v>
      </c>
      <c r="E10536" t="s">
        <v>33518</v>
      </c>
      <c r="F10536">
        <v>4</v>
      </c>
      <c r="G10536" t="s">
        <v>14</v>
      </c>
      <c r="H10536" t="s">
        <v>19701</v>
      </c>
      <c r="I10536" t="s">
        <v>30540</v>
      </c>
    </row>
    <row r="10537" spans="1:9">
      <c r="A10537" s="1">
        <f ca="1">RAND()</f>
        <v>0.38650535265343311</v>
      </c>
      <c r="B10537" s="1"/>
      <c r="C10537">
        <v>17</v>
      </c>
      <c r="D10537" t="s">
        <v>19698</v>
      </c>
      <c r="E10537" t="s">
        <v>33518</v>
      </c>
      <c r="F10537">
        <v>4</v>
      </c>
      <c r="G10537" t="s">
        <v>14</v>
      </c>
      <c r="H10537" t="s">
        <v>19699</v>
      </c>
      <c r="I10537" t="s">
        <v>30540</v>
      </c>
    </row>
    <row r="10538" spans="1:9">
      <c r="A10538" s="1">
        <f ca="1">RAND()</f>
        <v>0.57317118891250796</v>
      </c>
      <c r="B10538" s="1"/>
      <c r="C10538">
        <v>1</v>
      </c>
      <c r="D10538" t="s">
        <v>19692</v>
      </c>
      <c r="E10538" t="s">
        <v>33518</v>
      </c>
      <c r="F10538">
        <v>2</v>
      </c>
      <c r="G10538" t="s">
        <v>15</v>
      </c>
      <c r="H10538" t="s">
        <v>19693</v>
      </c>
      <c r="I10538" t="s">
        <v>30540</v>
      </c>
    </row>
    <row r="10539" spans="1:9">
      <c r="A10539" s="1">
        <f ca="1">RAND()</f>
        <v>0.36973257388708192</v>
      </c>
      <c r="B10539" s="1"/>
      <c r="C10539">
        <v>19</v>
      </c>
      <c r="D10539" t="s">
        <v>19688</v>
      </c>
      <c r="E10539" t="s">
        <v>33519</v>
      </c>
      <c r="F10539">
        <v>4</v>
      </c>
      <c r="G10539" t="s">
        <v>0</v>
      </c>
      <c r="H10539" t="s">
        <v>19689</v>
      </c>
      <c r="I10539" t="s">
        <v>30540</v>
      </c>
    </row>
    <row r="10540" spans="1:9">
      <c r="A10540" s="1">
        <f ca="1">RAND()</f>
        <v>0.88756016222379663</v>
      </c>
      <c r="B10540" s="1"/>
      <c r="C10540">
        <v>20</v>
      </c>
      <c r="D10540" t="s">
        <v>19690</v>
      </c>
      <c r="E10540" t="s">
        <v>33519</v>
      </c>
      <c r="F10540">
        <v>4</v>
      </c>
      <c r="G10540" t="s">
        <v>14</v>
      </c>
      <c r="H10540" t="s">
        <v>19691</v>
      </c>
      <c r="I10540" t="s">
        <v>30540</v>
      </c>
    </row>
    <row r="10541" spans="1:9">
      <c r="A10541" s="1">
        <f ca="1">RAND()</f>
        <v>6.3269265780573902E-2</v>
      </c>
      <c r="B10541" s="1"/>
      <c r="C10541">
        <v>14</v>
      </c>
      <c r="D10541" t="s">
        <v>19686</v>
      </c>
      <c r="E10541" t="s">
        <v>33520</v>
      </c>
      <c r="F10541">
        <v>4</v>
      </c>
      <c r="G10541" t="s">
        <v>14</v>
      </c>
      <c r="H10541" t="s">
        <v>19687</v>
      </c>
      <c r="I10541" t="s">
        <v>30540</v>
      </c>
    </row>
    <row r="10542" spans="1:9">
      <c r="A10542" s="1">
        <f ca="1">RAND()</f>
        <v>2.2703248086590522E-2</v>
      </c>
      <c r="B10542" s="1"/>
      <c r="C10542">
        <v>18</v>
      </c>
      <c r="D10542" t="s">
        <v>19682</v>
      </c>
      <c r="E10542" t="s">
        <v>33521</v>
      </c>
      <c r="F10542">
        <v>5</v>
      </c>
      <c r="G10542" t="s">
        <v>14</v>
      </c>
      <c r="H10542" t="s">
        <v>19683</v>
      </c>
      <c r="I10542" t="s">
        <v>30540</v>
      </c>
    </row>
    <row r="10543" spans="1:9">
      <c r="A10543" s="1">
        <f ca="1">RAND()</f>
        <v>0.40483414476211288</v>
      </c>
      <c r="B10543" s="1"/>
      <c r="C10543">
        <v>13</v>
      </c>
      <c r="D10543" t="s">
        <v>19678</v>
      </c>
      <c r="E10543" t="s">
        <v>33521</v>
      </c>
      <c r="F10543">
        <v>4</v>
      </c>
      <c r="G10543" t="s">
        <v>14</v>
      </c>
      <c r="H10543" t="s">
        <v>19679</v>
      </c>
      <c r="I10543" t="s">
        <v>30540</v>
      </c>
    </row>
    <row r="10544" spans="1:9">
      <c r="A10544" s="1">
        <f ca="1">RAND()</f>
        <v>0.97809759197807034</v>
      </c>
      <c r="B10544" s="1"/>
      <c r="C10544">
        <v>8</v>
      </c>
      <c r="D10544" t="s">
        <v>19676</v>
      </c>
      <c r="E10544" t="s">
        <v>33521</v>
      </c>
      <c r="F10544">
        <v>4</v>
      </c>
      <c r="G10544" t="s">
        <v>9</v>
      </c>
      <c r="H10544" t="s">
        <v>19677</v>
      </c>
      <c r="I10544" t="s">
        <v>30540</v>
      </c>
    </row>
    <row r="10545" spans="1:9">
      <c r="A10545" s="1">
        <f ca="1">RAND()</f>
        <v>0.2806841965160306</v>
      </c>
      <c r="B10545" s="1"/>
      <c r="C10545">
        <v>14</v>
      </c>
      <c r="D10545" t="s">
        <v>19680</v>
      </c>
      <c r="E10545" t="s">
        <v>33521</v>
      </c>
      <c r="F10545">
        <v>3</v>
      </c>
      <c r="G10545" t="s">
        <v>14</v>
      </c>
      <c r="H10545" t="s">
        <v>19681</v>
      </c>
      <c r="I10545" t="s">
        <v>30540</v>
      </c>
    </row>
    <row r="10546" spans="1:9">
      <c r="A10546" s="1">
        <f ca="1">RAND()</f>
        <v>5.8769737558741042E-2</v>
      </c>
      <c r="B10546" s="1"/>
      <c r="C10546">
        <v>1</v>
      </c>
      <c r="D10546" t="s">
        <v>19674</v>
      </c>
      <c r="E10546" t="s">
        <v>33521</v>
      </c>
      <c r="F10546">
        <v>3</v>
      </c>
      <c r="G10546" t="s">
        <v>10</v>
      </c>
      <c r="H10546" t="s">
        <v>19675</v>
      </c>
      <c r="I10546" t="s">
        <v>30540</v>
      </c>
    </row>
    <row r="10547" spans="1:9">
      <c r="A10547" s="1">
        <f ca="1">RAND()</f>
        <v>0.25333936730401696</v>
      </c>
      <c r="B10547" s="1"/>
      <c r="C10547">
        <v>19</v>
      </c>
      <c r="D10547" t="s">
        <v>19684</v>
      </c>
      <c r="E10547" t="s">
        <v>33521</v>
      </c>
      <c r="F10547">
        <v>2</v>
      </c>
      <c r="G10547" t="s">
        <v>0</v>
      </c>
      <c r="H10547" t="s">
        <v>19685</v>
      </c>
      <c r="I10547" t="s">
        <v>30540</v>
      </c>
    </row>
    <row r="10548" spans="1:9">
      <c r="A10548" s="1">
        <f ca="1">RAND()</f>
        <v>0.73544553541071811</v>
      </c>
      <c r="B10548" s="1"/>
      <c r="C10548">
        <v>7</v>
      </c>
      <c r="D10548" t="s">
        <v>19672</v>
      </c>
      <c r="E10548" t="s">
        <v>33522</v>
      </c>
      <c r="F10548">
        <v>5</v>
      </c>
      <c r="G10548" t="s">
        <v>1</v>
      </c>
      <c r="H10548" t="s">
        <v>19673</v>
      </c>
      <c r="I10548" t="s">
        <v>30540</v>
      </c>
    </row>
    <row r="10549" spans="1:9">
      <c r="A10549" s="1">
        <f ca="1">RAND()</f>
        <v>0.65513120927273194</v>
      </c>
      <c r="B10549" s="1"/>
      <c r="C10549">
        <v>4</v>
      </c>
      <c r="D10549" t="s">
        <v>19662</v>
      </c>
      <c r="E10549" t="s">
        <v>33523</v>
      </c>
      <c r="F10549">
        <v>5</v>
      </c>
      <c r="G10549" t="s">
        <v>14</v>
      </c>
      <c r="H10549" t="s">
        <v>19663</v>
      </c>
      <c r="I10549" t="s">
        <v>30540</v>
      </c>
    </row>
    <row r="10550" spans="1:9">
      <c r="A10550" s="1">
        <f ca="1">RAND()</f>
        <v>0.91090030591623405</v>
      </c>
      <c r="B10550" s="1"/>
      <c r="C10550">
        <v>11</v>
      </c>
      <c r="D10550" t="s">
        <v>19666</v>
      </c>
      <c r="E10550" t="s">
        <v>33523</v>
      </c>
      <c r="F10550">
        <v>4</v>
      </c>
      <c r="G10550" t="s">
        <v>14</v>
      </c>
      <c r="H10550" t="s">
        <v>19667</v>
      </c>
      <c r="I10550" t="s">
        <v>30540</v>
      </c>
    </row>
    <row r="10551" spans="1:9">
      <c r="A10551" s="1">
        <f ca="1">RAND()</f>
        <v>0.97820970282792952</v>
      </c>
      <c r="B10551" s="1"/>
      <c r="C10551">
        <v>8</v>
      </c>
      <c r="D10551" t="s">
        <v>19664</v>
      </c>
      <c r="E10551" t="s">
        <v>33523</v>
      </c>
      <c r="F10551">
        <v>4</v>
      </c>
      <c r="G10551" t="s">
        <v>13</v>
      </c>
      <c r="H10551" t="s">
        <v>19665</v>
      </c>
      <c r="I10551" t="s">
        <v>30540</v>
      </c>
    </row>
    <row r="10552" spans="1:9">
      <c r="A10552" s="1">
        <f ca="1">RAND()</f>
        <v>2.0708560846736002E-2</v>
      </c>
      <c r="B10552" s="1"/>
      <c r="C10552">
        <v>14</v>
      </c>
      <c r="D10552" t="s">
        <v>19670</v>
      </c>
      <c r="E10552" t="s">
        <v>33523</v>
      </c>
      <c r="F10552">
        <v>4</v>
      </c>
      <c r="G10552" t="s">
        <v>0</v>
      </c>
      <c r="H10552" t="s">
        <v>19671</v>
      </c>
      <c r="I10552" t="s">
        <v>30540</v>
      </c>
    </row>
    <row r="10553" spans="1:9">
      <c r="A10553" s="1">
        <f ca="1">RAND()</f>
        <v>0.33505423953043734</v>
      </c>
      <c r="B10553" s="1"/>
      <c r="C10553">
        <v>13</v>
      </c>
      <c r="D10553" t="s">
        <v>19668</v>
      </c>
      <c r="E10553" t="s">
        <v>33523</v>
      </c>
      <c r="F10553">
        <v>3</v>
      </c>
      <c r="G10553" t="s">
        <v>14</v>
      </c>
      <c r="H10553" t="s">
        <v>19669</v>
      </c>
      <c r="I10553" t="s">
        <v>30540</v>
      </c>
    </row>
    <row r="10554" spans="1:9">
      <c r="A10554" s="1">
        <f ca="1">RAND()</f>
        <v>0.98141066021267076</v>
      </c>
      <c r="B10554" s="1"/>
      <c r="C10554">
        <v>6</v>
      </c>
      <c r="D10554" t="s">
        <v>19656</v>
      </c>
      <c r="E10554" t="s">
        <v>33524</v>
      </c>
      <c r="F10554">
        <v>5</v>
      </c>
      <c r="G10554" t="s">
        <v>14</v>
      </c>
      <c r="H10554" t="s">
        <v>19657</v>
      </c>
      <c r="I10554" t="s">
        <v>30540</v>
      </c>
    </row>
    <row r="10555" spans="1:9">
      <c r="A10555" s="1">
        <f ca="1">RAND()</f>
        <v>8.5586239602731373E-2</v>
      </c>
      <c r="B10555" s="1"/>
      <c r="C10555">
        <v>7</v>
      </c>
      <c r="D10555" t="s">
        <v>19658</v>
      </c>
      <c r="E10555" t="s">
        <v>33524</v>
      </c>
      <c r="F10555">
        <v>4</v>
      </c>
      <c r="G10555" t="s">
        <v>9</v>
      </c>
      <c r="H10555" t="s">
        <v>19659</v>
      </c>
      <c r="I10555" t="s">
        <v>30540</v>
      </c>
    </row>
    <row r="10556" spans="1:9">
      <c r="A10556" s="1">
        <f ca="1">RAND()</f>
        <v>0.74234375273605835</v>
      </c>
      <c r="B10556" s="1"/>
      <c r="C10556">
        <v>14</v>
      </c>
      <c r="D10556" t="s">
        <v>19660</v>
      </c>
      <c r="E10556" t="s">
        <v>33524</v>
      </c>
      <c r="F10556">
        <v>4</v>
      </c>
      <c r="G10556" t="s">
        <v>0</v>
      </c>
      <c r="H10556" t="s">
        <v>19661</v>
      </c>
      <c r="I10556" t="s">
        <v>30540</v>
      </c>
    </row>
    <row r="10557" spans="1:9">
      <c r="A10557" s="1">
        <f ca="1">RAND()</f>
        <v>0.43093399529888676</v>
      </c>
      <c r="B10557" s="1"/>
      <c r="C10557">
        <v>9</v>
      </c>
      <c r="D10557" t="s">
        <v>19646</v>
      </c>
      <c r="E10557" t="s">
        <v>33525</v>
      </c>
      <c r="F10557">
        <v>5</v>
      </c>
      <c r="G10557" t="s">
        <v>10</v>
      </c>
      <c r="H10557" t="s">
        <v>19647</v>
      </c>
      <c r="I10557" t="s">
        <v>30540</v>
      </c>
    </row>
    <row r="10558" spans="1:9">
      <c r="A10558" s="1">
        <f ca="1">RAND()</f>
        <v>0.22905458312526505</v>
      </c>
      <c r="B10558" s="1"/>
      <c r="C10558">
        <v>12</v>
      </c>
      <c r="D10558" t="s">
        <v>19650</v>
      </c>
      <c r="E10558" t="s">
        <v>33525</v>
      </c>
      <c r="F10558">
        <v>5</v>
      </c>
      <c r="G10558" t="s">
        <v>0</v>
      </c>
      <c r="H10558" t="s">
        <v>19651</v>
      </c>
      <c r="I10558" t="s">
        <v>30540</v>
      </c>
    </row>
    <row r="10559" spans="1:9">
      <c r="A10559" s="1">
        <f ca="1">RAND()</f>
        <v>0.38945063866081719</v>
      </c>
      <c r="B10559" s="1"/>
      <c r="C10559">
        <v>16</v>
      </c>
      <c r="D10559" t="s">
        <v>19654</v>
      </c>
      <c r="E10559" t="s">
        <v>33525</v>
      </c>
      <c r="F10559">
        <v>4</v>
      </c>
      <c r="G10559" t="s">
        <v>10</v>
      </c>
      <c r="H10559" t="s">
        <v>19655</v>
      </c>
      <c r="I10559" t="s">
        <v>30540</v>
      </c>
    </row>
    <row r="10560" spans="1:9">
      <c r="A10560" s="1">
        <f ca="1">RAND()</f>
        <v>0.78583465108740913</v>
      </c>
      <c r="B10560" s="1"/>
      <c r="C10560">
        <v>14</v>
      </c>
      <c r="D10560" t="s">
        <v>19652</v>
      </c>
      <c r="E10560" t="s">
        <v>33525</v>
      </c>
      <c r="F10560">
        <v>3</v>
      </c>
      <c r="G10560" t="s">
        <v>1</v>
      </c>
      <c r="H10560" t="s">
        <v>19653</v>
      </c>
      <c r="I10560" t="s">
        <v>30540</v>
      </c>
    </row>
    <row r="10561" spans="1:9">
      <c r="A10561" s="1">
        <f ca="1">RAND()</f>
        <v>0.74977673205618056</v>
      </c>
      <c r="B10561" s="1"/>
      <c r="C10561">
        <v>10</v>
      </c>
      <c r="D10561" t="s">
        <v>19648</v>
      </c>
      <c r="E10561" t="s">
        <v>33525</v>
      </c>
      <c r="F10561">
        <v>3</v>
      </c>
      <c r="G10561" t="s">
        <v>10</v>
      </c>
      <c r="H10561" t="s">
        <v>19649</v>
      </c>
      <c r="I10561" t="s">
        <v>30540</v>
      </c>
    </row>
    <row r="10562" spans="1:9">
      <c r="A10562" s="1">
        <f ca="1">RAND()</f>
        <v>0.82561896550805636</v>
      </c>
      <c r="B10562" s="1"/>
      <c r="C10562">
        <v>1</v>
      </c>
      <c r="D10562" t="s">
        <v>19640</v>
      </c>
      <c r="E10562" t="s">
        <v>33526</v>
      </c>
      <c r="F10562">
        <v>4</v>
      </c>
      <c r="G10562" t="s">
        <v>10</v>
      </c>
      <c r="H10562" t="s">
        <v>19641</v>
      </c>
      <c r="I10562" t="s">
        <v>30540</v>
      </c>
    </row>
    <row r="10563" spans="1:9">
      <c r="A10563" s="1">
        <f ca="1">RAND()</f>
        <v>0.61968467539989647</v>
      </c>
      <c r="B10563" s="1"/>
      <c r="C10563">
        <v>7</v>
      </c>
      <c r="D10563" t="s">
        <v>19642</v>
      </c>
      <c r="E10563" t="s">
        <v>33526</v>
      </c>
      <c r="F10563">
        <v>4</v>
      </c>
      <c r="G10563" t="s">
        <v>10</v>
      </c>
      <c r="H10563" t="s">
        <v>19643</v>
      </c>
      <c r="I10563" t="s">
        <v>30540</v>
      </c>
    </row>
    <row r="10564" spans="1:9">
      <c r="A10564" s="1">
        <f ca="1">RAND()</f>
        <v>0.5289444155092069</v>
      </c>
      <c r="B10564" s="1"/>
      <c r="C10564">
        <v>9</v>
      </c>
      <c r="D10564" t="s">
        <v>19644</v>
      </c>
      <c r="E10564" t="s">
        <v>33526</v>
      </c>
      <c r="F10564">
        <v>4</v>
      </c>
      <c r="G10564" t="s">
        <v>14</v>
      </c>
      <c r="H10564" t="s">
        <v>19645</v>
      </c>
      <c r="I10564" t="s">
        <v>30540</v>
      </c>
    </row>
    <row r="10565" spans="1:9">
      <c r="A10565" s="1">
        <f ca="1">RAND()</f>
        <v>0.95870654340966044</v>
      </c>
      <c r="B10565" s="1"/>
      <c r="C10565">
        <v>19</v>
      </c>
      <c r="D10565" t="s">
        <v>19638</v>
      </c>
      <c r="E10565" t="s">
        <v>33527</v>
      </c>
      <c r="F10565">
        <v>5</v>
      </c>
      <c r="G10565" t="s">
        <v>10</v>
      </c>
      <c r="H10565" t="s">
        <v>19639</v>
      </c>
      <c r="I10565" t="s">
        <v>30540</v>
      </c>
    </row>
    <row r="10566" spans="1:9">
      <c r="A10566" s="1">
        <f ca="1">RAND()</f>
        <v>0.11282740080324771</v>
      </c>
      <c r="B10566" s="1"/>
      <c r="C10566">
        <v>15</v>
      </c>
      <c r="D10566" t="s">
        <v>19636</v>
      </c>
      <c r="E10566" t="s">
        <v>33527</v>
      </c>
      <c r="F10566">
        <v>4</v>
      </c>
      <c r="G10566" t="s">
        <v>1431</v>
      </c>
      <c r="H10566" t="s">
        <v>19637</v>
      </c>
      <c r="I10566" t="s">
        <v>30540</v>
      </c>
    </row>
    <row r="10567" spans="1:9">
      <c r="A10567" s="1">
        <f ca="1">RAND()</f>
        <v>0.80802513359236505</v>
      </c>
      <c r="B10567" s="1"/>
      <c r="C10567">
        <v>6</v>
      </c>
      <c r="D10567" t="s">
        <v>19634</v>
      </c>
      <c r="E10567" t="s">
        <v>33527</v>
      </c>
      <c r="F10567">
        <v>3</v>
      </c>
      <c r="G10567" t="s">
        <v>1295</v>
      </c>
      <c r="H10567" t="s">
        <v>19635</v>
      </c>
      <c r="I10567" t="s">
        <v>30540</v>
      </c>
    </row>
    <row r="10568" spans="1:9">
      <c r="A10568" s="1">
        <f ca="1">RAND()</f>
        <v>0.44959865471745386</v>
      </c>
      <c r="B10568" s="1"/>
      <c r="C10568">
        <v>10</v>
      </c>
      <c r="D10568" t="s">
        <v>19632</v>
      </c>
      <c r="E10568" t="s">
        <v>33528</v>
      </c>
      <c r="F10568">
        <v>5</v>
      </c>
      <c r="G10568" t="s">
        <v>14</v>
      </c>
      <c r="H10568" t="s">
        <v>19633</v>
      </c>
      <c r="I10568" t="s">
        <v>30540</v>
      </c>
    </row>
    <row r="10569" spans="1:9">
      <c r="A10569" s="1">
        <f ca="1">RAND()</f>
        <v>9.0964487463192856E-2</v>
      </c>
      <c r="B10569" s="1"/>
      <c r="C10569">
        <v>7</v>
      </c>
      <c r="D10569" t="s">
        <v>19630</v>
      </c>
      <c r="E10569" t="s">
        <v>33528</v>
      </c>
      <c r="F10569">
        <v>4</v>
      </c>
      <c r="G10569" t="s">
        <v>14</v>
      </c>
      <c r="H10569" t="s">
        <v>19631</v>
      </c>
      <c r="I10569" t="s">
        <v>30540</v>
      </c>
    </row>
    <row r="10570" spans="1:9">
      <c r="A10570" s="1">
        <f ca="1">RAND()</f>
        <v>6.8666497775238589E-2</v>
      </c>
      <c r="B10570" s="1"/>
      <c r="C10570">
        <v>11</v>
      </c>
      <c r="D10570" t="s">
        <v>19626</v>
      </c>
      <c r="E10570" t="s">
        <v>33529</v>
      </c>
      <c r="F10570">
        <v>5</v>
      </c>
      <c r="G10570" t="s">
        <v>14</v>
      </c>
      <c r="H10570" t="s">
        <v>19627</v>
      </c>
      <c r="I10570" t="s">
        <v>30540</v>
      </c>
    </row>
    <row r="10571" spans="1:9">
      <c r="A10571" s="1">
        <f ca="1">RAND()</f>
        <v>0.88098782784842744</v>
      </c>
      <c r="B10571" s="1"/>
      <c r="C10571">
        <v>2</v>
      </c>
      <c r="D10571" t="s">
        <v>19618</v>
      </c>
      <c r="E10571" t="s">
        <v>33529</v>
      </c>
      <c r="F10571">
        <v>4</v>
      </c>
      <c r="G10571" t="s">
        <v>15</v>
      </c>
      <c r="H10571" t="s">
        <v>19619</v>
      </c>
      <c r="I10571" t="s">
        <v>30540</v>
      </c>
    </row>
    <row r="10572" spans="1:9">
      <c r="A10572" s="1">
        <f ca="1">RAND()</f>
        <v>0.54016424704576693</v>
      </c>
      <c r="B10572" s="1"/>
      <c r="C10572">
        <v>7</v>
      </c>
      <c r="D10572" t="s">
        <v>19624</v>
      </c>
      <c r="E10572" t="s">
        <v>33529</v>
      </c>
      <c r="F10572">
        <v>4</v>
      </c>
      <c r="G10572" t="s">
        <v>9</v>
      </c>
      <c r="H10572" t="s">
        <v>19625</v>
      </c>
      <c r="I10572" t="s">
        <v>30540</v>
      </c>
    </row>
    <row r="10573" spans="1:9">
      <c r="A10573" s="1">
        <f ca="1">RAND()</f>
        <v>0.68042807433806485</v>
      </c>
      <c r="B10573" s="1"/>
      <c r="C10573">
        <v>3</v>
      </c>
      <c r="D10573" t="s">
        <v>19620</v>
      </c>
      <c r="E10573" t="s">
        <v>33529</v>
      </c>
      <c r="F10573">
        <v>4</v>
      </c>
      <c r="G10573" t="s">
        <v>10</v>
      </c>
      <c r="H10573" t="s">
        <v>19621</v>
      </c>
      <c r="I10573" t="s">
        <v>30540</v>
      </c>
    </row>
    <row r="10574" spans="1:9">
      <c r="A10574" s="1">
        <f ca="1">RAND()</f>
        <v>0.10037289082207757</v>
      </c>
      <c r="B10574" s="1"/>
      <c r="C10574">
        <v>16</v>
      </c>
      <c r="D10574" t="s">
        <v>19628</v>
      </c>
      <c r="E10574" t="s">
        <v>33529</v>
      </c>
      <c r="F10574">
        <v>3</v>
      </c>
      <c r="G10574" t="s">
        <v>14</v>
      </c>
      <c r="H10574" t="s">
        <v>19629</v>
      </c>
      <c r="I10574" t="s">
        <v>30540</v>
      </c>
    </row>
    <row r="10575" spans="1:9">
      <c r="A10575" s="1">
        <f ca="1">RAND()</f>
        <v>0.89285976761338426</v>
      </c>
      <c r="B10575" s="1"/>
      <c r="C10575">
        <v>4</v>
      </c>
      <c r="D10575" t="s">
        <v>19622</v>
      </c>
      <c r="E10575" t="s">
        <v>33529</v>
      </c>
      <c r="F10575">
        <v>2</v>
      </c>
      <c r="G10575" t="s">
        <v>10</v>
      </c>
      <c r="H10575" t="s">
        <v>19623</v>
      </c>
      <c r="I10575" t="s">
        <v>30540</v>
      </c>
    </row>
    <row r="10576" spans="1:9">
      <c r="A10576" s="1">
        <f ca="1">RAND()</f>
        <v>0.12047871090352713</v>
      </c>
      <c r="B10576" s="1"/>
      <c r="C10576">
        <v>6</v>
      </c>
      <c r="D10576" t="s">
        <v>19608</v>
      </c>
      <c r="E10576" t="s">
        <v>33530</v>
      </c>
      <c r="F10576">
        <v>4</v>
      </c>
      <c r="G10576" t="s">
        <v>14</v>
      </c>
      <c r="H10576" t="s">
        <v>19609</v>
      </c>
      <c r="I10576" t="s">
        <v>30540</v>
      </c>
    </row>
    <row r="10577" spans="1:9">
      <c r="A10577" s="1">
        <f ca="1">RAND()</f>
        <v>0.53354148735854856</v>
      </c>
      <c r="B10577" s="1"/>
      <c r="C10577">
        <v>7</v>
      </c>
      <c r="D10577" t="s">
        <v>19610</v>
      </c>
      <c r="E10577" t="s">
        <v>33530</v>
      </c>
      <c r="F10577">
        <v>4</v>
      </c>
      <c r="G10577" t="s">
        <v>14</v>
      </c>
      <c r="H10577" t="s">
        <v>19611</v>
      </c>
      <c r="I10577" t="s">
        <v>30540</v>
      </c>
    </row>
    <row r="10578" spans="1:9">
      <c r="A10578" s="1">
        <f ca="1">RAND()</f>
        <v>5.4705970014589878E-2</v>
      </c>
      <c r="B10578" s="1"/>
      <c r="C10578">
        <v>12</v>
      </c>
      <c r="D10578" t="s">
        <v>19616</v>
      </c>
      <c r="E10578" t="s">
        <v>33530</v>
      </c>
      <c r="F10578">
        <v>4</v>
      </c>
      <c r="G10578" t="s">
        <v>13</v>
      </c>
      <c r="H10578" t="s">
        <v>19617</v>
      </c>
      <c r="I10578" t="s">
        <v>30540</v>
      </c>
    </row>
    <row r="10579" spans="1:9">
      <c r="A10579" s="1">
        <f ca="1">RAND()</f>
        <v>0.29096173294885841</v>
      </c>
      <c r="B10579" s="1"/>
      <c r="C10579">
        <v>9</v>
      </c>
      <c r="D10579" t="s">
        <v>19612</v>
      </c>
      <c r="E10579" t="s">
        <v>33530</v>
      </c>
      <c r="F10579">
        <v>4</v>
      </c>
      <c r="G10579" t="s">
        <v>1</v>
      </c>
      <c r="H10579" t="s">
        <v>19613</v>
      </c>
      <c r="I10579" t="s">
        <v>30540</v>
      </c>
    </row>
    <row r="10580" spans="1:9">
      <c r="A10580" s="1">
        <f ca="1">RAND()</f>
        <v>0.18225183365630671</v>
      </c>
      <c r="B10580" s="1"/>
      <c r="C10580">
        <v>10</v>
      </c>
      <c r="D10580" t="s">
        <v>19614</v>
      </c>
      <c r="E10580" t="s">
        <v>33530</v>
      </c>
      <c r="F10580">
        <v>2</v>
      </c>
      <c r="G10580" t="s">
        <v>14</v>
      </c>
      <c r="H10580" t="s">
        <v>19615</v>
      </c>
      <c r="I10580" t="s">
        <v>30540</v>
      </c>
    </row>
    <row r="10581" spans="1:9">
      <c r="A10581" s="1">
        <f ca="1">RAND()</f>
        <v>0.99619724079528316</v>
      </c>
      <c r="B10581" s="1"/>
      <c r="C10581">
        <v>17</v>
      </c>
      <c r="D10581" t="s">
        <v>19606</v>
      </c>
      <c r="E10581" t="s">
        <v>33531</v>
      </c>
      <c r="F10581">
        <v>5</v>
      </c>
      <c r="G10581" t="s">
        <v>0</v>
      </c>
      <c r="H10581" t="s">
        <v>19607</v>
      </c>
      <c r="I10581" t="s">
        <v>30540</v>
      </c>
    </row>
    <row r="10582" spans="1:9">
      <c r="A10582" s="1">
        <f ca="1">RAND()</f>
        <v>0.13635724782731473</v>
      </c>
      <c r="B10582" s="1"/>
      <c r="C10582">
        <v>8</v>
      </c>
      <c r="D10582" t="s">
        <v>19598</v>
      </c>
      <c r="E10582" t="s">
        <v>33531</v>
      </c>
      <c r="F10582">
        <v>4</v>
      </c>
      <c r="G10582" t="s">
        <v>13</v>
      </c>
      <c r="H10582" t="s">
        <v>19599</v>
      </c>
      <c r="I10582" t="s">
        <v>30540</v>
      </c>
    </row>
    <row r="10583" spans="1:9">
      <c r="A10583" s="1">
        <f ca="1">RAND()</f>
        <v>1.9625043386700569E-2</v>
      </c>
      <c r="B10583" s="1"/>
      <c r="C10583">
        <v>13</v>
      </c>
      <c r="D10583" t="s">
        <v>19602</v>
      </c>
      <c r="E10583" t="s">
        <v>33531</v>
      </c>
      <c r="F10583">
        <v>4</v>
      </c>
      <c r="G10583" t="s">
        <v>10</v>
      </c>
      <c r="H10583" t="s">
        <v>19603</v>
      </c>
      <c r="I10583" t="s">
        <v>30540</v>
      </c>
    </row>
    <row r="10584" spans="1:9">
      <c r="A10584" s="1">
        <f ca="1">RAND()</f>
        <v>9.573510056672363E-2</v>
      </c>
      <c r="B10584" s="1"/>
      <c r="C10584">
        <v>14</v>
      </c>
      <c r="D10584" t="s">
        <v>19604</v>
      </c>
      <c r="E10584" t="s">
        <v>33531</v>
      </c>
      <c r="F10584">
        <v>4</v>
      </c>
      <c r="G10584" t="s">
        <v>10</v>
      </c>
      <c r="H10584" t="s">
        <v>19605</v>
      </c>
      <c r="I10584" t="s">
        <v>30540</v>
      </c>
    </row>
    <row r="10585" spans="1:9">
      <c r="A10585" s="1">
        <f ca="1">RAND()</f>
        <v>0.72663033685098788</v>
      </c>
      <c r="B10585" s="1"/>
      <c r="C10585">
        <v>12</v>
      </c>
      <c r="D10585" t="s">
        <v>19600</v>
      </c>
      <c r="E10585" t="s">
        <v>33531</v>
      </c>
      <c r="F10585">
        <v>2</v>
      </c>
      <c r="G10585" t="s">
        <v>10</v>
      </c>
      <c r="H10585" t="s">
        <v>19601</v>
      </c>
      <c r="I10585" t="s">
        <v>30540</v>
      </c>
    </row>
    <row r="10586" spans="1:9">
      <c r="A10586" s="1">
        <f ca="1">RAND()</f>
        <v>0.95054101485050613</v>
      </c>
      <c r="B10586" s="1"/>
      <c r="C10586">
        <v>19</v>
      </c>
      <c r="D10586" t="s">
        <v>19596</v>
      </c>
      <c r="E10586" t="s">
        <v>33532</v>
      </c>
      <c r="F10586">
        <v>5</v>
      </c>
      <c r="G10586" t="s">
        <v>1</v>
      </c>
      <c r="H10586" t="s">
        <v>19597</v>
      </c>
      <c r="I10586" t="s">
        <v>30540</v>
      </c>
    </row>
    <row r="10587" spans="1:9">
      <c r="A10587" s="1">
        <f ca="1">RAND()</f>
        <v>0.92315184107079984</v>
      </c>
      <c r="B10587" s="1"/>
      <c r="C10587">
        <v>6</v>
      </c>
      <c r="D10587" t="s">
        <v>19594</v>
      </c>
      <c r="E10587" t="s">
        <v>33532</v>
      </c>
      <c r="F10587">
        <v>3</v>
      </c>
      <c r="G10587" t="s">
        <v>3732</v>
      </c>
      <c r="H10587" t="s">
        <v>19595</v>
      </c>
      <c r="I10587" t="s">
        <v>30540</v>
      </c>
    </row>
    <row r="10588" spans="1:9">
      <c r="A10588" s="1">
        <f ca="1">RAND()</f>
        <v>0.59809392056330613</v>
      </c>
      <c r="B10588" s="1"/>
      <c r="C10588">
        <v>1</v>
      </c>
      <c r="D10588" t="s">
        <v>19590</v>
      </c>
      <c r="E10588" t="s">
        <v>33533</v>
      </c>
      <c r="F10588">
        <v>5</v>
      </c>
      <c r="G10588" t="s">
        <v>10</v>
      </c>
      <c r="H10588" t="s">
        <v>19591</v>
      </c>
      <c r="I10588" t="s">
        <v>30540</v>
      </c>
    </row>
    <row r="10589" spans="1:9">
      <c r="A10589" s="1">
        <f ca="1">RAND()</f>
        <v>0.45326661608384766</v>
      </c>
      <c r="B10589" s="1"/>
      <c r="C10589">
        <v>10</v>
      </c>
      <c r="D10589" t="s">
        <v>19592</v>
      </c>
      <c r="E10589" t="s">
        <v>33533</v>
      </c>
      <c r="F10589">
        <v>4</v>
      </c>
      <c r="G10589" t="s">
        <v>10</v>
      </c>
      <c r="H10589" t="s">
        <v>19593</v>
      </c>
      <c r="I10589" t="s">
        <v>30540</v>
      </c>
    </row>
    <row r="10590" spans="1:9">
      <c r="A10590" s="1">
        <f ca="1">RAND()</f>
        <v>0.74956685839596993</v>
      </c>
      <c r="B10590" s="1"/>
      <c r="C10590">
        <v>5</v>
      </c>
      <c r="D10590" t="s">
        <v>19582</v>
      </c>
      <c r="E10590" t="s">
        <v>33534</v>
      </c>
      <c r="F10590">
        <v>4</v>
      </c>
      <c r="G10590" t="s">
        <v>14</v>
      </c>
      <c r="H10590" t="s">
        <v>19583</v>
      </c>
      <c r="I10590" t="s">
        <v>30540</v>
      </c>
    </row>
    <row r="10591" spans="1:9">
      <c r="A10591" s="1">
        <f ca="1">RAND()</f>
        <v>0.51924503926094023</v>
      </c>
      <c r="B10591" s="1"/>
      <c r="C10591">
        <v>7</v>
      </c>
      <c r="D10591" t="s">
        <v>19584</v>
      </c>
      <c r="E10591" t="s">
        <v>33534</v>
      </c>
      <c r="F10591">
        <v>4</v>
      </c>
      <c r="G10591" t="s">
        <v>10</v>
      </c>
      <c r="H10591" t="s">
        <v>19585</v>
      </c>
      <c r="I10591" t="s">
        <v>30540</v>
      </c>
    </row>
    <row r="10592" spans="1:9">
      <c r="A10592" s="1">
        <f ca="1">RAND()</f>
        <v>0.4198998600291407</v>
      </c>
      <c r="B10592" s="1"/>
      <c r="C10592">
        <v>1</v>
      </c>
      <c r="D10592" t="s">
        <v>19576</v>
      </c>
      <c r="E10592" t="s">
        <v>33534</v>
      </c>
      <c r="F10592">
        <v>4</v>
      </c>
      <c r="G10592" t="s">
        <v>2</v>
      </c>
      <c r="H10592" t="s">
        <v>19577</v>
      </c>
      <c r="I10592" t="s">
        <v>30540</v>
      </c>
    </row>
    <row r="10593" spans="1:9">
      <c r="A10593" s="1">
        <f ca="1">RAND()</f>
        <v>0.76248359737556937</v>
      </c>
      <c r="B10593" s="1"/>
      <c r="C10593">
        <v>10</v>
      </c>
      <c r="D10593" t="s">
        <v>19586</v>
      </c>
      <c r="E10593" t="s">
        <v>33534</v>
      </c>
      <c r="F10593">
        <v>4</v>
      </c>
      <c r="G10593" t="s">
        <v>10</v>
      </c>
      <c r="H10593" t="s">
        <v>19587</v>
      </c>
      <c r="I10593" t="s">
        <v>30540</v>
      </c>
    </row>
    <row r="10594" spans="1:9">
      <c r="A10594" s="1">
        <f ca="1">RAND()</f>
        <v>1.0613479052798191E-2</v>
      </c>
      <c r="B10594" s="1"/>
      <c r="C10594">
        <v>4</v>
      </c>
      <c r="D10594" t="s">
        <v>19580</v>
      </c>
      <c r="E10594" t="s">
        <v>33534</v>
      </c>
      <c r="F10594">
        <v>4</v>
      </c>
      <c r="G10594" t="s">
        <v>14</v>
      </c>
      <c r="H10594" t="s">
        <v>19581</v>
      </c>
      <c r="I10594" t="s">
        <v>30540</v>
      </c>
    </row>
    <row r="10595" spans="1:9">
      <c r="A10595" s="1">
        <f ca="1">RAND()</f>
        <v>0.43150219951116908</v>
      </c>
      <c r="B10595" s="1"/>
      <c r="C10595">
        <v>11</v>
      </c>
      <c r="D10595" t="s">
        <v>19588</v>
      </c>
      <c r="E10595" t="s">
        <v>33534</v>
      </c>
      <c r="F10595">
        <v>3</v>
      </c>
      <c r="G10595" t="s">
        <v>14</v>
      </c>
      <c r="H10595" t="s">
        <v>19589</v>
      </c>
      <c r="I10595" t="s">
        <v>30540</v>
      </c>
    </row>
    <row r="10596" spans="1:9">
      <c r="A10596" s="1">
        <f ca="1">RAND()</f>
        <v>0.58582585510541396</v>
      </c>
      <c r="B10596" s="1"/>
      <c r="C10596">
        <v>3</v>
      </c>
      <c r="D10596" t="s">
        <v>19578</v>
      </c>
      <c r="E10596" t="s">
        <v>33534</v>
      </c>
      <c r="F10596">
        <v>2</v>
      </c>
      <c r="G10596" t="s">
        <v>10</v>
      </c>
      <c r="H10596" t="s">
        <v>19579</v>
      </c>
      <c r="I10596" t="s">
        <v>30540</v>
      </c>
    </row>
    <row r="10597" spans="1:9">
      <c r="A10597" s="1">
        <f ca="1">RAND()</f>
        <v>0.97862049302407095</v>
      </c>
      <c r="B10597" s="1"/>
      <c r="C10597">
        <v>14</v>
      </c>
      <c r="D10597" t="s">
        <v>19572</v>
      </c>
      <c r="E10597" t="s">
        <v>33535</v>
      </c>
      <c r="F10597">
        <v>4</v>
      </c>
      <c r="G10597" t="s">
        <v>14</v>
      </c>
      <c r="H10597" t="s">
        <v>19573</v>
      </c>
      <c r="I10597" t="s">
        <v>30540</v>
      </c>
    </row>
    <row r="10598" spans="1:9">
      <c r="A10598" s="1">
        <f ca="1">RAND()</f>
        <v>0.83136961395116205</v>
      </c>
      <c r="B10598" s="1"/>
      <c r="C10598">
        <v>9</v>
      </c>
      <c r="D10598" t="s">
        <v>19568</v>
      </c>
      <c r="E10598" t="s">
        <v>33535</v>
      </c>
      <c r="F10598">
        <v>4</v>
      </c>
      <c r="G10598" t="s">
        <v>0</v>
      </c>
      <c r="H10598" t="s">
        <v>19569</v>
      </c>
      <c r="I10598" t="s">
        <v>30540</v>
      </c>
    </row>
    <row r="10599" spans="1:9">
      <c r="A10599" s="1">
        <f ca="1">RAND()</f>
        <v>0.85542763014439782</v>
      </c>
      <c r="B10599" s="1"/>
      <c r="C10599">
        <v>15</v>
      </c>
      <c r="D10599" t="s">
        <v>19574</v>
      </c>
      <c r="E10599" t="s">
        <v>33535</v>
      </c>
      <c r="F10599">
        <v>2</v>
      </c>
      <c r="G10599" t="s">
        <v>14</v>
      </c>
      <c r="H10599" t="s">
        <v>19575</v>
      </c>
      <c r="I10599" t="s">
        <v>30540</v>
      </c>
    </row>
    <row r="10600" spans="1:9">
      <c r="A10600" s="1">
        <f ca="1">RAND()</f>
        <v>0.71623503285937185</v>
      </c>
      <c r="B10600" s="1"/>
      <c r="C10600">
        <v>13</v>
      </c>
      <c r="D10600" t="s">
        <v>19570</v>
      </c>
      <c r="E10600" t="s">
        <v>33535</v>
      </c>
      <c r="F10600">
        <v>2</v>
      </c>
      <c r="G10600" t="s">
        <v>13</v>
      </c>
      <c r="H10600" t="s">
        <v>19571</v>
      </c>
      <c r="I10600" t="s">
        <v>30540</v>
      </c>
    </row>
    <row r="10601" spans="1:9">
      <c r="A10601" s="1">
        <f ca="1">RAND()</f>
        <v>0.93214954887081647</v>
      </c>
      <c r="B10601" s="1"/>
      <c r="C10601">
        <v>9</v>
      </c>
      <c r="D10601" t="s">
        <v>19564</v>
      </c>
      <c r="E10601" t="s">
        <v>33536</v>
      </c>
      <c r="F10601">
        <v>4</v>
      </c>
      <c r="G10601" t="s">
        <v>2</v>
      </c>
      <c r="H10601" t="s">
        <v>19565</v>
      </c>
      <c r="I10601" t="s">
        <v>30540</v>
      </c>
    </row>
    <row r="10602" spans="1:9">
      <c r="A10602" s="1">
        <f ca="1">RAND()</f>
        <v>0.84767519768761956</v>
      </c>
      <c r="B10602" s="1"/>
      <c r="C10602">
        <v>6</v>
      </c>
      <c r="D10602" t="s">
        <v>19562</v>
      </c>
      <c r="E10602" t="s">
        <v>33536</v>
      </c>
      <c r="F10602">
        <v>4</v>
      </c>
      <c r="G10602" t="s">
        <v>2</v>
      </c>
      <c r="H10602" t="s">
        <v>19563</v>
      </c>
      <c r="I10602" t="s">
        <v>30540</v>
      </c>
    </row>
    <row r="10603" spans="1:9">
      <c r="A10603" s="1">
        <f ca="1">RAND()</f>
        <v>0.73302447158921469</v>
      </c>
      <c r="B10603" s="1"/>
      <c r="C10603">
        <v>13</v>
      </c>
      <c r="D10603" t="s">
        <v>19566</v>
      </c>
      <c r="E10603" t="s">
        <v>33536</v>
      </c>
      <c r="F10603">
        <v>4</v>
      </c>
      <c r="G10603" t="s">
        <v>2</v>
      </c>
      <c r="H10603" t="s">
        <v>19567</v>
      </c>
      <c r="I10603" t="s">
        <v>30540</v>
      </c>
    </row>
    <row r="10604" spans="1:9">
      <c r="A10604" s="1">
        <f ca="1">RAND()</f>
        <v>0.74712247558068101</v>
      </c>
      <c r="B10604" s="1"/>
      <c r="C10604">
        <v>2</v>
      </c>
      <c r="D10604" t="s">
        <v>19560</v>
      </c>
      <c r="E10604" t="s">
        <v>33536</v>
      </c>
      <c r="F10604">
        <v>2</v>
      </c>
      <c r="G10604" t="s">
        <v>1</v>
      </c>
      <c r="H10604" t="s">
        <v>19561</v>
      </c>
      <c r="I10604" t="s">
        <v>30540</v>
      </c>
    </row>
    <row r="10605" spans="1:9">
      <c r="A10605" s="1">
        <f ca="1">RAND()</f>
        <v>1.1882140777045302E-2</v>
      </c>
      <c r="B10605" s="1"/>
      <c r="C10605">
        <v>19</v>
      </c>
      <c r="D10605" t="s">
        <v>19558</v>
      </c>
      <c r="E10605" t="s">
        <v>33537</v>
      </c>
      <c r="F10605">
        <v>5</v>
      </c>
      <c r="G10605" t="s">
        <v>762</v>
      </c>
      <c r="H10605" t="s">
        <v>19559</v>
      </c>
      <c r="I10605" t="s">
        <v>30540</v>
      </c>
    </row>
    <row r="10606" spans="1:9">
      <c r="A10606" s="1">
        <f ca="1">RAND()</f>
        <v>0.31738571081606137</v>
      </c>
      <c r="B10606" s="1"/>
      <c r="C10606">
        <v>7</v>
      </c>
      <c r="D10606" t="s">
        <v>19554</v>
      </c>
      <c r="E10606" t="s">
        <v>33538</v>
      </c>
      <c r="F10606">
        <v>4</v>
      </c>
      <c r="G10606" t="s">
        <v>14</v>
      </c>
      <c r="H10606" t="s">
        <v>19555</v>
      </c>
      <c r="I10606" t="s">
        <v>30540</v>
      </c>
    </row>
    <row r="10607" spans="1:9">
      <c r="A10607" s="1">
        <f ca="1">RAND()</f>
        <v>0.69690762808635109</v>
      </c>
      <c r="B10607" s="1"/>
      <c r="C10607">
        <v>14</v>
      </c>
      <c r="D10607" t="s">
        <v>19556</v>
      </c>
      <c r="E10607" t="s">
        <v>33538</v>
      </c>
      <c r="F10607">
        <v>2</v>
      </c>
      <c r="G10607" t="s">
        <v>14</v>
      </c>
      <c r="H10607" t="s">
        <v>19557</v>
      </c>
      <c r="I10607" t="s">
        <v>30540</v>
      </c>
    </row>
    <row r="10608" spans="1:9">
      <c r="A10608" s="1">
        <f ca="1">RAND()</f>
        <v>0.12759649099403036</v>
      </c>
      <c r="B10608" s="1"/>
      <c r="C10608">
        <v>9</v>
      </c>
      <c r="D10608" t="s">
        <v>19548</v>
      </c>
      <c r="E10608" t="s">
        <v>33539</v>
      </c>
      <c r="F10608">
        <v>4</v>
      </c>
      <c r="G10608" t="s">
        <v>10</v>
      </c>
      <c r="H10608" t="s">
        <v>19549</v>
      </c>
      <c r="I10608" t="s">
        <v>30540</v>
      </c>
    </row>
    <row r="10609" spans="1:9">
      <c r="A10609" s="1">
        <f ca="1">RAND()</f>
        <v>0.2386059692797492</v>
      </c>
      <c r="B10609" s="1"/>
      <c r="C10609">
        <v>3</v>
      </c>
      <c r="D10609" t="s">
        <v>19544</v>
      </c>
      <c r="E10609" t="s">
        <v>33539</v>
      </c>
      <c r="F10609">
        <v>4</v>
      </c>
      <c r="G10609" t="s">
        <v>10</v>
      </c>
      <c r="H10609" t="s">
        <v>19545</v>
      </c>
      <c r="I10609" t="s">
        <v>30540</v>
      </c>
    </row>
    <row r="10610" spans="1:9">
      <c r="A10610" s="1">
        <f ca="1">RAND()</f>
        <v>0.55927107724779312</v>
      </c>
      <c r="B10610" s="1"/>
      <c r="C10610">
        <v>5</v>
      </c>
      <c r="D10610" t="s">
        <v>19546</v>
      </c>
      <c r="E10610" t="s">
        <v>33539</v>
      </c>
      <c r="F10610">
        <v>4</v>
      </c>
      <c r="G10610" t="s">
        <v>9</v>
      </c>
      <c r="H10610" t="s">
        <v>19547</v>
      </c>
      <c r="I10610" t="s">
        <v>30540</v>
      </c>
    </row>
    <row r="10611" spans="1:9">
      <c r="A10611" s="1">
        <f ca="1">RAND()</f>
        <v>7.2726361691401564E-2</v>
      </c>
      <c r="B10611" s="1"/>
      <c r="C10611">
        <v>14</v>
      </c>
      <c r="D10611" t="s">
        <v>19552</v>
      </c>
      <c r="E10611" t="s">
        <v>33539</v>
      </c>
      <c r="F10611">
        <v>2</v>
      </c>
      <c r="G10611" t="s">
        <v>14</v>
      </c>
      <c r="H10611" t="s">
        <v>19553</v>
      </c>
      <c r="I10611" t="s">
        <v>30540</v>
      </c>
    </row>
    <row r="10612" spans="1:9">
      <c r="A10612" s="1">
        <f ca="1">RAND()</f>
        <v>0.44083887629951679</v>
      </c>
      <c r="B10612" s="1"/>
      <c r="C10612">
        <v>12</v>
      </c>
      <c r="D10612" t="s">
        <v>19550</v>
      </c>
      <c r="E10612" t="s">
        <v>33539</v>
      </c>
      <c r="F10612">
        <v>2</v>
      </c>
      <c r="G10612" t="s">
        <v>14</v>
      </c>
      <c r="H10612" t="s">
        <v>19551</v>
      </c>
      <c r="I10612" t="s">
        <v>30540</v>
      </c>
    </row>
    <row r="10613" spans="1:9">
      <c r="A10613" s="1">
        <f ca="1">RAND()</f>
        <v>0.41551756367551973</v>
      </c>
      <c r="B10613" s="1"/>
      <c r="C10613">
        <v>3</v>
      </c>
      <c r="D10613" t="s">
        <v>19534</v>
      </c>
      <c r="E10613" t="s">
        <v>33540</v>
      </c>
      <c r="F10613">
        <v>4</v>
      </c>
      <c r="G10613" t="s">
        <v>0</v>
      </c>
      <c r="H10613" t="s">
        <v>19535</v>
      </c>
      <c r="I10613" t="s">
        <v>30540</v>
      </c>
    </row>
    <row r="10614" spans="1:9">
      <c r="A10614" s="1">
        <f ca="1">RAND()</f>
        <v>0.89141953493061166</v>
      </c>
      <c r="B10614" s="1"/>
      <c r="C10614">
        <v>12</v>
      </c>
      <c r="D10614" t="s">
        <v>19538</v>
      </c>
      <c r="E10614" t="s">
        <v>33540</v>
      </c>
      <c r="F10614">
        <v>4</v>
      </c>
      <c r="G10614" t="s">
        <v>14</v>
      </c>
      <c r="H10614" t="s">
        <v>19539</v>
      </c>
      <c r="I10614" t="s">
        <v>30540</v>
      </c>
    </row>
    <row r="10615" spans="1:9">
      <c r="A10615" s="1">
        <f ca="1">RAND()</f>
        <v>5.0766436756133015E-2</v>
      </c>
      <c r="B10615" s="1"/>
      <c r="C10615">
        <v>7</v>
      </c>
      <c r="D10615" t="s">
        <v>19536</v>
      </c>
      <c r="E10615" t="s">
        <v>33540</v>
      </c>
      <c r="F10615">
        <v>3</v>
      </c>
      <c r="G10615" t="s">
        <v>14</v>
      </c>
      <c r="H10615" t="s">
        <v>19537</v>
      </c>
      <c r="I10615" t="s">
        <v>30540</v>
      </c>
    </row>
    <row r="10616" spans="1:9">
      <c r="A10616" s="1">
        <f ca="1">RAND()</f>
        <v>0.26461240822565779</v>
      </c>
      <c r="B10616" s="1"/>
      <c r="C10616">
        <v>15</v>
      </c>
      <c r="D10616" t="s">
        <v>19542</v>
      </c>
      <c r="E10616" t="s">
        <v>33540</v>
      </c>
      <c r="F10616">
        <v>3</v>
      </c>
      <c r="G10616" t="s">
        <v>14</v>
      </c>
      <c r="H10616" t="s">
        <v>19543</v>
      </c>
      <c r="I10616" t="s">
        <v>30540</v>
      </c>
    </row>
    <row r="10617" spans="1:9">
      <c r="A10617" s="1">
        <f ca="1">RAND()</f>
        <v>0.23115379404327008</v>
      </c>
      <c r="B10617" s="1"/>
      <c r="C10617">
        <v>13</v>
      </c>
      <c r="D10617" t="s">
        <v>19540</v>
      </c>
      <c r="E10617" t="s">
        <v>33540</v>
      </c>
      <c r="F10617">
        <v>2</v>
      </c>
      <c r="G10617" t="s">
        <v>14</v>
      </c>
      <c r="H10617" t="s">
        <v>19541</v>
      </c>
      <c r="I10617" t="s">
        <v>30540</v>
      </c>
    </row>
    <row r="10618" spans="1:9">
      <c r="A10618" s="1">
        <f ca="1">RAND()</f>
        <v>0.59040989435642199</v>
      </c>
      <c r="B10618" s="1"/>
      <c r="C10618">
        <v>5</v>
      </c>
      <c r="D10618" t="s">
        <v>19526</v>
      </c>
      <c r="E10618" t="s">
        <v>33541</v>
      </c>
      <c r="F10618">
        <v>4</v>
      </c>
      <c r="G10618" t="s">
        <v>15</v>
      </c>
      <c r="H10618" t="s">
        <v>19527</v>
      </c>
      <c r="I10618" t="s">
        <v>30540</v>
      </c>
    </row>
    <row r="10619" spans="1:9">
      <c r="A10619" s="1">
        <f ca="1">RAND()</f>
        <v>0.10217030168364849</v>
      </c>
      <c r="B10619" s="1"/>
      <c r="C10619">
        <v>2</v>
      </c>
      <c r="D10619" t="s">
        <v>19522</v>
      </c>
      <c r="E10619" t="s">
        <v>33541</v>
      </c>
      <c r="F10619">
        <v>4</v>
      </c>
      <c r="G10619" t="s">
        <v>9</v>
      </c>
      <c r="H10619" t="s">
        <v>19523</v>
      </c>
      <c r="I10619" t="s">
        <v>30540</v>
      </c>
    </row>
    <row r="10620" spans="1:9">
      <c r="A10620" s="1">
        <f ca="1">RAND()</f>
        <v>0.8634047245780152</v>
      </c>
      <c r="B10620" s="1"/>
      <c r="C10620">
        <v>12</v>
      </c>
      <c r="D10620" t="s">
        <v>19530</v>
      </c>
      <c r="E10620" t="s">
        <v>33541</v>
      </c>
      <c r="F10620">
        <v>4</v>
      </c>
      <c r="G10620" t="s">
        <v>10</v>
      </c>
      <c r="H10620" t="s">
        <v>19531</v>
      </c>
      <c r="I10620" t="s">
        <v>30540</v>
      </c>
    </row>
    <row r="10621" spans="1:9">
      <c r="A10621" s="1">
        <f ca="1">RAND()</f>
        <v>6.1794583482240761E-2</v>
      </c>
      <c r="B10621" s="1"/>
      <c r="C10621">
        <v>3</v>
      </c>
      <c r="D10621" t="s">
        <v>19524</v>
      </c>
      <c r="E10621" t="s">
        <v>33541</v>
      </c>
      <c r="F10621">
        <v>4</v>
      </c>
      <c r="G10621" t="s">
        <v>9</v>
      </c>
      <c r="H10621" t="s">
        <v>19525</v>
      </c>
      <c r="I10621" t="s">
        <v>30540</v>
      </c>
    </row>
    <row r="10622" spans="1:9">
      <c r="A10622" s="1">
        <f ca="1">RAND()</f>
        <v>0.98459736252577745</v>
      </c>
      <c r="B10622" s="1"/>
      <c r="C10622">
        <v>9</v>
      </c>
      <c r="D10622" t="s">
        <v>19528</v>
      </c>
      <c r="E10622" t="s">
        <v>33541</v>
      </c>
      <c r="F10622">
        <v>3</v>
      </c>
      <c r="G10622" t="s">
        <v>10</v>
      </c>
      <c r="H10622" t="s">
        <v>19529</v>
      </c>
      <c r="I10622" t="s">
        <v>30540</v>
      </c>
    </row>
    <row r="10623" spans="1:9">
      <c r="A10623" s="1">
        <f ca="1">RAND()</f>
        <v>0.70915972044391506</v>
      </c>
      <c r="B10623" s="1"/>
      <c r="C10623">
        <v>13</v>
      </c>
      <c r="D10623" t="s">
        <v>19532</v>
      </c>
      <c r="E10623" t="s">
        <v>33541</v>
      </c>
      <c r="F10623">
        <v>3</v>
      </c>
      <c r="G10623" t="s">
        <v>10</v>
      </c>
      <c r="H10623" t="s">
        <v>19533</v>
      </c>
      <c r="I10623" t="s">
        <v>30540</v>
      </c>
    </row>
    <row r="10624" spans="1:9">
      <c r="A10624" s="1">
        <f ca="1">RAND()</f>
        <v>5.4807427934191688E-2</v>
      </c>
      <c r="B10624" s="1"/>
      <c r="C10624">
        <v>18</v>
      </c>
      <c r="D10624" t="s">
        <v>19520</v>
      </c>
      <c r="E10624" t="s">
        <v>33542</v>
      </c>
      <c r="F10624">
        <v>4</v>
      </c>
      <c r="G10624" t="s">
        <v>3107</v>
      </c>
      <c r="H10624" t="s">
        <v>19521</v>
      </c>
      <c r="I10624" t="s">
        <v>30540</v>
      </c>
    </row>
    <row r="10625" spans="1:9">
      <c r="A10625" s="1">
        <f ca="1">RAND()</f>
        <v>0.4626943662279468</v>
      </c>
      <c r="B10625" s="1"/>
      <c r="C10625">
        <v>13</v>
      </c>
      <c r="D10625" t="s">
        <v>19518</v>
      </c>
      <c r="E10625" t="s">
        <v>33542</v>
      </c>
      <c r="F10625">
        <v>4</v>
      </c>
      <c r="G10625" t="s">
        <v>1</v>
      </c>
      <c r="H10625" t="s">
        <v>19519</v>
      </c>
      <c r="I10625" t="s">
        <v>30540</v>
      </c>
    </row>
    <row r="10626" spans="1:9">
      <c r="A10626" s="1">
        <f ca="1">RAND()</f>
        <v>0.98318906499709313</v>
      </c>
      <c r="B10626" s="1"/>
      <c r="C10626">
        <v>5</v>
      </c>
      <c r="D10626" t="s">
        <v>19516</v>
      </c>
      <c r="E10626" t="s">
        <v>33542</v>
      </c>
      <c r="F10626">
        <v>4</v>
      </c>
      <c r="G10626" t="s">
        <v>1431</v>
      </c>
      <c r="H10626" t="s">
        <v>19517</v>
      </c>
      <c r="I10626" t="s">
        <v>30540</v>
      </c>
    </row>
    <row r="10627" spans="1:9">
      <c r="A10627" s="1">
        <f ca="1">RAND()</f>
        <v>0.72088243519564921</v>
      </c>
      <c r="B10627" s="1"/>
      <c r="C10627">
        <v>6</v>
      </c>
      <c r="D10627" t="s">
        <v>19514</v>
      </c>
      <c r="E10627" t="s">
        <v>33543</v>
      </c>
      <c r="F10627">
        <v>4</v>
      </c>
      <c r="G10627" t="s">
        <v>9</v>
      </c>
      <c r="H10627" t="s">
        <v>19515</v>
      </c>
      <c r="I10627" t="s">
        <v>30540</v>
      </c>
    </row>
    <row r="10628" spans="1:9">
      <c r="A10628" s="1">
        <f ca="1">RAND()</f>
        <v>0.88279711399321525</v>
      </c>
      <c r="B10628" s="1"/>
      <c r="C10628">
        <v>5</v>
      </c>
      <c r="D10628" t="s">
        <v>19508</v>
      </c>
      <c r="E10628" t="s">
        <v>33544</v>
      </c>
      <c r="F10628">
        <v>5</v>
      </c>
      <c r="G10628" t="s">
        <v>10</v>
      </c>
      <c r="H10628" t="s">
        <v>19509</v>
      </c>
      <c r="I10628" t="s">
        <v>30540</v>
      </c>
    </row>
    <row r="10629" spans="1:9">
      <c r="A10629" s="1">
        <f ca="1">RAND()</f>
        <v>0.21437223659380755</v>
      </c>
      <c r="B10629" s="1"/>
      <c r="C10629">
        <v>4</v>
      </c>
      <c r="D10629" t="s">
        <v>19506</v>
      </c>
      <c r="E10629" t="s">
        <v>33544</v>
      </c>
      <c r="F10629">
        <v>5</v>
      </c>
      <c r="G10629" t="s">
        <v>10</v>
      </c>
      <c r="H10629" t="s">
        <v>19507</v>
      </c>
      <c r="I10629" t="s">
        <v>30540</v>
      </c>
    </row>
    <row r="10630" spans="1:9">
      <c r="A10630" s="1">
        <f ca="1">RAND()</f>
        <v>0.3352227543750772</v>
      </c>
      <c r="B10630" s="1"/>
      <c r="C10630">
        <v>12</v>
      </c>
      <c r="D10630" t="s">
        <v>19512</v>
      </c>
      <c r="E10630" t="s">
        <v>33544</v>
      </c>
      <c r="F10630">
        <v>4</v>
      </c>
      <c r="G10630" t="s">
        <v>14</v>
      </c>
      <c r="H10630" t="s">
        <v>19513</v>
      </c>
      <c r="I10630" t="s">
        <v>30540</v>
      </c>
    </row>
    <row r="10631" spans="1:9">
      <c r="A10631" s="1">
        <f ca="1">RAND()</f>
        <v>0.93189074864788823</v>
      </c>
      <c r="B10631" s="1"/>
      <c r="C10631">
        <v>9</v>
      </c>
      <c r="D10631" t="s">
        <v>19510</v>
      </c>
      <c r="E10631" t="s">
        <v>33544</v>
      </c>
      <c r="F10631">
        <v>3</v>
      </c>
      <c r="G10631" t="s">
        <v>14</v>
      </c>
      <c r="H10631" t="s">
        <v>19511</v>
      </c>
      <c r="I10631" t="s">
        <v>30540</v>
      </c>
    </row>
    <row r="10632" spans="1:9">
      <c r="A10632" s="1">
        <f ca="1">RAND()</f>
        <v>0.11515958588842856</v>
      </c>
      <c r="B10632" s="1"/>
      <c r="C10632">
        <v>6</v>
      </c>
      <c r="D10632" t="s">
        <v>19504</v>
      </c>
      <c r="E10632" t="s">
        <v>33545</v>
      </c>
      <c r="F10632">
        <v>5</v>
      </c>
      <c r="G10632" t="s">
        <v>14</v>
      </c>
      <c r="H10632" t="s">
        <v>19505</v>
      </c>
      <c r="I10632" t="s">
        <v>30540</v>
      </c>
    </row>
    <row r="10633" spans="1:9">
      <c r="A10633" s="1">
        <f ca="1">RAND()</f>
        <v>0.21372869424065055</v>
      </c>
      <c r="B10633" s="1"/>
      <c r="C10633">
        <v>9</v>
      </c>
      <c r="D10633" t="s">
        <v>19500</v>
      </c>
      <c r="E10633" t="s">
        <v>33546</v>
      </c>
      <c r="F10633">
        <v>5</v>
      </c>
      <c r="G10633" t="s">
        <v>0</v>
      </c>
      <c r="H10633" t="s">
        <v>19501</v>
      </c>
      <c r="I10633" t="s">
        <v>30540</v>
      </c>
    </row>
    <row r="10634" spans="1:9">
      <c r="A10634" s="1">
        <f ca="1">RAND()</f>
        <v>0.74282714224251689</v>
      </c>
      <c r="B10634" s="1"/>
      <c r="C10634">
        <v>14</v>
      </c>
      <c r="D10634" t="s">
        <v>19502</v>
      </c>
      <c r="E10634" t="s">
        <v>33546</v>
      </c>
      <c r="F10634">
        <v>4</v>
      </c>
      <c r="G10634" t="s">
        <v>14</v>
      </c>
      <c r="H10634" t="s">
        <v>19503</v>
      </c>
      <c r="I10634" t="s">
        <v>30540</v>
      </c>
    </row>
    <row r="10635" spans="1:9">
      <c r="A10635" s="1">
        <f ca="1">RAND()</f>
        <v>3.3951633544659243E-2</v>
      </c>
      <c r="B10635" s="1"/>
      <c r="C10635">
        <v>6</v>
      </c>
      <c r="D10635" t="s">
        <v>19496</v>
      </c>
      <c r="E10635" t="s">
        <v>33546</v>
      </c>
      <c r="F10635">
        <v>4</v>
      </c>
      <c r="G10635" t="s">
        <v>14</v>
      </c>
      <c r="H10635" t="s">
        <v>19497</v>
      </c>
      <c r="I10635" t="s">
        <v>30540</v>
      </c>
    </row>
    <row r="10636" spans="1:9">
      <c r="A10636" s="1">
        <f ca="1">RAND()</f>
        <v>5.5309679642562393E-2</v>
      </c>
      <c r="B10636" s="1"/>
      <c r="C10636">
        <v>7</v>
      </c>
      <c r="D10636" t="s">
        <v>19498</v>
      </c>
      <c r="E10636" t="s">
        <v>33546</v>
      </c>
      <c r="F10636">
        <v>4</v>
      </c>
      <c r="G10636" t="s">
        <v>0</v>
      </c>
      <c r="H10636" t="s">
        <v>19499</v>
      </c>
      <c r="I10636" t="s">
        <v>30540</v>
      </c>
    </row>
    <row r="10637" spans="1:9">
      <c r="A10637" s="1">
        <f ca="1">RAND()</f>
        <v>0.43585365629198625</v>
      </c>
      <c r="B10637" s="1"/>
      <c r="C10637">
        <v>2</v>
      </c>
      <c r="D10637" t="s">
        <v>19494</v>
      </c>
      <c r="E10637" t="s">
        <v>33547</v>
      </c>
      <c r="F10637">
        <v>4</v>
      </c>
      <c r="G10637" t="s">
        <v>13</v>
      </c>
      <c r="H10637" t="s">
        <v>19495</v>
      </c>
      <c r="I10637" t="s">
        <v>30540</v>
      </c>
    </row>
    <row r="10638" spans="1:9">
      <c r="A10638" s="1">
        <f ca="1">RAND()</f>
        <v>0.96322823273744118</v>
      </c>
      <c r="B10638" s="1"/>
      <c r="C10638">
        <v>10</v>
      </c>
      <c r="D10638" t="s">
        <v>19492</v>
      </c>
      <c r="E10638" t="s">
        <v>33548</v>
      </c>
      <c r="F10638">
        <v>4</v>
      </c>
      <c r="G10638" t="s">
        <v>14</v>
      </c>
      <c r="H10638" t="s">
        <v>19493</v>
      </c>
      <c r="I10638" t="s">
        <v>30540</v>
      </c>
    </row>
    <row r="10639" spans="1:9">
      <c r="A10639" s="1">
        <f ca="1">RAND()</f>
        <v>2.671768528060392E-2</v>
      </c>
      <c r="B10639" s="1"/>
      <c r="C10639">
        <v>4</v>
      </c>
      <c r="D10639" t="s">
        <v>19490</v>
      </c>
      <c r="E10639" t="s">
        <v>33548</v>
      </c>
      <c r="F10639">
        <v>3</v>
      </c>
      <c r="G10639" t="s">
        <v>14</v>
      </c>
      <c r="H10639" t="s">
        <v>19491</v>
      </c>
      <c r="I10639" t="s">
        <v>30540</v>
      </c>
    </row>
    <row r="10640" spans="1:9">
      <c r="A10640" s="1">
        <f ca="1">RAND()</f>
        <v>0.78930067899841494</v>
      </c>
      <c r="B10640" s="1"/>
      <c r="C10640">
        <v>2</v>
      </c>
      <c r="D10640" t="s">
        <v>19488</v>
      </c>
      <c r="E10640" t="s">
        <v>33548</v>
      </c>
      <c r="F10640">
        <v>2</v>
      </c>
      <c r="G10640" t="s">
        <v>2</v>
      </c>
      <c r="H10640" t="s">
        <v>19489</v>
      </c>
      <c r="I10640" t="s">
        <v>30540</v>
      </c>
    </row>
    <row r="10641" spans="1:9">
      <c r="A10641" s="1">
        <f ca="1">RAND()</f>
        <v>0.29445514717918864</v>
      </c>
      <c r="B10641" s="1"/>
      <c r="C10641">
        <v>13</v>
      </c>
      <c r="D10641" t="s">
        <v>19486</v>
      </c>
      <c r="E10641" t="s">
        <v>33549</v>
      </c>
      <c r="F10641">
        <v>5</v>
      </c>
      <c r="G10641" t="s">
        <v>14</v>
      </c>
      <c r="H10641" t="s">
        <v>19487</v>
      </c>
      <c r="I10641" t="s">
        <v>30540</v>
      </c>
    </row>
    <row r="10642" spans="1:9">
      <c r="A10642" s="1">
        <f ca="1">RAND()</f>
        <v>0.86781965632249825</v>
      </c>
      <c r="B10642" s="1"/>
      <c r="C10642">
        <v>10</v>
      </c>
      <c r="D10642" t="s">
        <v>19484</v>
      </c>
      <c r="E10642" t="s">
        <v>33549</v>
      </c>
      <c r="F10642">
        <v>4</v>
      </c>
      <c r="G10642" t="s">
        <v>10</v>
      </c>
      <c r="H10642" t="s">
        <v>19485</v>
      </c>
      <c r="I10642" t="s">
        <v>30540</v>
      </c>
    </row>
    <row r="10643" spans="1:9">
      <c r="A10643" s="1">
        <f ca="1">RAND()</f>
        <v>0.43258588969988765</v>
      </c>
      <c r="B10643" s="1"/>
      <c r="C10643">
        <v>4</v>
      </c>
      <c r="D10643" t="s">
        <v>19482</v>
      </c>
      <c r="E10643" t="s">
        <v>33549</v>
      </c>
      <c r="F10643">
        <v>4</v>
      </c>
      <c r="G10643" t="s">
        <v>14</v>
      </c>
      <c r="H10643" t="s">
        <v>19483</v>
      </c>
      <c r="I10643" t="s">
        <v>30540</v>
      </c>
    </row>
    <row r="10644" spans="1:9">
      <c r="A10644" s="1">
        <f ca="1">RAND()</f>
        <v>0.43523687186579951</v>
      </c>
      <c r="B10644" s="1"/>
      <c r="C10644">
        <v>3</v>
      </c>
      <c r="D10644" t="s">
        <v>19480</v>
      </c>
      <c r="E10644" t="s">
        <v>33549</v>
      </c>
      <c r="F10644">
        <v>4</v>
      </c>
      <c r="G10644" t="s">
        <v>10</v>
      </c>
      <c r="H10644" t="s">
        <v>19481</v>
      </c>
      <c r="I10644" t="s">
        <v>30540</v>
      </c>
    </row>
    <row r="10645" spans="1:9">
      <c r="A10645" s="1">
        <f ca="1">RAND()</f>
        <v>0.84622542382722044</v>
      </c>
      <c r="B10645" s="1"/>
      <c r="C10645">
        <v>13</v>
      </c>
      <c r="D10645" t="s">
        <v>22969</v>
      </c>
      <c r="E10645" t="s">
        <v>33550</v>
      </c>
      <c r="F10645">
        <v>5</v>
      </c>
      <c r="G10645" t="s">
        <v>15</v>
      </c>
      <c r="H10645" t="s">
        <v>22970</v>
      </c>
      <c r="I10645" t="s">
        <v>30540</v>
      </c>
    </row>
    <row r="10646" spans="1:9">
      <c r="A10646" s="1">
        <f ca="1">RAND()</f>
        <v>0.94730236366016662</v>
      </c>
      <c r="B10646" s="1"/>
      <c r="C10646">
        <v>9</v>
      </c>
      <c r="D10646" t="s">
        <v>22967</v>
      </c>
      <c r="E10646" t="s">
        <v>33550</v>
      </c>
      <c r="F10646">
        <v>4</v>
      </c>
      <c r="G10646" t="s">
        <v>10</v>
      </c>
      <c r="H10646" t="s">
        <v>22968</v>
      </c>
      <c r="I10646" t="s">
        <v>30540</v>
      </c>
    </row>
    <row r="10647" spans="1:9">
      <c r="A10647" s="1">
        <f ca="1">RAND()</f>
        <v>7.4231074711301304E-2</v>
      </c>
      <c r="B10647" s="1"/>
      <c r="C10647">
        <v>19</v>
      </c>
      <c r="D10647" t="s">
        <v>22971</v>
      </c>
      <c r="E10647" t="s">
        <v>33550</v>
      </c>
      <c r="F10647">
        <v>4</v>
      </c>
      <c r="G10647" t="s">
        <v>15</v>
      </c>
      <c r="H10647" t="s">
        <v>22972</v>
      </c>
      <c r="I10647" t="s">
        <v>30540</v>
      </c>
    </row>
    <row r="10648" spans="1:9">
      <c r="A10648" s="1">
        <f ca="1">RAND()</f>
        <v>0.65722216729902483</v>
      </c>
      <c r="B10648" s="1"/>
      <c r="C10648">
        <v>20</v>
      </c>
      <c r="D10648" t="s">
        <v>22973</v>
      </c>
      <c r="E10648" t="s">
        <v>33550</v>
      </c>
      <c r="F10648">
        <v>4</v>
      </c>
      <c r="G10648" t="s">
        <v>15</v>
      </c>
      <c r="H10648" t="s">
        <v>22974</v>
      </c>
      <c r="I10648" t="s">
        <v>30540</v>
      </c>
    </row>
    <row r="10649" spans="1:9">
      <c r="A10649" s="1">
        <f ca="1">RAND()</f>
        <v>0.75248745146714147</v>
      </c>
      <c r="B10649" s="1"/>
      <c r="C10649">
        <v>5</v>
      </c>
      <c r="D10649" t="s">
        <v>22965</v>
      </c>
      <c r="E10649" t="s">
        <v>33550</v>
      </c>
      <c r="F10649">
        <v>4</v>
      </c>
      <c r="G10649" t="s">
        <v>15</v>
      </c>
      <c r="H10649" t="s">
        <v>22966</v>
      </c>
      <c r="I10649" t="s">
        <v>30540</v>
      </c>
    </row>
    <row r="10650" spans="1:9">
      <c r="A10650" s="1">
        <f ca="1">RAND()</f>
        <v>0.30594222285715122</v>
      </c>
      <c r="B10650" s="1"/>
      <c r="C10650">
        <v>6</v>
      </c>
      <c r="D10650" t="s">
        <v>22957</v>
      </c>
      <c r="E10650" t="s">
        <v>33551</v>
      </c>
      <c r="F10650">
        <v>5</v>
      </c>
      <c r="G10650" t="s">
        <v>2738</v>
      </c>
      <c r="H10650" t="s">
        <v>22958</v>
      </c>
      <c r="I10650" t="s">
        <v>30540</v>
      </c>
    </row>
    <row r="10651" spans="1:9">
      <c r="A10651" s="1">
        <f ca="1">RAND()</f>
        <v>1.648173165452127E-2</v>
      </c>
      <c r="B10651" s="1"/>
      <c r="C10651">
        <v>15</v>
      </c>
      <c r="D10651" t="s">
        <v>22961</v>
      </c>
      <c r="E10651" t="s">
        <v>33551</v>
      </c>
      <c r="F10651">
        <v>4</v>
      </c>
      <c r="G10651" t="s">
        <v>766</v>
      </c>
      <c r="H10651" t="s">
        <v>22962</v>
      </c>
      <c r="I10651" t="s">
        <v>30540</v>
      </c>
    </row>
    <row r="10652" spans="1:9">
      <c r="A10652" s="1">
        <f ca="1">RAND()</f>
        <v>0.3785123368394131</v>
      </c>
      <c r="B10652" s="1"/>
      <c r="C10652">
        <v>2</v>
      </c>
      <c r="D10652" t="s">
        <v>22953</v>
      </c>
      <c r="E10652" t="s">
        <v>33551</v>
      </c>
      <c r="F10652">
        <v>4</v>
      </c>
      <c r="G10652" t="s">
        <v>14</v>
      </c>
      <c r="H10652" t="s">
        <v>22954</v>
      </c>
      <c r="I10652" t="s">
        <v>30540</v>
      </c>
    </row>
    <row r="10653" spans="1:9">
      <c r="A10653" s="1">
        <f ca="1">RAND()</f>
        <v>0.86824823436754184</v>
      </c>
      <c r="B10653" s="1"/>
      <c r="C10653">
        <v>18</v>
      </c>
      <c r="D10653" t="s">
        <v>22963</v>
      </c>
      <c r="E10653" t="s">
        <v>33551</v>
      </c>
      <c r="F10653">
        <v>4</v>
      </c>
      <c r="G10653" t="s">
        <v>1431</v>
      </c>
      <c r="H10653" t="s">
        <v>22964</v>
      </c>
      <c r="I10653" t="s">
        <v>30540</v>
      </c>
    </row>
    <row r="10654" spans="1:9">
      <c r="A10654" s="1">
        <f ca="1">RAND()</f>
        <v>0.23775950459545669</v>
      </c>
      <c r="B10654" s="1"/>
      <c r="C10654">
        <v>5</v>
      </c>
      <c r="D10654" t="s">
        <v>22955</v>
      </c>
      <c r="E10654" t="s">
        <v>33551</v>
      </c>
      <c r="F10654">
        <v>3</v>
      </c>
      <c r="G10654" t="s">
        <v>762</v>
      </c>
      <c r="H10654" t="s">
        <v>22956</v>
      </c>
      <c r="I10654" t="s">
        <v>30540</v>
      </c>
    </row>
    <row r="10655" spans="1:9">
      <c r="A10655" s="1">
        <f ca="1">RAND()</f>
        <v>0.21749904418099386</v>
      </c>
      <c r="B10655" s="1"/>
      <c r="C10655">
        <v>13</v>
      </c>
      <c r="D10655" t="s">
        <v>22959</v>
      </c>
      <c r="E10655" t="s">
        <v>33551</v>
      </c>
      <c r="F10655">
        <v>2</v>
      </c>
      <c r="G10655" t="s">
        <v>2229</v>
      </c>
      <c r="H10655" t="s">
        <v>22960</v>
      </c>
      <c r="I10655" t="s">
        <v>30540</v>
      </c>
    </row>
    <row r="10656" spans="1:9">
      <c r="A10656" s="1">
        <f ca="1">RAND()</f>
        <v>9.3685527269393054E-2</v>
      </c>
      <c r="B10656" s="1"/>
      <c r="C10656">
        <v>5</v>
      </c>
      <c r="D10656" t="s">
        <v>22945</v>
      </c>
      <c r="E10656" t="s">
        <v>33552</v>
      </c>
      <c r="F10656">
        <v>4</v>
      </c>
      <c r="G10656" t="s">
        <v>14</v>
      </c>
      <c r="H10656" t="s">
        <v>22946</v>
      </c>
      <c r="I10656" t="s">
        <v>30540</v>
      </c>
    </row>
    <row r="10657" spans="1:9">
      <c r="A10657" s="1">
        <f ca="1">RAND()</f>
        <v>0.12899843651730247</v>
      </c>
      <c r="B10657" s="1"/>
      <c r="C10657">
        <v>16</v>
      </c>
      <c r="D10657" t="s">
        <v>22951</v>
      </c>
      <c r="E10657" t="s">
        <v>33552</v>
      </c>
      <c r="F10657">
        <v>4</v>
      </c>
      <c r="G10657" t="s">
        <v>1</v>
      </c>
      <c r="H10657" t="s">
        <v>22952</v>
      </c>
      <c r="I10657" t="s">
        <v>30540</v>
      </c>
    </row>
    <row r="10658" spans="1:9">
      <c r="A10658" s="1">
        <f ca="1">RAND()</f>
        <v>0.33686036562293753</v>
      </c>
      <c r="B10658" s="1"/>
      <c r="C10658">
        <v>9</v>
      </c>
      <c r="D10658" t="s">
        <v>22947</v>
      </c>
      <c r="E10658" t="s">
        <v>33552</v>
      </c>
      <c r="F10658">
        <v>4</v>
      </c>
      <c r="G10658" t="s">
        <v>0</v>
      </c>
      <c r="H10658" t="s">
        <v>22948</v>
      </c>
      <c r="I10658" t="s">
        <v>30540</v>
      </c>
    </row>
    <row r="10659" spans="1:9">
      <c r="A10659" s="1">
        <f ca="1">RAND()</f>
        <v>0.95656143552625472</v>
      </c>
      <c r="B10659" s="1"/>
      <c r="C10659">
        <v>14</v>
      </c>
      <c r="D10659" t="s">
        <v>22949</v>
      </c>
      <c r="E10659" t="s">
        <v>33552</v>
      </c>
      <c r="F10659">
        <v>2</v>
      </c>
      <c r="G10659" t="s">
        <v>10</v>
      </c>
      <c r="H10659" t="s">
        <v>22950</v>
      </c>
      <c r="I10659" t="s">
        <v>30540</v>
      </c>
    </row>
    <row r="10660" spans="1:9">
      <c r="A10660" s="1">
        <f ca="1">RAND()</f>
        <v>0.22095273649906344</v>
      </c>
      <c r="B10660" s="1"/>
      <c r="C10660">
        <v>13</v>
      </c>
      <c r="D10660" t="s">
        <v>22941</v>
      </c>
      <c r="E10660" t="s">
        <v>33553</v>
      </c>
      <c r="F10660">
        <v>5</v>
      </c>
      <c r="G10660" t="s">
        <v>14</v>
      </c>
      <c r="H10660" t="s">
        <v>22942</v>
      </c>
      <c r="I10660" t="s">
        <v>30540</v>
      </c>
    </row>
    <row r="10661" spans="1:9">
      <c r="A10661" s="1">
        <f ca="1">RAND()</f>
        <v>0.17086896847075272</v>
      </c>
      <c r="B10661" s="1"/>
      <c r="C10661">
        <v>9</v>
      </c>
      <c r="D10661" t="s">
        <v>22939</v>
      </c>
      <c r="E10661" t="s">
        <v>33553</v>
      </c>
      <c r="F10661">
        <v>4</v>
      </c>
      <c r="G10661" t="s">
        <v>14</v>
      </c>
      <c r="H10661" t="s">
        <v>22940</v>
      </c>
      <c r="I10661" t="s">
        <v>30540</v>
      </c>
    </row>
    <row r="10662" spans="1:9">
      <c r="A10662" s="1">
        <f ca="1">RAND()</f>
        <v>0.42353862796247799</v>
      </c>
      <c r="B10662" s="1"/>
      <c r="C10662">
        <v>15</v>
      </c>
      <c r="D10662" t="s">
        <v>22943</v>
      </c>
      <c r="E10662" t="s">
        <v>33553</v>
      </c>
      <c r="F10662">
        <v>1</v>
      </c>
      <c r="G10662" t="s">
        <v>14</v>
      </c>
      <c r="H10662" t="s">
        <v>22944</v>
      </c>
      <c r="I10662" t="s">
        <v>30540</v>
      </c>
    </row>
    <row r="10663" spans="1:9">
      <c r="A10663" s="1">
        <f ca="1">RAND()</f>
        <v>0.50600517138638013</v>
      </c>
      <c r="B10663" s="1"/>
      <c r="C10663">
        <v>5</v>
      </c>
      <c r="D10663" t="s">
        <v>22929</v>
      </c>
      <c r="E10663" t="s">
        <v>33554</v>
      </c>
      <c r="F10663">
        <v>5</v>
      </c>
      <c r="G10663" t="s">
        <v>14</v>
      </c>
      <c r="H10663" t="s">
        <v>22930</v>
      </c>
      <c r="I10663" t="s">
        <v>30540</v>
      </c>
    </row>
    <row r="10664" spans="1:9">
      <c r="A10664" s="1">
        <f ca="1">RAND()</f>
        <v>0.56563825077158747</v>
      </c>
      <c r="B10664" s="1"/>
      <c r="C10664">
        <v>6</v>
      </c>
      <c r="D10664" t="s">
        <v>22931</v>
      </c>
      <c r="E10664" t="s">
        <v>33554</v>
      </c>
      <c r="F10664">
        <v>5</v>
      </c>
      <c r="G10664" t="s">
        <v>15</v>
      </c>
      <c r="H10664" t="s">
        <v>22932</v>
      </c>
      <c r="I10664" t="s">
        <v>30540</v>
      </c>
    </row>
    <row r="10665" spans="1:9">
      <c r="A10665" s="1">
        <f ca="1">RAND()</f>
        <v>0.18708852266402443</v>
      </c>
      <c r="B10665" s="1"/>
      <c r="C10665">
        <v>1</v>
      </c>
      <c r="D10665" t="s">
        <v>22927</v>
      </c>
      <c r="E10665" t="s">
        <v>33554</v>
      </c>
      <c r="F10665">
        <v>5</v>
      </c>
      <c r="G10665" t="s">
        <v>14</v>
      </c>
      <c r="H10665" t="s">
        <v>22928</v>
      </c>
      <c r="I10665" t="s">
        <v>30540</v>
      </c>
    </row>
    <row r="10666" spans="1:9">
      <c r="A10666" s="1">
        <f ca="1">RAND()</f>
        <v>0.93469891896099944</v>
      </c>
      <c r="B10666" s="1"/>
      <c r="C10666">
        <v>11</v>
      </c>
      <c r="D10666" t="s">
        <v>22933</v>
      </c>
      <c r="E10666" t="s">
        <v>33554</v>
      </c>
      <c r="F10666">
        <v>4</v>
      </c>
      <c r="G10666" t="s">
        <v>14</v>
      </c>
      <c r="H10666" t="s">
        <v>22934</v>
      </c>
      <c r="I10666" t="s">
        <v>30540</v>
      </c>
    </row>
    <row r="10667" spans="1:9">
      <c r="A10667" s="1">
        <f ca="1">RAND()</f>
        <v>0.37837585555930198</v>
      </c>
      <c r="B10667" s="1"/>
      <c r="C10667">
        <v>13</v>
      </c>
      <c r="D10667" t="s">
        <v>22935</v>
      </c>
      <c r="E10667" t="s">
        <v>33554</v>
      </c>
      <c r="F10667">
        <v>4</v>
      </c>
      <c r="G10667" t="s">
        <v>14</v>
      </c>
      <c r="H10667" t="s">
        <v>22936</v>
      </c>
      <c r="I10667" t="s">
        <v>30540</v>
      </c>
    </row>
    <row r="10668" spans="1:9">
      <c r="A10668" s="1">
        <f ca="1">RAND()</f>
        <v>0.58509906721018268</v>
      </c>
      <c r="B10668" s="1"/>
      <c r="C10668">
        <v>14</v>
      </c>
      <c r="D10668" t="s">
        <v>22937</v>
      </c>
      <c r="E10668" t="s">
        <v>33554</v>
      </c>
      <c r="F10668">
        <v>3</v>
      </c>
      <c r="G10668" t="s">
        <v>13</v>
      </c>
      <c r="H10668" t="s">
        <v>22938</v>
      </c>
      <c r="I10668" t="s">
        <v>30540</v>
      </c>
    </row>
    <row r="10669" spans="1:9">
      <c r="A10669" s="1">
        <f ca="1">RAND()</f>
        <v>0.34544269753037238</v>
      </c>
      <c r="B10669" s="1"/>
      <c r="C10669">
        <v>12</v>
      </c>
      <c r="D10669" t="s">
        <v>22921</v>
      </c>
      <c r="E10669" t="s">
        <v>33555</v>
      </c>
      <c r="F10669">
        <v>5</v>
      </c>
      <c r="G10669" t="s">
        <v>14</v>
      </c>
      <c r="H10669" t="s">
        <v>22922</v>
      </c>
      <c r="I10669" t="s">
        <v>30540</v>
      </c>
    </row>
    <row r="10670" spans="1:9">
      <c r="A10670" s="1">
        <f ca="1">RAND()</f>
        <v>0.52697400001426353</v>
      </c>
      <c r="B10670" s="1"/>
      <c r="C10670">
        <v>3</v>
      </c>
      <c r="D10670" t="s">
        <v>22915</v>
      </c>
      <c r="E10670" t="s">
        <v>33555</v>
      </c>
      <c r="F10670">
        <v>4</v>
      </c>
      <c r="G10670" t="s">
        <v>0</v>
      </c>
      <c r="H10670" t="s">
        <v>22916</v>
      </c>
      <c r="I10670" t="s">
        <v>30540</v>
      </c>
    </row>
    <row r="10671" spans="1:9">
      <c r="A10671" s="1">
        <f ca="1">RAND()</f>
        <v>0.54555918523104041</v>
      </c>
      <c r="B10671" s="1"/>
      <c r="C10671">
        <v>4</v>
      </c>
      <c r="D10671" t="s">
        <v>22917</v>
      </c>
      <c r="E10671" t="s">
        <v>33555</v>
      </c>
      <c r="F10671">
        <v>4</v>
      </c>
      <c r="G10671" t="s">
        <v>10</v>
      </c>
      <c r="H10671" t="s">
        <v>22918</v>
      </c>
      <c r="I10671" t="s">
        <v>30540</v>
      </c>
    </row>
    <row r="10672" spans="1:9">
      <c r="A10672" s="1">
        <f ca="1">RAND()</f>
        <v>0.89727091753965671</v>
      </c>
      <c r="B10672" s="1"/>
      <c r="C10672">
        <v>17</v>
      </c>
      <c r="D10672" t="s">
        <v>22925</v>
      </c>
      <c r="E10672" t="s">
        <v>33555</v>
      </c>
      <c r="F10672">
        <v>4</v>
      </c>
      <c r="G10672" t="s">
        <v>14</v>
      </c>
      <c r="H10672" t="s">
        <v>22926</v>
      </c>
      <c r="I10672" t="s">
        <v>30540</v>
      </c>
    </row>
    <row r="10673" spans="1:9">
      <c r="A10673" s="1">
        <f ca="1">RAND()</f>
        <v>0.84693934885183919</v>
      </c>
      <c r="B10673" s="1"/>
      <c r="C10673">
        <v>14</v>
      </c>
      <c r="D10673" t="s">
        <v>22923</v>
      </c>
      <c r="E10673" t="s">
        <v>33555</v>
      </c>
      <c r="F10673">
        <v>4</v>
      </c>
      <c r="G10673" t="s">
        <v>14</v>
      </c>
      <c r="H10673" t="s">
        <v>22924</v>
      </c>
      <c r="I10673" t="s">
        <v>30540</v>
      </c>
    </row>
    <row r="10674" spans="1:9">
      <c r="A10674" s="1">
        <f ca="1">RAND()</f>
        <v>2.1083424885834923E-2</v>
      </c>
      <c r="B10674" s="1"/>
      <c r="C10674">
        <v>6</v>
      </c>
      <c r="D10674" t="s">
        <v>22919</v>
      </c>
      <c r="E10674" t="s">
        <v>33555</v>
      </c>
      <c r="F10674">
        <v>4</v>
      </c>
      <c r="G10674" t="s">
        <v>14</v>
      </c>
      <c r="H10674" t="s">
        <v>22920</v>
      </c>
      <c r="I10674" t="s">
        <v>30540</v>
      </c>
    </row>
    <row r="10675" spans="1:9">
      <c r="A10675" s="1">
        <f ca="1">RAND()</f>
        <v>0.52295923648573917</v>
      </c>
      <c r="B10675" s="1"/>
      <c r="C10675">
        <v>15</v>
      </c>
      <c r="D10675" t="s">
        <v>22911</v>
      </c>
      <c r="E10675" t="s">
        <v>33556</v>
      </c>
      <c r="F10675">
        <v>5</v>
      </c>
      <c r="G10675" t="s">
        <v>774</v>
      </c>
      <c r="H10675" t="s">
        <v>22912</v>
      </c>
      <c r="I10675" t="s">
        <v>30540</v>
      </c>
    </row>
    <row r="10676" spans="1:9">
      <c r="A10676" s="1">
        <f ca="1">RAND()</f>
        <v>0.59264477918651837</v>
      </c>
      <c r="B10676" s="1"/>
      <c r="C10676">
        <v>14</v>
      </c>
      <c r="D10676" t="s">
        <v>22909</v>
      </c>
      <c r="E10676" t="s">
        <v>33556</v>
      </c>
      <c r="F10676">
        <v>4</v>
      </c>
      <c r="G10676" t="s">
        <v>14</v>
      </c>
      <c r="H10676" t="s">
        <v>22910</v>
      </c>
      <c r="I10676" t="s">
        <v>30540</v>
      </c>
    </row>
    <row r="10677" spans="1:9">
      <c r="A10677" s="1">
        <f ca="1">RAND()</f>
        <v>0.2595150636206629</v>
      </c>
      <c r="B10677" s="1"/>
      <c r="C10677">
        <v>20</v>
      </c>
      <c r="D10677" t="s">
        <v>22913</v>
      </c>
      <c r="E10677" t="s">
        <v>33556</v>
      </c>
      <c r="F10677">
        <v>4</v>
      </c>
      <c r="G10677" t="s">
        <v>770</v>
      </c>
      <c r="H10677" t="s">
        <v>22914</v>
      </c>
      <c r="I10677" t="s">
        <v>30540</v>
      </c>
    </row>
    <row r="10678" spans="1:9">
      <c r="A10678" s="1">
        <f ca="1">RAND()</f>
        <v>0.60503396721070801</v>
      </c>
      <c r="B10678" s="1"/>
      <c r="C10678">
        <v>6</v>
      </c>
      <c r="D10678" t="s">
        <v>22907</v>
      </c>
      <c r="E10678" t="s">
        <v>33556</v>
      </c>
      <c r="F10678">
        <v>3</v>
      </c>
      <c r="G10678" t="s">
        <v>14</v>
      </c>
      <c r="H10678" t="s">
        <v>22908</v>
      </c>
      <c r="I10678" t="s">
        <v>30540</v>
      </c>
    </row>
    <row r="10679" spans="1:9">
      <c r="A10679" s="1">
        <f ca="1">RAND()</f>
        <v>0.76200613020739949</v>
      </c>
      <c r="B10679" s="1"/>
      <c r="C10679">
        <v>10</v>
      </c>
      <c r="D10679" t="s">
        <v>22905</v>
      </c>
      <c r="E10679" t="s">
        <v>33557</v>
      </c>
      <c r="F10679">
        <v>4</v>
      </c>
      <c r="G10679" t="s">
        <v>9</v>
      </c>
      <c r="H10679" t="s">
        <v>22906</v>
      </c>
      <c r="I10679" t="s">
        <v>30540</v>
      </c>
    </row>
    <row r="10680" spans="1:9">
      <c r="A10680" s="1">
        <f ca="1">RAND()</f>
        <v>0.75498943933695895</v>
      </c>
      <c r="B10680" s="1"/>
      <c r="C10680">
        <v>7</v>
      </c>
      <c r="D10680" t="s">
        <v>22903</v>
      </c>
      <c r="E10680" t="s">
        <v>33557</v>
      </c>
      <c r="F10680">
        <v>4</v>
      </c>
      <c r="G10680" t="s">
        <v>14</v>
      </c>
      <c r="H10680" t="s">
        <v>22904</v>
      </c>
      <c r="I10680" t="s">
        <v>30540</v>
      </c>
    </row>
    <row r="10681" spans="1:9">
      <c r="A10681" s="1">
        <f ca="1">RAND()</f>
        <v>0.93009866198217062</v>
      </c>
      <c r="B10681" s="1"/>
      <c r="C10681">
        <v>13</v>
      </c>
      <c r="D10681" t="s">
        <v>22899</v>
      </c>
      <c r="E10681" t="s">
        <v>33558</v>
      </c>
      <c r="F10681">
        <v>5</v>
      </c>
      <c r="G10681" t="s">
        <v>1</v>
      </c>
      <c r="H10681" t="s">
        <v>22900</v>
      </c>
      <c r="I10681" t="s">
        <v>30540</v>
      </c>
    </row>
    <row r="10682" spans="1:9">
      <c r="A10682" s="1">
        <f ca="1">RAND()</f>
        <v>0.17830768884648818</v>
      </c>
      <c r="B10682" s="1"/>
      <c r="C10682">
        <v>4</v>
      </c>
      <c r="D10682" t="s">
        <v>22891</v>
      </c>
      <c r="E10682" t="s">
        <v>33558</v>
      </c>
      <c r="F10682">
        <v>5</v>
      </c>
      <c r="G10682" t="s">
        <v>10</v>
      </c>
      <c r="H10682" t="s">
        <v>22892</v>
      </c>
      <c r="I10682" t="s">
        <v>30540</v>
      </c>
    </row>
    <row r="10683" spans="1:9">
      <c r="A10683" s="1">
        <f ca="1">RAND()</f>
        <v>0.62480634203692709</v>
      </c>
      <c r="B10683" s="1"/>
      <c r="C10683">
        <v>2</v>
      </c>
      <c r="D10683" t="s">
        <v>22889</v>
      </c>
      <c r="E10683" t="s">
        <v>33558</v>
      </c>
      <c r="F10683">
        <v>5</v>
      </c>
      <c r="G10683" t="s">
        <v>10</v>
      </c>
      <c r="H10683" t="s">
        <v>22890</v>
      </c>
      <c r="I10683" t="s">
        <v>30540</v>
      </c>
    </row>
    <row r="10684" spans="1:9">
      <c r="A10684" s="1">
        <f ca="1">RAND()</f>
        <v>0.30768036691360745</v>
      </c>
      <c r="B10684" s="1"/>
      <c r="C10684">
        <v>7</v>
      </c>
      <c r="D10684" t="s">
        <v>22893</v>
      </c>
      <c r="E10684" t="s">
        <v>33558</v>
      </c>
      <c r="F10684">
        <v>5</v>
      </c>
      <c r="G10684" t="s">
        <v>10</v>
      </c>
      <c r="H10684" t="s">
        <v>22894</v>
      </c>
      <c r="I10684" t="s">
        <v>30540</v>
      </c>
    </row>
    <row r="10685" spans="1:9">
      <c r="A10685" s="1">
        <f ca="1">RAND()</f>
        <v>0.18422626733783087</v>
      </c>
      <c r="B10685" s="1"/>
      <c r="C10685">
        <v>8</v>
      </c>
      <c r="D10685" t="s">
        <v>22895</v>
      </c>
      <c r="E10685" t="s">
        <v>33558</v>
      </c>
      <c r="F10685">
        <v>4</v>
      </c>
      <c r="G10685" t="s">
        <v>9</v>
      </c>
      <c r="H10685" t="s">
        <v>22896</v>
      </c>
      <c r="I10685" t="s">
        <v>30540</v>
      </c>
    </row>
    <row r="10686" spans="1:9">
      <c r="A10686" s="1">
        <f ca="1">RAND()</f>
        <v>5.4935006353838967E-3</v>
      </c>
      <c r="B10686" s="1"/>
      <c r="C10686">
        <v>17</v>
      </c>
      <c r="D10686" t="s">
        <v>22901</v>
      </c>
      <c r="E10686" t="s">
        <v>33558</v>
      </c>
      <c r="F10686">
        <v>4</v>
      </c>
      <c r="G10686" t="s">
        <v>14</v>
      </c>
      <c r="H10686" t="s">
        <v>22902</v>
      </c>
      <c r="I10686" t="s">
        <v>30540</v>
      </c>
    </row>
    <row r="10687" spans="1:9">
      <c r="A10687" s="1">
        <f ca="1">RAND()</f>
        <v>0.49600629228940751</v>
      </c>
      <c r="B10687" s="1"/>
      <c r="C10687">
        <v>12</v>
      </c>
      <c r="D10687" t="s">
        <v>22897</v>
      </c>
      <c r="E10687" t="s">
        <v>33558</v>
      </c>
      <c r="F10687">
        <v>4</v>
      </c>
      <c r="G10687" t="s">
        <v>1</v>
      </c>
      <c r="H10687" t="s">
        <v>22898</v>
      </c>
      <c r="I10687" t="s">
        <v>30540</v>
      </c>
    </row>
    <row r="10688" spans="1:9">
      <c r="A10688" s="1">
        <f ca="1">RAND()</f>
        <v>0.6467003418317393</v>
      </c>
      <c r="B10688" s="1"/>
      <c r="C10688">
        <v>8</v>
      </c>
      <c r="D10688" t="s">
        <v>22885</v>
      </c>
      <c r="E10688" t="s">
        <v>33559</v>
      </c>
      <c r="F10688">
        <v>5</v>
      </c>
      <c r="G10688" t="s">
        <v>14</v>
      </c>
      <c r="H10688" t="s">
        <v>22886</v>
      </c>
      <c r="I10688" t="s">
        <v>30540</v>
      </c>
    </row>
    <row r="10689" spans="1:9">
      <c r="A10689" s="1">
        <f ca="1">RAND()</f>
        <v>0.27672057700515829</v>
      </c>
      <c r="B10689" s="1"/>
      <c r="C10689">
        <v>10</v>
      </c>
      <c r="D10689" t="s">
        <v>22887</v>
      </c>
      <c r="E10689" t="s">
        <v>33559</v>
      </c>
      <c r="F10689">
        <v>4</v>
      </c>
      <c r="G10689" t="s">
        <v>14</v>
      </c>
      <c r="H10689" t="s">
        <v>22888</v>
      </c>
      <c r="I10689" t="s">
        <v>30540</v>
      </c>
    </row>
    <row r="10690" spans="1:9">
      <c r="A10690" s="1">
        <f ca="1">RAND()</f>
        <v>0.11697440059072672</v>
      </c>
      <c r="B10690" s="1"/>
      <c r="C10690">
        <v>7</v>
      </c>
      <c r="D10690" t="s">
        <v>22877</v>
      </c>
      <c r="E10690" t="s">
        <v>33560</v>
      </c>
      <c r="F10690">
        <v>4</v>
      </c>
      <c r="G10690" t="s">
        <v>14</v>
      </c>
      <c r="H10690" t="s">
        <v>22878</v>
      </c>
      <c r="I10690" t="s">
        <v>30540</v>
      </c>
    </row>
    <row r="10691" spans="1:9">
      <c r="A10691" s="1">
        <f ca="1">RAND()</f>
        <v>3.1603456395612572E-2</v>
      </c>
      <c r="B10691" s="1"/>
      <c r="C10691">
        <v>9</v>
      </c>
      <c r="D10691" t="s">
        <v>22879</v>
      </c>
      <c r="E10691" t="s">
        <v>33560</v>
      </c>
      <c r="F10691">
        <v>4</v>
      </c>
      <c r="G10691" t="s">
        <v>14</v>
      </c>
      <c r="H10691" t="s">
        <v>22880</v>
      </c>
      <c r="I10691" t="s">
        <v>30540</v>
      </c>
    </row>
    <row r="10692" spans="1:9">
      <c r="A10692" s="1">
        <f ca="1">RAND()</f>
        <v>0.53375488351703915</v>
      </c>
      <c r="B10692" s="1"/>
      <c r="C10692">
        <v>13</v>
      </c>
      <c r="D10692" t="s">
        <v>22881</v>
      </c>
      <c r="E10692" t="s">
        <v>33560</v>
      </c>
      <c r="F10692">
        <v>4</v>
      </c>
      <c r="G10692" t="s">
        <v>14</v>
      </c>
      <c r="H10692" t="s">
        <v>22882</v>
      </c>
      <c r="I10692" t="s">
        <v>30540</v>
      </c>
    </row>
    <row r="10693" spans="1:9">
      <c r="A10693" s="1">
        <f ca="1">RAND()</f>
        <v>0.1329754262442</v>
      </c>
      <c r="B10693" s="1"/>
      <c r="C10693">
        <v>15</v>
      </c>
      <c r="D10693" t="s">
        <v>22883</v>
      </c>
      <c r="E10693" t="s">
        <v>33560</v>
      </c>
      <c r="F10693">
        <v>4</v>
      </c>
      <c r="G10693" t="s">
        <v>14</v>
      </c>
      <c r="H10693" t="s">
        <v>22884</v>
      </c>
      <c r="I10693" t="s">
        <v>30540</v>
      </c>
    </row>
    <row r="10694" spans="1:9">
      <c r="A10694" s="1">
        <f ca="1">RAND()</f>
        <v>2.9899727859800995E-2</v>
      </c>
      <c r="B10694" s="1"/>
      <c r="C10694">
        <v>3</v>
      </c>
      <c r="D10694" t="s">
        <v>22875</v>
      </c>
      <c r="E10694" t="s">
        <v>33560</v>
      </c>
      <c r="F10694">
        <v>4</v>
      </c>
      <c r="G10694" t="s">
        <v>1</v>
      </c>
      <c r="H10694" t="s">
        <v>22876</v>
      </c>
      <c r="I10694" t="s">
        <v>30540</v>
      </c>
    </row>
    <row r="10695" spans="1:9">
      <c r="A10695" s="1">
        <f ca="1">RAND()</f>
        <v>0.39076309428677813</v>
      </c>
      <c r="B10695" s="1"/>
      <c r="C10695">
        <v>17</v>
      </c>
      <c r="D10695" t="s">
        <v>22873</v>
      </c>
      <c r="E10695" t="s">
        <v>33561</v>
      </c>
      <c r="F10695">
        <v>5</v>
      </c>
      <c r="G10695" t="s">
        <v>14</v>
      </c>
      <c r="H10695" t="s">
        <v>22874</v>
      </c>
      <c r="I10695" t="s">
        <v>30540</v>
      </c>
    </row>
    <row r="10696" spans="1:9">
      <c r="A10696" s="1">
        <f ca="1">RAND()</f>
        <v>9.0126866664251848E-3</v>
      </c>
      <c r="B10696" s="1"/>
      <c r="C10696">
        <v>1</v>
      </c>
      <c r="D10696" t="s">
        <v>22871</v>
      </c>
      <c r="E10696" t="s">
        <v>33561</v>
      </c>
      <c r="F10696">
        <v>4</v>
      </c>
      <c r="G10696" t="s">
        <v>775</v>
      </c>
      <c r="H10696" t="s">
        <v>22872</v>
      </c>
      <c r="I10696" t="s">
        <v>30540</v>
      </c>
    </row>
    <row r="10697" spans="1:9">
      <c r="A10697" s="1">
        <f ca="1">RAND()</f>
        <v>0.94565999465003814</v>
      </c>
      <c r="B10697" s="1"/>
      <c r="C10697">
        <v>8</v>
      </c>
      <c r="D10697" t="s">
        <v>22869</v>
      </c>
      <c r="E10697" t="s">
        <v>33562</v>
      </c>
      <c r="F10697">
        <v>4</v>
      </c>
      <c r="G10697" t="s">
        <v>14</v>
      </c>
      <c r="H10697" t="s">
        <v>22870</v>
      </c>
      <c r="I10697" t="s">
        <v>30540</v>
      </c>
    </row>
    <row r="10698" spans="1:9">
      <c r="A10698" s="1">
        <f ca="1">RAND()</f>
        <v>0.4651557075965459</v>
      </c>
      <c r="B10698" s="1"/>
      <c r="C10698">
        <v>4</v>
      </c>
      <c r="D10698" t="s">
        <v>22859</v>
      </c>
      <c r="E10698" t="s">
        <v>33563</v>
      </c>
      <c r="F10698">
        <v>5</v>
      </c>
      <c r="G10698" t="s">
        <v>10</v>
      </c>
      <c r="H10698" t="s">
        <v>22860</v>
      </c>
      <c r="I10698" t="s">
        <v>30540</v>
      </c>
    </row>
    <row r="10699" spans="1:9">
      <c r="A10699" s="1">
        <f ca="1">RAND()</f>
        <v>0.50068362592798843</v>
      </c>
      <c r="B10699" s="1"/>
      <c r="C10699">
        <v>11</v>
      </c>
      <c r="D10699" t="s">
        <v>22865</v>
      </c>
      <c r="E10699" t="s">
        <v>33563</v>
      </c>
      <c r="F10699">
        <v>5</v>
      </c>
      <c r="G10699" t="s">
        <v>10</v>
      </c>
      <c r="H10699" t="s">
        <v>22866</v>
      </c>
      <c r="I10699" t="s">
        <v>30540</v>
      </c>
    </row>
    <row r="10700" spans="1:9">
      <c r="A10700" s="1">
        <f ca="1">RAND()</f>
        <v>0.66777270590162519</v>
      </c>
      <c r="B10700" s="1"/>
      <c r="C10700">
        <v>1</v>
      </c>
      <c r="D10700" t="s">
        <v>22853</v>
      </c>
      <c r="E10700" t="s">
        <v>33563</v>
      </c>
      <c r="F10700">
        <v>5</v>
      </c>
      <c r="G10700" t="s">
        <v>2</v>
      </c>
      <c r="H10700" t="s">
        <v>22854</v>
      </c>
      <c r="I10700" t="s">
        <v>30540</v>
      </c>
    </row>
    <row r="10701" spans="1:9">
      <c r="A10701" s="1">
        <f ca="1">RAND()</f>
        <v>0.92360345259587329</v>
      </c>
      <c r="B10701" s="1"/>
      <c r="C10701">
        <v>2</v>
      </c>
      <c r="D10701" t="s">
        <v>22855</v>
      </c>
      <c r="E10701" t="s">
        <v>33563</v>
      </c>
      <c r="F10701">
        <v>4</v>
      </c>
      <c r="G10701" t="s">
        <v>2</v>
      </c>
      <c r="H10701" t="s">
        <v>22856</v>
      </c>
      <c r="I10701" t="s">
        <v>30540</v>
      </c>
    </row>
    <row r="10702" spans="1:9">
      <c r="A10702" s="1">
        <f ca="1">RAND()</f>
        <v>0.35851901720765977</v>
      </c>
      <c r="B10702" s="1"/>
      <c r="C10702">
        <v>3</v>
      </c>
      <c r="D10702" t="s">
        <v>22857</v>
      </c>
      <c r="E10702" t="s">
        <v>33563</v>
      </c>
      <c r="F10702">
        <v>4</v>
      </c>
      <c r="G10702" t="s">
        <v>1</v>
      </c>
      <c r="H10702" t="s">
        <v>22858</v>
      </c>
      <c r="I10702" t="s">
        <v>30540</v>
      </c>
    </row>
    <row r="10703" spans="1:9">
      <c r="A10703" s="1">
        <f ca="1">RAND()</f>
        <v>0.90087087797685661</v>
      </c>
      <c r="B10703" s="1"/>
      <c r="C10703">
        <v>9</v>
      </c>
      <c r="D10703" t="s">
        <v>22861</v>
      </c>
      <c r="E10703" t="s">
        <v>33563</v>
      </c>
      <c r="F10703">
        <v>4</v>
      </c>
      <c r="G10703" t="s">
        <v>10</v>
      </c>
      <c r="H10703" t="s">
        <v>22862</v>
      </c>
      <c r="I10703" t="s">
        <v>30540</v>
      </c>
    </row>
    <row r="10704" spans="1:9">
      <c r="A10704" s="1">
        <f ca="1">RAND()</f>
        <v>0.23118045326748349</v>
      </c>
      <c r="B10704" s="1"/>
      <c r="C10704">
        <v>12</v>
      </c>
      <c r="D10704" t="s">
        <v>22867</v>
      </c>
      <c r="E10704" t="s">
        <v>33563</v>
      </c>
      <c r="F10704">
        <v>4</v>
      </c>
      <c r="G10704" t="s">
        <v>1</v>
      </c>
      <c r="H10704" t="s">
        <v>22868</v>
      </c>
      <c r="I10704" t="s">
        <v>30540</v>
      </c>
    </row>
    <row r="10705" spans="1:9">
      <c r="A10705" s="1">
        <f ca="1">RAND()</f>
        <v>0.14730033567966583</v>
      </c>
      <c r="B10705" s="1"/>
      <c r="C10705">
        <v>10</v>
      </c>
      <c r="D10705" t="s">
        <v>22863</v>
      </c>
      <c r="E10705" t="s">
        <v>33563</v>
      </c>
      <c r="F10705">
        <v>4</v>
      </c>
      <c r="G10705" t="s">
        <v>10</v>
      </c>
      <c r="H10705" t="s">
        <v>22864</v>
      </c>
      <c r="I10705" t="s">
        <v>30540</v>
      </c>
    </row>
    <row r="10706" spans="1:9">
      <c r="A10706" s="1">
        <f ca="1">RAND()</f>
        <v>0.86777910334830366</v>
      </c>
      <c r="B10706" s="1"/>
      <c r="C10706">
        <v>9</v>
      </c>
      <c r="D10706" t="s">
        <v>22845</v>
      </c>
      <c r="E10706" t="s">
        <v>33564</v>
      </c>
      <c r="F10706">
        <v>5</v>
      </c>
      <c r="G10706" t="s">
        <v>1</v>
      </c>
      <c r="H10706" t="s">
        <v>22846</v>
      </c>
      <c r="I10706" t="s">
        <v>30540</v>
      </c>
    </row>
    <row r="10707" spans="1:9">
      <c r="A10707" s="1">
        <f ca="1">RAND()</f>
        <v>0.31740772292217201</v>
      </c>
      <c r="B10707" s="1"/>
      <c r="C10707">
        <v>8</v>
      </c>
      <c r="D10707" t="s">
        <v>22843</v>
      </c>
      <c r="E10707" t="s">
        <v>33564</v>
      </c>
      <c r="F10707">
        <v>4</v>
      </c>
      <c r="G10707" t="s">
        <v>0</v>
      </c>
      <c r="H10707" t="s">
        <v>22844</v>
      </c>
      <c r="I10707" t="s">
        <v>30540</v>
      </c>
    </row>
    <row r="10708" spans="1:9">
      <c r="A10708" s="1">
        <f ca="1">RAND()</f>
        <v>0.59767739712091816</v>
      </c>
      <c r="B10708" s="1"/>
      <c r="C10708">
        <v>11</v>
      </c>
      <c r="D10708" t="s">
        <v>22847</v>
      </c>
      <c r="E10708" t="s">
        <v>33564</v>
      </c>
      <c r="F10708">
        <v>4</v>
      </c>
      <c r="G10708" t="s">
        <v>14</v>
      </c>
      <c r="H10708" t="s">
        <v>22848</v>
      </c>
      <c r="I10708" t="s">
        <v>30540</v>
      </c>
    </row>
    <row r="10709" spans="1:9">
      <c r="A10709" s="1">
        <f ca="1">RAND()</f>
        <v>0.19118376141575022</v>
      </c>
      <c r="B10709" s="1"/>
      <c r="C10709">
        <v>16</v>
      </c>
      <c r="D10709" t="s">
        <v>22851</v>
      </c>
      <c r="E10709" t="s">
        <v>33564</v>
      </c>
      <c r="F10709">
        <v>4</v>
      </c>
      <c r="G10709" t="s">
        <v>14</v>
      </c>
      <c r="H10709" t="s">
        <v>22852</v>
      </c>
      <c r="I10709" t="s">
        <v>30540</v>
      </c>
    </row>
    <row r="10710" spans="1:9">
      <c r="A10710" s="1">
        <f ca="1">RAND()</f>
        <v>9.3618445517122395E-2</v>
      </c>
      <c r="B10710" s="1"/>
      <c r="C10710">
        <v>1</v>
      </c>
      <c r="D10710" t="s">
        <v>22841</v>
      </c>
      <c r="E10710" t="s">
        <v>33564</v>
      </c>
      <c r="F10710">
        <v>4</v>
      </c>
      <c r="G10710" t="s">
        <v>2</v>
      </c>
      <c r="H10710" t="s">
        <v>22842</v>
      </c>
      <c r="I10710" t="s">
        <v>30540</v>
      </c>
    </row>
    <row r="10711" spans="1:9">
      <c r="A10711" s="1">
        <f ca="1">RAND()</f>
        <v>0.69202622051190499</v>
      </c>
      <c r="B10711" s="1"/>
      <c r="C10711">
        <v>15</v>
      </c>
      <c r="D10711" t="s">
        <v>22849</v>
      </c>
      <c r="E10711" t="s">
        <v>33564</v>
      </c>
      <c r="F10711">
        <v>3</v>
      </c>
      <c r="G10711" t="s">
        <v>9</v>
      </c>
      <c r="H10711" t="s">
        <v>22850</v>
      </c>
      <c r="I10711" t="s">
        <v>30540</v>
      </c>
    </row>
    <row r="10712" spans="1:9">
      <c r="A10712" s="1">
        <f ca="1">RAND()</f>
        <v>0.47434229691804797</v>
      </c>
      <c r="B10712" s="1"/>
      <c r="C10712">
        <v>10</v>
      </c>
      <c r="D10712" t="s">
        <v>22837</v>
      </c>
      <c r="E10712" t="s">
        <v>33565</v>
      </c>
      <c r="F10712">
        <v>4</v>
      </c>
      <c r="G10712" t="s">
        <v>10</v>
      </c>
      <c r="H10712" t="s">
        <v>22838</v>
      </c>
      <c r="I10712" t="s">
        <v>30540</v>
      </c>
    </row>
    <row r="10713" spans="1:9">
      <c r="A10713" s="1">
        <f ca="1">RAND()</f>
        <v>0.98813649914444257</v>
      </c>
      <c r="B10713" s="1"/>
      <c r="C10713">
        <v>3</v>
      </c>
      <c r="D10713" t="s">
        <v>22835</v>
      </c>
      <c r="E10713" t="s">
        <v>33565</v>
      </c>
      <c r="F10713">
        <v>3</v>
      </c>
      <c r="G10713" t="s">
        <v>14</v>
      </c>
      <c r="H10713" t="s">
        <v>22836</v>
      </c>
      <c r="I10713" t="s">
        <v>30540</v>
      </c>
    </row>
    <row r="10714" spans="1:9">
      <c r="A10714" s="1">
        <f ca="1">RAND()</f>
        <v>0.59210679131167443</v>
      </c>
      <c r="B10714" s="1"/>
      <c r="C10714">
        <v>13</v>
      </c>
      <c r="D10714" t="s">
        <v>22839</v>
      </c>
      <c r="E10714" t="s">
        <v>33565</v>
      </c>
      <c r="F10714">
        <v>1</v>
      </c>
      <c r="G10714" t="s">
        <v>0</v>
      </c>
      <c r="H10714" t="s">
        <v>22840</v>
      </c>
      <c r="I10714" t="s">
        <v>30540</v>
      </c>
    </row>
    <row r="10715" spans="1:9">
      <c r="A10715" s="1">
        <f ca="1">RAND()</f>
        <v>0.88122079048877588</v>
      </c>
      <c r="B10715" s="1"/>
      <c r="C10715">
        <v>16</v>
      </c>
      <c r="D10715" t="s">
        <v>22833</v>
      </c>
      <c r="E10715" t="s">
        <v>33566</v>
      </c>
      <c r="F10715">
        <v>4</v>
      </c>
      <c r="G10715" t="s">
        <v>1431</v>
      </c>
      <c r="H10715" t="s">
        <v>22834</v>
      </c>
      <c r="I10715" t="s">
        <v>30540</v>
      </c>
    </row>
    <row r="10716" spans="1:9">
      <c r="A10716" s="1">
        <f ca="1">RAND()</f>
        <v>0.62496396482974481</v>
      </c>
      <c r="B10716" s="1"/>
      <c r="C10716">
        <v>8</v>
      </c>
      <c r="D10716" t="s">
        <v>22825</v>
      </c>
      <c r="E10716" t="s">
        <v>33567</v>
      </c>
      <c r="F10716">
        <v>5</v>
      </c>
      <c r="G10716" t="s">
        <v>14</v>
      </c>
      <c r="H10716" t="s">
        <v>22826</v>
      </c>
      <c r="I10716" t="s">
        <v>30540</v>
      </c>
    </row>
    <row r="10717" spans="1:9">
      <c r="A10717" s="1">
        <f ca="1">RAND()</f>
        <v>5.1591027353419472E-2</v>
      </c>
      <c r="B10717" s="1"/>
      <c r="C10717">
        <v>11</v>
      </c>
      <c r="D10717" t="s">
        <v>22827</v>
      </c>
      <c r="E10717" t="s">
        <v>33567</v>
      </c>
      <c r="F10717">
        <v>4</v>
      </c>
      <c r="G10717" t="s">
        <v>1</v>
      </c>
      <c r="H10717" t="s">
        <v>22828</v>
      </c>
      <c r="I10717" t="s">
        <v>30540</v>
      </c>
    </row>
    <row r="10718" spans="1:9">
      <c r="A10718" s="1">
        <f ca="1">RAND()</f>
        <v>0.75761147027989562</v>
      </c>
      <c r="B10718" s="1"/>
      <c r="C10718">
        <v>2</v>
      </c>
      <c r="D10718" t="s">
        <v>22823</v>
      </c>
      <c r="E10718" t="s">
        <v>33567</v>
      </c>
      <c r="F10718">
        <v>4</v>
      </c>
      <c r="G10718" t="s">
        <v>15</v>
      </c>
      <c r="H10718" t="s">
        <v>22824</v>
      </c>
      <c r="I10718" t="s">
        <v>30540</v>
      </c>
    </row>
    <row r="10719" spans="1:9">
      <c r="A10719" s="1">
        <f ca="1">RAND()</f>
        <v>0.99040726442021643</v>
      </c>
      <c r="B10719" s="1"/>
      <c r="C10719">
        <v>15</v>
      </c>
      <c r="D10719" t="s">
        <v>22829</v>
      </c>
      <c r="E10719" t="s">
        <v>33567</v>
      </c>
      <c r="F10719">
        <v>4</v>
      </c>
      <c r="G10719" t="s">
        <v>0</v>
      </c>
      <c r="H10719" t="s">
        <v>22830</v>
      </c>
      <c r="I10719" t="s">
        <v>30540</v>
      </c>
    </row>
    <row r="10720" spans="1:9">
      <c r="A10720" s="1">
        <f ca="1">RAND()</f>
        <v>0.75375970696153627</v>
      </c>
      <c r="B10720" s="1"/>
      <c r="C10720">
        <v>16</v>
      </c>
      <c r="D10720" t="s">
        <v>22831</v>
      </c>
      <c r="E10720" t="s">
        <v>33567</v>
      </c>
      <c r="F10720">
        <v>4</v>
      </c>
      <c r="G10720" t="s">
        <v>14</v>
      </c>
      <c r="H10720" t="s">
        <v>22832</v>
      </c>
      <c r="I10720" t="s">
        <v>30540</v>
      </c>
    </row>
    <row r="10721" spans="1:9">
      <c r="A10721" s="1">
        <f ca="1">RAND()</f>
        <v>0.89922921864314331</v>
      </c>
      <c r="B10721" s="1"/>
      <c r="C10721">
        <v>14</v>
      </c>
      <c r="D10721" t="s">
        <v>22821</v>
      </c>
      <c r="E10721" t="s">
        <v>33568</v>
      </c>
      <c r="F10721">
        <v>5</v>
      </c>
      <c r="G10721" t="s">
        <v>10</v>
      </c>
      <c r="H10721" t="s">
        <v>22822</v>
      </c>
      <c r="I10721" t="s">
        <v>30540</v>
      </c>
    </row>
    <row r="10722" spans="1:9">
      <c r="A10722" s="1">
        <f ca="1">RAND()</f>
        <v>0.19034054166762759</v>
      </c>
      <c r="B10722" s="1"/>
      <c r="C10722">
        <v>1</v>
      </c>
      <c r="D10722" t="s">
        <v>22815</v>
      </c>
      <c r="E10722" t="s">
        <v>33568</v>
      </c>
      <c r="F10722">
        <v>4</v>
      </c>
      <c r="G10722" t="s">
        <v>2</v>
      </c>
      <c r="H10722" t="s">
        <v>22816</v>
      </c>
      <c r="I10722" t="s">
        <v>30540</v>
      </c>
    </row>
    <row r="10723" spans="1:9">
      <c r="A10723" s="1">
        <f ca="1">RAND()</f>
        <v>0.15532023274378848</v>
      </c>
      <c r="B10723" s="1"/>
      <c r="C10723">
        <v>7</v>
      </c>
      <c r="D10723" t="s">
        <v>22819</v>
      </c>
      <c r="E10723" t="s">
        <v>33568</v>
      </c>
      <c r="F10723">
        <v>4</v>
      </c>
      <c r="G10723" t="s">
        <v>10</v>
      </c>
      <c r="H10723" t="s">
        <v>22820</v>
      </c>
      <c r="I10723" t="s">
        <v>30540</v>
      </c>
    </row>
    <row r="10724" spans="1:9">
      <c r="A10724" s="1">
        <f ca="1">RAND()</f>
        <v>0.77629396029104225</v>
      </c>
      <c r="B10724" s="1"/>
      <c r="C10724">
        <v>4</v>
      </c>
      <c r="D10724" t="s">
        <v>22817</v>
      </c>
      <c r="E10724" t="s">
        <v>33568</v>
      </c>
      <c r="F10724">
        <v>2</v>
      </c>
      <c r="G10724" t="s">
        <v>2</v>
      </c>
      <c r="H10724" t="s">
        <v>22818</v>
      </c>
      <c r="I10724" t="s">
        <v>30540</v>
      </c>
    </row>
    <row r="10725" spans="1:9">
      <c r="A10725" s="1">
        <f ca="1">RAND()</f>
        <v>0.56179262354862736</v>
      </c>
      <c r="B10725" s="1"/>
      <c r="C10725">
        <v>14</v>
      </c>
      <c r="D10725" t="s">
        <v>22813</v>
      </c>
      <c r="E10725" t="s">
        <v>33569</v>
      </c>
      <c r="F10725">
        <v>5</v>
      </c>
      <c r="G10725" t="s">
        <v>14</v>
      </c>
      <c r="H10725" t="s">
        <v>22814</v>
      </c>
      <c r="I10725" t="s">
        <v>30540</v>
      </c>
    </row>
    <row r="10726" spans="1:9">
      <c r="A10726" s="1">
        <f ca="1">RAND()</f>
        <v>0.86461406275696306</v>
      </c>
      <c r="B10726" s="1"/>
      <c r="C10726">
        <v>1</v>
      </c>
      <c r="D10726" t="s">
        <v>22809</v>
      </c>
      <c r="E10726" t="s">
        <v>33569</v>
      </c>
      <c r="F10726">
        <v>4</v>
      </c>
      <c r="G10726" t="s">
        <v>15</v>
      </c>
      <c r="H10726" t="s">
        <v>22810</v>
      </c>
      <c r="I10726" t="s">
        <v>30540</v>
      </c>
    </row>
    <row r="10727" spans="1:9">
      <c r="A10727" s="1">
        <f ca="1">RAND()</f>
        <v>6.8819721862348748E-3</v>
      </c>
      <c r="B10727" s="1"/>
      <c r="C10727">
        <v>8</v>
      </c>
      <c r="D10727" t="s">
        <v>22811</v>
      </c>
      <c r="E10727" t="s">
        <v>33569</v>
      </c>
      <c r="F10727">
        <v>3</v>
      </c>
      <c r="G10727" t="s">
        <v>10</v>
      </c>
      <c r="H10727" t="s">
        <v>22812</v>
      </c>
      <c r="I10727" t="s">
        <v>30540</v>
      </c>
    </row>
    <row r="10728" spans="1:9">
      <c r="A10728" s="1">
        <f ca="1">RAND()</f>
        <v>0.55039907557357615</v>
      </c>
      <c r="B10728" s="1"/>
      <c r="C10728">
        <v>12</v>
      </c>
      <c r="D10728" t="s">
        <v>22807</v>
      </c>
      <c r="E10728" t="s">
        <v>33570</v>
      </c>
      <c r="F10728">
        <v>5</v>
      </c>
      <c r="G10728" t="s">
        <v>14</v>
      </c>
      <c r="H10728" t="s">
        <v>22808</v>
      </c>
      <c r="I10728" t="s">
        <v>30540</v>
      </c>
    </row>
    <row r="10729" spans="1:9">
      <c r="A10729" s="1">
        <f ca="1">RAND()</f>
        <v>7.8304042832555654E-2</v>
      </c>
      <c r="B10729" s="1"/>
      <c r="C10729">
        <v>2</v>
      </c>
      <c r="D10729" t="s">
        <v>22803</v>
      </c>
      <c r="E10729" t="s">
        <v>33570</v>
      </c>
      <c r="F10729">
        <v>4</v>
      </c>
      <c r="G10729" t="s">
        <v>10</v>
      </c>
      <c r="H10729" t="s">
        <v>22804</v>
      </c>
      <c r="I10729" t="s">
        <v>30540</v>
      </c>
    </row>
    <row r="10730" spans="1:9">
      <c r="A10730" s="1">
        <f ca="1">RAND()</f>
        <v>0.47004244728147715</v>
      </c>
      <c r="B10730" s="1"/>
      <c r="C10730">
        <v>3</v>
      </c>
      <c r="D10730" t="s">
        <v>22805</v>
      </c>
      <c r="E10730" t="s">
        <v>33570</v>
      </c>
      <c r="F10730">
        <v>4</v>
      </c>
      <c r="G10730" t="s">
        <v>13</v>
      </c>
      <c r="H10730" t="s">
        <v>22806</v>
      </c>
      <c r="I10730" t="s">
        <v>30540</v>
      </c>
    </row>
    <row r="10731" spans="1:9">
      <c r="A10731" s="1">
        <f ca="1">RAND()</f>
        <v>8.4608710987848723E-2</v>
      </c>
      <c r="B10731" s="1"/>
      <c r="C10731">
        <v>11</v>
      </c>
      <c r="D10731" t="s">
        <v>22801</v>
      </c>
      <c r="E10731" t="s">
        <v>33571</v>
      </c>
      <c r="F10731">
        <v>5</v>
      </c>
      <c r="G10731" t="s">
        <v>14</v>
      </c>
      <c r="H10731" t="s">
        <v>22802</v>
      </c>
      <c r="I10731" t="s">
        <v>30540</v>
      </c>
    </row>
    <row r="10732" spans="1:9">
      <c r="A10732" s="1">
        <f ca="1">RAND()</f>
        <v>0.56425257779960802</v>
      </c>
      <c r="B10732" s="1"/>
      <c r="C10732">
        <v>2</v>
      </c>
      <c r="D10732" t="s">
        <v>22795</v>
      </c>
      <c r="E10732" t="s">
        <v>33571</v>
      </c>
      <c r="F10732">
        <v>4</v>
      </c>
      <c r="G10732" t="s">
        <v>762</v>
      </c>
      <c r="H10732" t="s">
        <v>22796</v>
      </c>
      <c r="I10732" t="s">
        <v>30540</v>
      </c>
    </row>
    <row r="10733" spans="1:9">
      <c r="A10733" s="1">
        <f ca="1">RAND()</f>
        <v>0.6370599365018712</v>
      </c>
      <c r="B10733" s="1"/>
      <c r="C10733">
        <v>7</v>
      </c>
      <c r="D10733" t="s">
        <v>22799</v>
      </c>
      <c r="E10733" t="s">
        <v>33571</v>
      </c>
      <c r="F10733">
        <v>3</v>
      </c>
      <c r="G10733" t="s">
        <v>774</v>
      </c>
      <c r="H10733" t="s">
        <v>22800</v>
      </c>
      <c r="I10733" t="s">
        <v>30540</v>
      </c>
    </row>
    <row r="10734" spans="1:9">
      <c r="A10734" s="1">
        <f ca="1">RAND()</f>
        <v>0.21264988215589142</v>
      </c>
      <c r="B10734" s="1"/>
      <c r="C10734">
        <v>6</v>
      </c>
      <c r="D10734" t="s">
        <v>22797</v>
      </c>
      <c r="E10734" t="s">
        <v>33571</v>
      </c>
      <c r="F10734">
        <v>2</v>
      </c>
      <c r="G10734" t="s">
        <v>1295</v>
      </c>
      <c r="H10734" t="s">
        <v>22798</v>
      </c>
      <c r="I10734" t="s">
        <v>30540</v>
      </c>
    </row>
    <row r="10735" spans="1:9">
      <c r="A10735" s="1">
        <f ca="1">RAND()</f>
        <v>0.93640248496011336</v>
      </c>
      <c r="B10735" s="1"/>
      <c r="C10735">
        <v>15</v>
      </c>
      <c r="D10735" t="s">
        <v>22793</v>
      </c>
      <c r="E10735" t="s">
        <v>33572</v>
      </c>
      <c r="F10735">
        <v>5</v>
      </c>
      <c r="G10735" t="s">
        <v>14</v>
      </c>
      <c r="H10735" t="s">
        <v>22794</v>
      </c>
      <c r="I10735" t="s">
        <v>30540</v>
      </c>
    </row>
    <row r="10736" spans="1:9">
      <c r="A10736" s="1">
        <f ca="1">RAND()</f>
        <v>0.56227387605654455</v>
      </c>
      <c r="B10736" s="1"/>
      <c r="C10736">
        <v>2</v>
      </c>
      <c r="D10736" t="s">
        <v>22789</v>
      </c>
      <c r="E10736" t="s">
        <v>33572</v>
      </c>
      <c r="F10736">
        <v>4</v>
      </c>
      <c r="G10736" t="s">
        <v>2</v>
      </c>
      <c r="H10736" t="s">
        <v>22790</v>
      </c>
      <c r="I10736" t="s">
        <v>30540</v>
      </c>
    </row>
    <row r="10737" spans="1:9">
      <c r="A10737" s="1">
        <f ca="1">RAND()</f>
        <v>0.26832945011209586</v>
      </c>
      <c r="B10737" s="1"/>
      <c r="C10737">
        <v>9</v>
      </c>
      <c r="D10737" t="s">
        <v>22791</v>
      </c>
      <c r="E10737" t="s">
        <v>33572</v>
      </c>
      <c r="F10737">
        <v>4</v>
      </c>
      <c r="G10737" t="s">
        <v>14</v>
      </c>
      <c r="H10737" t="s">
        <v>22792</v>
      </c>
      <c r="I10737" t="s">
        <v>30540</v>
      </c>
    </row>
    <row r="10738" spans="1:9">
      <c r="A10738" s="1">
        <f ca="1">RAND()</f>
        <v>0.82411070856141344</v>
      </c>
      <c r="B10738" s="1"/>
      <c r="C10738">
        <v>10</v>
      </c>
      <c r="D10738" t="s">
        <v>22779</v>
      </c>
      <c r="E10738" t="s">
        <v>33573</v>
      </c>
      <c r="F10738">
        <v>5</v>
      </c>
      <c r="G10738" t="s">
        <v>14</v>
      </c>
      <c r="H10738" t="s">
        <v>22780</v>
      </c>
      <c r="I10738" t="s">
        <v>30540</v>
      </c>
    </row>
    <row r="10739" spans="1:9">
      <c r="A10739" s="1">
        <f ca="1">RAND()</f>
        <v>0.18247521181818471</v>
      </c>
      <c r="B10739" s="1"/>
      <c r="C10739">
        <v>14</v>
      </c>
      <c r="D10739" t="s">
        <v>22783</v>
      </c>
      <c r="E10739" t="s">
        <v>33573</v>
      </c>
      <c r="F10739">
        <v>5</v>
      </c>
      <c r="G10739" t="s">
        <v>10</v>
      </c>
      <c r="H10739" t="s">
        <v>22784</v>
      </c>
      <c r="I10739" t="s">
        <v>30540</v>
      </c>
    </row>
    <row r="10740" spans="1:9">
      <c r="A10740" s="1">
        <f ca="1">RAND()</f>
        <v>0.37122462418160429</v>
      </c>
      <c r="B10740" s="1"/>
      <c r="C10740">
        <v>4</v>
      </c>
      <c r="D10740" t="s">
        <v>22775</v>
      </c>
      <c r="E10740" t="s">
        <v>33573</v>
      </c>
      <c r="F10740">
        <v>5</v>
      </c>
      <c r="G10740" t="s">
        <v>9</v>
      </c>
      <c r="H10740" t="s">
        <v>22776</v>
      </c>
      <c r="I10740" t="s">
        <v>30540</v>
      </c>
    </row>
    <row r="10741" spans="1:9">
      <c r="A10741" s="1">
        <f ca="1">RAND()</f>
        <v>0.33868500510308241</v>
      </c>
      <c r="B10741" s="1"/>
      <c r="C10741">
        <v>1</v>
      </c>
      <c r="D10741" t="s">
        <v>22773</v>
      </c>
      <c r="E10741" t="s">
        <v>33573</v>
      </c>
      <c r="F10741">
        <v>4</v>
      </c>
      <c r="G10741" t="s">
        <v>10</v>
      </c>
      <c r="H10741" t="s">
        <v>22774</v>
      </c>
      <c r="I10741" t="s">
        <v>30540</v>
      </c>
    </row>
    <row r="10742" spans="1:9">
      <c r="A10742" s="1">
        <f ca="1">RAND()</f>
        <v>0.89513862867497762</v>
      </c>
      <c r="B10742" s="1"/>
      <c r="C10742">
        <v>9</v>
      </c>
      <c r="D10742" t="s">
        <v>22777</v>
      </c>
      <c r="E10742" t="s">
        <v>33573</v>
      </c>
      <c r="F10742">
        <v>4</v>
      </c>
      <c r="G10742" t="s">
        <v>14</v>
      </c>
      <c r="H10742" t="s">
        <v>22778</v>
      </c>
      <c r="I10742" t="s">
        <v>30540</v>
      </c>
    </row>
    <row r="10743" spans="1:9">
      <c r="A10743" s="1">
        <f ca="1">RAND()</f>
        <v>7.2402114119534011E-2</v>
      </c>
      <c r="B10743" s="1"/>
      <c r="C10743">
        <v>15</v>
      </c>
      <c r="D10743" t="s">
        <v>22785</v>
      </c>
      <c r="E10743" t="s">
        <v>33573</v>
      </c>
      <c r="F10743">
        <v>4</v>
      </c>
      <c r="G10743" t="s">
        <v>14</v>
      </c>
      <c r="H10743" t="s">
        <v>22786</v>
      </c>
      <c r="I10743" t="s">
        <v>30540</v>
      </c>
    </row>
    <row r="10744" spans="1:9">
      <c r="A10744" s="1">
        <f ca="1">RAND()</f>
        <v>0.64233772371956122</v>
      </c>
      <c r="B10744" s="1"/>
      <c r="C10744">
        <v>16</v>
      </c>
      <c r="D10744" t="s">
        <v>22787</v>
      </c>
      <c r="E10744" t="s">
        <v>33573</v>
      </c>
      <c r="F10744">
        <v>4</v>
      </c>
      <c r="G10744" t="s">
        <v>14</v>
      </c>
      <c r="H10744" t="s">
        <v>22788</v>
      </c>
      <c r="I10744" t="s">
        <v>30540</v>
      </c>
    </row>
    <row r="10745" spans="1:9">
      <c r="A10745" s="1">
        <f ca="1">RAND()</f>
        <v>8.7716786258518864E-2</v>
      </c>
      <c r="B10745" s="1"/>
      <c r="C10745">
        <v>11</v>
      </c>
      <c r="D10745" t="s">
        <v>22781</v>
      </c>
      <c r="E10745" t="s">
        <v>33573</v>
      </c>
      <c r="F10745">
        <v>4</v>
      </c>
      <c r="G10745" t="s">
        <v>1</v>
      </c>
      <c r="H10745" t="s">
        <v>22782</v>
      </c>
      <c r="I10745" t="s">
        <v>30540</v>
      </c>
    </row>
    <row r="10746" spans="1:9">
      <c r="A10746" s="1">
        <f ca="1">RAND()</f>
        <v>0.17842430138070942</v>
      </c>
      <c r="B10746" s="1"/>
      <c r="C10746">
        <v>7</v>
      </c>
      <c r="D10746" t="s">
        <v>22771</v>
      </c>
      <c r="E10746" t="s">
        <v>33574</v>
      </c>
      <c r="F10746">
        <v>3</v>
      </c>
      <c r="G10746" t="s">
        <v>14</v>
      </c>
      <c r="H10746" t="s">
        <v>22772</v>
      </c>
      <c r="I10746" t="s">
        <v>30540</v>
      </c>
    </row>
    <row r="10747" spans="1:9">
      <c r="A10747" s="1">
        <f ca="1">RAND()</f>
        <v>5.8724750973351836E-2</v>
      </c>
      <c r="B10747" s="1"/>
      <c r="C10747">
        <v>13</v>
      </c>
      <c r="D10747" t="s">
        <v>22769</v>
      </c>
      <c r="E10747" t="s">
        <v>33575</v>
      </c>
      <c r="F10747">
        <v>5</v>
      </c>
      <c r="G10747" t="s">
        <v>14</v>
      </c>
      <c r="H10747" t="s">
        <v>22770</v>
      </c>
      <c r="I10747" t="s">
        <v>30540</v>
      </c>
    </row>
    <row r="10748" spans="1:9">
      <c r="A10748" s="1">
        <f ca="1">RAND()</f>
        <v>0.47138569228974125</v>
      </c>
      <c r="B10748" s="1"/>
      <c r="C10748">
        <v>5</v>
      </c>
      <c r="D10748" t="s">
        <v>22765</v>
      </c>
      <c r="E10748" t="s">
        <v>33575</v>
      </c>
      <c r="F10748">
        <v>4</v>
      </c>
      <c r="G10748" t="s">
        <v>14</v>
      </c>
      <c r="H10748" t="s">
        <v>22766</v>
      </c>
      <c r="I10748" t="s">
        <v>30540</v>
      </c>
    </row>
    <row r="10749" spans="1:9">
      <c r="A10749" s="1">
        <f ca="1">RAND()</f>
        <v>0.60524097737746696</v>
      </c>
      <c r="B10749" s="1"/>
      <c r="C10749">
        <v>12</v>
      </c>
      <c r="D10749" t="s">
        <v>22767</v>
      </c>
      <c r="E10749" t="s">
        <v>33575</v>
      </c>
      <c r="F10749">
        <v>4</v>
      </c>
      <c r="G10749" t="s">
        <v>14</v>
      </c>
      <c r="H10749" t="s">
        <v>22768</v>
      </c>
      <c r="I10749" t="s">
        <v>30540</v>
      </c>
    </row>
    <row r="10750" spans="1:9">
      <c r="A10750" s="1">
        <f ca="1">RAND()</f>
        <v>0.30274075750739915</v>
      </c>
      <c r="B10750" s="1"/>
      <c r="C10750">
        <v>11</v>
      </c>
      <c r="D10750" t="s">
        <v>22759</v>
      </c>
      <c r="E10750" t="s">
        <v>33576</v>
      </c>
      <c r="F10750">
        <v>5</v>
      </c>
      <c r="G10750" t="s">
        <v>14</v>
      </c>
      <c r="H10750" t="s">
        <v>22760</v>
      </c>
      <c r="I10750" t="s">
        <v>30540</v>
      </c>
    </row>
    <row r="10751" spans="1:9">
      <c r="A10751" s="1">
        <f ca="1">RAND()</f>
        <v>0.10732095502189976</v>
      </c>
      <c r="B10751" s="1"/>
      <c r="C10751">
        <v>14</v>
      </c>
      <c r="D10751" t="s">
        <v>22761</v>
      </c>
      <c r="E10751" t="s">
        <v>33576</v>
      </c>
      <c r="F10751">
        <v>5</v>
      </c>
      <c r="G10751" t="s">
        <v>14</v>
      </c>
      <c r="H10751" t="s">
        <v>22762</v>
      </c>
      <c r="I10751" t="s">
        <v>30540</v>
      </c>
    </row>
    <row r="10752" spans="1:9">
      <c r="A10752" s="1">
        <f ca="1">RAND()</f>
        <v>0.65402881197469653</v>
      </c>
      <c r="B10752" s="1"/>
      <c r="C10752">
        <v>16</v>
      </c>
      <c r="D10752" t="s">
        <v>22763</v>
      </c>
      <c r="E10752" t="s">
        <v>33576</v>
      </c>
      <c r="F10752">
        <v>4</v>
      </c>
      <c r="G10752" t="s">
        <v>14</v>
      </c>
      <c r="H10752" t="s">
        <v>22764</v>
      </c>
      <c r="I10752" t="s">
        <v>30540</v>
      </c>
    </row>
    <row r="10753" spans="1:9">
      <c r="A10753" s="1">
        <f ca="1">RAND()</f>
        <v>0.84772052657098307</v>
      </c>
      <c r="B10753" s="1"/>
      <c r="C10753">
        <v>13</v>
      </c>
      <c r="D10753" t="s">
        <v>22757</v>
      </c>
      <c r="E10753" t="s">
        <v>33577</v>
      </c>
      <c r="F10753">
        <v>5</v>
      </c>
      <c r="G10753" t="s">
        <v>14</v>
      </c>
      <c r="H10753" t="s">
        <v>22758</v>
      </c>
      <c r="I10753" t="s">
        <v>30540</v>
      </c>
    </row>
    <row r="10754" spans="1:9">
      <c r="A10754" s="1">
        <f ca="1">RAND()</f>
        <v>0.92754941031252125</v>
      </c>
      <c r="B10754" s="1"/>
      <c r="C10754">
        <v>6</v>
      </c>
      <c r="D10754" t="s">
        <v>22751</v>
      </c>
      <c r="E10754" t="s">
        <v>33577</v>
      </c>
      <c r="F10754">
        <v>5</v>
      </c>
      <c r="G10754" t="s">
        <v>10</v>
      </c>
      <c r="H10754" t="s">
        <v>22752</v>
      </c>
      <c r="I10754" t="s">
        <v>30540</v>
      </c>
    </row>
    <row r="10755" spans="1:9">
      <c r="A10755" s="1">
        <f ca="1">RAND()</f>
        <v>0.32370023485654809</v>
      </c>
      <c r="B10755" s="1"/>
      <c r="C10755">
        <v>11</v>
      </c>
      <c r="D10755" t="s">
        <v>22755</v>
      </c>
      <c r="E10755" t="s">
        <v>33577</v>
      </c>
      <c r="F10755">
        <v>4</v>
      </c>
      <c r="G10755" t="s">
        <v>14</v>
      </c>
      <c r="H10755" t="s">
        <v>22756</v>
      </c>
      <c r="I10755" t="s">
        <v>30540</v>
      </c>
    </row>
    <row r="10756" spans="1:9">
      <c r="A10756" s="1">
        <f ca="1">RAND()</f>
        <v>0.28105899533276535</v>
      </c>
      <c r="B10756" s="1"/>
      <c r="C10756">
        <v>3</v>
      </c>
      <c r="D10756" t="s">
        <v>22749</v>
      </c>
      <c r="E10756" t="s">
        <v>33577</v>
      </c>
      <c r="F10756">
        <v>4</v>
      </c>
      <c r="G10756" t="s">
        <v>14</v>
      </c>
      <c r="H10756" t="s">
        <v>22750</v>
      </c>
      <c r="I10756" t="s">
        <v>30540</v>
      </c>
    </row>
    <row r="10757" spans="1:9">
      <c r="A10757" s="1">
        <f ca="1">RAND()</f>
        <v>0.85962649989411921</v>
      </c>
      <c r="B10757" s="1"/>
      <c r="C10757">
        <v>9</v>
      </c>
      <c r="D10757" t="s">
        <v>22753</v>
      </c>
      <c r="E10757" t="s">
        <v>33577</v>
      </c>
      <c r="F10757">
        <v>3</v>
      </c>
      <c r="G10757" t="s">
        <v>14</v>
      </c>
      <c r="H10757" t="s">
        <v>22754</v>
      </c>
      <c r="I10757" t="s">
        <v>30540</v>
      </c>
    </row>
    <row r="10758" spans="1:9">
      <c r="A10758" s="1">
        <f ca="1">RAND()</f>
        <v>0.51208863173042773</v>
      </c>
      <c r="B10758" s="1"/>
      <c r="C10758">
        <v>10</v>
      </c>
      <c r="D10758" t="s">
        <v>22745</v>
      </c>
      <c r="E10758" t="s">
        <v>33578</v>
      </c>
      <c r="F10758">
        <v>5</v>
      </c>
      <c r="G10758" t="s">
        <v>14</v>
      </c>
      <c r="H10758" t="s">
        <v>22746</v>
      </c>
      <c r="I10758" t="s">
        <v>30540</v>
      </c>
    </row>
    <row r="10759" spans="1:9">
      <c r="A10759" s="1">
        <f ca="1">RAND()</f>
        <v>0.27059962834080853</v>
      </c>
      <c r="B10759" s="1"/>
      <c r="C10759">
        <v>8</v>
      </c>
      <c r="D10759" t="s">
        <v>22743</v>
      </c>
      <c r="E10759" t="s">
        <v>33578</v>
      </c>
      <c r="F10759">
        <v>4</v>
      </c>
      <c r="G10759" t="s">
        <v>14</v>
      </c>
      <c r="H10759" t="s">
        <v>22744</v>
      </c>
      <c r="I10759" t="s">
        <v>30540</v>
      </c>
    </row>
    <row r="10760" spans="1:9">
      <c r="A10760" s="1">
        <f ca="1">RAND()</f>
        <v>0.10429196282530684</v>
      </c>
      <c r="B10760" s="1"/>
      <c r="C10760">
        <v>2</v>
      </c>
      <c r="D10760" t="s">
        <v>22741</v>
      </c>
      <c r="E10760" t="s">
        <v>33578</v>
      </c>
      <c r="F10760">
        <v>4</v>
      </c>
      <c r="G10760" t="s">
        <v>9</v>
      </c>
      <c r="H10760" t="s">
        <v>22742</v>
      </c>
      <c r="I10760" t="s">
        <v>30540</v>
      </c>
    </row>
    <row r="10761" spans="1:9">
      <c r="A10761" s="1">
        <f ca="1">RAND()</f>
        <v>0.81459331188003803</v>
      </c>
      <c r="B10761" s="1"/>
      <c r="C10761">
        <v>13</v>
      </c>
      <c r="D10761" t="s">
        <v>22747</v>
      </c>
      <c r="E10761" t="s">
        <v>33578</v>
      </c>
      <c r="F10761">
        <v>4</v>
      </c>
      <c r="G10761" t="s">
        <v>14</v>
      </c>
      <c r="H10761" t="s">
        <v>22748</v>
      </c>
      <c r="I10761" t="s">
        <v>30540</v>
      </c>
    </row>
    <row r="10762" spans="1:9">
      <c r="A10762" s="1">
        <f ca="1">RAND()</f>
        <v>0.6379770881603799</v>
      </c>
      <c r="B10762" s="1"/>
      <c r="C10762">
        <v>3</v>
      </c>
      <c r="D10762" t="s">
        <v>22729</v>
      </c>
      <c r="E10762" t="s">
        <v>33579</v>
      </c>
      <c r="F10762">
        <v>5</v>
      </c>
      <c r="G10762" t="s">
        <v>10</v>
      </c>
      <c r="H10762" t="s">
        <v>22730</v>
      </c>
      <c r="I10762" t="s">
        <v>30540</v>
      </c>
    </row>
    <row r="10763" spans="1:9">
      <c r="A10763" s="1">
        <f ca="1">RAND()</f>
        <v>0.55636040274755316</v>
      </c>
      <c r="B10763" s="1"/>
      <c r="C10763">
        <v>7</v>
      </c>
      <c r="D10763" t="s">
        <v>22731</v>
      </c>
      <c r="E10763" t="s">
        <v>33579</v>
      </c>
      <c r="F10763">
        <v>5</v>
      </c>
      <c r="G10763" t="s">
        <v>2</v>
      </c>
      <c r="H10763" t="s">
        <v>22732</v>
      </c>
      <c r="I10763" t="s">
        <v>30540</v>
      </c>
    </row>
    <row r="10764" spans="1:9">
      <c r="A10764" s="1">
        <f ca="1">RAND()</f>
        <v>0.39134611176595124</v>
      </c>
      <c r="B10764" s="1"/>
      <c r="C10764">
        <v>17</v>
      </c>
      <c r="D10764" t="s">
        <v>22737</v>
      </c>
      <c r="E10764" t="s">
        <v>33579</v>
      </c>
      <c r="F10764">
        <v>4</v>
      </c>
      <c r="G10764" t="s">
        <v>9</v>
      </c>
      <c r="H10764" t="s">
        <v>22738</v>
      </c>
      <c r="I10764" t="s">
        <v>30540</v>
      </c>
    </row>
    <row r="10765" spans="1:9">
      <c r="A10765" s="1">
        <f ca="1">RAND()</f>
        <v>0.85148731651341358</v>
      </c>
      <c r="B10765" s="1"/>
      <c r="C10765">
        <v>18</v>
      </c>
      <c r="D10765" t="s">
        <v>22739</v>
      </c>
      <c r="E10765" t="s">
        <v>33579</v>
      </c>
      <c r="F10765">
        <v>4</v>
      </c>
      <c r="G10765" t="s">
        <v>1</v>
      </c>
      <c r="H10765" t="s">
        <v>22740</v>
      </c>
      <c r="I10765" t="s">
        <v>30540</v>
      </c>
    </row>
    <row r="10766" spans="1:9">
      <c r="A10766" s="1">
        <f ca="1">RAND()</f>
        <v>0.82558490862852318</v>
      </c>
      <c r="B10766" s="1"/>
      <c r="C10766">
        <v>15</v>
      </c>
      <c r="D10766" t="s">
        <v>22733</v>
      </c>
      <c r="E10766" t="s">
        <v>33579</v>
      </c>
      <c r="F10766">
        <v>3</v>
      </c>
      <c r="G10766" t="s">
        <v>14</v>
      </c>
      <c r="H10766" t="s">
        <v>22734</v>
      </c>
      <c r="I10766" t="s">
        <v>30540</v>
      </c>
    </row>
    <row r="10767" spans="1:9">
      <c r="A10767" s="1">
        <f ca="1">RAND()</f>
        <v>4.925614703817871E-2</v>
      </c>
      <c r="B10767" s="1"/>
      <c r="C10767">
        <v>16</v>
      </c>
      <c r="D10767" t="s">
        <v>22735</v>
      </c>
      <c r="E10767" t="s">
        <v>33579</v>
      </c>
      <c r="F10767">
        <v>3</v>
      </c>
      <c r="G10767" t="s">
        <v>14</v>
      </c>
      <c r="H10767" t="s">
        <v>22736</v>
      </c>
      <c r="I10767" t="s">
        <v>30540</v>
      </c>
    </row>
    <row r="10768" spans="1:9">
      <c r="A10768" s="1">
        <f ca="1">RAND()</f>
        <v>0.46012585839528353</v>
      </c>
      <c r="B10768" s="1"/>
      <c r="C10768">
        <v>15</v>
      </c>
      <c r="D10768" t="s">
        <v>22725</v>
      </c>
      <c r="E10768" t="s">
        <v>33580</v>
      </c>
      <c r="F10768">
        <v>4</v>
      </c>
      <c r="G10768" t="s">
        <v>14</v>
      </c>
      <c r="H10768" t="s">
        <v>22726</v>
      </c>
      <c r="I10768" t="s">
        <v>30540</v>
      </c>
    </row>
    <row r="10769" spans="1:9">
      <c r="A10769" s="1">
        <f ca="1">RAND()</f>
        <v>4.6879184994926715E-2</v>
      </c>
      <c r="B10769" s="1"/>
      <c r="C10769">
        <v>19</v>
      </c>
      <c r="D10769" t="s">
        <v>22727</v>
      </c>
      <c r="E10769" t="s">
        <v>33580</v>
      </c>
      <c r="F10769">
        <v>3</v>
      </c>
      <c r="G10769" t="s">
        <v>1431</v>
      </c>
      <c r="H10769" t="s">
        <v>22728</v>
      </c>
      <c r="I10769" t="s">
        <v>30540</v>
      </c>
    </row>
    <row r="10770" spans="1:9">
      <c r="A10770" s="1">
        <f ca="1">RAND()</f>
        <v>8.7963515960442162E-2</v>
      </c>
      <c r="B10770" s="1"/>
      <c r="C10770">
        <v>14</v>
      </c>
      <c r="D10770" t="s">
        <v>22723</v>
      </c>
      <c r="E10770" t="s">
        <v>33580</v>
      </c>
      <c r="F10770">
        <v>3</v>
      </c>
      <c r="G10770" t="s">
        <v>14</v>
      </c>
      <c r="H10770" t="s">
        <v>22724</v>
      </c>
      <c r="I10770" t="s">
        <v>30540</v>
      </c>
    </row>
    <row r="10771" spans="1:9">
      <c r="A10771" s="1">
        <f ca="1">RAND()</f>
        <v>0.53370791262505268</v>
      </c>
      <c r="B10771" s="1"/>
      <c r="C10771">
        <v>13</v>
      </c>
      <c r="D10771" t="s">
        <v>22721</v>
      </c>
      <c r="E10771" t="s">
        <v>33580</v>
      </c>
      <c r="F10771">
        <v>2</v>
      </c>
      <c r="G10771" t="s">
        <v>771</v>
      </c>
      <c r="H10771" t="s">
        <v>22722</v>
      </c>
      <c r="I10771" t="s">
        <v>30540</v>
      </c>
    </row>
    <row r="10772" spans="1:9">
      <c r="A10772" s="1">
        <f ca="1">RAND()</f>
        <v>0.64848070933006674</v>
      </c>
      <c r="B10772" s="1"/>
      <c r="C10772">
        <v>2</v>
      </c>
      <c r="D10772" t="s">
        <v>22715</v>
      </c>
      <c r="E10772" t="s">
        <v>33581</v>
      </c>
      <c r="F10772">
        <v>4</v>
      </c>
      <c r="G10772" t="s">
        <v>2</v>
      </c>
      <c r="H10772" t="s">
        <v>22716</v>
      </c>
      <c r="I10772" t="s">
        <v>30540</v>
      </c>
    </row>
    <row r="10773" spans="1:9">
      <c r="A10773" s="1">
        <f ca="1">RAND()</f>
        <v>0.4335833978809438</v>
      </c>
      <c r="B10773" s="1"/>
      <c r="C10773">
        <v>13</v>
      </c>
      <c r="D10773" t="s">
        <v>22719</v>
      </c>
      <c r="E10773" t="s">
        <v>33581</v>
      </c>
      <c r="F10773">
        <v>4</v>
      </c>
      <c r="G10773" t="s">
        <v>0</v>
      </c>
      <c r="H10773" t="s">
        <v>22720</v>
      </c>
      <c r="I10773" t="s">
        <v>30540</v>
      </c>
    </row>
    <row r="10774" spans="1:9">
      <c r="A10774" s="1">
        <f ca="1">RAND()</f>
        <v>0.2655636850993186</v>
      </c>
      <c r="B10774" s="1"/>
      <c r="C10774">
        <v>5</v>
      </c>
      <c r="D10774" t="s">
        <v>22717</v>
      </c>
      <c r="E10774" t="s">
        <v>33581</v>
      </c>
      <c r="F10774">
        <v>4</v>
      </c>
      <c r="G10774" t="s">
        <v>14</v>
      </c>
      <c r="H10774" t="s">
        <v>22718</v>
      </c>
      <c r="I10774" t="s">
        <v>30540</v>
      </c>
    </row>
    <row r="10775" spans="1:9">
      <c r="A10775" s="1">
        <f ca="1">RAND()</f>
        <v>0.69201363389141746</v>
      </c>
      <c r="B10775" s="1"/>
      <c r="C10775">
        <v>15</v>
      </c>
      <c r="D10775" t="s">
        <v>22713</v>
      </c>
      <c r="E10775" t="s">
        <v>33582</v>
      </c>
      <c r="F10775">
        <v>4</v>
      </c>
      <c r="G10775" t="s">
        <v>14</v>
      </c>
      <c r="H10775" t="s">
        <v>22714</v>
      </c>
      <c r="I10775" t="s">
        <v>30540</v>
      </c>
    </row>
    <row r="10776" spans="1:9">
      <c r="A10776" s="1">
        <f ca="1">RAND()</f>
        <v>0.57223667165373826</v>
      </c>
      <c r="B10776" s="1"/>
      <c r="C10776">
        <v>14</v>
      </c>
      <c r="D10776" t="s">
        <v>22711</v>
      </c>
      <c r="E10776" t="s">
        <v>33582</v>
      </c>
      <c r="F10776">
        <v>4</v>
      </c>
      <c r="G10776" t="s">
        <v>14</v>
      </c>
      <c r="H10776" t="s">
        <v>22712</v>
      </c>
      <c r="I10776" t="s">
        <v>30540</v>
      </c>
    </row>
    <row r="10777" spans="1:9">
      <c r="A10777" s="1">
        <f ca="1">RAND()</f>
        <v>0.20191339632307881</v>
      </c>
      <c r="B10777" s="1"/>
      <c r="C10777">
        <v>7</v>
      </c>
      <c r="D10777" t="s">
        <v>22709</v>
      </c>
      <c r="E10777" t="s">
        <v>33582</v>
      </c>
      <c r="F10777">
        <v>3</v>
      </c>
      <c r="G10777" t="s">
        <v>14</v>
      </c>
      <c r="H10777" t="s">
        <v>22710</v>
      </c>
      <c r="I10777" t="s">
        <v>30540</v>
      </c>
    </row>
    <row r="10778" spans="1:9">
      <c r="A10778" s="1">
        <f ca="1">RAND()</f>
        <v>0.96847101567709848</v>
      </c>
      <c r="B10778" s="1"/>
      <c r="C10778">
        <v>6</v>
      </c>
      <c r="D10778" t="s">
        <v>22707</v>
      </c>
      <c r="E10778" t="s">
        <v>33582</v>
      </c>
      <c r="F10778">
        <v>3</v>
      </c>
      <c r="G10778" t="s">
        <v>10</v>
      </c>
      <c r="H10778" t="s">
        <v>22708</v>
      </c>
      <c r="I10778" t="s">
        <v>30540</v>
      </c>
    </row>
    <row r="10779" spans="1:9">
      <c r="A10779" s="1">
        <f ca="1">RAND()</f>
        <v>2.3673394686915317E-2</v>
      </c>
      <c r="B10779" s="1"/>
      <c r="C10779">
        <v>13</v>
      </c>
      <c r="D10779" t="s">
        <v>22705</v>
      </c>
      <c r="E10779" t="s">
        <v>33583</v>
      </c>
      <c r="F10779">
        <v>5</v>
      </c>
      <c r="G10779" t="s">
        <v>14</v>
      </c>
      <c r="H10779" t="s">
        <v>22706</v>
      </c>
      <c r="I10779" t="s">
        <v>30540</v>
      </c>
    </row>
    <row r="10780" spans="1:9">
      <c r="A10780" s="1">
        <f ca="1">RAND()</f>
        <v>0.69374231570782297</v>
      </c>
      <c r="B10780" s="1"/>
      <c r="C10780">
        <v>12</v>
      </c>
      <c r="D10780" t="s">
        <v>22703</v>
      </c>
      <c r="E10780" t="s">
        <v>33583</v>
      </c>
      <c r="F10780">
        <v>4</v>
      </c>
      <c r="G10780" t="s">
        <v>13</v>
      </c>
      <c r="H10780" t="s">
        <v>22704</v>
      </c>
      <c r="I10780" t="s">
        <v>30540</v>
      </c>
    </row>
    <row r="10781" spans="1:9">
      <c r="A10781" s="1">
        <f ca="1">RAND()</f>
        <v>0.7590942332748688</v>
      </c>
      <c r="B10781" s="1"/>
      <c r="C10781">
        <v>7</v>
      </c>
      <c r="D10781" t="s">
        <v>22701</v>
      </c>
      <c r="E10781" t="s">
        <v>33583</v>
      </c>
      <c r="F10781">
        <v>4</v>
      </c>
      <c r="G10781" t="s">
        <v>14</v>
      </c>
      <c r="H10781" t="s">
        <v>22702</v>
      </c>
      <c r="I10781" t="s">
        <v>30540</v>
      </c>
    </row>
    <row r="10782" spans="1:9">
      <c r="A10782" s="1">
        <f ca="1">RAND()</f>
        <v>0.34953269091020067</v>
      </c>
      <c r="B10782" s="1"/>
      <c r="C10782">
        <v>6</v>
      </c>
      <c r="D10782" t="s">
        <v>22699</v>
      </c>
      <c r="E10782" t="s">
        <v>33583</v>
      </c>
      <c r="F10782">
        <v>2</v>
      </c>
      <c r="G10782" t="s">
        <v>14</v>
      </c>
      <c r="H10782" t="s">
        <v>22700</v>
      </c>
      <c r="I10782" t="s">
        <v>30540</v>
      </c>
    </row>
    <row r="10783" spans="1:9">
      <c r="A10783" s="1">
        <f ca="1">RAND()</f>
        <v>0.42331310463576954</v>
      </c>
      <c r="B10783" s="1"/>
      <c r="C10783">
        <v>15</v>
      </c>
      <c r="D10783" t="s">
        <v>22697</v>
      </c>
      <c r="E10783" t="s">
        <v>33584</v>
      </c>
      <c r="F10783">
        <v>5</v>
      </c>
      <c r="G10783" t="s">
        <v>0</v>
      </c>
      <c r="H10783" t="s">
        <v>22698</v>
      </c>
      <c r="I10783" t="s">
        <v>30540</v>
      </c>
    </row>
    <row r="10784" spans="1:9">
      <c r="A10784" s="1">
        <f ca="1">RAND()</f>
        <v>0.80380019857512397</v>
      </c>
      <c r="B10784" s="1"/>
      <c r="C10784">
        <v>2</v>
      </c>
      <c r="D10784" t="s">
        <v>22685</v>
      </c>
      <c r="E10784" t="s">
        <v>33584</v>
      </c>
      <c r="F10784">
        <v>5</v>
      </c>
      <c r="G10784" t="s">
        <v>10</v>
      </c>
      <c r="H10784" t="s">
        <v>22686</v>
      </c>
      <c r="I10784" t="s">
        <v>30540</v>
      </c>
    </row>
    <row r="10785" spans="1:9">
      <c r="A10785" s="1">
        <f ca="1">RAND()</f>
        <v>0.73903855783428041</v>
      </c>
      <c r="B10785" s="1"/>
      <c r="C10785">
        <v>1</v>
      </c>
      <c r="D10785" t="s">
        <v>22683</v>
      </c>
      <c r="E10785" t="s">
        <v>33584</v>
      </c>
      <c r="F10785">
        <v>5</v>
      </c>
      <c r="G10785" t="s">
        <v>2</v>
      </c>
      <c r="H10785" t="s">
        <v>22684</v>
      </c>
      <c r="I10785" t="s">
        <v>30540</v>
      </c>
    </row>
    <row r="10786" spans="1:9">
      <c r="A10786" s="1">
        <f ca="1">RAND()</f>
        <v>0.11031267921615795</v>
      </c>
      <c r="B10786" s="1"/>
      <c r="C10786">
        <v>8</v>
      </c>
      <c r="D10786" t="s">
        <v>22687</v>
      </c>
      <c r="E10786" t="s">
        <v>33584</v>
      </c>
      <c r="F10786">
        <v>4</v>
      </c>
      <c r="G10786" t="s">
        <v>10</v>
      </c>
      <c r="H10786" t="s">
        <v>22688</v>
      </c>
      <c r="I10786" t="s">
        <v>30540</v>
      </c>
    </row>
    <row r="10787" spans="1:9">
      <c r="A10787" s="1">
        <f ca="1">RAND()</f>
        <v>0.33980945342596847</v>
      </c>
      <c r="B10787" s="1"/>
      <c r="C10787">
        <v>12</v>
      </c>
      <c r="D10787" t="s">
        <v>22691</v>
      </c>
      <c r="E10787" t="s">
        <v>33584</v>
      </c>
      <c r="F10787">
        <v>4</v>
      </c>
      <c r="G10787" t="s">
        <v>13</v>
      </c>
      <c r="H10787" t="s">
        <v>22692</v>
      </c>
      <c r="I10787" t="s">
        <v>30540</v>
      </c>
    </row>
    <row r="10788" spans="1:9">
      <c r="A10788" s="1">
        <f ca="1">RAND()</f>
        <v>6.7838142848500871E-3</v>
      </c>
      <c r="B10788" s="1"/>
      <c r="C10788">
        <v>13</v>
      </c>
      <c r="D10788" t="s">
        <v>22693</v>
      </c>
      <c r="E10788" t="s">
        <v>33584</v>
      </c>
      <c r="F10788">
        <v>4</v>
      </c>
      <c r="G10788" t="s">
        <v>14</v>
      </c>
      <c r="H10788" t="s">
        <v>22694</v>
      </c>
      <c r="I10788" t="s">
        <v>30540</v>
      </c>
    </row>
    <row r="10789" spans="1:9">
      <c r="A10789" s="1">
        <f ca="1">RAND()</f>
        <v>0.63101610376459449</v>
      </c>
      <c r="B10789" s="1"/>
      <c r="C10789">
        <v>11</v>
      </c>
      <c r="D10789" t="s">
        <v>22689</v>
      </c>
      <c r="E10789" t="s">
        <v>33584</v>
      </c>
      <c r="F10789">
        <v>3</v>
      </c>
      <c r="G10789" t="s">
        <v>14</v>
      </c>
      <c r="H10789" t="s">
        <v>22690</v>
      </c>
      <c r="I10789" t="s">
        <v>30540</v>
      </c>
    </row>
    <row r="10790" spans="1:9">
      <c r="A10790" s="1">
        <f ca="1">RAND()</f>
        <v>0.67252372316592168</v>
      </c>
      <c r="B10790" s="1"/>
      <c r="C10790">
        <v>14</v>
      </c>
      <c r="D10790" t="s">
        <v>22695</v>
      </c>
      <c r="E10790" t="s">
        <v>33584</v>
      </c>
      <c r="F10790">
        <v>2</v>
      </c>
      <c r="G10790" t="s">
        <v>14</v>
      </c>
      <c r="H10790" t="s">
        <v>22696</v>
      </c>
      <c r="I10790" t="s">
        <v>30540</v>
      </c>
    </row>
    <row r="10791" spans="1:9">
      <c r="A10791" s="1">
        <f ca="1">RAND()</f>
        <v>0.57774538581931845</v>
      </c>
      <c r="B10791" s="1"/>
      <c r="C10791">
        <v>2</v>
      </c>
      <c r="D10791" t="s">
        <v>22677</v>
      </c>
      <c r="E10791" t="s">
        <v>33585</v>
      </c>
      <c r="F10791">
        <v>4</v>
      </c>
      <c r="G10791" t="s">
        <v>1431</v>
      </c>
      <c r="H10791" t="s">
        <v>22678</v>
      </c>
      <c r="I10791" t="s">
        <v>30540</v>
      </c>
    </row>
    <row r="10792" spans="1:9">
      <c r="A10792" s="1">
        <f ca="1">RAND()</f>
        <v>0.41573932530623592</v>
      </c>
      <c r="B10792" s="1"/>
      <c r="C10792">
        <v>4</v>
      </c>
      <c r="D10792" t="s">
        <v>22679</v>
      </c>
      <c r="E10792" t="s">
        <v>33585</v>
      </c>
      <c r="F10792">
        <v>4</v>
      </c>
      <c r="G10792" t="s">
        <v>14</v>
      </c>
      <c r="H10792" t="s">
        <v>22680</v>
      </c>
      <c r="I10792" t="s">
        <v>30540</v>
      </c>
    </row>
    <row r="10793" spans="1:9">
      <c r="A10793" s="1">
        <f ca="1">RAND()</f>
        <v>0.15989630696998103</v>
      </c>
      <c r="B10793" s="1"/>
      <c r="C10793">
        <v>13</v>
      </c>
      <c r="D10793" t="s">
        <v>22681</v>
      </c>
      <c r="E10793" t="s">
        <v>33585</v>
      </c>
      <c r="F10793">
        <v>3</v>
      </c>
      <c r="G10793" t="s">
        <v>14</v>
      </c>
      <c r="H10793" t="s">
        <v>22682</v>
      </c>
      <c r="I10793" t="s">
        <v>30540</v>
      </c>
    </row>
    <row r="10794" spans="1:9">
      <c r="A10794" s="1">
        <f ca="1">RAND()</f>
        <v>0.7446040816412931</v>
      </c>
      <c r="B10794" s="1"/>
      <c r="C10794">
        <v>8</v>
      </c>
      <c r="D10794" t="s">
        <v>22675</v>
      </c>
      <c r="E10794" t="s">
        <v>33586</v>
      </c>
      <c r="F10794">
        <v>4</v>
      </c>
      <c r="G10794" t="s">
        <v>9</v>
      </c>
      <c r="H10794" t="s">
        <v>22676</v>
      </c>
      <c r="I10794" t="s">
        <v>30540</v>
      </c>
    </row>
    <row r="10795" spans="1:9">
      <c r="A10795" s="1">
        <f ca="1">RAND()</f>
        <v>0.28197115270525375</v>
      </c>
      <c r="B10795" s="1"/>
      <c r="C10795">
        <v>10</v>
      </c>
      <c r="D10795" t="s">
        <v>22671</v>
      </c>
      <c r="E10795" t="s">
        <v>33587</v>
      </c>
      <c r="F10795">
        <v>5</v>
      </c>
      <c r="G10795" t="s">
        <v>9</v>
      </c>
      <c r="H10795" t="s">
        <v>22672</v>
      </c>
      <c r="I10795" t="s">
        <v>30540</v>
      </c>
    </row>
    <row r="10796" spans="1:9">
      <c r="A10796" s="1">
        <f ca="1">RAND()</f>
        <v>0.81791671616203732</v>
      </c>
      <c r="B10796" s="1"/>
      <c r="C10796">
        <v>13</v>
      </c>
      <c r="D10796" t="s">
        <v>22673</v>
      </c>
      <c r="E10796" t="s">
        <v>33587</v>
      </c>
      <c r="F10796">
        <v>4</v>
      </c>
      <c r="G10796" t="s">
        <v>9</v>
      </c>
      <c r="H10796" t="s">
        <v>22674</v>
      </c>
      <c r="I10796" t="s">
        <v>30540</v>
      </c>
    </row>
    <row r="10797" spans="1:9">
      <c r="A10797" s="1">
        <f ca="1">RAND()</f>
        <v>0.40631639550365417</v>
      </c>
      <c r="B10797" s="1"/>
      <c r="C10797">
        <v>7</v>
      </c>
      <c r="D10797" t="s">
        <v>22669</v>
      </c>
      <c r="E10797" t="s">
        <v>33587</v>
      </c>
      <c r="F10797">
        <v>4</v>
      </c>
      <c r="G10797" t="s">
        <v>10</v>
      </c>
      <c r="H10797" t="s">
        <v>22670</v>
      </c>
      <c r="I10797" t="s">
        <v>30540</v>
      </c>
    </row>
    <row r="10798" spans="1:9">
      <c r="A10798" s="1">
        <f ca="1">RAND()</f>
        <v>0.44860311456734159</v>
      </c>
      <c r="B10798" s="1"/>
      <c r="C10798">
        <v>9</v>
      </c>
      <c r="D10798" t="s">
        <v>22665</v>
      </c>
      <c r="E10798" t="s">
        <v>33588</v>
      </c>
      <c r="F10798">
        <v>4</v>
      </c>
      <c r="G10798" t="s">
        <v>9</v>
      </c>
      <c r="H10798" t="s">
        <v>22666</v>
      </c>
      <c r="I10798" t="s">
        <v>30540</v>
      </c>
    </row>
    <row r="10799" spans="1:9">
      <c r="A10799" s="1">
        <f ca="1">RAND()</f>
        <v>0.34436164672603808</v>
      </c>
      <c r="B10799" s="1"/>
      <c r="C10799">
        <v>10</v>
      </c>
      <c r="D10799" t="s">
        <v>22667</v>
      </c>
      <c r="E10799" t="s">
        <v>33588</v>
      </c>
      <c r="F10799">
        <v>4</v>
      </c>
      <c r="G10799" t="s">
        <v>9</v>
      </c>
      <c r="H10799" t="s">
        <v>22668</v>
      </c>
      <c r="I10799" t="s">
        <v>30540</v>
      </c>
    </row>
    <row r="10800" spans="1:9">
      <c r="A10800" s="1">
        <f ca="1">RAND()</f>
        <v>0.36728389915635395</v>
      </c>
      <c r="B10800" s="1"/>
      <c r="C10800">
        <v>8</v>
      </c>
      <c r="D10800" t="s">
        <v>22661</v>
      </c>
      <c r="E10800" t="s">
        <v>33589</v>
      </c>
      <c r="F10800">
        <v>4</v>
      </c>
      <c r="G10800" t="s">
        <v>9</v>
      </c>
      <c r="H10800" t="s">
        <v>22662</v>
      </c>
      <c r="I10800" t="s">
        <v>30540</v>
      </c>
    </row>
    <row r="10801" spans="1:9">
      <c r="A10801" s="1">
        <f ca="1">RAND()</f>
        <v>0.39600490524549559</v>
      </c>
      <c r="B10801" s="1"/>
      <c r="C10801">
        <v>3</v>
      </c>
      <c r="D10801" t="s">
        <v>22659</v>
      </c>
      <c r="E10801" t="s">
        <v>33589</v>
      </c>
      <c r="F10801">
        <v>4</v>
      </c>
      <c r="G10801" t="s">
        <v>15</v>
      </c>
      <c r="H10801" t="s">
        <v>22660</v>
      </c>
      <c r="I10801" t="s">
        <v>30540</v>
      </c>
    </row>
    <row r="10802" spans="1:9">
      <c r="A10802" s="1">
        <f ca="1">RAND()</f>
        <v>0.98569391627930336</v>
      </c>
      <c r="B10802" s="1"/>
      <c r="C10802">
        <v>12</v>
      </c>
      <c r="D10802" t="s">
        <v>22663</v>
      </c>
      <c r="E10802" t="s">
        <v>33589</v>
      </c>
      <c r="F10802">
        <v>1</v>
      </c>
      <c r="G10802" t="s">
        <v>9</v>
      </c>
      <c r="H10802" t="s">
        <v>22664</v>
      </c>
      <c r="I10802" t="s">
        <v>30540</v>
      </c>
    </row>
    <row r="10803" spans="1:9">
      <c r="A10803" s="1">
        <f ca="1">RAND()</f>
        <v>0.39575999189475819</v>
      </c>
      <c r="B10803" s="1"/>
      <c r="C10803">
        <v>14</v>
      </c>
      <c r="D10803" t="s">
        <v>22657</v>
      </c>
      <c r="E10803" t="s">
        <v>33590</v>
      </c>
      <c r="F10803">
        <v>4</v>
      </c>
      <c r="G10803" t="s">
        <v>0</v>
      </c>
      <c r="H10803" t="s">
        <v>22658</v>
      </c>
      <c r="I10803" t="s">
        <v>30540</v>
      </c>
    </row>
    <row r="10804" spans="1:9">
      <c r="A10804" s="1">
        <f ca="1">RAND()</f>
        <v>0.16096830971327181</v>
      </c>
      <c r="B10804" s="1"/>
      <c r="C10804">
        <v>2</v>
      </c>
      <c r="D10804" t="s">
        <v>22653</v>
      </c>
      <c r="E10804" t="s">
        <v>33591</v>
      </c>
      <c r="F10804">
        <v>4</v>
      </c>
      <c r="G10804" t="s">
        <v>9</v>
      </c>
      <c r="H10804" t="s">
        <v>22654</v>
      </c>
      <c r="I10804" t="s">
        <v>30540</v>
      </c>
    </row>
    <row r="10805" spans="1:9">
      <c r="A10805" s="1">
        <f ca="1">RAND()</f>
        <v>0.66948584182830118</v>
      </c>
      <c r="B10805" s="1"/>
      <c r="C10805">
        <v>13</v>
      </c>
      <c r="D10805" t="s">
        <v>22655</v>
      </c>
      <c r="E10805" t="s">
        <v>33591</v>
      </c>
      <c r="F10805">
        <v>3</v>
      </c>
      <c r="G10805" t="s">
        <v>9</v>
      </c>
      <c r="H10805" t="s">
        <v>22656</v>
      </c>
      <c r="I10805" t="s">
        <v>30540</v>
      </c>
    </row>
    <row r="10806" spans="1:9">
      <c r="A10806" s="1">
        <f ca="1">RAND()</f>
        <v>0.22481810535117308</v>
      </c>
      <c r="B10806" s="1"/>
      <c r="C10806">
        <v>2</v>
      </c>
      <c r="D10806" t="s">
        <v>22645</v>
      </c>
      <c r="E10806" t="s">
        <v>33592</v>
      </c>
      <c r="F10806">
        <v>5</v>
      </c>
      <c r="G10806" t="s">
        <v>15</v>
      </c>
      <c r="H10806" t="s">
        <v>22646</v>
      </c>
      <c r="I10806" t="s">
        <v>30540</v>
      </c>
    </row>
    <row r="10807" spans="1:9">
      <c r="A10807" s="1">
        <f ca="1">RAND()</f>
        <v>0.21531226200832909</v>
      </c>
      <c r="B10807" s="1"/>
      <c r="C10807">
        <v>9</v>
      </c>
      <c r="D10807" t="s">
        <v>22647</v>
      </c>
      <c r="E10807" t="s">
        <v>33592</v>
      </c>
      <c r="F10807">
        <v>5</v>
      </c>
      <c r="G10807" t="s">
        <v>15</v>
      </c>
      <c r="H10807" t="s">
        <v>22648</v>
      </c>
      <c r="I10807" t="s">
        <v>30540</v>
      </c>
    </row>
    <row r="10808" spans="1:9">
      <c r="A10808" s="1">
        <f ca="1">RAND()</f>
        <v>0.31892492431841957</v>
      </c>
      <c r="B10808" s="1"/>
      <c r="C10808">
        <v>14</v>
      </c>
      <c r="D10808" t="s">
        <v>22651</v>
      </c>
      <c r="E10808" t="s">
        <v>33592</v>
      </c>
      <c r="F10808">
        <v>4</v>
      </c>
      <c r="G10808" t="s">
        <v>9</v>
      </c>
      <c r="H10808" t="s">
        <v>22652</v>
      </c>
      <c r="I10808" t="s">
        <v>30540</v>
      </c>
    </row>
    <row r="10809" spans="1:9">
      <c r="A10809" s="1">
        <f ca="1">RAND()</f>
        <v>0.61677223060017128</v>
      </c>
      <c r="B10809" s="1"/>
      <c r="C10809">
        <v>13</v>
      </c>
      <c r="D10809" t="s">
        <v>22649</v>
      </c>
      <c r="E10809" t="s">
        <v>33592</v>
      </c>
      <c r="F10809">
        <v>2</v>
      </c>
      <c r="G10809" t="s">
        <v>9</v>
      </c>
      <c r="H10809" t="s">
        <v>22650</v>
      </c>
      <c r="I10809" t="s">
        <v>30540</v>
      </c>
    </row>
    <row r="10810" spans="1:9">
      <c r="A10810" s="1">
        <f ca="1">RAND()</f>
        <v>0.90417880331612521</v>
      </c>
      <c r="B10810" s="1"/>
      <c r="C10810">
        <v>14</v>
      </c>
      <c r="D10810" t="s">
        <v>22641</v>
      </c>
      <c r="E10810" t="s">
        <v>33593</v>
      </c>
      <c r="F10810">
        <v>5</v>
      </c>
      <c r="G10810" t="s">
        <v>9</v>
      </c>
      <c r="H10810" t="s">
        <v>22642</v>
      </c>
      <c r="I10810" t="s">
        <v>30540</v>
      </c>
    </row>
    <row r="10811" spans="1:9">
      <c r="A10811" s="1">
        <f ca="1">RAND()</f>
        <v>0.10234650852872607</v>
      </c>
      <c r="B10811" s="1"/>
      <c r="C10811">
        <v>10</v>
      </c>
      <c r="D10811" t="s">
        <v>22639</v>
      </c>
      <c r="E10811" t="s">
        <v>33593</v>
      </c>
      <c r="F10811">
        <v>5</v>
      </c>
      <c r="G10811" t="s">
        <v>9</v>
      </c>
      <c r="H10811" t="s">
        <v>22640</v>
      </c>
      <c r="I10811" t="s">
        <v>30540</v>
      </c>
    </row>
    <row r="10812" spans="1:9">
      <c r="A10812" s="1">
        <f ca="1">RAND()</f>
        <v>0.10832238377078474</v>
      </c>
      <c r="B10812" s="1"/>
      <c r="C10812">
        <v>17</v>
      </c>
      <c r="D10812" t="s">
        <v>22643</v>
      </c>
      <c r="E10812" t="s">
        <v>33593</v>
      </c>
      <c r="F10812">
        <v>4</v>
      </c>
      <c r="G10812" t="s">
        <v>9</v>
      </c>
      <c r="H10812" t="s">
        <v>22644</v>
      </c>
      <c r="I10812" t="s">
        <v>30540</v>
      </c>
    </row>
    <row r="10813" spans="1:9">
      <c r="A10813" s="1">
        <f ca="1">RAND()</f>
        <v>0.48255198826407408</v>
      </c>
      <c r="B10813" s="1"/>
      <c r="C10813">
        <v>11</v>
      </c>
      <c r="D10813" t="s">
        <v>22635</v>
      </c>
      <c r="E10813" t="s">
        <v>33594</v>
      </c>
      <c r="F10813">
        <v>5</v>
      </c>
      <c r="G10813" t="s">
        <v>9</v>
      </c>
      <c r="H10813" t="s">
        <v>22636</v>
      </c>
      <c r="I10813" t="s">
        <v>30540</v>
      </c>
    </row>
    <row r="10814" spans="1:9">
      <c r="A10814" s="1">
        <f ca="1">RAND()</f>
        <v>0.69894441772176796</v>
      </c>
      <c r="B10814" s="1"/>
      <c r="C10814">
        <v>15</v>
      </c>
      <c r="D10814" t="s">
        <v>22637</v>
      </c>
      <c r="E10814" t="s">
        <v>33594</v>
      </c>
      <c r="F10814">
        <v>4</v>
      </c>
      <c r="G10814" t="s">
        <v>9</v>
      </c>
      <c r="H10814" t="s">
        <v>22638</v>
      </c>
      <c r="I10814" t="s">
        <v>30540</v>
      </c>
    </row>
    <row r="10815" spans="1:9">
      <c r="A10815" s="1">
        <f ca="1">RAND()</f>
        <v>0.503532550447789</v>
      </c>
      <c r="B10815" s="1"/>
      <c r="C10815">
        <v>3</v>
      </c>
      <c r="D10815" t="s">
        <v>22627</v>
      </c>
      <c r="E10815" t="s">
        <v>33595</v>
      </c>
      <c r="F10815">
        <v>4</v>
      </c>
      <c r="G10815" t="s">
        <v>2738</v>
      </c>
      <c r="H10815" t="s">
        <v>22628</v>
      </c>
      <c r="I10815" t="s">
        <v>30540</v>
      </c>
    </row>
    <row r="10816" spans="1:9">
      <c r="A10816" s="1">
        <f ca="1">RAND()</f>
        <v>0.97532365956558764</v>
      </c>
      <c r="B10816" s="1"/>
      <c r="C10816">
        <v>19</v>
      </c>
      <c r="D10816" t="s">
        <v>22633</v>
      </c>
      <c r="E10816" t="s">
        <v>33595</v>
      </c>
      <c r="F10816">
        <v>4</v>
      </c>
      <c r="G10816" t="s">
        <v>9</v>
      </c>
      <c r="H10816" t="s">
        <v>22634</v>
      </c>
      <c r="I10816" t="s">
        <v>30540</v>
      </c>
    </row>
    <row r="10817" spans="1:9">
      <c r="A10817" s="1">
        <f ca="1">RAND()</f>
        <v>0.56981970553594408</v>
      </c>
      <c r="B10817" s="1"/>
      <c r="C10817">
        <v>8</v>
      </c>
      <c r="D10817" t="s">
        <v>22629</v>
      </c>
      <c r="E10817" t="s">
        <v>33595</v>
      </c>
      <c r="F10817">
        <v>4</v>
      </c>
      <c r="G10817" t="s">
        <v>2</v>
      </c>
      <c r="H10817" t="s">
        <v>22630</v>
      </c>
      <c r="I10817" t="s">
        <v>30540</v>
      </c>
    </row>
    <row r="10818" spans="1:9">
      <c r="A10818" s="1">
        <f ca="1">RAND()</f>
        <v>0.38026939357534484</v>
      </c>
      <c r="B10818" s="1"/>
      <c r="C10818">
        <v>16</v>
      </c>
      <c r="D10818" t="s">
        <v>22631</v>
      </c>
      <c r="E10818" t="s">
        <v>33595</v>
      </c>
      <c r="F10818">
        <v>4</v>
      </c>
      <c r="G10818" t="s">
        <v>15</v>
      </c>
      <c r="H10818" t="s">
        <v>22632</v>
      </c>
      <c r="I10818" t="s">
        <v>30540</v>
      </c>
    </row>
    <row r="10819" spans="1:9">
      <c r="A10819" s="1">
        <f ca="1">RAND()</f>
        <v>0.28100839949407419</v>
      </c>
      <c r="B10819" s="1"/>
      <c r="C10819">
        <v>11</v>
      </c>
      <c r="D10819" t="s">
        <v>22623</v>
      </c>
      <c r="E10819" t="s">
        <v>33596</v>
      </c>
      <c r="F10819">
        <v>5</v>
      </c>
      <c r="G10819" t="s">
        <v>14</v>
      </c>
      <c r="H10819" t="s">
        <v>22624</v>
      </c>
      <c r="I10819" t="s">
        <v>30540</v>
      </c>
    </row>
    <row r="10820" spans="1:9">
      <c r="A10820" s="1">
        <f ca="1">RAND()</f>
        <v>9.8368914193895041E-2</v>
      </c>
      <c r="B10820" s="1"/>
      <c r="C10820">
        <v>10</v>
      </c>
      <c r="D10820" t="s">
        <v>22621</v>
      </c>
      <c r="E10820" t="s">
        <v>33596</v>
      </c>
      <c r="F10820">
        <v>5</v>
      </c>
      <c r="G10820" t="s">
        <v>14</v>
      </c>
      <c r="H10820" t="s">
        <v>22622</v>
      </c>
      <c r="I10820" t="s">
        <v>30540</v>
      </c>
    </row>
    <row r="10821" spans="1:9">
      <c r="A10821" s="1">
        <f ca="1">RAND()</f>
        <v>0.66017305505791024</v>
      </c>
      <c r="B10821" s="1"/>
      <c r="C10821">
        <v>8</v>
      </c>
      <c r="D10821" t="s">
        <v>22619</v>
      </c>
      <c r="E10821" t="s">
        <v>33596</v>
      </c>
      <c r="F10821">
        <v>4</v>
      </c>
      <c r="G10821" t="s">
        <v>2</v>
      </c>
      <c r="H10821" t="s">
        <v>22620</v>
      </c>
      <c r="I10821" t="s">
        <v>30540</v>
      </c>
    </row>
    <row r="10822" spans="1:9">
      <c r="A10822" s="1">
        <f ca="1">RAND()</f>
        <v>0.59596616695192994</v>
      </c>
      <c r="B10822" s="1"/>
      <c r="C10822">
        <v>13</v>
      </c>
      <c r="D10822" t="s">
        <v>22625</v>
      </c>
      <c r="E10822" t="s">
        <v>33596</v>
      </c>
      <c r="F10822">
        <v>2</v>
      </c>
      <c r="G10822" t="s">
        <v>0</v>
      </c>
      <c r="H10822" t="s">
        <v>22626</v>
      </c>
      <c r="I10822" t="s">
        <v>30540</v>
      </c>
    </row>
    <row r="10823" spans="1:9">
      <c r="A10823" s="1">
        <f ca="1">RAND()</f>
        <v>0.72218546297213382</v>
      </c>
      <c r="B10823" s="1"/>
      <c r="C10823">
        <v>9</v>
      </c>
      <c r="D10823" t="s">
        <v>22615</v>
      </c>
      <c r="E10823" t="s">
        <v>33597</v>
      </c>
      <c r="F10823">
        <v>5</v>
      </c>
      <c r="G10823" t="s">
        <v>14</v>
      </c>
      <c r="H10823" t="s">
        <v>22616</v>
      </c>
      <c r="I10823" t="s">
        <v>30540</v>
      </c>
    </row>
    <row r="10824" spans="1:9">
      <c r="A10824" s="1">
        <f ca="1">RAND()</f>
        <v>0.63273351342090167</v>
      </c>
      <c r="B10824" s="1"/>
      <c r="C10824">
        <v>5</v>
      </c>
      <c r="D10824" t="s">
        <v>22613</v>
      </c>
      <c r="E10824" t="s">
        <v>33597</v>
      </c>
      <c r="F10824">
        <v>4</v>
      </c>
      <c r="G10824" t="s">
        <v>14</v>
      </c>
      <c r="H10824" t="s">
        <v>22614</v>
      </c>
      <c r="I10824" t="s">
        <v>30540</v>
      </c>
    </row>
    <row r="10825" spans="1:9">
      <c r="A10825" s="1">
        <f ca="1">RAND()</f>
        <v>0.52052311254948735</v>
      </c>
      <c r="B10825" s="1"/>
      <c r="C10825">
        <v>11</v>
      </c>
      <c r="D10825" t="s">
        <v>22617</v>
      </c>
      <c r="E10825" t="s">
        <v>33597</v>
      </c>
      <c r="F10825">
        <v>2</v>
      </c>
      <c r="G10825" t="s">
        <v>10</v>
      </c>
      <c r="H10825" t="s">
        <v>22618</v>
      </c>
      <c r="I10825" t="s">
        <v>30540</v>
      </c>
    </row>
    <row r="10826" spans="1:9">
      <c r="A10826" s="1">
        <f ca="1">RAND()</f>
        <v>0.28447032396721472</v>
      </c>
      <c r="B10826" s="1"/>
      <c r="C10826">
        <v>2</v>
      </c>
      <c r="D10826" t="s">
        <v>22609</v>
      </c>
      <c r="E10826" t="s">
        <v>33598</v>
      </c>
      <c r="F10826">
        <v>5</v>
      </c>
      <c r="G10826" t="s">
        <v>2</v>
      </c>
      <c r="H10826" t="s">
        <v>22610</v>
      </c>
      <c r="I10826" t="s">
        <v>30540</v>
      </c>
    </row>
    <row r="10827" spans="1:9">
      <c r="A10827" s="1">
        <f ca="1">RAND()</f>
        <v>0.61573772352207312</v>
      </c>
      <c r="B10827" s="1"/>
      <c r="C10827">
        <v>15</v>
      </c>
      <c r="D10827" t="s">
        <v>22611</v>
      </c>
      <c r="E10827" t="s">
        <v>33598</v>
      </c>
      <c r="F10827">
        <v>4</v>
      </c>
      <c r="G10827" t="s">
        <v>14</v>
      </c>
      <c r="H10827" t="s">
        <v>22612</v>
      </c>
      <c r="I10827" t="s">
        <v>30540</v>
      </c>
    </row>
    <row r="10828" spans="1:9">
      <c r="A10828" s="1">
        <f ca="1">RAND()</f>
        <v>8.5924632332089579E-2</v>
      </c>
      <c r="B10828" s="1"/>
      <c r="C10828">
        <v>13</v>
      </c>
      <c r="D10828" t="s">
        <v>22607</v>
      </c>
      <c r="E10828" t="s">
        <v>33599</v>
      </c>
      <c r="F10828">
        <v>5</v>
      </c>
      <c r="G10828" t="s">
        <v>10</v>
      </c>
      <c r="H10828" t="s">
        <v>22608</v>
      </c>
      <c r="I10828" t="s">
        <v>30540</v>
      </c>
    </row>
    <row r="10829" spans="1:9">
      <c r="A10829" s="1">
        <f ca="1">RAND()</f>
        <v>0.14471593565426499</v>
      </c>
      <c r="B10829" s="1"/>
      <c r="C10829">
        <v>5</v>
      </c>
      <c r="D10829" t="s">
        <v>22601</v>
      </c>
      <c r="E10829" t="s">
        <v>33599</v>
      </c>
      <c r="F10829">
        <v>5</v>
      </c>
      <c r="G10829" t="s">
        <v>2</v>
      </c>
      <c r="H10829" t="s">
        <v>22602</v>
      </c>
      <c r="I10829" t="s">
        <v>30540</v>
      </c>
    </row>
    <row r="10830" spans="1:9">
      <c r="A10830" s="1">
        <f ca="1">RAND()</f>
        <v>0.23213522011820287</v>
      </c>
      <c r="B10830" s="1"/>
      <c r="C10830">
        <v>11</v>
      </c>
      <c r="D10830" t="s">
        <v>22605</v>
      </c>
      <c r="E10830" t="s">
        <v>33599</v>
      </c>
      <c r="F10830">
        <v>4</v>
      </c>
      <c r="G10830" t="s">
        <v>1</v>
      </c>
      <c r="H10830" t="s">
        <v>22606</v>
      </c>
      <c r="I10830" t="s">
        <v>30540</v>
      </c>
    </row>
    <row r="10831" spans="1:9">
      <c r="A10831" s="1">
        <f ca="1">RAND()</f>
        <v>0.75467280693684913</v>
      </c>
      <c r="B10831" s="1"/>
      <c r="C10831">
        <v>6</v>
      </c>
      <c r="D10831" t="s">
        <v>22603</v>
      </c>
      <c r="E10831" t="s">
        <v>33599</v>
      </c>
      <c r="F10831">
        <v>2</v>
      </c>
      <c r="G10831" t="s">
        <v>10</v>
      </c>
      <c r="H10831" t="s">
        <v>22604</v>
      </c>
      <c r="I10831" t="s">
        <v>30540</v>
      </c>
    </row>
    <row r="10832" spans="1:9">
      <c r="A10832" s="1">
        <f ca="1">RAND()</f>
        <v>0.75143818531291495</v>
      </c>
      <c r="B10832" s="1"/>
      <c r="C10832">
        <v>20</v>
      </c>
      <c r="D10832" t="s">
        <v>22599</v>
      </c>
      <c r="E10832" t="s">
        <v>33600</v>
      </c>
      <c r="F10832">
        <v>5</v>
      </c>
      <c r="G10832" t="s">
        <v>10</v>
      </c>
      <c r="H10832" t="s">
        <v>22600</v>
      </c>
      <c r="I10832" t="s">
        <v>30540</v>
      </c>
    </row>
    <row r="10833" spans="1:9">
      <c r="A10833" s="1">
        <f ca="1">RAND()</f>
        <v>0.61331264846677969</v>
      </c>
      <c r="B10833" s="1"/>
      <c r="C10833">
        <v>18</v>
      </c>
      <c r="D10833" t="s">
        <v>22597</v>
      </c>
      <c r="E10833" t="s">
        <v>33600</v>
      </c>
      <c r="F10833">
        <v>5</v>
      </c>
      <c r="G10833" t="s">
        <v>3732</v>
      </c>
      <c r="H10833" t="s">
        <v>22598</v>
      </c>
      <c r="I10833" t="s">
        <v>30540</v>
      </c>
    </row>
    <row r="10834" spans="1:9">
      <c r="A10834" s="1">
        <f ca="1">RAND()</f>
        <v>0.3762495423428478</v>
      </c>
      <c r="B10834" s="1"/>
      <c r="C10834">
        <v>17</v>
      </c>
      <c r="D10834" t="s">
        <v>22595</v>
      </c>
      <c r="E10834" t="s">
        <v>33600</v>
      </c>
      <c r="F10834">
        <v>4</v>
      </c>
      <c r="G10834" t="s">
        <v>14</v>
      </c>
      <c r="H10834" t="s">
        <v>22596</v>
      </c>
      <c r="I10834" t="s">
        <v>30540</v>
      </c>
    </row>
    <row r="10835" spans="1:9">
      <c r="A10835" s="1">
        <f ca="1">RAND()</f>
        <v>0.77140396238784481</v>
      </c>
      <c r="B10835" s="1"/>
      <c r="C10835">
        <v>5</v>
      </c>
      <c r="D10835" t="s">
        <v>22591</v>
      </c>
      <c r="E10835" t="s">
        <v>33600</v>
      </c>
      <c r="F10835">
        <v>4</v>
      </c>
      <c r="G10835" t="s">
        <v>10</v>
      </c>
      <c r="H10835" t="s">
        <v>22592</v>
      </c>
      <c r="I10835" t="s">
        <v>30540</v>
      </c>
    </row>
    <row r="10836" spans="1:9">
      <c r="A10836" s="1">
        <f ca="1">RAND()</f>
        <v>0.89928861679990102</v>
      </c>
      <c r="B10836" s="1"/>
      <c r="C10836">
        <v>3</v>
      </c>
      <c r="D10836" t="s">
        <v>22587</v>
      </c>
      <c r="E10836" t="s">
        <v>33600</v>
      </c>
      <c r="F10836">
        <v>4</v>
      </c>
      <c r="G10836" t="s">
        <v>14</v>
      </c>
      <c r="H10836" t="s">
        <v>22588</v>
      </c>
      <c r="I10836" t="s">
        <v>30540</v>
      </c>
    </row>
    <row r="10837" spans="1:9">
      <c r="A10837" s="1">
        <f ca="1">RAND()</f>
        <v>0.52549561309046966</v>
      </c>
      <c r="B10837" s="1"/>
      <c r="C10837">
        <v>2</v>
      </c>
      <c r="D10837" t="s">
        <v>22585</v>
      </c>
      <c r="E10837" t="s">
        <v>33600</v>
      </c>
      <c r="F10837">
        <v>4</v>
      </c>
      <c r="G10837" t="s">
        <v>1431</v>
      </c>
      <c r="H10837" t="s">
        <v>22586</v>
      </c>
      <c r="I10837" t="s">
        <v>30540</v>
      </c>
    </row>
    <row r="10838" spans="1:9">
      <c r="A10838" s="1">
        <f ca="1">RAND()</f>
        <v>0.94326675638731239</v>
      </c>
      <c r="B10838" s="1"/>
      <c r="C10838">
        <v>16</v>
      </c>
      <c r="D10838" t="s">
        <v>22593</v>
      </c>
      <c r="E10838" t="s">
        <v>33600</v>
      </c>
      <c r="F10838">
        <v>4</v>
      </c>
      <c r="G10838" t="s">
        <v>2229</v>
      </c>
      <c r="H10838" t="s">
        <v>22594</v>
      </c>
      <c r="I10838" t="s">
        <v>30540</v>
      </c>
    </row>
    <row r="10839" spans="1:9">
      <c r="A10839" s="1">
        <f ca="1">RAND()</f>
        <v>0.17259335045296176</v>
      </c>
      <c r="B10839" s="1"/>
      <c r="C10839">
        <v>4</v>
      </c>
      <c r="D10839" t="s">
        <v>22589</v>
      </c>
      <c r="E10839" t="s">
        <v>33600</v>
      </c>
      <c r="F10839">
        <v>3</v>
      </c>
      <c r="G10839" t="s">
        <v>10</v>
      </c>
      <c r="H10839" t="s">
        <v>22590</v>
      </c>
      <c r="I10839" t="s">
        <v>30540</v>
      </c>
    </row>
    <row r="10840" spans="1:9">
      <c r="A10840" s="1">
        <f ca="1">RAND()</f>
        <v>0.36667458251964358</v>
      </c>
      <c r="B10840" s="1"/>
      <c r="C10840">
        <v>13</v>
      </c>
      <c r="D10840" t="s">
        <v>22583</v>
      </c>
      <c r="E10840" t="s">
        <v>33601</v>
      </c>
      <c r="F10840">
        <v>4</v>
      </c>
      <c r="G10840" t="s">
        <v>14</v>
      </c>
      <c r="H10840" t="s">
        <v>22584</v>
      </c>
      <c r="I10840" t="s">
        <v>30540</v>
      </c>
    </row>
    <row r="10841" spans="1:9">
      <c r="A10841" s="1">
        <f ca="1">RAND()</f>
        <v>0.59957691964245963</v>
      </c>
      <c r="B10841" s="1"/>
      <c r="C10841">
        <v>10</v>
      </c>
      <c r="D10841" t="s">
        <v>22581</v>
      </c>
      <c r="E10841" t="s">
        <v>33602</v>
      </c>
      <c r="F10841">
        <v>5</v>
      </c>
      <c r="G10841" t="s">
        <v>14</v>
      </c>
      <c r="H10841" t="s">
        <v>22582</v>
      </c>
      <c r="I10841" t="s">
        <v>30540</v>
      </c>
    </row>
    <row r="10842" spans="1:9">
      <c r="A10842" s="1">
        <f ca="1">RAND()</f>
        <v>0.16560695284210347</v>
      </c>
      <c r="B10842" s="1"/>
      <c r="C10842">
        <v>7</v>
      </c>
      <c r="D10842" t="s">
        <v>22579</v>
      </c>
      <c r="E10842" t="s">
        <v>33602</v>
      </c>
      <c r="F10842">
        <v>4</v>
      </c>
      <c r="G10842" t="s">
        <v>14</v>
      </c>
      <c r="H10842" t="s">
        <v>22580</v>
      </c>
      <c r="I10842" t="s">
        <v>30540</v>
      </c>
    </row>
    <row r="10843" spans="1:9">
      <c r="A10843" s="1">
        <f ca="1">RAND()</f>
        <v>4.3636349220057546E-2</v>
      </c>
      <c r="B10843" s="1"/>
      <c r="C10843">
        <v>10</v>
      </c>
      <c r="D10843" t="s">
        <v>22573</v>
      </c>
      <c r="E10843" t="s">
        <v>33603</v>
      </c>
      <c r="F10843">
        <v>4</v>
      </c>
      <c r="G10843" t="s">
        <v>14</v>
      </c>
      <c r="H10843" t="s">
        <v>22574</v>
      </c>
      <c r="I10843" t="s">
        <v>30540</v>
      </c>
    </row>
    <row r="10844" spans="1:9">
      <c r="A10844" s="1">
        <f ca="1">RAND()</f>
        <v>0.36102790552887132</v>
      </c>
      <c r="B10844" s="1"/>
      <c r="C10844">
        <v>18</v>
      </c>
      <c r="D10844" t="s">
        <v>22577</v>
      </c>
      <c r="E10844" t="s">
        <v>33603</v>
      </c>
      <c r="F10844">
        <v>4</v>
      </c>
      <c r="G10844" t="s">
        <v>14</v>
      </c>
      <c r="H10844" t="s">
        <v>22578</v>
      </c>
      <c r="I10844" t="s">
        <v>30540</v>
      </c>
    </row>
    <row r="10845" spans="1:9">
      <c r="A10845" s="1">
        <f ca="1">RAND()</f>
        <v>0.45301394653631444</v>
      </c>
      <c r="B10845" s="1"/>
      <c r="C10845">
        <v>1</v>
      </c>
      <c r="D10845" t="s">
        <v>22567</v>
      </c>
      <c r="E10845" t="s">
        <v>33603</v>
      </c>
      <c r="F10845">
        <v>3</v>
      </c>
      <c r="G10845" t="s">
        <v>10</v>
      </c>
      <c r="H10845" t="s">
        <v>22568</v>
      </c>
      <c r="I10845" t="s">
        <v>30540</v>
      </c>
    </row>
    <row r="10846" spans="1:9">
      <c r="A10846" s="1">
        <f ca="1">RAND()</f>
        <v>0.29719902944856902</v>
      </c>
      <c r="B10846" s="1"/>
      <c r="C10846">
        <v>13</v>
      </c>
      <c r="D10846" t="s">
        <v>22575</v>
      </c>
      <c r="E10846" t="s">
        <v>33603</v>
      </c>
      <c r="F10846">
        <v>3</v>
      </c>
      <c r="G10846" t="s">
        <v>14</v>
      </c>
      <c r="H10846" t="s">
        <v>22576</v>
      </c>
      <c r="I10846" t="s">
        <v>30540</v>
      </c>
    </row>
    <row r="10847" spans="1:9">
      <c r="A10847" s="1">
        <f ca="1">RAND()</f>
        <v>0.31479265690309366</v>
      </c>
      <c r="B10847" s="1"/>
      <c r="C10847">
        <v>7</v>
      </c>
      <c r="D10847" t="s">
        <v>22571</v>
      </c>
      <c r="E10847" t="s">
        <v>33603</v>
      </c>
      <c r="F10847">
        <v>3</v>
      </c>
      <c r="G10847" t="s">
        <v>2</v>
      </c>
      <c r="H10847" t="s">
        <v>22572</v>
      </c>
      <c r="I10847" t="s">
        <v>30540</v>
      </c>
    </row>
    <row r="10848" spans="1:9">
      <c r="A10848" s="1">
        <f ca="1">RAND()</f>
        <v>3.8240177509174633E-2</v>
      </c>
      <c r="B10848" s="1"/>
      <c r="C10848">
        <v>3</v>
      </c>
      <c r="D10848" t="s">
        <v>22569</v>
      </c>
      <c r="E10848" t="s">
        <v>33603</v>
      </c>
      <c r="F10848">
        <v>2</v>
      </c>
      <c r="G10848" t="s">
        <v>1</v>
      </c>
      <c r="H10848" t="s">
        <v>22570</v>
      </c>
      <c r="I10848" t="s">
        <v>30540</v>
      </c>
    </row>
    <row r="10849" spans="1:9">
      <c r="A10849" s="1">
        <f ca="1">RAND()</f>
        <v>0.9813721173616935</v>
      </c>
      <c r="B10849" s="1"/>
      <c r="C10849">
        <v>14</v>
      </c>
      <c r="D10849" t="s">
        <v>22563</v>
      </c>
      <c r="E10849" t="s">
        <v>33604</v>
      </c>
      <c r="F10849">
        <v>5</v>
      </c>
      <c r="G10849" t="s">
        <v>14</v>
      </c>
      <c r="H10849" t="s">
        <v>22564</v>
      </c>
      <c r="I10849" t="s">
        <v>30540</v>
      </c>
    </row>
    <row r="10850" spans="1:9">
      <c r="A10850" s="1">
        <f ca="1">RAND()</f>
        <v>0.87057663607223701</v>
      </c>
      <c r="B10850" s="1"/>
      <c r="C10850">
        <v>2</v>
      </c>
      <c r="D10850" t="s">
        <v>22559</v>
      </c>
      <c r="E10850" t="s">
        <v>33604</v>
      </c>
      <c r="F10850">
        <v>4</v>
      </c>
      <c r="G10850" t="s">
        <v>15</v>
      </c>
      <c r="H10850" t="s">
        <v>22560</v>
      </c>
      <c r="I10850" t="s">
        <v>30540</v>
      </c>
    </row>
    <row r="10851" spans="1:9">
      <c r="A10851" s="1">
        <f ca="1">RAND()</f>
        <v>0.68509666637874078</v>
      </c>
      <c r="B10851" s="1"/>
      <c r="C10851">
        <v>15</v>
      </c>
      <c r="D10851" t="s">
        <v>22565</v>
      </c>
      <c r="E10851" t="s">
        <v>33604</v>
      </c>
      <c r="F10851">
        <v>4</v>
      </c>
      <c r="G10851" t="s">
        <v>2</v>
      </c>
      <c r="H10851" t="s">
        <v>22566</v>
      </c>
      <c r="I10851" t="s">
        <v>30540</v>
      </c>
    </row>
    <row r="10852" spans="1:9">
      <c r="A10852" s="1">
        <f ca="1">RAND()</f>
        <v>0.55839607354630438</v>
      </c>
      <c r="B10852" s="1"/>
      <c r="C10852">
        <v>13</v>
      </c>
      <c r="D10852" t="s">
        <v>22561</v>
      </c>
      <c r="E10852" t="s">
        <v>33604</v>
      </c>
      <c r="F10852">
        <v>2</v>
      </c>
      <c r="G10852" t="s">
        <v>14</v>
      </c>
      <c r="H10852" t="s">
        <v>22562</v>
      </c>
      <c r="I10852" t="s">
        <v>30540</v>
      </c>
    </row>
    <row r="10853" spans="1:9">
      <c r="A10853" s="1">
        <f ca="1">RAND()</f>
        <v>0.94453147411956417</v>
      </c>
      <c r="B10853" s="1"/>
      <c r="C10853">
        <v>7</v>
      </c>
      <c r="D10853" t="s">
        <v>22557</v>
      </c>
      <c r="E10853" t="s">
        <v>33605</v>
      </c>
      <c r="F10853">
        <v>5</v>
      </c>
      <c r="G10853" t="s">
        <v>15</v>
      </c>
      <c r="H10853" t="s">
        <v>22558</v>
      </c>
      <c r="I10853" t="s">
        <v>30540</v>
      </c>
    </row>
    <row r="10854" spans="1:9">
      <c r="A10854" s="1">
        <f ca="1">RAND()</f>
        <v>0.35570115361353849</v>
      </c>
      <c r="B10854" s="1"/>
      <c r="C10854">
        <v>5</v>
      </c>
      <c r="D10854" t="s">
        <v>22555</v>
      </c>
      <c r="E10854" t="s">
        <v>33605</v>
      </c>
      <c r="F10854">
        <v>4</v>
      </c>
      <c r="G10854" t="s">
        <v>9</v>
      </c>
      <c r="H10854" t="s">
        <v>22556</v>
      </c>
      <c r="I10854" t="s">
        <v>30540</v>
      </c>
    </row>
    <row r="10855" spans="1:9">
      <c r="A10855" s="1">
        <f ca="1">RAND()</f>
        <v>0.2789579573785449</v>
      </c>
      <c r="B10855" s="1"/>
      <c r="C10855">
        <v>16</v>
      </c>
      <c r="D10855" t="s">
        <v>22553</v>
      </c>
      <c r="E10855" t="s">
        <v>33606</v>
      </c>
      <c r="F10855">
        <v>4</v>
      </c>
      <c r="G10855" t="s">
        <v>14</v>
      </c>
      <c r="H10855" t="s">
        <v>22554</v>
      </c>
      <c r="I10855" t="s">
        <v>30540</v>
      </c>
    </row>
    <row r="10856" spans="1:9">
      <c r="A10856" s="1">
        <f ca="1">RAND()</f>
        <v>0.81104303583248971</v>
      </c>
      <c r="B10856" s="1"/>
      <c r="C10856">
        <v>5</v>
      </c>
      <c r="D10856" t="s">
        <v>22551</v>
      </c>
      <c r="E10856" t="s">
        <v>33606</v>
      </c>
      <c r="F10856">
        <v>4</v>
      </c>
      <c r="G10856" t="s">
        <v>1</v>
      </c>
      <c r="H10856" t="s">
        <v>22552</v>
      </c>
      <c r="I10856" t="s">
        <v>30540</v>
      </c>
    </row>
    <row r="10857" spans="1:9">
      <c r="A10857" s="1">
        <f ca="1">RAND()</f>
        <v>0.99777247477690489</v>
      </c>
      <c r="B10857" s="1"/>
      <c r="C10857">
        <v>4</v>
      </c>
      <c r="D10857" t="s">
        <v>22549</v>
      </c>
      <c r="E10857" t="s">
        <v>33606</v>
      </c>
      <c r="F10857">
        <v>4</v>
      </c>
      <c r="G10857" t="s">
        <v>14</v>
      </c>
      <c r="H10857" t="s">
        <v>22550</v>
      </c>
      <c r="I10857" t="s">
        <v>30540</v>
      </c>
    </row>
    <row r="10858" spans="1:9">
      <c r="A10858" s="1">
        <f ca="1">RAND()</f>
        <v>3.4296727630504398E-2</v>
      </c>
      <c r="B10858" s="1"/>
      <c r="C10858">
        <v>14</v>
      </c>
      <c r="D10858" t="s">
        <v>22545</v>
      </c>
      <c r="E10858" t="s">
        <v>33607</v>
      </c>
      <c r="F10858">
        <v>5</v>
      </c>
      <c r="G10858" t="s">
        <v>0</v>
      </c>
      <c r="H10858" t="s">
        <v>22546</v>
      </c>
      <c r="I10858" t="s">
        <v>30540</v>
      </c>
    </row>
    <row r="10859" spans="1:9">
      <c r="A10859" s="1">
        <f ca="1">RAND()</f>
        <v>0.64647841277348761</v>
      </c>
      <c r="B10859" s="1"/>
      <c r="C10859">
        <v>15</v>
      </c>
      <c r="D10859" t="s">
        <v>22547</v>
      </c>
      <c r="E10859" t="s">
        <v>33607</v>
      </c>
      <c r="F10859">
        <v>2</v>
      </c>
      <c r="G10859" t="s">
        <v>14</v>
      </c>
      <c r="H10859" t="s">
        <v>22548</v>
      </c>
      <c r="I10859" t="s">
        <v>30540</v>
      </c>
    </row>
    <row r="10860" spans="1:9">
      <c r="A10860" s="1">
        <f ca="1">RAND()</f>
        <v>0.98792312429719176</v>
      </c>
      <c r="B10860" s="1"/>
      <c r="C10860">
        <v>6</v>
      </c>
      <c r="D10860" t="s">
        <v>22539</v>
      </c>
      <c r="E10860" t="s">
        <v>33608</v>
      </c>
      <c r="F10860">
        <v>5</v>
      </c>
      <c r="G10860" t="s">
        <v>14</v>
      </c>
      <c r="H10860" t="s">
        <v>22540</v>
      </c>
      <c r="I10860" t="s">
        <v>30540</v>
      </c>
    </row>
    <row r="10861" spans="1:9">
      <c r="A10861" s="1">
        <f ca="1">RAND()</f>
        <v>0.41023939885933336</v>
      </c>
      <c r="B10861" s="1"/>
      <c r="C10861">
        <v>14</v>
      </c>
      <c r="D10861" t="s">
        <v>22543</v>
      </c>
      <c r="E10861" t="s">
        <v>33608</v>
      </c>
      <c r="F10861">
        <v>4</v>
      </c>
      <c r="G10861" t="s">
        <v>14</v>
      </c>
      <c r="H10861" t="s">
        <v>22544</v>
      </c>
      <c r="I10861" t="s">
        <v>30540</v>
      </c>
    </row>
    <row r="10862" spans="1:9">
      <c r="A10862" s="1">
        <f ca="1">RAND()</f>
        <v>0.85563021401294181</v>
      </c>
      <c r="B10862" s="1"/>
      <c r="C10862">
        <v>5</v>
      </c>
      <c r="D10862" t="s">
        <v>22537</v>
      </c>
      <c r="E10862" t="s">
        <v>33608</v>
      </c>
      <c r="F10862">
        <v>4</v>
      </c>
      <c r="G10862" t="s">
        <v>9</v>
      </c>
      <c r="H10862" t="s">
        <v>22538</v>
      </c>
      <c r="I10862" t="s">
        <v>30540</v>
      </c>
    </row>
    <row r="10863" spans="1:9">
      <c r="A10863" s="1">
        <f ca="1">RAND()</f>
        <v>4.1107237817488484E-2</v>
      </c>
      <c r="B10863" s="1"/>
      <c r="C10863">
        <v>10</v>
      </c>
      <c r="D10863" t="s">
        <v>22541</v>
      </c>
      <c r="E10863" t="s">
        <v>33608</v>
      </c>
      <c r="F10863">
        <v>2</v>
      </c>
      <c r="G10863" t="s">
        <v>14</v>
      </c>
      <c r="H10863" t="s">
        <v>22542</v>
      </c>
      <c r="I10863" t="s">
        <v>30540</v>
      </c>
    </row>
    <row r="10864" spans="1:9">
      <c r="A10864" s="1">
        <f ca="1">RAND()</f>
        <v>0.66231399654088285</v>
      </c>
      <c r="B10864" s="1"/>
      <c r="C10864">
        <v>2</v>
      </c>
      <c r="D10864" t="s">
        <v>22535</v>
      </c>
      <c r="E10864" t="s">
        <v>33608</v>
      </c>
      <c r="F10864">
        <v>1</v>
      </c>
      <c r="G10864" t="s">
        <v>10</v>
      </c>
      <c r="H10864" t="s">
        <v>22536</v>
      </c>
      <c r="I10864" t="s">
        <v>30540</v>
      </c>
    </row>
    <row r="10865" spans="1:9">
      <c r="A10865" s="1">
        <f ca="1">RAND()</f>
        <v>0.70540276430763571</v>
      </c>
      <c r="B10865" s="1"/>
      <c r="C10865">
        <v>1</v>
      </c>
      <c r="D10865" t="s">
        <v>22525</v>
      </c>
      <c r="E10865" t="s">
        <v>33609</v>
      </c>
      <c r="F10865">
        <v>4</v>
      </c>
      <c r="G10865" t="s">
        <v>775</v>
      </c>
      <c r="H10865" t="s">
        <v>22526</v>
      </c>
      <c r="I10865" t="s">
        <v>30540</v>
      </c>
    </row>
    <row r="10866" spans="1:9">
      <c r="A10866" s="1">
        <f ca="1">RAND()</f>
        <v>0.47225715847608851</v>
      </c>
      <c r="B10866" s="1"/>
      <c r="C10866">
        <v>5</v>
      </c>
      <c r="D10866" t="s">
        <v>22527</v>
      </c>
      <c r="E10866" t="s">
        <v>33609</v>
      </c>
      <c r="F10866">
        <v>3</v>
      </c>
      <c r="G10866" t="s">
        <v>2</v>
      </c>
      <c r="H10866" t="s">
        <v>22528</v>
      </c>
      <c r="I10866" t="s">
        <v>30540</v>
      </c>
    </row>
    <row r="10867" spans="1:9">
      <c r="A10867" s="1">
        <f ca="1">RAND()</f>
        <v>0.50638086241555003</v>
      </c>
      <c r="B10867" s="1"/>
      <c r="C10867">
        <v>15</v>
      </c>
      <c r="D10867" t="s">
        <v>22531</v>
      </c>
      <c r="E10867" t="s">
        <v>33609</v>
      </c>
      <c r="F10867">
        <v>3</v>
      </c>
      <c r="G10867" t="s">
        <v>10</v>
      </c>
      <c r="H10867" t="s">
        <v>22532</v>
      </c>
      <c r="I10867" t="s">
        <v>30540</v>
      </c>
    </row>
    <row r="10868" spans="1:9">
      <c r="A10868" s="1">
        <f ca="1">RAND()</f>
        <v>0.75904289190833618</v>
      </c>
      <c r="B10868" s="1"/>
      <c r="C10868">
        <v>11</v>
      </c>
      <c r="D10868" t="s">
        <v>22529</v>
      </c>
      <c r="E10868" t="s">
        <v>33609</v>
      </c>
      <c r="F10868">
        <v>3</v>
      </c>
      <c r="G10868" t="s">
        <v>14</v>
      </c>
      <c r="H10868" t="s">
        <v>22530</v>
      </c>
      <c r="I10868" t="s">
        <v>30540</v>
      </c>
    </row>
    <row r="10869" spans="1:9">
      <c r="A10869" s="1">
        <f ca="1">RAND()</f>
        <v>0.85235236966215056</v>
      </c>
      <c r="B10869" s="1"/>
      <c r="C10869">
        <v>19</v>
      </c>
      <c r="D10869" t="s">
        <v>22533</v>
      </c>
      <c r="E10869" t="s">
        <v>33609</v>
      </c>
      <c r="F10869">
        <v>3</v>
      </c>
      <c r="G10869" t="s">
        <v>14</v>
      </c>
      <c r="H10869" t="s">
        <v>22534</v>
      </c>
      <c r="I10869" t="s">
        <v>30540</v>
      </c>
    </row>
    <row r="10870" spans="1:9">
      <c r="A10870" s="1">
        <f ca="1">RAND()</f>
        <v>0.82213645004876557</v>
      </c>
      <c r="B10870" s="1"/>
      <c r="C10870">
        <v>11</v>
      </c>
      <c r="D10870" t="s">
        <v>22521</v>
      </c>
      <c r="E10870" t="s">
        <v>33610</v>
      </c>
      <c r="F10870">
        <v>4</v>
      </c>
      <c r="G10870" t="s">
        <v>14</v>
      </c>
      <c r="H10870" t="s">
        <v>22522</v>
      </c>
      <c r="I10870" t="s">
        <v>30540</v>
      </c>
    </row>
    <row r="10871" spans="1:9">
      <c r="A10871" s="1">
        <f ca="1">RAND()</f>
        <v>0.92754545368310815</v>
      </c>
      <c r="B10871" s="1"/>
      <c r="C10871">
        <v>3</v>
      </c>
      <c r="D10871" t="s">
        <v>22517</v>
      </c>
      <c r="E10871" t="s">
        <v>33610</v>
      </c>
      <c r="F10871">
        <v>4</v>
      </c>
      <c r="G10871" t="s">
        <v>9</v>
      </c>
      <c r="H10871" t="s">
        <v>22518</v>
      </c>
      <c r="I10871" t="s">
        <v>30540</v>
      </c>
    </row>
    <row r="10872" spans="1:9">
      <c r="A10872" s="1">
        <f ca="1">RAND()</f>
        <v>0.86934527735145994</v>
      </c>
      <c r="B10872" s="1"/>
      <c r="C10872">
        <v>14</v>
      </c>
      <c r="D10872" t="s">
        <v>22523</v>
      </c>
      <c r="E10872" t="s">
        <v>33610</v>
      </c>
      <c r="F10872">
        <v>3</v>
      </c>
      <c r="G10872" t="s">
        <v>14</v>
      </c>
      <c r="H10872" t="s">
        <v>22524</v>
      </c>
      <c r="I10872" t="s">
        <v>30540</v>
      </c>
    </row>
    <row r="10873" spans="1:9">
      <c r="A10873" s="1">
        <f ca="1">RAND()</f>
        <v>4.3396335243954698E-2</v>
      </c>
      <c r="B10873" s="1"/>
      <c r="C10873">
        <v>9</v>
      </c>
      <c r="D10873" t="s">
        <v>22519</v>
      </c>
      <c r="E10873" t="s">
        <v>33610</v>
      </c>
      <c r="F10873">
        <v>2</v>
      </c>
      <c r="G10873" t="s">
        <v>10</v>
      </c>
      <c r="H10873" t="s">
        <v>22520</v>
      </c>
      <c r="I10873" t="s">
        <v>30540</v>
      </c>
    </row>
    <row r="10874" spans="1:9">
      <c r="A10874" s="1">
        <f ca="1">RAND()</f>
        <v>0.61042663156479771</v>
      </c>
      <c r="B10874" s="1"/>
      <c r="C10874">
        <v>13</v>
      </c>
      <c r="D10874" t="s">
        <v>22515</v>
      </c>
      <c r="E10874" t="s">
        <v>33611</v>
      </c>
      <c r="F10874">
        <v>5</v>
      </c>
      <c r="G10874" t="s">
        <v>14</v>
      </c>
      <c r="H10874" t="s">
        <v>22516</v>
      </c>
      <c r="I10874" t="s">
        <v>30540</v>
      </c>
    </row>
    <row r="10875" spans="1:9">
      <c r="A10875" s="1">
        <f ca="1">RAND()</f>
        <v>0.72858440613784525</v>
      </c>
      <c r="B10875" s="1"/>
      <c r="C10875">
        <v>4</v>
      </c>
      <c r="D10875" t="s">
        <v>22505</v>
      </c>
      <c r="E10875" t="s">
        <v>33611</v>
      </c>
      <c r="F10875">
        <v>5</v>
      </c>
      <c r="G10875" t="s">
        <v>2</v>
      </c>
      <c r="H10875" t="s">
        <v>22506</v>
      </c>
      <c r="I10875" t="s">
        <v>30540</v>
      </c>
    </row>
    <row r="10876" spans="1:9">
      <c r="A10876" s="1">
        <f ca="1">RAND()</f>
        <v>0.51849361410770256</v>
      </c>
      <c r="B10876" s="1"/>
      <c r="C10876">
        <v>5</v>
      </c>
      <c r="D10876" t="s">
        <v>22507</v>
      </c>
      <c r="E10876" t="s">
        <v>33611</v>
      </c>
      <c r="F10876">
        <v>4</v>
      </c>
      <c r="G10876" t="s">
        <v>14</v>
      </c>
      <c r="H10876" t="s">
        <v>22508</v>
      </c>
      <c r="I10876" t="s">
        <v>30540</v>
      </c>
    </row>
    <row r="10877" spans="1:9">
      <c r="A10877" s="1">
        <f ca="1">RAND()</f>
        <v>0.9507108107893949</v>
      </c>
      <c r="B10877" s="1"/>
      <c r="C10877">
        <v>7</v>
      </c>
      <c r="D10877" t="s">
        <v>22511</v>
      </c>
      <c r="E10877" t="s">
        <v>33611</v>
      </c>
      <c r="F10877">
        <v>4</v>
      </c>
      <c r="G10877" t="s">
        <v>14</v>
      </c>
      <c r="H10877" t="s">
        <v>22512</v>
      </c>
      <c r="I10877" t="s">
        <v>30540</v>
      </c>
    </row>
    <row r="10878" spans="1:9">
      <c r="A10878" s="1">
        <f ca="1">RAND()</f>
        <v>0.65605843427873212</v>
      </c>
      <c r="B10878" s="1"/>
      <c r="C10878">
        <v>6</v>
      </c>
      <c r="D10878" t="s">
        <v>22509</v>
      </c>
      <c r="E10878" t="s">
        <v>33611</v>
      </c>
      <c r="F10878">
        <v>4</v>
      </c>
      <c r="G10878" t="s">
        <v>1</v>
      </c>
      <c r="H10878" t="s">
        <v>22510</v>
      </c>
      <c r="I10878" t="s">
        <v>30540</v>
      </c>
    </row>
    <row r="10879" spans="1:9">
      <c r="A10879" s="1">
        <f ca="1">RAND()</f>
        <v>0.11987854788408336</v>
      </c>
      <c r="B10879" s="1"/>
      <c r="C10879">
        <v>12</v>
      </c>
      <c r="D10879" t="s">
        <v>22513</v>
      </c>
      <c r="E10879" t="s">
        <v>33611</v>
      </c>
      <c r="F10879">
        <v>3</v>
      </c>
      <c r="G10879" t="s">
        <v>14</v>
      </c>
      <c r="H10879" t="s">
        <v>22514</v>
      </c>
      <c r="I10879" t="s">
        <v>30540</v>
      </c>
    </row>
    <row r="10880" spans="1:9">
      <c r="A10880" s="1">
        <f ca="1">RAND()</f>
        <v>0.62693632587506554</v>
      </c>
      <c r="B10880" s="1"/>
      <c r="C10880">
        <v>7</v>
      </c>
      <c r="D10880" t="s">
        <v>22499</v>
      </c>
      <c r="E10880" t="s">
        <v>33612</v>
      </c>
      <c r="F10880">
        <v>5</v>
      </c>
      <c r="G10880" t="s">
        <v>14</v>
      </c>
      <c r="H10880" t="s">
        <v>22500</v>
      </c>
      <c r="I10880" t="s">
        <v>30540</v>
      </c>
    </row>
    <row r="10881" spans="1:9">
      <c r="A10881" s="1">
        <f ca="1">RAND()</f>
        <v>0.36607029490699716</v>
      </c>
      <c r="B10881" s="1"/>
      <c r="C10881">
        <v>8</v>
      </c>
      <c r="D10881" t="s">
        <v>22501</v>
      </c>
      <c r="E10881" t="s">
        <v>33612</v>
      </c>
      <c r="F10881">
        <v>5</v>
      </c>
      <c r="G10881" t="s">
        <v>14</v>
      </c>
      <c r="H10881" t="s">
        <v>22502</v>
      </c>
      <c r="I10881" t="s">
        <v>30540</v>
      </c>
    </row>
    <row r="10882" spans="1:9">
      <c r="A10882" s="1">
        <f ca="1">RAND()</f>
        <v>0.9699329737596607</v>
      </c>
      <c r="B10882" s="1"/>
      <c r="C10882">
        <v>15</v>
      </c>
      <c r="D10882" t="s">
        <v>22503</v>
      </c>
      <c r="E10882" t="s">
        <v>33612</v>
      </c>
      <c r="F10882">
        <v>4</v>
      </c>
      <c r="G10882" t="s">
        <v>14</v>
      </c>
      <c r="H10882" t="s">
        <v>22504</v>
      </c>
      <c r="I10882" t="s">
        <v>30540</v>
      </c>
    </row>
    <row r="10883" spans="1:9">
      <c r="A10883" s="1">
        <f ca="1">RAND()</f>
        <v>0.19205791824250862</v>
      </c>
      <c r="B10883" s="1"/>
      <c r="C10883">
        <v>5</v>
      </c>
      <c r="D10883" t="s">
        <v>22491</v>
      </c>
      <c r="E10883" t="s">
        <v>33613</v>
      </c>
      <c r="F10883">
        <v>5</v>
      </c>
      <c r="G10883" t="s">
        <v>9</v>
      </c>
      <c r="H10883" t="s">
        <v>22492</v>
      </c>
      <c r="I10883" t="s">
        <v>30540</v>
      </c>
    </row>
    <row r="10884" spans="1:9">
      <c r="A10884" s="1">
        <f ca="1">RAND()</f>
        <v>0.97280632193190786</v>
      </c>
      <c r="B10884" s="1"/>
      <c r="C10884">
        <v>14</v>
      </c>
      <c r="D10884" t="s">
        <v>22495</v>
      </c>
      <c r="E10884" t="s">
        <v>33613</v>
      </c>
      <c r="F10884">
        <v>4</v>
      </c>
      <c r="G10884" t="s">
        <v>3732</v>
      </c>
      <c r="H10884" t="s">
        <v>22496</v>
      </c>
      <c r="I10884" t="s">
        <v>30540</v>
      </c>
    </row>
    <row r="10885" spans="1:9">
      <c r="A10885" s="1">
        <f ca="1">RAND()</f>
        <v>2.5216570283640438E-3</v>
      </c>
      <c r="B10885" s="1"/>
      <c r="C10885">
        <v>18</v>
      </c>
      <c r="D10885" t="s">
        <v>22497</v>
      </c>
      <c r="E10885" t="s">
        <v>33613</v>
      </c>
      <c r="F10885">
        <v>3</v>
      </c>
      <c r="G10885" t="s">
        <v>15</v>
      </c>
      <c r="H10885" t="s">
        <v>22498</v>
      </c>
      <c r="I10885" t="s">
        <v>30540</v>
      </c>
    </row>
    <row r="10886" spans="1:9">
      <c r="A10886" s="1">
        <f ca="1">RAND()</f>
        <v>0.20867113955868632</v>
      </c>
      <c r="B10886" s="1"/>
      <c r="C10886">
        <v>10</v>
      </c>
      <c r="D10886" t="s">
        <v>22493</v>
      </c>
      <c r="E10886" t="s">
        <v>33613</v>
      </c>
      <c r="F10886">
        <v>1</v>
      </c>
      <c r="G10886" t="s">
        <v>1431</v>
      </c>
      <c r="H10886" t="s">
        <v>22494</v>
      </c>
      <c r="I10886" t="s">
        <v>30540</v>
      </c>
    </row>
    <row r="10887" spans="1:9">
      <c r="A10887" s="1">
        <f ca="1">RAND()</f>
        <v>0.51337239958249403</v>
      </c>
      <c r="B10887" s="1"/>
      <c r="C10887">
        <v>14</v>
      </c>
      <c r="D10887" t="s">
        <v>22489</v>
      </c>
      <c r="E10887" t="s">
        <v>33614</v>
      </c>
      <c r="F10887">
        <v>5</v>
      </c>
      <c r="G10887" t="s">
        <v>9</v>
      </c>
      <c r="H10887" t="s">
        <v>22490</v>
      </c>
      <c r="I10887" t="s">
        <v>30540</v>
      </c>
    </row>
    <row r="10888" spans="1:9">
      <c r="A10888" s="1">
        <f ca="1">RAND()</f>
        <v>0.79523294649800647</v>
      </c>
      <c r="B10888" s="1"/>
      <c r="C10888">
        <v>11</v>
      </c>
      <c r="D10888" t="s">
        <v>22487</v>
      </c>
      <c r="E10888" t="s">
        <v>33614</v>
      </c>
      <c r="F10888">
        <v>4</v>
      </c>
      <c r="G10888" t="s">
        <v>14</v>
      </c>
      <c r="H10888" t="s">
        <v>22488</v>
      </c>
      <c r="I10888" t="s">
        <v>30540</v>
      </c>
    </row>
    <row r="10889" spans="1:9">
      <c r="A10889" s="1">
        <f ca="1">RAND()</f>
        <v>0.11156466131918752</v>
      </c>
      <c r="B10889" s="1"/>
      <c r="C10889">
        <v>4</v>
      </c>
      <c r="D10889" t="s">
        <v>22485</v>
      </c>
      <c r="E10889" t="s">
        <v>33614</v>
      </c>
      <c r="F10889">
        <v>3</v>
      </c>
      <c r="G10889" t="s">
        <v>13</v>
      </c>
      <c r="H10889" t="s">
        <v>22486</v>
      </c>
      <c r="I10889" t="s">
        <v>30540</v>
      </c>
    </row>
    <row r="10890" spans="1:9">
      <c r="A10890" s="1">
        <f ca="1">RAND()</f>
        <v>0.73590828036022349</v>
      </c>
      <c r="B10890" s="1"/>
      <c r="C10890">
        <v>13</v>
      </c>
      <c r="D10890" t="s">
        <v>22481</v>
      </c>
      <c r="E10890" t="s">
        <v>33615</v>
      </c>
      <c r="F10890">
        <v>4</v>
      </c>
      <c r="G10890" t="s">
        <v>14</v>
      </c>
      <c r="H10890" t="s">
        <v>22482</v>
      </c>
      <c r="I10890" t="s">
        <v>30540</v>
      </c>
    </row>
    <row r="10891" spans="1:9">
      <c r="A10891" s="1">
        <f ca="1">RAND()</f>
        <v>0.43556533203221892</v>
      </c>
      <c r="B10891" s="1"/>
      <c r="C10891">
        <v>9</v>
      </c>
      <c r="D10891" t="s">
        <v>22479</v>
      </c>
      <c r="E10891" t="s">
        <v>33615</v>
      </c>
      <c r="F10891">
        <v>4</v>
      </c>
      <c r="G10891" t="s">
        <v>14</v>
      </c>
      <c r="H10891" t="s">
        <v>22480</v>
      </c>
      <c r="I10891" t="s">
        <v>30540</v>
      </c>
    </row>
    <row r="10892" spans="1:9">
      <c r="A10892" s="1">
        <f ca="1">RAND()</f>
        <v>2.343578661253698E-2</v>
      </c>
      <c r="B10892" s="1"/>
      <c r="C10892">
        <v>15</v>
      </c>
      <c r="D10892" t="s">
        <v>22483</v>
      </c>
      <c r="E10892" t="s">
        <v>33615</v>
      </c>
      <c r="F10892">
        <v>4</v>
      </c>
      <c r="G10892" t="s">
        <v>14</v>
      </c>
      <c r="H10892" t="s">
        <v>22484</v>
      </c>
      <c r="I10892" t="s">
        <v>30540</v>
      </c>
    </row>
    <row r="10893" spans="1:9">
      <c r="A10893" s="1">
        <f ca="1">RAND()</f>
        <v>0.39559042688512058</v>
      </c>
      <c r="B10893" s="1"/>
      <c r="C10893">
        <v>11</v>
      </c>
      <c r="D10893" t="s">
        <v>22477</v>
      </c>
      <c r="E10893" t="s">
        <v>33616</v>
      </c>
      <c r="F10893">
        <v>4</v>
      </c>
      <c r="G10893" t="s">
        <v>14</v>
      </c>
      <c r="H10893" t="s">
        <v>22478</v>
      </c>
      <c r="I10893" t="s">
        <v>30540</v>
      </c>
    </row>
    <row r="10894" spans="1:9">
      <c r="A10894" s="1">
        <f ca="1">RAND()</f>
        <v>0.23722052217718459</v>
      </c>
      <c r="B10894" s="1"/>
      <c r="C10894">
        <v>1</v>
      </c>
      <c r="D10894" t="s">
        <v>22473</v>
      </c>
      <c r="E10894" t="s">
        <v>33616</v>
      </c>
      <c r="F10894">
        <v>4</v>
      </c>
      <c r="G10894" t="s">
        <v>9</v>
      </c>
      <c r="H10894" t="s">
        <v>22474</v>
      </c>
      <c r="I10894" t="s">
        <v>30540</v>
      </c>
    </row>
    <row r="10895" spans="1:9">
      <c r="A10895" s="1">
        <f ca="1">RAND()</f>
        <v>0.30468910743886024</v>
      </c>
      <c r="B10895" s="1"/>
      <c r="C10895">
        <v>8</v>
      </c>
      <c r="D10895" t="s">
        <v>22475</v>
      </c>
      <c r="E10895" t="s">
        <v>33616</v>
      </c>
      <c r="F10895">
        <v>4</v>
      </c>
      <c r="G10895" t="s">
        <v>2</v>
      </c>
      <c r="H10895" t="s">
        <v>22476</v>
      </c>
      <c r="I10895" t="s">
        <v>30540</v>
      </c>
    </row>
    <row r="10896" spans="1:9">
      <c r="A10896" s="1">
        <f ca="1">RAND()</f>
        <v>0.76170207258123868</v>
      </c>
      <c r="B10896" s="1"/>
      <c r="C10896">
        <v>8</v>
      </c>
      <c r="D10896" t="s">
        <v>22465</v>
      </c>
      <c r="E10896" t="s">
        <v>33617</v>
      </c>
      <c r="F10896">
        <v>5</v>
      </c>
      <c r="G10896" t="s">
        <v>14</v>
      </c>
      <c r="H10896" t="s">
        <v>22466</v>
      </c>
      <c r="I10896" t="s">
        <v>30540</v>
      </c>
    </row>
    <row r="10897" spans="1:9">
      <c r="A10897" s="1">
        <f ca="1">RAND()</f>
        <v>0.3548480874296891</v>
      </c>
      <c r="B10897" s="1"/>
      <c r="C10897">
        <v>10</v>
      </c>
      <c r="D10897" t="s">
        <v>22467</v>
      </c>
      <c r="E10897" t="s">
        <v>33617</v>
      </c>
      <c r="F10897">
        <v>4</v>
      </c>
      <c r="G10897" t="s">
        <v>10</v>
      </c>
      <c r="H10897" t="s">
        <v>22468</v>
      </c>
      <c r="I10897" t="s">
        <v>30540</v>
      </c>
    </row>
    <row r="10898" spans="1:9">
      <c r="A10898" s="1">
        <f ca="1">RAND()</f>
        <v>0.19437738676915839</v>
      </c>
      <c r="B10898" s="1"/>
      <c r="C10898">
        <v>16</v>
      </c>
      <c r="D10898" t="s">
        <v>22471</v>
      </c>
      <c r="E10898" t="s">
        <v>33617</v>
      </c>
      <c r="F10898">
        <v>4</v>
      </c>
      <c r="G10898" t="s">
        <v>14</v>
      </c>
      <c r="H10898" t="s">
        <v>22472</v>
      </c>
      <c r="I10898" t="s">
        <v>30540</v>
      </c>
    </row>
    <row r="10899" spans="1:9">
      <c r="A10899" s="1">
        <f ca="1">RAND()</f>
        <v>0.26132928496666397</v>
      </c>
      <c r="B10899" s="1"/>
      <c r="C10899">
        <v>5</v>
      </c>
      <c r="D10899" t="s">
        <v>22461</v>
      </c>
      <c r="E10899" t="s">
        <v>33617</v>
      </c>
      <c r="F10899">
        <v>4</v>
      </c>
      <c r="G10899" t="s">
        <v>10</v>
      </c>
      <c r="H10899" t="s">
        <v>22462</v>
      </c>
      <c r="I10899" t="s">
        <v>30540</v>
      </c>
    </row>
    <row r="10900" spans="1:9">
      <c r="A10900" s="1">
        <f ca="1">RAND()</f>
        <v>6.1940732071305238E-2</v>
      </c>
      <c r="B10900" s="1"/>
      <c r="C10900">
        <v>11</v>
      </c>
      <c r="D10900" t="s">
        <v>22469</v>
      </c>
      <c r="E10900" t="s">
        <v>33617</v>
      </c>
      <c r="F10900">
        <v>4</v>
      </c>
      <c r="G10900" t="s">
        <v>14</v>
      </c>
      <c r="H10900" t="s">
        <v>22470</v>
      </c>
      <c r="I10900" t="s">
        <v>30540</v>
      </c>
    </row>
    <row r="10901" spans="1:9">
      <c r="A10901" s="1">
        <f ca="1">RAND()</f>
        <v>0.3390308265355777</v>
      </c>
      <c r="B10901" s="1"/>
      <c r="C10901">
        <v>6</v>
      </c>
      <c r="D10901" t="s">
        <v>22463</v>
      </c>
      <c r="E10901" t="s">
        <v>33617</v>
      </c>
      <c r="F10901">
        <v>4</v>
      </c>
      <c r="G10901" t="s">
        <v>14</v>
      </c>
      <c r="H10901" t="s">
        <v>22464</v>
      </c>
      <c r="I10901" t="s">
        <v>30540</v>
      </c>
    </row>
    <row r="10902" spans="1:9">
      <c r="A10902" s="1">
        <f ca="1">RAND()</f>
        <v>0.60501725218894753</v>
      </c>
      <c r="B10902" s="1"/>
      <c r="C10902">
        <v>2</v>
      </c>
      <c r="D10902" t="s">
        <v>22459</v>
      </c>
      <c r="E10902" t="s">
        <v>33617</v>
      </c>
      <c r="F10902">
        <v>2</v>
      </c>
      <c r="G10902" t="s">
        <v>9</v>
      </c>
      <c r="H10902" t="s">
        <v>22460</v>
      </c>
      <c r="I10902" t="s">
        <v>30540</v>
      </c>
    </row>
    <row r="10903" spans="1:9">
      <c r="A10903" s="1">
        <f ca="1">RAND()</f>
        <v>0.15045667702517629</v>
      </c>
      <c r="B10903" s="1"/>
      <c r="C10903">
        <v>4</v>
      </c>
      <c r="D10903" t="s">
        <v>22455</v>
      </c>
      <c r="E10903" t="s">
        <v>33618</v>
      </c>
      <c r="F10903">
        <v>5</v>
      </c>
      <c r="G10903" t="s">
        <v>775</v>
      </c>
      <c r="H10903" t="s">
        <v>22456</v>
      </c>
      <c r="I10903" t="s">
        <v>30540</v>
      </c>
    </row>
    <row r="10904" spans="1:9">
      <c r="A10904" s="1">
        <f ca="1">RAND()</f>
        <v>0.43302290290223155</v>
      </c>
      <c r="B10904" s="1"/>
      <c r="C10904">
        <v>9</v>
      </c>
      <c r="D10904" t="s">
        <v>22457</v>
      </c>
      <c r="E10904" t="s">
        <v>33618</v>
      </c>
      <c r="F10904">
        <v>3</v>
      </c>
      <c r="G10904" t="s">
        <v>3732</v>
      </c>
      <c r="H10904" t="s">
        <v>22458</v>
      </c>
      <c r="I10904" t="s">
        <v>30540</v>
      </c>
    </row>
    <row r="10905" spans="1:9">
      <c r="A10905" s="1">
        <f ca="1">RAND()</f>
        <v>0.41193707750391806</v>
      </c>
      <c r="B10905" s="1"/>
      <c r="C10905">
        <v>15</v>
      </c>
      <c r="D10905" t="s">
        <v>22453</v>
      </c>
      <c r="E10905" t="s">
        <v>33619</v>
      </c>
      <c r="F10905">
        <v>4</v>
      </c>
      <c r="G10905" t="s">
        <v>14</v>
      </c>
      <c r="H10905" t="s">
        <v>22454</v>
      </c>
      <c r="I10905" t="s">
        <v>30540</v>
      </c>
    </row>
    <row r="10906" spans="1:9">
      <c r="A10906" s="1">
        <f ca="1">RAND()</f>
        <v>0.39974815426638077</v>
      </c>
      <c r="B10906" s="1"/>
      <c r="C10906">
        <v>11</v>
      </c>
      <c r="D10906" t="s">
        <v>22449</v>
      </c>
      <c r="E10906" t="s">
        <v>33620</v>
      </c>
      <c r="F10906">
        <v>4</v>
      </c>
      <c r="G10906" t="s">
        <v>14</v>
      </c>
      <c r="H10906" t="s">
        <v>22450</v>
      </c>
      <c r="I10906" t="s">
        <v>30540</v>
      </c>
    </row>
    <row r="10907" spans="1:9">
      <c r="A10907" s="1">
        <f ca="1">RAND()</f>
        <v>0.96744486402267604</v>
      </c>
      <c r="B10907" s="1"/>
      <c r="C10907">
        <v>13</v>
      </c>
      <c r="D10907" t="s">
        <v>22451</v>
      </c>
      <c r="E10907" t="s">
        <v>33620</v>
      </c>
      <c r="F10907">
        <v>4</v>
      </c>
      <c r="G10907" t="s">
        <v>14</v>
      </c>
      <c r="H10907" t="s">
        <v>22452</v>
      </c>
      <c r="I10907" t="s">
        <v>30540</v>
      </c>
    </row>
    <row r="10908" spans="1:9">
      <c r="A10908" s="1">
        <f ca="1">RAND()</f>
        <v>0.42402939021206432</v>
      </c>
      <c r="B10908" s="1"/>
      <c r="C10908">
        <v>4</v>
      </c>
      <c r="D10908" t="s">
        <v>22447</v>
      </c>
      <c r="E10908" t="s">
        <v>33620</v>
      </c>
      <c r="F10908">
        <v>2</v>
      </c>
      <c r="G10908" t="s">
        <v>10</v>
      </c>
      <c r="H10908" t="s">
        <v>22448</v>
      </c>
      <c r="I10908" t="s">
        <v>30540</v>
      </c>
    </row>
    <row r="10909" spans="1:9">
      <c r="A10909" s="1">
        <f ca="1">RAND()</f>
        <v>0.95372299334531174</v>
      </c>
      <c r="B10909" s="1"/>
      <c r="C10909">
        <v>10</v>
      </c>
      <c r="D10909" t="s">
        <v>22443</v>
      </c>
      <c r="E10909" t="s">
        <v>33621</v>
      </c>
      <c r="F10909">
        <v>4</v>
      </c>
      <c r="G10909" t="s">
        <v>14</v>
      </c>
      <c r="H10909" t="s">
        <v>22444</v>
      </c>
      <c r="I10909" t="s">
        <v>30540</v>
      </c>
    </row>
    <row r="10910" spans="1:9">
      <c r="A10910" s="1">
        <f ca="1">RAND()</f>
        <v>0.74311860593884949</v>
      </c>
      <c r="B10910" s="1"/>
      <c r="C10910">
        <v>8</v>
      </c>
      <c r="D10910" t="s">
        <v>22441</v>
      </c>
      <c r="E10910" t="s">
        <v>33621</v>
      </c>
      <c r="F10910">
        <v>4</v>
      </c>
      <c r="G10910" t="s">
        <v>14</v>
      </c>
      <c r="H10910" t="s">
        <v>22442</v>
      </c>
      <c r="I10910" t="s">
        <v>30540</v>
      </c>
    </row>
    <row r="10911" spans="1:9">
      <c r="A10911" s="1">
        <f ca="1">RAND()</f>
        <v>0.22142604346240746</v>
      </c>
      <c r="B10911" s="1"/>
      <c r="C10911">
        <v>13</v>
      </c>
      <c r="D10911" t="s">
        <v>22445</v>
      </c>
      <c r="E10911" t="s">
        <v>33621</v>
      </c>
      <c r="F10911">
        <v>2</v>
      </c>
      <c r="G10911" t="s">
        <v>14</v>
      </c>
      <c r="H10911" t="s">
        <v>22446</v>
      </c>
      <c r="I10911" t="s">
        <v>30540</v>
      </c>
    </row>
    <row r="10912" spans="1:9">
      <c r="A10912" s="1">
        <f ca="1">RAND()</f>
        <v>0.71446765201646412</v>
      </c>
      <c r="B10912" s="1"/>
      <c r="C10912">
        <v>16</v>
      </c>
      <c r="D10912" t="s">
        <v>22439</v>
      </c>
      <c r="E10912" t="s">
        <v>33622</v>
      </c>
      <c r="F10912">
        <v>5</v>
      </c>
      <c r="G10912" t="s">
        <v>1</v>
      </c>
      <c r="H10912" t="s">
        <v>22440</v>
      </c>
      <c r="I10912" t="s">
        <v>30540</v>
      </c>
    </row>
    <row r="10913" spans="1:9">
      <c r="A10913" s="1">
        <f ca="1">RAND()</f>
        <v>0.69922831154340004</v>
      </c>
      <c r="B10913" s="1"/>
      <c r="C10913">
        <v>1</v>
      </c>
      <c r="D10913" t="s">
        <v>22435</v>
      </c>
      <c r="E10913" t="s">
        <v>33622</v>
      </c>
      <c r="F10913">
        <v>4</v>
      </c>
      <c r="G10913" t="s">
        <v>10</v>
      </c>
      <c r="H10913" t="s">
        <v>22436</v>
      </c>
      <c r="I10913" t="s">
        <v>30540</v>
      </c>
    </row>
    <row r="10914" spans="1:9">
      <c r="A10914" s="1">
        <f ca="1">RAND()</f>
        <v>0.95545355827782319</v>
      </c>
      <c r="B10914" s="1"/>
      <c r="C10914">
        <v>6</v>
      </c>
      <c r="D10914" t="s">
        <v>22437</v>
      </c>
      <c r="E10914" t="s">
        <v>33622</v>
      </c>
      <c r="F10914">
        <v>3</v>
      </c>
      <c r="G10914" t="s">
        <v>10</v>
      </c>
      <c r="H10914" t="s">
        <v>22438</v>
      </c>
      <c r="I10914" t="s">
        <v>30540</v>
      </c>
    </row>
    <row r="10915" spans="1:9">
      <c r="A10915" s="1">
        <f ca="1">RAND()</f>
        <v>0.20192434508281443</v>
      </c>
      <c r="B10915" s="1"/>
      <c r="C10915">
        <v>13</v>
      </c>
      <c r="D10915" t="s">
        <v>22431</v>
      </c>
      <c r="E10915" t="s">
        <v>33623</v>
      </c>
      <c r="F10915">
        <v>4</v>
      </c>
      <c r="G10915" t="s">
        <v>2</v>
      </c>
      <c r="H10915" t="s">
        <v>22432</v>
      </c>
      <c r="I10915" t="s">
        <v>30540</v>
      </c>
    </row>
    <row r="10916" spans="1:9">
      <c r="A10916" s="1">
        <f ca="1">RAND()</f>
        <v>0.10734210081307505</v>
      </c>
      <c r="B10916" s="1"/>
      <c r="C10916">
        <v>2</v>
      </c>
      <c r="D10916" t="s">
        <v>22429</v>
      </c>
      <c r="E10916" t="s">
        <v>33623</v>
      </c>
      <c r="F10916">
        <v>3</v>
      </c>
      <c r="G10916" t="s">
        <v>15</v>
      </c>
      <c r="H10916" t="s">
        <v>22430</v>
      </c>
      <c r="I10916" t="s">
        <v>30540</v>
      </c>
    </row>
    <row r="10917" spans="1:9">
      <c r="A10917" s="1">
        <f ca="1">RAND()</f>
        <v>5.664235101849413E-2</v>
      </c>
      <c r="B10917" s="1"/>
      <c r="C10917">
        <v>15</v>
      </c>
      <c r="D10917" t="s">
        <v>22433</v>
      </c>
      <c r="E10917" t="s">
        <v>33623</v>
      </c>
      <c r="F10917">
        <v>3</v>
      </c>
      <c r="G10917" t="s">
        <v>2738</v>
      </c>
      <c r="H10917" t="s">
        <v>22434</v>
      </c>
      <c r="I10917" t="s">
        <v>30540</v>
      </c>
    </row>
    <row r="10918" spans="1:9">
      <c r="A10918" s="1">
        <f ca="1">RAND()</f>
        <v>0.85514998187186164</v>
      </c>
      <c r="B10918" s="1"/>
      <c r="C10918">
        <v>14</v>
      </c>
      <c r="D10918" t="s">
        <v>22427</v>
      </c>
      <c r="E10918" t="s">
        <v>33624</v>
      </c>
      <c r="F10918">
        <v>4</v>
      </c>
      <c r="G10918" t="s">
        <v>14</v>
      </c>
      <c r="H10918" t="s">
        <v>22428</v>
      </c>
      <c r="I10918" t="s">
        <v>30540</v>
      </c>
    </row>
    <row r="10919" spans="1:9">
      <c r="A10919" s="1">
        <f ca="1">RAND()</f>
        <v>0.20652223877817011</v>
      </c>
      <c r="B10919" s="1"/>
      <c r="C10919">
        <v>17</v>
      </c>
      <c r="D10919" t="s">
        <v>22425</v>
      </c>
      <c r="E10919" t="s">
        <v>33625</v>
      </c>
      <c r="F10919">
        <v>5</v>
      </c>
      <c r="G10919" t="s">
        <v>14</v>
      </c>
      <c r="H10919" t="s">
        <v>22426</v>
      </c>
      <c r="I10919" t="s">
        <v>30540</v>
      </c>
    </row>
    <row r="10920" spans="1:9">
      <c r="A10920" s="1">
        <f ca="1">RAND()</f>
        <v>9.2548622893708576E-2</v>
      </c>
      <c r="B10920" s="1"/>
      <c r="C10920">
        <v>5</v>
      </c>
      <c r="D10920" t="s">
        <v>22419</v>
      </c>
      <c r="E10920" t="s">
        <v>33625</v>
      </c>
      <c r="F10920">
        <v>4</v>
      </c>
      <c r="G10920" t="s">
        <v>10</v>
      </c>
      <c r="H10920" t="s">
        <v>22420</v>
      </c>
      <c r="I10920" t="s">
        <v>30540</v>
      </c>
    </row>
    <row r="10921" spans="1:9">
      <c r="A10921" s="1">
        <f ca="1">RAND()</f>
        <v>3.0413126552953917E-3</v>
      </c>
      <c r="B10921" s="1"/>
      <c r="C10921">
        <v>16</v>
      </c>
      <c r="D10921" t="s">
        <v>22423</v>
      </c>
      <c r="E10921" t="s">
        <v>33625</v>
      </c>
      <c r="F10921">
        <v>4</v>
      </c>
      <c r="G10921" t="s">
        <v>14</v>
      </c>
      <c r="H10921" t="s">
        <v>22424</v>
      </c>
      <c r="I10921" t="s">
        <v>30540</v>
      </c>
    </row>
    <row r="10922" spans="1:9">
      <c r="A10922" s="1">
        <f ca="1">RAND()</f>
        <v>0.94702986759817875</v>
      </c>
      <c r="B10922" s="1"/>
      <c r="C10922">
        <v>4</v>
      </c>
      <c r="D10922" t="s">
        <v>22417</v>
      </c>
      <c r="E10922" t="s">
        <v>33625</v>
      </c>
      <c r="F10922">
        <v>4</v>
      </c>
      <c r="G10922" t="s">
        <v>10</v>
      </c>
      <c r="H10922" t="s">
        <v>22418</v>
      </c>
      <c r="I10922" t="s">
        <v>30540</v>
      </c>
    </row>
    <row r="10923" spans="1:9">
      <c r="A10923" s="1">
        <f ca="1">RAND()</f>
        <v>0.97515443234102239</v>
      </c>
      <c r="B10923" s="1"/>
      <c r="C10923">
        <v>6</v>
      </c>
      <c r="D10923" t="s">
        <v>22421</v>
      </c>
      <c r="E10923" t="s">
        <v>33625</v>
      </c>
      <c r="F10923">
        <v>4</v>
      </c>
      <c r="G10923" t="s">
        <v>10</v>
      </c>
      <c r="H10923" t="s">
        <v>22422</v>
      </c>
      <c r="I10923" t="s">
        <v>30540</v>
      </c>
    </row>
    <row r="10924" spans="1:9">
      <c r="A10924" s="1">
        <f ca="1">RAND()</f>
        <v>5.8900918784583256E-2</v>
      </c>
      <c r="B10924" s="1"/>
      <c r="C10924">
        <v>1</v>
      </c>
      <c r="D10924" t="s">
        <v>22415</v>
      </c>
      <c r="E10924" t="s">
        <v>33625</v>
      </c>
      <c r="F10924">
        <v>2</v>
      </c>
      <c r="G10924" t="s">
        <v>2</v>
      </c>
      <c r="H10924" t="s">
        <v>22416</v>
      </c>
      <c r="I10924" t="s">
        <v>30540</v>
      </c>
    </row>
    <row r="10925" spans="1:9">
      <c r="A10925" s="1">
        <f ca="1">RAND()</f>
        <v>0.98770758768829625</v>
      </c>
      <c r="B10925" s="1"/>
      <c r="C10925">
        <v>11</v>
      </c>
      <c r="D10925" t="s">
        <v>22413</v>
      </c>
      <c r="E10925" t="s">
        <v>33626</v>
      </c>
      <c r="F10925">
        <v>4</v>
      </c>
      <c r="G10925" t="s">
        <v>14</v>
      </c>
      <c r="H10925" t="s">
        <v>22414</v>
      </c>
      <c r="I10925" t="s">
        <v>30540</v>
      </c>
    </row>
    <row r="10926" spans="1:9">
      <c r="A10926" s="1">
        <f ca="1">RAND()</f>
        <v>0.74357603090902336</v>
      </c>
      <c r="B10926" s="1"/>
      <c r="C10926">
        <v>5</v>
      </c>
      <c r="D10926" t="s">
        <v>22411</v>
      </c>
      <c r="E10926" t="s">
        <v>33626</v>
      </c>
      <c r="F10926">
        <v>4</v>
      </c>
      <c r="G10926" t="s">
        <v>15</v>
      </c>
      <c r="H10926" t="s">
        <v>22412</v>
      </c>
      <c r="I10926" t="s">
        <v>30540</v>
      </c>
    </row>
    <row r="10927" spans="1:9">
      <c r="A10927" s="1">
        <f ca="1">RAND()</f>
        <v>0.7607773913787832</v>
      </c>
      <c r="B10927" s="1"/>
      <c r="C10927">
        <v>9</v>
      </c>
      <c r="D10927" t="s">
        <v>22405</v>
      </c>
      <c r="E10927" t="s">
        <v>33627</v>
      </c>
      <c r="F10927">
        <v>5</v>
      </c>
      <c r="G10927" t="s">
        <v>13</v>
      </c>
      <c r="H10927" t="s">
        <v>22406</v>
      </c>
      <c r="I10927" t="s">
        <v>30540</v>
      </c>
    </row>
    <row r="10928" spans="1:9">
      <c r="A10928" s="1">
        <f ca="1">RAND()</f>
        <v>0.62467947738995244</v>
      </c>
      <c r="B10928" s="1"/>
      <c r="C10928">
        <v>8</v>
      </c>
      <c r="D10928" t="s">
        <v>22403</v>
      </c>
      <c r="E10928" t="s">
        <v>33627</v>
      </c>
      <c r="F10928">
        <v>5</v>
      </c>
      <c r="G10928" t="s">
        <v>14</v>
      </c>
      <c r="H10928" t="s">
        <v>22404</v>
      </c>
      <c r="I10928" t="s">
        <v>30540</v>
      </c>
    </row>
    <row r="10929" spans="1:9">
      <c r="A10929" s="1">
        <f ca="1">RAND()</f>
        <v>0.29824885141059498</v>
      </c>
      <c r="B10929" s="1"/>
      <c r="C10929">
        <v>14</v>
      </c>
      <c r="D10929" t="s">
        <v>22407</v>
      </c>
      <c r="E10929" t="s">
        <v>33627</v>
      </c>
      <c r="F10929">
        <v>5</v>
      </c>
      <c r="G10929" t="s">
        <v>14</v>
      </c>
      <c r="H10929" t="s">
        <v>22408</v>
      </c>
      <c r="I10929" t="s">
        <v>30540</v>
      </c>
    </row>
    <row r="10930" spans="1:9">
      <c r="A10930" s="1">
        <f ca="1">RAND()</f>
        <v>0.44242435151637272</v>
      </c>
      <c r="B10930" s="1"/>
      <c r="C10930">
        <v>15</v>
      </c>
      <c r="D10930" t="s">
        <v>22409</v>
      </c>
      <c r="E10930" t="s">
        <v>33627</v>
      </c>
      <c r="F10930">
        <v>4</v>
      </c>
      <c r="G10930" t="s">
        <v>14</v>
      </c>
      <c r="H10930" t="s">
        <v>22410</v>
      </c>
      <c r="I10930" t="s">
        <v>30540</v>
      </c>
    </row>
    <row r="10931" spans="1:9">
      <c r="A10931" s="1">
        <f ca="1">RAND()</f>
        <v>0.70506677434891241</v>
      </c>
      <c r="B10931" s="1"/>
      <c r="C10931">
        <v>11</v>
      </c>
      <c r="D10931" t="s">
        <v>22401</v>
      </c>
      <c r="E10931" t="s">
        <v>33628</v>
      </c>
      <c r="F10931">
        <v>5</v>
      </c>
      <c r="G10931" t="s">
        <v>10</v>
      </c>
      <c r="H10931" t="s">
        <v>22402</v>
      </c>
      <c r="I10931" t="s">
        <v>30540</v>
      </c>
    </row>
    <row r="10932" spans="1:9">
      <c r="A10932" s="1">
        <f ca="1">RAND()</f>
        <v>0.4292319613606953</v>
      </c>
      <c r="B10932" s="1"/>
      <c r="C10932">
        <v>5</v>
      </c>
      <c r="D10932" t="s">
        <v>22395</v>
      </c>
      <c r="E10932" t="s">
        <v>33628</v>
      </c>
      <c r="F10932">
        <v>5</v>
      </c>
      <c r="G10932" t="s">
        <v>14</v>
      </c>
      <c r="H10932" t="s">
        <v>22396</v>
      </c>
      <c r="I10932" t="s">
        <v>30540</v>
      </c>
    </row>
    <row r="10933" spans="1:9">
      <c r="A10933" s="1">
        <f ca="1">RAND()</f>
        <v>0.62496092582953622</v>
      </c>
      <c r="B10933" s="1"/>
      <c r="C10933">
        <v>7</v>
      </c>
      <c r="D10933" t="s">
        <v>22397</v>
      </c>
      <c r="E10933" t="s">
        <v>33628</v>
      </c>
      <c r="F10933">
        <v>4</v>
      </c>
      <c r="G10933" t="s">
        <v>10</v>
      </c>
      <c r="H10933" t="s">
        <v>22398</v>
      </c>
      <c r="I10933" t="s">
        <v>30540</v>
      </c>
    </row>
    <row r="10934" spans="1:9">
      <c r="A10934" s="1">
        <f ca="1">RAND()</f>
        <v>0.79278829866414968</v>
      </c>
      <c r="B10934" s="1"/>
      <c r="C10934">
        <v>10</v>
      </c>
      <c r="D10934" t="s">
        <v>22399</v>
      </c>
      <c r="E10934" t="s">
        <v>33628</v>
      </c>
      <c r="F10934">
        <v>4</v>
      </c>
      <c r="G10934" t="s">
        <v>14</v>
      </c>
      <c r="H10934" t="s">
        <v>22400</v>
      </c>
      <c r="I10934" t="s">
        <v>30540</v>
      </c>
    </row>
    <row r="10935" spans="1:9">
      <c r="A10935" s="1">
        <f ca="1">RAND()</f>
        <v>0.72257550573007312</v>
      </c>
      <c r="B10935" s="1"/>
      <c r="C10935">
        <v>15</v>
      </c>
      <c r="D10935" t="s">
        <v>22393</v>
      </c>
      <c r="E10935" t="s">
        <v>33629</v>
      </c>
      <c r="F10935">
        <v>5</v>
      </c>
      <c r="G10935" t="s">
        <v>14</v>
      </c>
      <c r="H10935" t="s">
        <v>22394</v>
      </c>
      <c r="I10935" t="s">
        <v>30540</v>
      </c>
    </row>
    <row r="10936" spans="1:9">
      <c r="A10936" s="1">
        <f ca="1">RAND()</f>
        <v>0.26085579009107673</v>
      </c>
      <c r="B10936" s="1"/>
      <c r="C10936">
        <v>6</v>
      </c>
      <c r="D10936" t="s">
        <v>22387</v>
      </c>
      <c r="E10936" t="s">
        <v>33629</v>
      </c>
      <c r="F10936">
        <v>5</v>
      </c>
      <c r="G10936" t="s">
        <v>14</v>
      </c>
      <c r="H10936" t="s">
        <v>22388</v>
      </c>
      <c r="I10936" t="s">
        <v>30540</v>
      </c>
    </row>
    <row r="10937" spans="1:9">
      <c r="A10937" s="1">
        <f ca="1">RAND()</f>
        <v>0.35747762197703647</v>
      </c>
      <c r="B10937" s="1"/>
      <c r="C10937">
        <v>13</v>
      </c>
      <c r="D10937" t="s">
        <v>22391</v>
      </c>
      <c r="E10937" t="s">
        <v>33629</v>
      </c>
      <c r="F10937">
        <v>4</v>
      </c>
      <c r="G10937" t="s">
        <v>14</v>
      </c>
      <c r="H10937" t="s">
        <v>22392</v>
      </c>
      <c r="I10937" t="s">
        <v>30540</v>
      </c>
    </row>
    <row r="10938" spans="1:9">
      <c r="A10938" s="1">
        <f ca="1">RAND()</f>
        <v>0.92233590140851551</v>
      </c>
      <c r="B10938" s="1"/>
      <c r="C10938">
        <v>8</v>
      </c>
      <c r="D10938" t="s">
        <v>22389</v>
      </c>
      <c r="E10938" t="s">
        <v>33629</v>
      </c>
      <c r="F10938">
        <v>4</v>
      </c>
      <c r="G10938" t="s">
        <v>14</v>
      </c>
      <c r="H10938" t="s">
        <v>22390</v>
      </c>
      <c r="I10938" t="s">
        <v>30540</v>
      </c>
    </row>
    <row r="10939" spans="1:9">
      <c r="A10939" s="1">
        <f ca="1">RAND()</f>
        <v>0.51126148772370927</v>
      </c>
      <c r="B10939" s="1"/>
      <c r="C10939">
        <v>2</v>
      </c>
      <c r="D10939" t="s">
        <v>22379</v>
      </c>
      <c r="E10939" t="s">
        <v>33630</v>
      </c>
      <c r="F10939">
        <v>5</v>
      </c>
      <c r="G10939" t="s">
        <v>2</v>
      </c>
      <c r="H10939" t="s">
        <v>22380</v>
      </c>
      <c r="I10939" t="s">
        <v>30540</v>
      </c>
    </row>
    <row r="10940" spans="1:9">
      <c r="A10940" s="1">
        <f ca="1">RAND()</f>
        <v>0.44084663783519396</v>
      </c>
      <c r="B10940" s="1"/>
      <c r="C10940">
        <v>5</v>
      </c>
      <c r="D10940" t="s">
        <v>22383</v>
      </c>
      <c r="E10940" t="s">
        <v>33630</v>
      </c>
      <c r="F10940">
        <v>4</v>
      </c>
      <c r="G10940" t="s">
        <v>10</v>
      </c>
      <c r="H10940" t="s">
        <v>22384</v>
      </c>
      <c r="I10940" t="s">
        <v>30540</v>
      </c>
    </row>
    <row r="10941" spans="1:9">
      <c r="A10941" s="1">
        <f ca="1">RAND()</f>
        <v>0.49503463257136937</v>
      </c>
      <c r="B10941" s="1"/>
      <c r="C10941">
        <v>16</v>
      </c>
      <c r="D10941" t="s">
        <v>22385</v>
      </c>
      <c r="E10941" t="s">
        <v>33630</v>
      </c>
      <c r="F10941">
        <v>4</v>
      </c>
      <c r="G10941" t="s">
        <v>14</v>
      </c>
      <c r="H10941" t="s">
        <v>22386</v>
      </c>
      <c r="I10941" t="s">
        <v>30540</v>
      </c>
    </row>
    <row r="10942" spans="1:9">
      <c r="A10942" s="1">
        <f ca="1">RAND()</f>
        <v>0.4778744316494723</v>
      </c>
      <c r="B10942" s="1"/>
      <c r="C10942">
        <v>3</v>
      </c>
      <c r="D10942" t="s">
        <v>22381</v>
      </c>
      <c r="E10942" t="s">
        <v>33630</v>
      </c>
      <c r="F10942">
        <v>4</v>
      </c>
      <c r="G10942" t="s">
        <v>10</v>
      </c>
      <c r="H10942" t="s">
        <v>22382</v>
      </c>
      <c r="I10942" t="s">
        <v>30540</v>
      </c>
    </row>
    <row r="10943" spans="1:9">
      <c r="A10943" s="1">
        <f ca="1">RAND()</f>
        <v>0.69616939309019832</v>
      </c>
      <c r="B10943" s="1"/>
      <c r="C10943">
        <v>1</v>
      </c>
      <c r="D10943" t="s">
        <v>22377</v>
      </c>
      <c r="E10943" t="s">
        <v>33630</v>
      </c>
      <c r="F10943">
        <v>3</v>
      </c>
      <c r="G10943" t="s">
        <v>2</v>
      </c>
      <c r="H10943" t="s">
        <v>22378</v>
      </c>
      <c r="I10943" t="s">
        <v>30540</v>
      </c>
    </row>
    <row r="10944" spans="1:9">
      <c r="A10944" s="1">
        <f ca="1">RAND()</f>
        <v>0.46432312778921014</v>
      </c>
      <c r="B10944" s="1"/>
      <c r="C10944">
        <v>13</v>
      </c>
      <c r="D10944" t="s">
        <v>22373</v>
      </c>
      <c r="E10944" t="s">
        <v>33631</v>
      </c>
      <c r="F10944">
        <v>5</v>
      </c>
      <c r="G10944" t="s">
        <v>14</v>
      </c>
      <c r="H10944" t="s">
        <v>22374</v>
      </c>
      <c r="I10944" t="s">
        <v>30540</v>
      </c>
    </row>
    <row r="10945" spans="1:9">
      <c r="A10945" s="1">
        <f ca="1">RAND()</f>
        <v>0.99808842186364588</v>
      </c>
      <c r="B10945" s="1"/>
      <c r="C10945">
        <v>11</v>
      </c>
      <c r="D10945" t="s">
        <v>22371</v>
      </c>
      <c r="E10945" t="s">
        <v>33631</v>
      </c>
      <c r="F10945">
        <v>5</v>
      </c>
      <c r="G10945" t="s">
        <v>15</v>
      </c>
      <c r="H10945" t="s">
        <v>22372</v>
      </c>
      <c r="I10945" t="s">
        <v>30540</v>
      </c>
    </row>
    <row r="10946" spans="1:9">
      <c r="A10946" s="1">
        <f ca="1">RAND()</f>
        <v>0.40032515282923797</v>
      </c>
      <c r="B10946" s="1"/>
      <c r="C10946">
        <v>20</v>
      </c>
      <c r="D10946" t="s">
        <v>22375</v>
      </c>
      <c r="E10946" t="s">
        <v>33631</v>
      </c>
      <c r="F10946">
        <v>4</v>
      </c>
      <c r="G10946" t="s">
        <v>14</v>
      </c>
      <c r="H10946" t="s">
        <v>22376</v>
      </c>
      <c r="I10946" t="s">
        <v>30540</v>
      </c>
    </row>
    <row r="10947" spans="1:9">
      <c r="A10947" s="1">
        <f ca="1">RAND()</f>
        <v>0.79463863029769088</v>
      </c>
      <c r="B10947" s="1"/>
      <c r="C10947">
        <v>10</v>
      </c>
      <c r="D10947" t="s">
        <v>22369</v>
      </c>
      <c r="E10947" t="s">
        <v>33631</v>
      </c>
      <c r="F10947">
        <v>4</v>
      </c>
      <c r="G10947" t="s">
        <v>2</v>
      </c>
      <c r="H10947" t="s">
        <v>22370</v>
      </c>
      <c r="I10947" t="s">
        <v>30540</v>
      </c>
    </row>
    <row r="10948" spans="1:9">
      <c r="A10948" s="1">
        <f ca="1">RAND()</f>
        <v>0.98553948747633913</v>
      </c>
      <c r="B10948" s="1"/>
      <c r="C10948">
        <v>9</v>
      </c>
      <c r="D10948" t="s">
        <v>22367</v>
      </c>
      <c r="E10948" t="s">
        <v>33631</v>
      </c>
      <c r="F10948">
        <v>4</v>
      </c>
      <c r="G10948" t="s">
        <v>762</v>
      </c>
      <c r="H10948" t="s">
        <v>22368</v>
      </c>
      <c r="I10948" t="s">
        <v>30540</v>
      </c>
    </row>
    <row r="10949" spans="1:9">
      <c r="A10949" s="1">
        <f ca="1">RAND()</f>
        <v>2.2994079858780214E-2</v>
      </c>
      <c r="B10949" s="1"/>
      <c r="C10949">
        <v>1</v>
      </c>
      <c r="D10949" t="s">
        <v>22365</v>
      </c>
      <c r="E10949" t="s">
        <v>33631</v>
      </c>
      <c r="F10949">
        <v>4</v>
      </c>
      <c r="G10949" t="s">
        <v>766</v>
      </c>
      <c r="H10949" t="s">
        <v>22366</v>
      </c>
      <c r="I10949" t="s">
        <v>30540</v>
      </c>
    </row>
    <row r="10950" spans="1:9">
      <c r="A10950" s="1">
        <f ca="1">RAND()</f>
        <v>0.72024448264884555</v>
      </c>
      <c r="B10950" s="1"/>
      <c r="C10950">
        <v>11</v>
      </c>
      <c r="D10950" t="s">
        <v>22363</v>
      </c>
      <c r="E10950" t="s">
        <v>33632</v>
      </c>
      <c r="F10950">
        <v>2</v>
      </c>
      <c r="G10950" t="s">
        <v>14</v>
      </c>
      <c r="H10950" t="s">
        <v>22364</v>
      </c>
      <c r="I10950" t="s">
        <v>30540</v>
      </c>
    </row>
    <row r="10951" spans="1:9">
      <c r="A10951" s="1">
        <f ca="1">RAND()</f>
        <v>0.62990532603855454</v>
      </c>
      <c r="B10951" s="1"/>
      <c r="C10951">
        <v>16</v>
      </c>
      <c r="D10951" t="s">
        <v>22361</v>
      </c>
      <c r="E10951" t="s">
        <v>33633</v>
      </c>
      <c r="F10951">
        <v>5</v>
      </c>
      <c r="G10951" t="s">
        <v>14</v>
      </c>
      <c r="H10951" t="s">
        <v>22362</v>
      </c>
      <c r="I10951" t="s">
        <v>30540</v>
      </c>
    </row>
    <row r="10952" spans="1:9">
      <c r="A10952" s="1">
        <f ca="1">RAND()</f>
        <v>0.39073064378683686</v>
      </c>
      <c r="B10952" s="1"/>
      <c r="C10952">
        <v>7</v>
      </c>
      <c r="D10952" t="s">
        <v>22359</v>
      </c>
      <c r="E10952" t="s">
        <v>33633</v>
      </c>
      <c r="F10952">
        <v>4</v>
      </c>
      <c r="G10952" t="s">
        <v>14</v>
      </c>
      <c r="H10952" t="s">
        <v>22360</v>
      </c>
      <c r="I10952" t="s">
        <v>30540</v>
      </c>
    </row>
    <row r="10953" spans="1:9">
      <c r="A10953" s="1">
        <f ca="1">RAND()</f>
        <v>0.47525695824668179</v>
      </c>
      <c r="B10953" s="1"/>
      <c r="C10953">
        <v>5</v>
      </c>
      <c r="D10953" t="s">
        <v>22355</v>
      </c>
      <c r="E10953" t="s">
        <v>33634</v>
      </c>
      <c r="F10953">
        <v>4</v>
      </c>
      <c r="G10953" t="s">
        <v>10</v>
      </c>
      <c r="H10953" t="s">
        <v>22356</v>
      </c>
      <c r="I10953" t="s">
        <v>30540</v>
      </c>
    </row>
    <row r="10954" spans="1:9">
      <c r="A10954" s="1">
        <f ca="1">RAND()</f>
        <v>0.29535147385479232</v>
      </c>
      <c r="B10954" s="1"/>
      <c r="C10954">
        <v>11</v>
      </c>
      <c r="D10954" t="s">
        <v>22357</v>
      </c>
      <c r="E10954" t="s">
        <v>33634</v>
      </c>
      <c r="F10954">
        <v>3</v>
      </c>
      <c r="G10954" t="s">
        <v>14</v>
      </c>
      <c r="H10954" t="s">
        <v>22358</v>
      </c>
      <c r="I10954" t="s">
        <v>30540</v>
      </c>
    </row>
    <row r="10955" spans="1:9">
      <c r="A10955" s="1">
        <f ca="1">RAND()</f>
        <v>8.5616812498544248E-2</v>
      </c>
      <c r="B10955" s="1"/>
      <c r="C10955">
        <v>3</v>
      </c>
      <c r="D10955" t="s">
        <v>22347</v>
      </c>
      <c r="E10955" t="s">
        <v>33635</v>
      </c>
      <c r="F10955">
        <v>5</v>
      </c>
      <c r="G10955" t="s">
        <v>14</v>
      </c>
      <c r="H10955" t="s">
        <v>22348</v>
      </c>
      <c r="I10955" t="s">
        <v>30540</v>
      </c>
    </row>
    <row r="10956" spans="1:9">
      <c r="A10956" s="1">
        <f ca="1">RAND()</f>
        <v>0.44144659220953009</v>
      </c>
      <c r="B10956" s="1"/>
      <c r="C10956">
        <v>16</v>
      </c>
      <c r="D10956" t="s">
        <v>22353</v>
      </c>
      <c r="E10956" t="s">
        <v>33635</v>
      </c>
      <c r="F10956">
        <v>5</v>
      </c>
      <c r="G10956" t="s">
        <v>10</v>
      </c>
      <c r="H10956" t="s">
        <v>22354</v>
      </c>
      <c r="I10956" t="s">
        <v>30540</v>
      </c>
    </row>
    <row r="10957" spans="1:9">
      <c r="A10957" s="1">
        <f ca="1">RAND()</f>
        <v>0.99212553575985551</v>
      </c>
      <c r="B10957" s="1"/>
      <c r="C10957">
        <v>14</v>
      </c>
      <c r="D10957" t="s">
        <v>22351</v>
      </c>
      <c r="E10957" t="s">
        <v>33635</v>
      </c>
      <c r="F10957">
        <v>4</v>
      </c>
      <c r="G10957" t="s">
        <v>14</v>
      </c>
      <c r="H10957" t="s">
        <v>22352</v>
      </c>
      <c r="I10957" t="s">
        <v>30540</v>
      </c>
    </row>
    <row r="10958" spans="1:9">
      <c r="A10958" s="1">
        <f ca="1">RAND()</f>
        <v>0.15619792991715975</v>
      </c>
      <c r="B10958" s="1"/>
      <c r="C10958">
        <v>1</v>
      </c>
      <c r="D10958" t="s">
        <v>22345</v>
      </c>
      <c r="E10958" t="s">
        <v>33635</v>
      </c>
      <c r="F10958">
        <v>4</v>
      </c>
      <c r="G10958" t="s">
        <v>2</v>
      </c>
      <c r="H10958" t="s">
        <v>22346</v>
      </c>
      <c r="I10958" t="s">
        <v>30540</v>
      </c>
    </row>
    <row r="10959" spans="1:9">
      <c r="A10959" s="1">
        <f ca="1">RAND()</f>
        <v>0.42863141147137551</v>
      </c>
      <c r="B10959" s="1"/>
      <c r="C10959">
        <v>5</v>
      </c>
      <c r="D10959" t="s">
        <v>22349</v>
      </c>
      <c r="E10959" t="s">
        <v>33635</v>
      </c>
      <c r="F10959">
        <v>2</v>
      </c>
      <c r="G10959" t="s">
        <v>14</v>
      </c>
      <c r="H10959" t="s">
        <v>22350</v>
      </c>
      <c r="I10959" t="s">
        <v>30540</v>
      </c>
    </row>
    <row r="10960" spans="1:9">
      <c r="A10960" s="1">
        <f ca="1">RAND()</f>
        <v>0.72845611879847227</v>
      </c>
      <c r="B10960" s="1"/>
      <c r="C10960">
        <v>17</v>
      </c>
      <c r="D10960" t="s">
        <v>22343</v>
      </c>
      <c r="E10960" t="s">
        <v>33636</v>
      </c>
      <c r="F10960">
        <v>5</v>
      </c>
      <c r="G10960" t="s">
        <v>3107</v>
      </c>
      <c r="H10960" t="s">
        <v>22344</v>
      </c>
      <c r="I10960" t="s">
        <v>30540</v>
      </c>
    </row>
    <row r="10961" spans="1:9">
      <c r="A10961" s="1">
        <f ca="1">RAND()</f>
        <v>0.11488138240387413</v>
      </c>
      <c r="B10961" s="1"/>
      <c r="C10961">
        <v>9</v>
      </c>
      <c r="D10961" t="s">
        <v>22339</v>
      </c>
      <c r="E10961" t="s">
        <v>33636</v>
      </c>
      <c r="F10961">
        <v>4</v>
      </c>
      <c r="G10961" t="s">
        <v>2</v>
      </c>
      <c r="H10961" t="s">
        <v>22340</v>
      </c>
      <c r="I10961" t="s">
        <v>30540</v>
      </c>
    </row>
    <row r="10962" spans="1:9">
      <c r="A10962" s="1">
        <f ca="1">RAND()</f>
        <v>5.2191676260846531E-2</v>
      </c>
      <c r="B10962" s="1"/>
      <c r="C10962">
        <v>7</v>
      </c>
      <c r="D10962" t="s">
        <v>22337</v>
      </c>
      <c r="E10962" t="s">
        <v>33636</v>
      </c>
      <c r="F10962">
        <v>4</v>
      </c>
      <c r="G10962" t="s">
        <v>14</v>
      </c>
      <c r="H10962" t="s">
        <v>22338</v>
      </c>
      <c r="I10962" t="s">
        <v>30540</v>
      </c>
    </row>
    <row r="10963" spans="1:9">
      <c r="A10963" s="1">
        <f ca="1">RAND()</f>
        <v>5.2601629324153576E-2</v>
      </c>
      <c r="B10963" s="1"/>
      <c r="C10963">
        <v>12</v>
      </c>
      <c r="D10963" t="s">
        <v>22341</v>
      </c>
      <c r="E10963" t="s">
        <v>33636</v>
      </c>
      <c r="F10963">
        <v>4</v>
      </c>
      <c r="G10963" t="s">
        <v>13</v>
      </c>
      <c r="H10963" t="s">
        <v>22342</v>
      </c>
      <c r="I10963" t="s">
        <v>30540</v>
      </c>
    </row>
    <row r="10964" spans="1:9">
      <c r="A10964" s="1">
        <f ca="1">RAND()</f>
        <v>0.60552629922024004</v>
      </c>
      <c r="B10964" s="1"/>
      <c r="C10964">
        <v>14</v>
      </c>
      <c r="D10964" t="s">
        <v>22331</v>
      </c>
      <c r="E10964" t="s">
        <v>33637</v>
      </c>
      <c r="F10964">
        <v>5</v>
      </c>
      <c r="G10964" t="s">
        <v>10</v>
      </c>
      <c r="H10964" t="s">
        <v>22332</v>
      </c>
      <c r="I10964" t="s">
        <v>30540</v>
      </c>
    </row>
    <row r="10965" spans="1:9">
      <c r="A10965" s="1">
        <f ca="1">RAND()</f>
        <v>0.89773107066897051</v>
      </c>
      <c r="B10965" s="1"/>
      <c r="C10965">
        <v>10</v>
      </c>
      <c r="D10965" t="s">
        <v>22329</v>
      </c>
      <c r="E10965" t="s">
        <v>33637</v>
      </c>
      <c r="F10965">
        <v>4</v>
      </c>
      <c r="G10965" t="s">
        <v>13</v>
      </c>
      <c r="H10965" t="s">
        <v>22330</v>
      </c>
      <c r="I10965" t="s">
        <v>30540</v>
      </c>
    </row>
    <row r="10966" spans="1:9">
      <c r="A10966" s="1">
        <f ca="1">RAND()</f>
        <v>0.95990748288696226</v>
      </c>
      <c r="B10966" s="1"/>
      <c r="C10966">
        <v>15</v>
      </c>
      <c r="D10966" t="s">
        <v>22333</v>
      </c>
      <c r="E10966" t="s">
        <v>33637</v>
      </c>
      <c r="F10966">
        <v>4</v>
      </c>
      <c r="G10966" t="s">
        <v>9</v>
      </c>
      <c r="H10966" t="s">
        <v>22334</v>
      </c>
      <c r="I10966" t="s">
        <v>30540</v>
      </c>
    </row>
    <row r="10967" spans="1:9">
      <c r="A10967" s="1">
        <f ca="1">RAND()</f>
        <v>0.43831464377666141</v>
      </c>
      <c r="B10967" s="1"/>
      <c r="C10967">
        <v>16</v>
      </c>
      <c r="D10967" t="s">
        <v>22335</v>
      </c>
      <c r="E10967" t="s">
        <v>33637</v>
      </c>
      <c r="F10967">
        <v>2</v>
      </c>
      <c r="G10967" t="s">
        <v>14</v>
      </c>
      <c r="H10967" t="s">
        <v>22336</v>
      </c>
      <c r="I10967" t="s">
        <v>30540</v>
      </c>
    </row>
    <row r="10968" spans="1:9">
      <c r="A10968" s="1">
        <f ca="1">RAND()</f>
        <v>0.87343803435758582</v>
      </c>
      <c r="B10968" s="1"/>
      <c r="C10968">
        <v>12</v>
      </c>
      <c r="D10968" t="s">
        <v>22327</v>
      </c>
      <c r="E10968" t="s">
        <v>33638</v>
      </c>
      <c r="F10968">
        <v>4</v>
      </c>
      <c r="G10968" t="s">
        <v>14</v>
      </c>
      <c r="H10968" t="s">
        <v>22328</v>
      </c>
      <c r="I10968" t="s">
        <v>30540</v>
      </c>
    </row>
    <row r="10969" spans="1:9">
      <c r="A10969" s="1">
        <f ca="1">RAND()</f>
        <v>0.4152935372381984</v>
      </c>
      <c r="B10969" s="1"/>
      <c r="C10969">
        <v>1</v>
      </c>
      <c r="D10969" t="s">
        <v>22321</v>
      </c>
      <c r="E10969" t="s">
        <v>33639</v>
      </c>
      <c r="F10969">
        <v>5</v>
      </c>
      <c r="G10969" t="s">
        <v>10</v>
      </c>
      <c r="H10969" t="s">
        <v>22322</v>
      </c>
      <c r="I10969" t="s">
        <v>30540</v>
      </c>
    </row>
    <row r="10970" spans="1:9">
      <c r="A10970" s="1">
        <f ca="1">RAND()</f>
        <v>0.62709941932674151</v>
      </c>
      <c r="B10970" s="1"/>
      <c r="C10970">
        <v>5</v>
      </c>
      <c r="D10970" t="s">
        <v>22323</v>
      </c>
      <c r="E10970" t="s">
        <v>33639</v>
      </c>
      <c r="F10970">
        <v>4</v>
      </c>
      <c r="G10970" t="s">
        <v>14</v>
      </c>
      <c r="H10970" t="s">
        <v>22324</v>
      </c>
      <c r="I10970" t="s">
        <v>30540</v>
      </c>
    </row>
    <row r="10971" spans="1:9">
      <c r="A10971" s="1">
        <f ca="1">RAND()</f>
        <v>0.86667895271730488</v>
      </c>
      <c r="B10971" s="1"/>
      <c r="C10971">
        <v>9</v>
      </c>
      <c r="D10971" t="s">
        <v>22325</v>
      </c>
      <c r="E10971" t="s">
        <v>33639</v>
      </c>
      <c r="F10971">
        <v>2</v>
      </c>
      <c r="G10971" t="s">
        <v>14</v>
      </c>
      <c r="H10971" t="s">
        <v>22326</v>
      </c>
      <c r="I10971" t="s">
        <v>30540</v>
      </c>
    </row>
    <row r="10972" spans="1:9">
      <c r="A10972" s="1">
        <f ca="1">RAND()</f>
        <v>0.88649194717535418</v>
      </c>
      <c r="B10972" s="1"/>
      <c r="C10972">
        <v>10</v>
      </c>
      <c r="D10972" t="s">
        <v>22317</v>
      </c>
      <c r="E10972" t="s">
        <v>33640</v>
      </c>
      <c r="F10972">
        <v>5</v>
      </c>
      <c r="G10972" t="s">
        <v>10</v>
      </c>
      <c r="H10972" t="s">
        <v>22318</v>
      </c>
      <c r="I10972" t="s">
        <v>30540</v>
      </c>
    </row>
    <row r="10973" spans="1:9">
      <c r="A10973" s="1">
        <f ca="1">RAND()</f>
        <v>0.36609953033862463</v>
      </c>
      <c r="B10973" s="1"/>
      <c r="C10973">
        <v>8</v>
      </c>
      <c r="D10973" t="s">
        <v>22315</v>
      </c>
      <c r="E10973" t="s">
        <v>33640</v>
      </c>
      <c r="F10973">
        <v>5</v>
      </c>
      <c r="G10973" t="s">
        <v>10</v>
      </c>
      <c r="H10973" t="s">
        <v>22316</v>
      </c>
      <c r="I10973" t="s">
        <v>30540</v>
      </c>
    </row>
    <row r="10974" spans="1:9">
      <c r="A10974" s="1">
        <f ca="1">RAND()</f>
        <v>0.57622198182258821</v>
      </c>
      <c r="B10974" s="1"/>
      <c r="C10974">
        <v>14</v>
      </c>
      <c r="D10974" t="s">
        <v>22319</v>
      </c>
      <c r="E10974" t="s">
        <v>33640</v>
      </c>
      <c r="F10974">
        <v>4</v>
      </c>
      <c r="G10974" t="s">
        <v>0</v>
      </c>
      <c r="H10974" t="s">
        <v>22320</v>
      </c>
      <c r="I10974" t="s">
        <v>30540</v>
      </c>
    </row>
    <row r="10975" spans="1:9">
      <c r="A10975" s="1">
        <f ca="1">RAND()</f>
        <v>2.4342132174909881E-2</v>
      </c>
      <c r="B10975" s="1"/>
      <c r="C10975">
        <v>2</v>
      </c>
      <c r="D10975" t="s">
        <v>22313</v>
      </c>
      <c r="E10975" t="s">
        <v>33641</v>
      </c>
      <c r="F10975">
        <v>5</v>
      </c>
      <c r="G10975" t="s">
        <v>3732</v>
      </c>
      <c r="H10975" t="s">
        <v>22314</v>
      </c>
      <c r="I10975" t="s">
        <v>30540</v>
      </c>
    </row>
    <row r="10976" spans="1:9">
      <c r="A10976" s="1">
        <f ca="1">RAND()</f>
        <v>0.96890500604978036</v>
      </c>
      <c r="B10976" s="1"/>
      <c r="C10976">
        <v>8</v>
      </c>
      <c r="D10976" t="s">
        <v>22309</v>
      </c>
      <c r="E10976" t="s">
        <v>33642</v>
      </c>
      <c r="F10976">
        <v>5</v>
      </c>
      <c r="G10976" t="s">
        <v>0</v>
      </c>
      <c r="H10976" t="s">
        <v>22310</v>
      </c>
      <c r="I10976" t="s">
        <v>30540</v>
      </c>
    </row>
    <row r="10977" spans="1:9">
      <c r="A10977" s="1">
        <f ca="1">RAND()</f>
        <v>9.6206416155389385E-2</v>
      </c>
      <c r="B10977" s="1"/>
      <c r="C10977">
        <v>1</v>
      </c>
      <c r="D10977" t="s">
        <v>22303</v>
      </c>
      <c r="E10977" t="s">
        <v>33642</v>
      </c>
      <c r="F10977">
        <v>4</v>
      </c>
      <c r="G10977" t="s">
        <v>9</v>
      </c>
      <c r="H10977" t="s">
        <v>22304</v>
      </c>
      <c r="I10977" t="s">
        <v>30540</v>
      </c>
    </row>
    <row r="10978" spans="1:9">
      <c r="A10978" s="1">
        <f ca="1">RAND()</f>
        <v>0.64041774761180303</v>
      </c>
      <c r="B10978" s="1"/>
      <c r="C10978">
        <v>3</v>
      </c>
      <c r="D10978" t="s">
        <v>22305</v>
      </c>
      <c r="E10978" t="s">
        <v>33642</v>
      </c>
      <c r="F10978">
        <v>4</v>
      </c>
      <c r="G10978" t="s">
        <v>14</v>
      </c>
      <c r="H10978" t="s">
        <v>22306</v>
      </c>
      <c r="I10978" t="s">
        <v>30540</v>
      </c>
    </row>
    <row r="10979" spans="1:9">
      <c r="A10979" s="1">
        <f ca="1">RAND()</f>
        <v>0.92046102809414687</v>
      </c>
      <c r="B10979" s="1"/>
      <c r="C10979">
        <v>11</v>
      </c>
      <c r="D10979" t="s">
        <v>22311</v>
      </c>
      <c r="E10979" t="s">
        <v>33642</v>
      </c>
      <c r="F10979">
        <v>4</v>
      </c>
      <c r="G10979" t="s">
        <v>14</v>
      </c>
      <c r="H10979" t="s">
        <v>22312</v>
      </c>
      <c r="I10979" t="s">
        <v>30540</v>
      </c>
    </row>
    <row r="10980" spans="1:9">
      <c r="A10980" s="1">
        <f ca="1">RAND()</f>
        <v>0.89262202150721581</v>
      </c>
      <c r="B10980" s="1"/>
      <c r="C10980">
        <v>5</v>
      </c>
      <c r="D10980" t="s">
        <v>22307</v>
      </c>
      <c r="E10980" t="s">
        <v>33642</v>
      </c>
      <c r="F10980">
        <v>2</v>
      </c>
      <c r="G10980" t="s">
        <v>15</v>
      </c>
      <c r="H10980" t="s">
        <v>22308</v>
      </c>
      <c r="I10980" t="s">
        <v>30540</v>
      </c>
    </row>
    <row r="10981" spans="1:9">
      <c r="A10981" s="1">
        <f ca="1">RAND()</f>
        <v>0.66537992899295051</v>
      </c>
      <c r="B10981" s="1"/>
      <c r="C10981">
        <v>10</v>
      </c>
      <c r="D10981" t="s">
        <v>22297</v>
      </c>
      <c r="E10981" t="s">
        <v>33643</v>
      </c>
      <c r="F10981">
        <v>5</v>
      </c>
      <c r="G10981" t="s">
        <v>14</v>
      </c>
      <c r="H10981" t="s">
        <v>22298</v>
      </c>
      <c r="I10981" t="s">
        <v>30540</v>
      </c>
    </row>
    <row r="10982" spans="1:9">
      <c r="A10982" s="1">
        <f ca="1">RAND()</f>
        <v>0.63492210034686414</v>
      </c>
      <c r="B10982" s="1"/>
      <c r="C10982">
        <v>16</v>
      </c>
      <c r="D10982" t="s">
        <v>22301</v>
      </c>
      <c r="E10982" t="s">
        <v>33643</v>
      </c>
      <c r="F10982">
        <v>5</v>
      </c>
      <c r="G10982" t="s">
        <v>14</v>
      </c>
      <c r="H10982" t="s">
        <v>22302</v>
      </c>
      <c r="I10982" t="s">
        <v>30540</v>
      </c>
    </row>
    <row r="10983" spans="1:9">
      <c r="A10983" s="1">
        <f ca="1">RAND()</f>
        <v>0.23850633673307264</v>
      </c>
      <c r="B10983" s="1"/>
      <c r="C10983">
        <v>2</v>
      </c>
      <c r="D10983" t="s">
        <v>22293</v>
      </c>
      <c r="E10983" t="s">
        <v>33643</v>
      </c>
      <c r="F10983">
        <v>4</v>
      </c>
      <c r="G10983" t="s">
        <v>9</v>
      </c>
      <c r="H10983" t="s">
        <v>22294</v>
      </c>
      <c r="I10983" t="s">
        <v>30540</v>
      </c>
    </row>
    <row r="10984" spans="1:9">
      <c r="A10984" s="1">
        <f ca="1">RAND()</f>
        <v>0.35075707329570571</v>
      </c>
      <c r="B10984" s="1"/>
      <c r="C10984">
        <v>3</v>
      </c>
      <c r="D10984" t="s">
        <v>22295</v>
      </c>
      <c r="E10984" t="s">
        <v>33643</v>
      </c>
      <c r="F10984">
        <v>3</v>
      </c>
      <c r="G10984" t="s">
        <v>10</v>
      </c>
      <c r="H10984" t="s">
        <v>22296</v>
      </c>
      <c r="I10984" t="s">
        <v>30540</v>
      </c>
    </row>
    <row r="10985" spans="1:9">
      <c r="A10985" s="1">
        <f ca="1">RAND()</f>
        <v>0.38148507420679145</v>
      </c>
      <c r="B10985" s="1"/>
      <c r="C10985">
        <v>11</v>
      </c>
      <c r="D10985" t="s">
        <v>22299</v>
      </c>
      <c r="E10985" t="s">
        <v>33643</v>
      </c>
      <c r="F10985">
        <v>2</v>
      </c>
      <c r="G10985" t="s">
        <v>14</v>
      </c>
      <c r="H10985" t="s">
        <v>22300</v>
      </c>
      <c r="I10985" t="s">
        <v>30540</v>
      </c>
    </row>
    <row r="10986" spans="1:9">
      <c r="A10986" s="1">
        <f ca="1">RAND()</f>
        <v>0.90693049739191911</v>
      </c>
      <c r="B10986" s="1"/>
      <c r="C10986">
        <v>6</v>
      </c>
      <c r="D10986" t="s">
        <v>22289</v>
      </c>
      <c r="E10986" t="s">
        <v>33644</v>
      </c>
      <c r="F10986">
        <v>4</v>
      </c>
      <c r="G10986" t="s">
        <v>14</v>
      </c>
      <c r="H10986" t="s">
        <v>22290</v>
      </c>
      <c r="I10986" t="s">
        <v>30540</v>
      </c>
    </row>
    <row r="10987" spans="1:9">
      <c r="A10987" s="1">
        <f ca="1">RAND()</f>
        <v>0.44686628407703466</v>
      </c>
      <c r="B10987" s="1"/>
      <c r="C10987">
        <v>14</v>
      </c>
      <c r="D10987" t="s">
        <v>22291</v>
      </c>
      <c r="E10987" t="s">
        <v>33644</v>
      </c>
      <c r="F10987">
        <v>4</v>
      </c>
      <c r="G10987" t="s">
        <v>9</v>
      </c>
      <c r="H10987" t="s">
        <v>22292</v>
      </c>
      <c r="I10987" t="s">
        <v>30540</v>
      </c>
    </row>
    <row r="10988" spans="1:9">
      <c r="A10988" s="1">
        <f ca="1">RAND()</f>
        <v>0.56554286842378165</v>
      </c>
      <c r="B10988" s="1"/>
      <c r="C10988">
        <v>9</v>
      </c>
      <c r="D10988" t="s">
        <v>22285</v>
      </c>
      <c r="E10988" t="s">
        <v>33645</v>
      </c>
      <c r="F10988">
        <v>5</v>
      </c>
      <c r="G10988" t="s">
        <v>14</v>
      </c>
      <c r="H10988" t="s">
        <v>22286</v>
      </c>
      <c r="I10988" t="s">
        <v>30540</v>
      </c>
    </row>
    <row r="10989" spans="1:9">
      <c r="A10989" s="1">
        <f ca="1">RAND()</f>
        <v>4.7005591653957901E-2</v>
      </c>
      <c r="B10989" s="1"/>
      <c r="C10989">
        <v>6</v>
      </c>
      <c r="D10989" t="s">
        <v>22283</v>
      </c>
      <c r="E10989" t="s">
        <v>33645</v>
      </c>
      <c r="F10989">
        <v>5</v>
      </c>
      <c r="G10989" t="s">
        <v>14</v>
      </c>
      <c r="H10989" t="s">
        <v>22284</v>
      </c>
      <c r="I10989" t="s">
        <v>30540</v>
      </c>
    </row>
    <row r="10990" spans="1:9">
      <c r="A10990" s="1">
        <f ca="1">RAND()</f>
        <v>0.69862888866559436</v>
      </c>
      <c r="B10990" s="1"/>
      <c r="C10990">
        <v>2</v>
      </c>
      <c r="D10990" t="s">
        <v>22281</v>
      </c>
      <c r="E10990" t="s">
        <v>33645</v>
      </c>
      <c r="F10990">
        <v>4</v>
      </c>
      <c r="G10990" t="s">
        <v>2</v>
      </c>
      <c r="H10990" t="s">
        <v>22282</v>
      </c>
      <c r="I10990" t="s">
        <v>30540</v>
      </c>
    </row>
    <row r="10991" spans="1:9">
      <c r="A10991" s="1">
        <f ca="1">RAND()</f>
        <v>0.17487426225304237</v>
      </c>
      <c r="B10991" s="1"/>
      <c r="C10991">
        <v>12</v>
      </c>
      <c r="D10991" t="s">
        <v>22287</v>
      </c>
      <c r="E10991" t="s">
        <v>33645</v>
      </c>
      <c r="F10991">
        <v>4</v>
      </c>
      <c r="G10991" t="s">
        <v>14</v>
      </c>
      <c r="H10991" t="s">
        <v>22288</v>
      </c>
      <c r="I10991" t="s">
        <v>30540</v>
      </c>
    </row>
    <row r="10992" spans="1:9">
      <c r="A10992" s="1">
        <f ca="1">RAND()</f>
        <v>0.11888480962137804</v>
      </c>
      <c r="B10992" s="1"/>
      <c r="C10992">
        <v>1</v>
      </c>
      <c r="D10992" t="s">
        <v>22279</v>
      </c>
      <c r="E10992" t="s">
        <v>33645</v>
      </c>
      <c r="F10992">
        <v>3</v>
      </c>
      <c r="G10992" t="s">
        <v>14</v>
      </c>
      <c r="H10992" t="s">
        <v>22280</v>
      </c>
      <c r="I10992" t="s">
        <v>30540</v>
      </c>
    </row>
    <row r="10993" spans="1:9">
      <c r="A10993" s="1">
        <f ca="1">RAND()</f>
        <v>0.90352880997463547</v>
      </c>
      <c r="B10993" s="1"/>
      <c r="C10993">
        <v>6</v>
      </c>
      <c r="D10993" t="s">
        <v>22275</v>
      </c>
      <c r="E10993" t="s">
        <v>33646</v>
      </c>
      <c r="F10993">
        <v>5</v>
      </c>
      <c r="G10993" t="s">
        <v>10</v>
      </c>
      <c r="H10993" t="s">
        <v>22276</v>
      </c>
      <c r="I10993" t="s">
        <v>30540</v>
      </c>
    </row>
    <row r="10994" spans="1:9">
      <c r="A10994" s="1">
        <f ca="1">RAND()</f>
        <v>0.28147314717545502</v>
      </c>
      <c r="B10994" s="1"/>
      <c r="C10994">
        <v>11</v>
      </c>
      <c r="D10994" t="s">
        <v>22277</v>
      </c>
      <c r="E10994" t="s">
        <v>33646</v>
      </c>
      <c r="F10994">
        <v>5</v>
      </c>
      <c r="G10994" t="s">
        <v>762</v>
      </c>
      <c r="H10994" t="s">
        <v>22278</v>
      </c>
      <c r="I10994" t="s">
        <v>30540</v>
      </c>
    </row>
    <row r="10995" spans="1:9">
      <c r="A10995" s="1">
        <f ca="1">RAND()</f>
        <v>0.59497466878414218</v>
      </c>
      <c r="B10995" s="1"/>
      <c r="C10995">
        <v>4</v>
      </c>
      <c r="D10995" t="s">
        <v>22273</v>
      </c>
      <c r="E10995" t="s">
        <v>33646</v>
      </c>
      <c r="F10995">
        <v>2</v>
      </c>
      <c r="G10995" t="s">
        <v>769</v>
      </c>
      <c r="H10995" t="s">
        <v>22274</v>
      </c>
      <c r="I10995" t="s">
        <v>30540</v>
      </c>
    </row>
    <row r="10996" spans="1:9">
      <c r="A10996" s="1">
        <f ca="1">RAND()</f>
        <v>0.30194411696998669</v>
      </c>
      <c r="B10996" s="1"/>
      <c r="C10996">
        <v>8</v>
      </c>
      <c r="D10996" t="s">
        <v>22269</v>
      </c>
      <c r="E10996" t="s">
        <v>33647</v>
      </c>
      <c r="F10996">
        <v>4</v>
      </c>
      <c r="G10996" t="s">
        <v>14</v>
      </c>
      <c r="H10996" t="s">
        <v>22270</v>
      </c>
      <c r="I10996" t="s">
        <v>30540</v>
      </c>
    </row>
    <row r="10997" spans="1:9">
      <c r="A10997" s="1">
        <f ca="1">RAND()</f>
        <v>0.49608121428359353</v>
      </c>
      <c r="B10997" s="1"/>
      <c r="C10997">
        <v>3</v>
      </c>
      <c r="D10997" t="s">
        <v>22267</v>
      </c>
      <c r="E10997" t="s">
        <v>33647</v>
      </c>
      <c r="F10997">
        <v>4</v>
      </c>
      <c r="G10997" t="s">
        <v>9</v>
      </c>
      <c r="H10997" t="s">
        <v>22268</v>
      </c>
      <c r="I10997" t="s">
        <v>30540</v>
      </c>
    </row>
    <row r="10998" spans="1:9">
      <c r="A10998" s="1">
        <f ca="1">RAND()</f>
        <v>3.6485762151651779E-2</v>
      </c>
      <c r="B10998" s="1"/>
      <c r="C10998">
        <v>15</v>
      </c>
      <c r="D10998" t="s">
        <v>22271</v>
      </c>
      <c r="E10998" t="s">
        <v>33647</v>
      </c>
      <c r="F10998">
        <v>4</v>
      </c>
      <c r="G10998" t="s">
        <v>14</v>
      </c>
      <c r="H10998" t="s">
        <v>22272</v>
      </c>
      <c r="I10998" t="s">
        <v>30540</v>
      </c>
    </row>
    <row r="10999" spans="1:9">
      <c r="A10999" s="1">
        <f ca="1">RAND()</f>
        <v>0.22061410777527946</v>
      </c>
      <c r="B10999" s="1"/>
      <c r="C10999">
        <v>2</v>
      </c>
      <c r="D10999" t="s">
        <v>22265</v>
      </c>
      <c r="E10999" t="s">
        <v>33647</v>
      </c>
      <c r="F10999">
        <v>2</v>
      </c>
      <c r="G10999" t="s">
        <v>2</v>
      </c>
      <c r="H10999" t="s">
        <v>22266</v>
      </c>
      <c r="I10999" t="s">
        <v>30540</v>
      </c>
    </row>
    <row r="11000" spans="1:9">
      <c r="A11000" s="1">
        <f ca="1">RAND()</f>
        <v>6.4858810678348755E-2</v>
      </c>
      <c r="B11000" s="1"/>
      <c r="C11000">
        <v>9</v>
      </c>
      <c r="D11000" t="s">
        <v>22261</v>
      </c>
      <c r="E11000" t="s">
        <v>33648</v>
      </c>
      <c r="F11000">
        <v>5</v>
      </c>
      <c r="G11000" t="s">
        <v>14</v>
      </c>
      <c r="H11000" t="s">
        <v>22262</v>
      </c>
      <c r="I11000" t="s">
        <v>30540</v>
      </c>
    </row>
    <row r="11001" spans="1:9">
      <c r="A11001" s="1">
        <f ca="1">RAND()</f>
        <v>0.17824734128894348</v>
      </c>
      <c r="B11001" s="1"/>
      <c r="C11001">
        <v>11</v>
      </c>
      <c r="D11001" t="s">
        <v>22263</v>
      </c>
      <c r="E11001" t="s">
        <v>33648</v>
      </c>
      <c r="F11001">
        <v>2</v>
      </c>
      <c r="G11001" t="s">
        <v>14</v>
      </c>
      <c r="H11001" t="s">
        <v>22264</v>
      </c>
      <c r="I11001" t="s">
        <v>30540</v>
      </c>
    </row>
    <row r="11002" spans="1:9">
      <c r="A11002" s="1">
        <f ca="1">RAND()</f>
        <v>0.22323233415227917</v>
      </c>
      <c r="B11002" s="1"/>
      <c r="C11002">
        <v>5</v>
      </c>
      <c r="D11002" t="s">
        <v>22259</v>
      </c>
      <c r="E11002" t="s">
        <v>33648</v>
      </c>
      <c r="F11002">
        <v>2</v>
      </c>
      <c r="G11002" t="s">
        <v>14</v>
      </c>
      <c r="H11002" t="s">
        <v>22260</v>
      </c>
      <c r="I11002" t="s">
        <v>30540</v>
      </c>
    </row>
    <row r="11003" spans="1:9">
      <c r="A11003" s="1">
        <f ca="1">RAND()</f>
        <v>0.51463986621330227</v>
      </c>
      <c r="B11003" s="1"/>
      <c r="C11003">
        <v>15</v>
      </c>
      <c r="D11003" t="s">
        <v>22257</v>
      </c>
      <c r="E11003" t="s">
        <v>33649</v>
      </c>
      <c r="F11003">
        <v>4</v>
      </c>
      <c r="G11003" t="s">
        <v>14</v>
      </c>
      <c r="H11003" t="s">
        <v>22258</v>
      </c>
      <c r="I11003" t="s">
        <v>30540</v>
      </c>
    </row>
    <row r="11004" spans="1:9">
      <c r="A11004" s="1">
        <f ca="1">RAND()</f>
        <v>0.20447237947526775</v>
      </c>
      <c r="B11004" s="1"/>
      <c r="C11004">
        <v>4</v>
      </c>
      <c r="D11004" t="s">
        <v>22249</v>
      </c>
      <c r="E11004" t="s">
        <v>33649</v>
      </c>
      <c r="F11004">
        <v>4</v>
      </c>
      <c r="G11004" t="s">
        <v>9</v>
      </c>
      <c r="H11004" t="s">
        <v>22250</v>
      </c>
      <c r="I11004" t="s">
        <v>30540</v>
      </c>
    </row>
    <row r="11005" spans="1:9">
      <c r="A11005" s="1">
        <f ca="1">RAND()</f>
        <v>0.75174163755564138</v>
      </c>
      <c r="B11005" s="1"/>
      <c r="C11005">
        <v>9</v>
      </c>
      <c r="D11005" t="s">
        <v>22251</v>
      </c>
      <c r="E11005" t="s">
        <v>33649</v>
      </c>
      <c r="F11005">
        <v>4</v>
      </c>
      <c r="G11005" t="s">
        <v>9</v>
      </c>
      <c r="H11005" t="s">
        <v>22252</v>
      </c>
      <c r="I11005" t="s">
        <v>30540</v>
      </c>
    </row>
    <row r="11006" spans="1:9">
      <c r="A11006" s="1">
        <f ca="1">RAND()</f>
        <v>0.52598607220597471</v>
      </c>
      <c r="B11006" s="1"/>
      <c r="C11006">
        <v>12</v>
      </c>
      <c r="D11006" t="s">
        <v>22253</v>
      </c>
      <c r="E11006" t="s">
        <v>33649</v>
      </c>
      <c r="F11006">
        <v>4</v>
      </c>
      <c r="G11006" t="s">
        <v>14</v>
      </c>
      <c r="H11006" t="s">
        <v>22254</v>
      </c>
      <c r="I11006" t="s">
        <v>30540</v>
      </c>
    </row>
    <row r="11007" spans="1:9">
      <c r="A11007" s="1">
        <f ca="1">RAND()</f>
        <v>0.36338390637212925</v>
      </c>
      <c r="B11007" s="1"/>
      <c r="C11007">
        <v>13</v>
      </c>
      <c r="D11007" t="s">
        <v>22255</v>
      </c>
      <c r="E11007" t="s">
        <v>33649</v>
      </c>
      <c r="F11007">
        <v>2</v>
      </c>
      <c r="G11007" t="s">
        <v>0</v>
      </c>
      <c r="H11007" t="s">
        <v>22256</v>
      </c>
      <c r="I11007" t="s">
        <v>30540</v>
      </c>
    </row>
    <row r="11008" spans="1:9">
      <c r="A11008" s="1">
        <f ca="1">RAND()</f>
        <v>0.4723075968553555</v>
      </c>
      <c r="B11008" s="1"/>
      <c r="C11008">
        <v>17</v>
      </c>
      <c r="D11008" t="s">
        <v>22247</v>
      </c>
      <c r="E11008" t="s">
        <v>33650</v>
      </c>
      <c r="F11008">
        <v>4</v>
      </c>
      <c r="G11008" t="s">
        <v>2</v>
      </c>
      <c r="H11008" t="s">
        <v>22248</v>
      </c>
      <c r="I11008" t="s">
        <v>30540</v>
      </c>
    </row>
    <row r="11009" spans="1:9">
      <c r="A11009" s="1">
        <f ca="1">RAND()</f>
        <v>3.4051604184755502E-2</v>
      </c>
      <c r="B11009" s="1"/>
      <c r="C11009">
        <v>8</v>
      </c>
      <c r="D11009" t="s">
        <v>22243</v>
      </c>
      <c r="E11009" t="s">
        <v>33651</v>
      </c>
      <c r="F11009">
        <v>4</v>
      </c>
      <c r="G11009" t="s">
        <v>13</v>
      </c>
      <c r="H11009" t="s">
        <v>22244</v>
      </c>
      <c r="I11009" t="s">
        <v>30540</v>
      </c>
    </row>
    <row r="11010" spans="1:9">
      <c r="A11010" s="1">
        <f ca="1">RAND()</f>
        <v>0.57840845858247092</v>
      </c>
      <c r="B11010" s="1"/>
      <c r="C11010">
        <v>7</v>
      </c>
      <c r="D11010" t="s">
        <v>22241</v>
      </c>
      <c r="E11010" t="s">
        <v>33651</v>
      </c>
      <c r="F11010">
        <v>3</v>
      </c>
      <c r="G11010" t="s">
        <v>14</v>
      </c>
      <c r="H11010" t="s">
        <v>22242</v>
      </c>
      <c r="I11010" t="s">
        <v>30540</v>
      </c>
    </row>
    <row r="11011" spans="1:9">
      <c r="A11011" s="1">
        <f ca="1">RAND()</f>
        <v>0.68850878051156683</v>
      </c>
      <c r="B11011" s="1"/>
      <c r="C11011">
        <v>12</v>
      </c>
      <c r="D11011" t="s">
        <v>22245</v>
      </c>
      <c r="E11011" t="s">
        <v>33651</v>
      </c>
      <c r="F11011">
        <v>3</v>
      </c>
      <c r="G11011" t="s">
        <v>14</v>
      </c>
      <c r="H11011" t="s">
        <v>22246</v>
      </c>
      <c r="I11011" t="s">
        <v>30540</v>
      </c>
    </row>
    <row r="11012" spans="1:9">
      <c r="A11012" s="1">
        <f ca="1">RAND()</f>
        <v>7.5271933356713339E-2</v>
      </c>
      <c r="B11012" s="1"/>
      <c r="C11012">
        <v>1</v>
      </c>
      <c r="D11012" t="s">
        <v>22239</v>
      </c>
      <c r="E11012" t="s">
        <v>33651</v>
      </c>
      <c r="F11012">
        <v>2</v>
      </c>
      <c r="G11012" t="s">
        <v>10</v>
      </c>
      <c r="H11012" t="s">
        <v>22240</v>
      </c>
      <c r="I11012" t="s">
        <v>30540</v>
      </c>
    </row>
    <row r="11013" spans="1:9">
      <c r="A11013" s="1">
        <f ca="1">RAND()</f>
        <v>0.74063248003015159</v>
      </c>
      <c r="B11013" s="1"/>
      <c r="C11013">
        <v>16</v>
      </c>
      <c r="D11013" t="s">
        <v>22235</v>
      </c>
      <c r="E11013" t="s">
        <v>33652</v>
      </c>
      <c r="F11013">
        <v>4</v>
      </c>
      <c r="G11013" t="s">
        <v>14</v>
      </c>
      <c r="H11013" t="s">
        <v>22236</v>
      </c>
      <c r="I11013" t="s">
        <v>30540</v>
      </c>
    </row>
    <row r="11014" spans="1:9">
      <c r="A11014" s="1">
        <f ca="1">RAND()</f>
        <v>0.56056417399348613</v>
      </c>
      <c r="B11014" s="1"/>
      <c r="C11014">
        <v>15</v>
      </c>
      <c r="D11014" t="s">
        <v>22233</v>
      </c>
      <c r="E11014" t="s">
        <v>33652</v>
      </c>
      <c r="F11014">
        <v>4</v>
      </c>
      <c r="G11014" t="s">
        <v>14</v>
      </c>
      <c r="H11014" t="s">
        <v>22234</v>
      </c>
      <c r="I11014" t="s">
        <v>30540</v>
      </c>
    </row>
    <row r="11015" spans="1:9">
      <c r="A11015" s="1">
        <f ca="1">RAND()</f>
        <v>0.14456304219399274</v>
      </c>
      <c r="B11015" s="1"/>
      <c r="C11015">
        <v>17</v>
      </c>
      <c r="D11015" t="s">
        <v>22237</v>
      </c>
      <c r="E11015" t="s">
        <v>33652</v>
      </c>
      <c r="F11015">
        <v>4</v>
      </c>
      <c r="G11015" t="s">
        <v>14</v>
      </c>
      <c r="H11015" t="s">
        <v>22238</v>
      </c>
      <c r="I11015" t="s">
        <v>30540</v>
      </c>
    </row>
    <row r="11016" spans="1:9">
      <c r="A11016" s="1">
        <f ca="1">RAND()</f>
        <v>7.1954880876880845E-2</v>
      </c>
      <c r="B11016" s="1"/>
      <c r="C11016">
        <v>6</v>
      </c>
      <c r="D11016" t="s">
        <v>22227</v>
      </c>
      <c r="E11016" t="s">
        <v>33653</v>
      </c>
      <c r="F11016">
        <v>4</v>
      </c>
      <c r="G11016" t="s">
        <v>1</v>
      </c>
      <c r="H11016" t="s">
        <v>22228</v>
      </c>
      <c r="I11016" t="s">
        <v>30540</v>
      </c>
    </row>
    <row r="11017" spans="1:9">
      <c r="A11017" s="1">
        <f ca="1">RAND()</f>
        <v>0.63750050798358582</v>
      </c>
      <c r="B11017" s="1"/>
      <c r="C11017">
        <v>1</v>
      </c>
      <c r="D11017" t="s">
        <v>22225</v>
      </c>
      <c r="E11017" t="s">
        <v>33653</v>
      </c>
      <c r="F11017">
        <v>3</v>
      </c>
      <c r="G11017" t="s">
        <v>2</v>
      </c>
      <c r="H11017" t="s">
        <v>22226</v>
      </c>
      <c r="I11017" t="s">
        <v>30540</v>
      </c>
    </row>
    <row r="11018" spans="1:9">
      <c r="A11018" s="1">
        <f ca="1">RAND()</f>
        <v>0.50175094173352575</v>
      </c>
      <c r="B11018" s="1"/>
      <c r="C11018">
        <v>15</v>
      </c>
      <c r="D11018" t="s">
        <v>22231</v>
      </c>
      <c r="E11018" t="s">
        <v>33653</v>
      </c>
      <c r="F11018">
        <v>3</v>
      </c>
      <c r="G11018" t="s">
        <v>1</v>
      </c>
      <c r="H11018" t="s">
        <v>22232</v>
      </c>
      <c r="I11018" t="s">
        <v>30540</v>
      </c>
    </row>
    <row r="11019" spans="1:9">
      <c r="A11019" s="1">
        <f ca="1">RAND()</f>
        <v>0.88015437056325541</v>
      </c>
      <c r="B11019" s="1"/>
      <c r="C11019">
        <v>10</v>
      </c>
      <c r="D11019" t="s">
        <v>22229</v>
      </c>
      <c r="E11019" t="s">
        <v>33653</v>
      </c>
      <c r="F11019">
        <v>2</v>
      </c>
      <c r="G11019" t="s">
        <v>14</v>
      </c>
      <c r="H11019" t="s">
        <v>22230</v>
      </c>
      <c r="I11019" t="s">
        <v>30540</v>
      </c>
    </row>
    <row r="11020" spans="1:9">
      <c r="A11020" s="1">
        <f ca="1">RAND()</f>
        <v>0.20334356639261797</v>
      </c>
      <c r="B11020" s="1"/>
      <c r="C11020">
        <v>11</v>
      </c>
      <c r="D11020" t="s">
        <v>22223</v>
      </c>
      <c r="E11020" t="s">
        <v>33654</v>
      </c>
      <c r="F11020">
        <v>4</v>
      </c>
      <c r="G11020" t="s">
        <v>14</v>
      </c>
      <c r="H11020" t="s">
        <v>22224</v>
      </c>
      <c r="I11020" t="s">
        <v>30540</v>
      </c>
    </row>
    <row r="11021" spans="1:9">
      <c r="A11021" s="1">
        <f ca="1">RAND()</f>
        <v>0.65113331555736775</v>
      </c>
      <c r="B11021" s="1"/>
      <c r="C11021">
        <v>16</v>
      </c>
      <c r="D11021" t="s">
        <v>22219</v>
      </c>
      <c r="E11021" t="s">
        <v>33655</v>
      </c>
      <c r="F11021">
        <v>5</v>
      </c>
      <c r="G11021" t="s">
        <v>774</v>
      </c>
      <c r="H11021" t="s">
        <v>22220</v>
      </c>
      <c r="I11021" t="s">
        <v>30540</v>
      </c>
    </row>
    <row r="11022" spans="1:9">
      <c r="A11022" s="1">
        <f ca="1">RAND()</f>
        <v>0.51032373812332443</v>
      </c>
      <c r="B11022" s="1"/>
      <c r="C11022">
        <v>18</v>
      </c>
      <c r="D11022" t="s">
        <v>22221</v>
      </c>
      <c r="E11022" t="s">
        <v>33655</v>
      </c>
      <c r="F11022">
        <v>4</v>
      </c>
      <c r="G11022" t="s">
        <v>10</v>
      </c>
      <c r="H11022" t="s">
        <v>22222</v>
      </c>
      <c r="I11022" t="s">
        <v>30540</v>
      </c>
    </row>
    <row r="11023" spans="1:9">
      <c r="A11023" s="1">
        <f ca="1">RAND()</f>
        <v>0.95444807151776856</v>
      </c>
      <c r="B11023" s="1"/>
      <c r="C11023">
        <v>12</v>
      </c>
      <c r="D11023" t="s">
        <v>22217</v>
      </c>
      <c r="E11023" t="s">
        <v>33655</v>
      </c>
      <c r="F11023">
        <v>1</v>
      </c>
      <c r="G11023" t="s">
        <v>762</v>
      </c>
      <c r="H11023" t="s">
        <v>22218</v>
      </c>
      <c r="I11023" t="s">
        <v>30540</v>
      </c>
    </row>
    <row r="11024" spans="1:9">
      <c r="A11024" s="1">
        <f ca="1">RAND()</f>
        <v>0.67841327822602282</v>
      </c>
      <c r="B11024" s="1"/>
      <c r="C11024">
        <v>8</v>
      </c>
      <c r="D11024" t="s">
        <v>22213</v>
      </c>
      <c r="E11024" t="s">
        <v>33656</v>
      </c>
      <c r="F11024">
        <v>4</v>
      </c>
      <c r="G11024" t="s">
        <v>10</v>
      </c>
      <c r="H11024" t="s">
        <v>22214</v>
      </c>
      <c r="I11024" t="s">
        <v>30540</v>
      </c>
    </row>
    <row r="11025" spans="1:9">
      <c r="A11025" s="1">
        <f ca="1">RAND()</f>
        <v>0.44283416903955197</v>
      </c>
      <c r="B11025" s="1"/>
      <c r="C11025">
        <v>6</v>
      </c>
      <c r="D11025" t="s">
        <v>22211</v>
      </c>
      <c r="E11025" t="s">
        <v>33656</v>
      </c>
      <c r="F11025">
        <v>4</v>
      </c>
      <c r="G11025" t="s">
        <v>14</v>
      </c>
      <c r="H11025" t="s">
        <v>22212</v>
      </c>
      <c r="I11025" t="s">
        <v>30540</v>
      </c>
    </row>
    <row r="11026" spans="1:9">
      <c r="A11026" s="1">
        <f ca="1">RAND()</f>
        <v>0.69281992966474049</v>
      </c>
      <c r="B11026" s="1"/>
      <c r="C11026">
        <v>12</v>
      </c>
      <c r="D11026" t="s">
        <v>22215</v>
      </c>
      <c r="E11026" t="s">
        <v>33656</v>
      </c>
      <c r="F11026">
        <v>4</v>
      </c>
      <c r="G11026" t="s">
        <v>14</v>
      </c>
      <c r="H11026" t="s">
        <v>22216</v>
      </c>
      <c r="I11026" t="s">
        <v>30540</v>
      </c>
    </row>
    <row r="11027" spans="1:9">
      <c r="A11027" s="1">
        <f ca="1">RAND()</f>
        <v>0.72496710126197872</v>
      </c>
      <c r="B11027" s="1"/>
      <c r="C11027">
        <v>10</v>
      </c>
      <c r="D11027" t="s">
        <v>22209</v>
      </c>
      <c r="E11027" t="s">
        <v>33657</v>
      </c>
      <c r="F11027">
        <v>5</v>
      </c>
      <c r="G11027" t="s">
        <v>14</v>
      </c>
      <c r="H11027" t="s">
        <v>22210</v>
      </c>
      <c r="I11027" t="s">
        <v>30540</v>
      </c>
    </row>
    <row r="11028" spans="1:9">
      <c r="A11028" s="1">
        <f ca="1">RAND()</f>
        <v>0.32474095507148437</v>
      </c>
      <c r="B11028" s="1"/>
      <c r="C11028">
        <v>6</v>
      </c>
      <c r="D11028" t="s">
        <v>22207</v>
      </c>
      <c r="E11028" t="s">
        <v>33657</v>
      </c>
      <c r="F11028">
        <v>5</v>
      </c>
      <c r="G11028" t="s">
        <v>14</v>
      </c>
      <c r="H11028" t="s">
        <v>22208</v>
      </c>
      <c r="I11028" t="s">
        <v>30540</v>
      </c>
    </row>
    <row r="11029" spans="1:9">
      <c r="A11029" s="1">
        <f ca="1">RAND()</f>
        <v>0.88687265993402864</v>
      </c>
      <c r="B11029" s="1"/>
      <c r="C11029">
        <v>8</v>
      </c>
      <c r="D11029" t="s">
        <v>22203</v>
      </c>
      <c r="E11029" t="s">
        <v>33658</v>
      </c>
      <c r="F11029">
        <v>4</v>
      </c>
      <c r="G11029" t="s">
        <v>14</v>
      </c>
      <c r="H11029" t="s">
        <v>22204</v>
      </c>
      <c r="I11029" t="s">
        <v>30540</v>
      </c>
    </row>
    <row r="11030" spans="1:9">
      <c r="A11030" s="1">
        <f ca="1">RAND()</f>
        <v>0.40033142043918368</v>
      </c>
      <c r="B11030" s="1"/>
      <c r="C11030">
        <v>13</v>
      </c>
      <c r="D11030" t="s">
        <v>22205</v>
      </c>
      <c r="E11030" t="s">
        <v>33658</v>
      </c>
      <c r="F11030">
        <v>3</v>
      </c>
      <c r="G11030" t="s">
        <v>14</v>
      </c>
      <c r="H11030" t="s">
        <v>22206</v>
      </c>
      <c r="I11030" t="s">
        <v>30540</v>
      </c>
    </row>
    <row r="11031" spans="1:9">
      <c r="A11031" s="1">
        <f ca="1">RAND()</f>
        <v>0.60149025361608788</v>
      </c>
      <c r="B11031" s="1"/>
      <c r="C11031">
        <v>13</v>
      </c>
      <c r="D11031" t="s">
        <v>22199</v>
      </c>
      <c r="E11031" t="s">
        <v>33659</v>
      </c>
      <c r="F11031">
        <v>4</v>
      </c>
      <c r="G11031" t="s">
        <v>14</v>
      </c>
      <c r="H11031" t="s">
        <v>22200</v>
      </c>
      <c r="I11031" t="s">
        <v>30540</v>
      </c>
    </row>
    <row r="11032" spans="1:9">
      <c r="A11032" s="1">
        <f ca="1">RAND()</f>
        <v>0.37969550319827006</v>
      </c>
      <c r="B11032" s="1"/>
      <c r="C11032">
        <v>7</v>
      </c>
      <c r="D11032" t="s">
        <v>22195</v>
      </c>
      <c r="E11032" t="s">
        <v>33659</v>
      </c>
      <c r="F11032">
        <v>4</v>
      </c>
      <c r="G11032" t="s">
        <v>14</v>
      </c>
      <c r="H11032" t="s">
        <v>22196</v>
      </c>
      <c r="I11032" t="s">
        <v>30540</v>
      </c>
    </row>
    <row r="11033" spans="1:9">
      <c r="A11033" s="1">
        <f ca="1">RAND()</f>
        <v>0.51976173327702424</v>
      </c>
      <c r="B11033" s="1"/>
      <c r="C11033">
        <v>12</v>
      </c>
      <c r="D11033" t="s">
        <v>22197</v>
      </c>
      <c r="E11033" t="s">
        <v>33659</v>
      </c>
      <c r="F11033">
        <v>3</v>
      </c>
      <c r="G11033" t="s">
        <v>0</v>
      </c>
      <c r="H11033" t="s">
        <v>22198</v>
      </c>
      <c r="I11033" t="s">
        <v>30540</v>
      </c>
    </row>
    <row r="11034" spans="1:9">
      <c r="A11034" s="1">
        <f ca="1">RAND()</f>
        <v>0.61361507137529381</v>
      </c>
      <c r="B11034" s="1"/>
      <c r="C11034">
        <v>15</v>
      </c>
      <c r="D11034" t="s">
        <v>22201</v>
      </c>
      <c r="E11034" t="s">
        <v>33659</v>
      </c>
      <c r="F11034">
        <v>1</v>
      </c>
      <c r="G11034" t="s">
        <v>14</v>
      </c>
      <c r="H11034" t="s">
        <v>22202</v>
      </c>
      <c r="I11034" t="s">
        <v>30540</v>
      </c>
    </row>
    <row r="11035" spans="1:9">
      <c r="A11035" s="1">
        <f ca="1">RAND()</f>
        <v>0.58970526004390755</v>
      </c>
      <c r="B11035" s="1"/>
      <c r="C11035">
        <v>4</v>
      </c>
      <c r="D11035" t="s">
        <v>22187</v>
      </c>
      <c r="E11035" t="s">
        <v>33660</v>
      </c>
      <c r="F11035">
        <v>4</v>
      </c>
      <c r="G11035" t="s">
        <v>2</v>
      </c>
      <c r="H11035" t="s">
        <v>22188</v>
      </c>
      <c r="I11035" t="s">
        <v>30540</v>
      </c>
    </row>
    <row r="11036" spans="1:9">
      <c r="A11036" s="1">
        <f ca="1">RAND()</f>
        <v>0.99598185291551311</v>
      </c>
      <c r="B11036" s="1"/>
      <c r="C11036">
        <v>9</v>
      </c>
      <c r="D11036" t="s">
        <v>22193</v>
      </c>
      <c r="E11036" t="s">
        <v>33660</v>
      </c>
      <c r="F11036">
        <v>4</v>
      </c>
      <c r="G11036" t="s">
        <v>10</v>
      </c>
      <c r="H11036" t="s">
        <v>22194</v>
      </c>
      <c r="I11036" t="s">
        <v>30540</v>
      </c>
    </row>
    <row r="11037" spans="1:9">
      <c r="A11037" s="1">
        <f ca="1">RAND()</f>
        <v>0.69695057371130043</v>
      </c>
      <c r="B11037" s="1"/>
      <c r="C11037">
        <v>1</v>
      </c>
      <c r="D11037" t="s">
        <v>22183</v>
      </c>
      <c r="E11037" t="s">
        <v>33660</v>
      </c>
      <c r="F11037">
        <v>4</v>
      </c>
      <c r="G11037" t="s">
        <v>9</v>
      </c>
      <c r="H11037" t="s">
        <v>22184</v>
      </c>
      <c r="I11037" t="s">
        <v>30540</v>
      </c>
    </row>
    <row r="11038" spans="1:9">
      <c r="A11038" s="1">
        <f ca="1">RAND()</f>
        <v>0.22504815143344958</v>
      </c>
      <c r="B11038" s="1"/>
      <c r="C11038">
        <v>8</v>
      </c>
      <c r="D11038" t="s">
        <v>22191</v>
      </c>
      <c r="E11038" t="s">
        <v>33660</v>
      </c>
      <c r="F11038">
        <v>4</v>
      </c>
      <c r="G11038" t="s">
        <v>766</v>
      </c>
      <c r="H11038" t="s">
        <v>22192</v>
      </c>
      <c r="I11038" t="s">
        <v>30540</v>
      </c>
    </row>
    <row r="11039" spans="1:9">
      <c r="A11039" s="1">
        <f ca="1">RAND()</f>
        <v>0.14156525187425162</v>
      </c>
      <c r="B11039" s="1"/>
      <c r="C11039">
        <v>2</v>
      </c>
      <c r="D11039" t="s">
        <v>22185</v>
      </c>
      <c r="E11039" t="s">
        <v>33660</v>
      </c>
      <c r="F11039">
        <v>3</v>
      </c>
      <c r="G11039" t="s">
        <v>15</v>
      </c>
      <c r="H11039" t="s">
        <v>22186</v>
      </c>
      <c r="I11039" t="s">
        <v>30540</v>
      </c>
    </row>
    <row r="11040" spans="1:9">
      <c r="A11040" s="1">
        <f ca="1">RAND()</f>
        <v>0.56699080860490558</v>
      </c>
      <c r="B11040" s="1"/>
      <c r="C11040">
        <v>6</v>
      </c>
      <c r="D11040" t="s">
        <v>22189</v>
      </c>
      <c r="E11040" t="s">
        <v>33660</v>
      </c>
      <c r="F11040">
        <v>2</v>
      </c>
      <c r="G11040" t="s">
        <v>762</v>
      </c>
      <c r="H11040" t="s">
        <v>22190</v>
      </c>
      <c r="I11040" t="s">
        <v>30540</v>
      </c>
    </row>
    <row r="11041" spans="1:9">
      <c r="A11041" s="1">
        <f ca="1">RAND()</f>
        <v>0.50095725199179597</v>
      </c>
      <c r="B11041" s="1"/>
      <c r="C11041">
        <v>9</v>
      </c>
      <c r="D11041" t="s">
        <v>22181</v>
      </c>
      <c r="E11041" t="s">
        <v>33661</v>
      </c>
      <c r="F11041">
        <v>4</v>
      </c>
      <c r="G11041" t="s">
        <v>14</v>
      </c>
      <c r="H11041" t="s">
        <v>22182</v>
      </c>
      <c r="I11041" t="s">
        <v>30540</v>
      </c>
    </row>
    <row r="11042" spans="1:9">
      <c r="A11042" s="1">
        <f ca="1">RAND()</f>
        <v>0.45715325801169326</v>
      </c>
      <c r="B11042" s="1"/>
      <c r="C11042">
        <v>6</v>
      </c>
      <c r="D11042" t="s">
        <v>22179</v>
      </c>
      <c r="E11042" t="s">
        <v>33661</v>
      </c>
      <c r="F11042">
        <v>4</v>
      </c>
      <c r="G11042" t="s">
        <v>1</v>
      </c>
      <c r="H11042" t="s">
        <v>22180</v>
      </c>
      <c r="I11042" t="s">
        <v>30540</v>
      </c>
    </row>
    <row r="11043" spans="1:9">
      <c r="A11043" s="1">
        <f ca="1">RAND()</f>
        <v>0.65568794603333369</v>
      </c>
      <c r="B11043" s="1"/>
      <c r="C11043">
        <v>4</v>
      </c>
      <c r="D11043" t="s">
        <v>22165</v>
      </c>
      <c r="E11043" t="s">
        <v>33662</v>
      </c>
      <c r="F11043">
        <v>5</v>
      </c>
      <c r="G11043" t="s">
        <v>9</v>
      </c>
      <c r="H11043" t="s">
        <v>22166</v>
      </c>
      <c r="I11043" t="s">
        <v>30540</v>
      </c>
    </row>
    <row r="11044" spans="1:9">
      <c r="A11044" s="1">
        <f ca="1">RAND()</f>
        <v>0.21621104195085283</v>
      </c>
      <c r="B11044" s="1"/>
      <c r="C11044">
        <v>7</v>
      </c>
      <c r="D11044" t="s">
        <v>22167</v>
      </c>
      <c r="E11044" t="s">
        <v>33662</v>
      </c>
      <c r="F11044">
        <v>5</v>
      </c>
      <c r="G11044" t="s">
        <v>14</v>
      </c>
      <c r="H11044" t="s">
        <v>22168</v>
      </c>
      <c r="I11044" t="s">
        <v>30540</v>
      </c>
    </row>
    <row r="11045" spans="1:9">
      <c r="A11045" s="1">
        <f ca="1">RAND()</f>
        <v>0.10673653667734651</v>
      </c>
      <c r="B11045" s="1"/>
      <c r="C11045">
        <v>16</v>
      </c>
      <c r="D11045" t="s">
        <v>22175</v>
      </c>
      <c r="E11045" t="s">
        <v>33662</v>
      </c>
      <c r="F11045">
        <v>5</v>
      </c>
      <c r="G11045" t="s">
        <v>13</v>
      </c>
      <c r="H11045" t="s">
        <v>22176</v>
      </c>
      <c r="I11045" t="s">
        <v>30540</v>
      </c>
    </row>
    <row r="11046" spans="1:9">
      <c r="A11046" s="1">
        <f ca="1">RAND()</f>
        <v>0.47953850286056443</v>
      </c>
      <c r="B11046" s="1"/>
      <c r="C11046">
        <v>14</v>
      </c>
      <c r="D11046" t="s">
        <v>22173</v>
      </c>
      <c r="E11046" t="s">
        <v>33662</v>
      </c>
      <c r="F11046">
        <v>5</v>
      </c>
      <c r="G11046" t="s">
        <v>0</v>
      </c>
      <c r="H11046" t="s">
        <v>22174</v>
      </c>
      <c r="I11046" t="s">
        <v>30540</v>
      </c>
    </row>
    <row r="11047" spans="1:9">
      <c r="A11047" s="1">
        <f ca="1">RAND()</f>
        <v>0.52785598213451812</v>
      </c>
      <c r="B11047" s="1"/>
      <c r="C11047">
        <v>1</v>
      </c>
      <c r="D11047" t="s">
        <v>22163</v>
      </c>
      <c r="E11047" t="s">
        <v>33662</v>
      </c>
      <c r="F11047">
        <v>4</v>
      </c>
      <c r="G11047" t="s">
        <v>2</v>
      </c>
      <c r="H11047" t="s">
        <v>22164</v>
      </c>
      <c r="I11047" t="s">
        <v>30540</v>
      </c>
    </row>
    <row r="11048" spans="1:9">
      <c r="A11048" s="1">
        <f ca="1">RAND()</f>
        <v>0.93192977598694882</v>
      </c>
      <c r="B11048" s="1"/>
      <c r="C11048">
        <v>17</v>
      </c>
      <c r="D11048" t="s">
        <v>22177</v>
      </c>
      <c r="E11048" t="s">
        <v>33662</v>
      </c>
      <c r="F11048">
        <v>4</v>
      </c>
      <c r="G11048" t="s">
        <v>13</v>
      </c>
      <c r="H11048" t="s">
        <v>22178</v>
      </c>
      <c r="I11048" t="s">
        <v>30540</v>
      </c>
    </row>
    <row r="11049" spans="1:9">
      <c r="A11049" s="1">
        <f ca="1">RAND()</f>
        <v>0.49847965819700768</v>
      </c>
      <c r="B11049" s="1"/>
      <c r="C11049">
        <v>10</v>
      </c>
      <c r="D11049" t="s">
        <v>22171</v>
      </c>
      <c r="E11049" t="s">
        <v>33662</v>
      </c>
      <c r="F11049">
        <v>3</v>
      </c>
      <c r="G11049" t="s">
        <v>14</v>
      </c>
      <c r="H11049" t="s">
        <v>22172</v>
      </c>
      <c r="I11049" t="s">
        <v>30540</v>
      </c>
    </row>
    <row r="11050" spans="1:9">
      <c r="A11050" s="1">
        <f ca="1">RAND()</f>
        <v>0.96490751821321707</v>
      </c>
      <c r="B11050" s="1"/>
      <c r="C11050">
        <v>8</v>
      </c>
      <c r="D11050" t="s">
        <v>22169</v>
      </c>
      <c r="E11050" t="s">
        <v>33662</v>
      </c>
      <c r="F11050">
        <v>2</v>
      </c>
      <c r="G11050" t="s">
        <v>14</v>
      </c>
      <c r="H11050" t="s">
        <v>22170</v>
      </c>
      <c r="I11050" t="s">
        <v>30540</v>
      </c>
    </row>
    <row r="11051" spans="1:9">
      <c r="A11051" s="1">
        <f ca="1">RAND()</f>
        <v>0.14340516513113122</v>
      </c>
      <c r="B11051" s="1"/>
      <c r="C11051">
        <v>4</v>
      </c>
      <c r="D11051" t="s">
        <v>22155</v>
      </c>
      <c r="E11051" t="s">
        <v>33663</v>
      </c>
      <c r="F11051">
        <v>5</v>
      </c>
      <c r="G11051" t="s">
        <v>2</v>
      </c>
      <c r="H11051" t="s">
        <v>22156</v>
      </c>
      <c r="I11051" t="s">
        <v>30540</v>
      </c>
    </row>
    <row r="11052" spans="1:9">
      <c r="A11052" s="1">
        <f ca="1">RAND()</f>
        <v>0.44127716339099265</v>
      </c>
      <c r="B11052" s="1"/>
      <c r="C11052">
        <v>11</v>
      </c>
      <c r="D11052" t="s">
        <v>22159</v>
      </c>
      <c r="E11052" t="s">
        <v>33663</v>
      </c>
      <c r="F11052">
        <v>4</v>
      </c>
      <c r="G11052" t="s">
        <v>14</v>
      </c>
      <c r="H11052" t="s">
        <v>22160</v>
      </c>
      <c r="I11052" t="s">
        <v>30540</v>
      </c>
    </row>
    <row r="11053" spans="1:9">
      <c r="A11053" s="1">
        <f ca="1">RAND()</f>
        <v>0.13584745484526239</v>
      </c>
      <c r="B11053" s="1"/>
      <c r="C11053">
        <v>7</v>
      </c>
      <c r="D11053" t="s">
        <v>22157</v>
      </c>
      <c r="E11053" t="s">
        <v>33663</v>
      </c>
      <c r="F11053">
        <v>4</v>
      </c>
      <c r="G11053" t="s">
        <v>1</v>
      </c>
      <c r="H11053" t="s">
        <v>22158</v>
      </c>
      <c r="I11053" t="s">
        <v>30540</v>
      </c>
    </row>
    <row r="11054" spans="1:9">
      <c r="A11054" s="1">
        <f ca="1">RAND()</f>
        <v>0.67118199996790373</v>
      </c>
      <c r="B11054" s="1"/>
      <c r="C11054">
        <v>16</v>
      </c>
      <c r="D11054" t="s">
        <v>22161</v>
      </c>
      <c r="E11054" t="s">
        <v>33663</v>
      </c>
      <c r="F11054">
        <v>1</v>
      </c>
      <c r="G11054" t="s">
        <v>9</v>
      </c>
      <c r="H11054" t="s">
        <v>22162</v>
      </c>
      <c r="I11054" t="s">
        <v>30540</v>
      </c>
    </row>
    <row r="11055" spans="1:9">
      <c r="A11055" s="1">
        <f ca="1">RAND()</f>
        <v>0.72959278021341267</v>
      </c>
      <c r="B11055" s="1"/>
      <c r="C11055">
        <v>16</v>
      </c>
      <c r="D11055" t="s">
        <v>22153</v>
      </c>
      <c r="E11055" t="s">
        <v>33664</v>
      </c>
      <c r="F11055">
        <v>4</v>
      </c>
      <c r="G11055" t="s">
        <v>14</v>
      </c>
      <c r="H11055" t="s">
        <v>22154</v>
      </c>
      <c r="I11055" t="s">
        <v>30540</v>
      </c>
    </row>
    <row r="11056" spans="1:9">
      <c r="A11056" s="1">
        <f ca="1">RAND()</f>
        <v>0.54565460632478602</v>
      </c>
      <c r="B11056" s="1"/>
      <c r="C11056">
        <v>1</v>
      </c>
      <c r="D11056" t="s">
        <v>22149</v>
      </c>
      <c r="E11056" t="s">
        <v>33664</v>
      </c>
      <c r="F11056">
        <v>3</v>
      </c>
      <c r="G11056" t="s">
        <v>2</v>
      </c>
      <c r="H11056" t="s">
        <v>22150</v>
      </c>
      <c r="I11056" t="s">
        <v>30540</v>
      </c>
    </row>
    <row r="11057" spans="1:9">
      <c r="A11057" s="1">
        <f ca="1">RAND()</f>
        <v>0.47484074265883369</v>
      </c>
      <c r="B11057" s="1"/>
      <c r="C11057">
        <v>13</v>
      </c>
      <c r="D11057" t="s">
        <v>22151</v>
      </c>
      <c r="E11057" t="s">
        <v>33664</v>
      </c>
      <c r="F11057">
        <v>1</v>
      </c>
      <c r="G11057" t="s">
        <v>14</v>
      </c>
      <c r="H11057" t="s">
        <v>22152</v>
      </c>
      <c r="I11057" t="s">
        <v>30540</v>
      </c>
    </row>
    <row r="11058" spans="1:9">
      <c r="A11058" s="1">
        <f ca="1">RAND()</f>
        <v>0.85175235197752786</v>
      </c>
      <c r="B11058" s="1"/>
      <c r="C11058">
        <v>2</v>
      </c>
      <c r="D11058" t="s">
        <v>22145</v>
      </c>
      <c r="E11058" t="s">
        <v>33665</v>
      </c>
      <c r="F11058">
        <v>2</v>
      </c>
      <c r="G11058" t="s">
        <v>10</v>
      </c>
      <c r="H11058" t="s">
        <v>22146</v>
      </c>
      <c r="I11058" t="s">
        <v>30540</v>
      </c>
    </row>
    <row r="11059" spans="1:9">
      <c r="A11059" s="1">
        <f ca="1">RAND()</f>
        <v>0.31550126185014693</v>
      </c>
      <c r="B11059" s="1"/>
      <c r="C11059">
        <v>6</v>
      </c>
      <c r="D11059" t="s">
        <v>22147</v>
      </c>
      <c r="E11059" t="s">
        <v>33665</v>
      </c>
      <c r="F11059">
        <v>2</v>
      </c>
      <c r="G11059" t="s">
        <v>15</v>
      </c>
      <c r="H11059" t="s">
        <v>22148</v>
      </c>
      <c r="I11059" t="s">
        <v>30540</v>
      </c>
    </row>
    <row r="11060" spans="1:9">
      <c r="A11060" s="1">
        <f ca="1">RAND()</f>
        <v>0.19677197497278309</v>
      </c>
      <c r="B11060" s="1"/>
      <c r="C11060">
        <v>16</v>
      </c>
      <c r="D11060" t="s">
        <v>22143</v>
      </c>
      <c r="E11060" t="s">
        <v>33666</v>
      </c>
      <c r="F11060">
        <v>4</v>
      </c>
      <c r="G11060" t="s">
        <v>1</v>
      </c>
      <c r="H11060" t="s">
        <v>22144</v>
      </c>
      <c r="I11060" t="s">
        <v>30540</v>
      </c>
    </row>
    <row r="11061" spans="1:9">
      <c r="A11061" s="1">
        <f ca="1">RAND()</f>
        <v>0.29113402403435396</v>
      </c>
      <c r="B11061" s="1"/>
      <c r="C11061">
        <v>14</v>
      </c>
      <c r="D11061" t="s">
        <v>22141</v>
      </c>
      <c r="E11061" t="s">
        <v>33666</v>
      </c>
      <c r="F11061">
        <v>3</v>
      </c>
      <c r="G11061" t="s">
        <v>14</v>
      </c>
      <c r="H11061" t="s">
        <v>22142</v>
      </c>
      <c r="I11061" t="s">
        <v>30540</v>
      </c>
    </row>
    <row r="11062" spans="1:9">
      <c r="A11062" s="1">
        <f ca="1">RAND()</f>
        <v>0.55274816304883734</v>
      </c>
      <c r="B11062" s="1"/>
      <c r="C11062">
        <v>9</v>
      </c>
      <c r="D11062" t="s">
        <v>22139</v>
      </c>
      <c r="E11062" t="s">
        <v>33667</v>
      </c>
      <c r="F11062">
        <v>3</v>
      </c>
      <c r="G11062" t="s">
        <v>14</v>
      </c>
      <c r="H11062" t="s">
        <v>22140</v>
      </c>
      <c r="I11062" t="s">
        <v>30540</v>
      </c>
    </row>
    <row r="11063" spans="1:9">
      <c r="A11063" s="1">
        <f ca="1">RAND()</f>
        <v>0.57128803719616372</v>
      </c>
      <c r="B11063" s="1"/>
      <c r="C11063">
        <v>8</v>
      </c>
      <c r="D11063" t="s">
        <v>22137</v>
      </c>
      <c r="E11063" t="s">
        <v>33667</v>
      </c>
      <c r="F11063">
        <v>2</v>
      </c>
      <c r="G11063" t="s">
        <v>14</v>
      </c>
      <c r="H11063" t="s">
        <v>22138</v>
      </c>
      <c r="I11063" t="s">
        <v>30540</v>
      </c>
    </row>
    <row r="11064" spans="1:9">
      <c r="A11064" s="1">
        <f ca="1">RAND()</f>
        <v>0.32121360735081927</v>
      </c>
      <c r="B11064" s="1"/>
      <c r="C11064">
        <v>8</v>
      </c>
      <c r="D11064" t="s">
        <v>22133</v>
      </c>
      <c r="E11064" t="s">
        <v>33668</v>
      </c>
      <c r="F11064">
        <v>4</v>
      </c>
      <c r="G11064" t="s">
        <v>9</v>
      </c>
      <c r="H11064" t="s">
        <v>22134</v>
      </c>
      <c r="I11064" t="s">
        <v>30540</v>
      </c>
    </row>
    <row r="11065" spans="1:9">
      <c r="A11065" s="1">
        <f ca="1">RAND()</f>
        <v>0.67252888012251077</v>
      </c>
      <c r="B11065" s="1"/>
      <c r="C11065">
        <v>4</v>
      </c>
      <c r="D11065" t="s">
        <v>22131</v>
      </c>
      <c r="E11065" t="s">
        <v>33668</v>
      </c>
      <c r="F11065">
        <v>4</v>
      </c>
      <c r="G11065" t="s">
        <v>14</v>
      </c>
      <c r="H11065" t="s">
        <v>22132</v>
      </c>
      <c r="I11065" t="s">
        <v>30540</v>
      </c>
    </row>
    <row r="11066" spans="1:9">
      <c r="A11066" s="1">
        <f ca="1">RAND()</f>
        <v>0.65070645704769159</v>
      </c>
      <c r="B11066" s="1"/>
      <c r="C11066">
        <v>16</v>
      </c>
      <c r="D11066" t="s">
        <v>22135</v>
      </c>
      <c r="E11066" t="s">
        <v>33668</v>
      </c>
      <c r="F11066">
        <v>3</v>
      </c>
      <c r="G11066" t="s">
        <v>14</v>
      </c>
      <c r="H11066" t="s">
        <v>22136</v>
      </c>
      <c r="I11066" t="s">
        <v>30540</v>
      </c>
    </row>
    <row r="11067" spans="1:9">
      <c r="A11067" s="1">
        <f ca="1">RAND()</f>
        <v>8.2015741037707923E-2</v>
      </c>
      <c r="B11067" s="1"/>
      <c r="C11067">
        <v>11</v>
      </c>
      <c r="D11067" t="s">
        <v>22125</v>
      </c>
      <c r="E11067" t="s">
        <v>33669</v>
      </c>
      <c r="F11067">
        <v>4</v>
      </c>
      <c r="G11067" t="s">
        <v>14</v>
      </c>
      <c r="H11067" t="s">
        <v>22126</v>
      </c>
      <c r="I11067" t="s">
        <v>30540</v>
      </c>
    </row>
    <row r="11068" spans="1:9">
      <c r="A11068" s="1">
        <f ca="1">RAND()</f>
        <v>0.61798824167414523</v>
      </c>
      <c r="B11068" s="1"/>
      <c r="C11068">
        <v>4</v>
      </c>
      <c r="D11068" t="s">
        <v>22121</v>
      </c>
      <c r="E11068" t="s">
        <v>33669</v>
      </c>
      <c r="F11068">
        <v>4</v>
      </c>
      <c r="G11068" t="s">
        <v>2</v>
      </c>
      <c r="H11068" t="s">
        <v>22122</v>
      </c>
      <c r="I11068" t="s">
        <v>30540</v>
      </c>
    </row>
    <row r="11069" spans="1:9">
      <c r="A11069" s="1">
        <f ca="1">RAND()</f>
        <v>0.72456919674435061</v>
      </c>
      <c r="B11069" s="1"/>
      <c r="C11069">
        <v>15</v>
      </c>
      <c r="D11069" t="s">
        <v>22127</v>
      </c>
      <c r="E11069" t="s">
        <v>33669</v>
      </c>
      <c r="F11069">
        <v>4</v>
      </c>
      <c r="G11069" t="s">
        <v>14</v>
      </c>
      <c r="H11069" t="s">
        <v>22128</v>
      </c>
      <c r="I11069" t="s">
        <v>30540</v>
      </c>
    </row>
    <row r="11070" spans="1:9">
      <c r="A11070" s="1">
        <f ca="1">RAND()</f>
        <v>0.68372778242425525</v>
      </c>
      <c r="B11070" s="1"/>
      <c r="C11070">
        <v>16</v>
      </c>
      <c r="D11070" t="s">
        <v>22129</v>
      </c>
      <c r="E11070" t="s">
        <v>33669</v>
      </c>
      <c r="F11070">
        <v>3</v>
      </c>
      <c r="G11070" t="s">
        <v>0</v>
      </c>
      <c r="H11070" t="s">
        <v>22130</v>
      </c>
      <c r="I11070" t="s">
        <v>30540</v>
      </c>
    </row>
    <row r="11071" spans="1:9">
      <c r="A11071" s="1">
        <f ca="1">RAND()</f>
        <v>9.7865075986612315E-2</v>
      </c>
      <c r="B11071" s="1"/>
      <c r="C11071">
        <v>9</v>
      </c>
      <c r="D11071" t="s">
        <v>22123</v>
      </c>
      <c r="E11071" t="s">
        <v>33669</v>
      </c>
      <c r="F11071">
        <v>3</v>
      </c>
      <c r="G11071" t="s">
        <v>14</v>
      </c>
      <c r="H11071" t="s">
        <v>22124</v>
      </c>
      <c r="I11071" t="s">
        <v>30540</v>
      </c>
    </row>
    <row r="11072" spans="1:9">
      <c r="A11072" s="1">
        <f ca="1">RAND()</f>
        <v>0.870139394970189</v>
      </c>
      <c r="B11072" s="1"/>
      <c r="C11072">
        <v>2</v>
      </c>
      <c r="D11072" t="s">
        <v>22111</v>
      </c>
      <c r="E11072" t="s">
        <v>33670</v>
      </c>
      <c r="F11072">
        <v>4</v>
      </c>
      <c r="G11072" t="s">
        <v>10</v>
      </c>
      <c r="H11072" t="s">
        <v>22112</v>
      </c>
      <c r="I11072" t="s">
        <v>30540</v>
      </c>
    </row>
    <row r="11073" spans="1:9">
      <c r="A11073" s="1">
        <f ca="1">RAND()</f>
        <v>0.77331971048273773</v>
      </c>
      <c r="B11073" s="1"/>
      <c r="C11073">
        <v>13</v>
      </c>
      <c r="D11073" t="s">
        <v>22115</v>
      </c>
      <c r="E11073" t="s">
        <v>33670</v>
      </c>
      <c r="F11073">
        <v>4</v>
      </c>
      <c r="G11073" t="s">
        <v>14</v>
      </c>
      <c r="H11073" t="s">
        <v>22116</v>
      </c>
      <c r="I11073" t="s">
        <v>30540</v>
      </c>
    </row>
    <row r="11074" spans="1:9">
      <c r="A11074" s="1">
        <f ca="1">RAND()</f>
        <v>0.91149188299249806</v>
      </c>
      <c r="B11074" s="1"/>
      <c r="C11074">
        <v>14</v>
      </c>
      <c r="D11074" t="s">
        <v>22117</v>
      </c>
      <c r="E11074" t="s">
        <v>33670</v>
      </c>
      <c r="F11074">
        <v>4</v>
      </c>
      <c r="G11074" t="s">
        <v>1295</v>
      </c>
      <c r="H11074" t="s">
        <v>22118</v>
      </c>
      <c r="I11074" t="s">
        <v>30540</v>
      </c>
    </row>
    <row r="11075" spans="1:9">
      <c r="A11075" s="1">
        <f ca="1">RAND()</f>
        <v>0.7908085989226793</v>
      </c>
      <c r="B11075" s="1"/>
      <c r="C11075">
        <v>20</v>
      </c>
      <c r="D11075" t="s">
        <v>22119</v>
      </c>
      <c r="E11075" t="s">
        <v>33670</v>
      </c>
      <c r="F11075">
        <v>4</v>
      </c>
      <c r="G11075" t="s">
        <v>771</v>
      </c>
      <c r="H11075" t="s">
        <v>22120</v>
      </c>
      <c r="I11075" t="s">
        <v>30540</v>
      </c>
    </row>
    <row r="11076" spans="1:9">
      <c r="A11076" s="1">
        <f ca="1">RAND()</f>
        <v>0.84770149047492427</v>
      </c>
      <c r="B11076" s="1"/>
      <c r="C11076">
        <v>4</v>
      </c>
      <c r="D11076" t="s">
        <v>22113</v>
      </c>
      <c r="E11076" t="s">
        <v>33670</v>
      </c>
      <c r="F11076">
        <v>3</v>
      </c>
      <c r="G11076" t="s">
        <v>3732</v>
      </c>
      <c r="H11076" t="s">
        <v>22114</v>
      </c>
      <c r="I11076" t="s">
        <v>30540</v>
      </c>
    </row>
    <row r="11077" spans="1:9">
      <c r="A11077" s="1">
        <f ca="1">RAND()</f>
        <v>0.71209730747444611</v>
      </c>
      <c r="B11077" s="1"/>
      <c r="C11077">
        <v>13</v>
      </c>
      <c r="D11077" t="s">
        <v>22109</v>
      </c>
      <c r="E11077" t="s">
        <v>33671</v>
      </c>
      <c r="F11077">
        <v>5</v>
      </c>
      <c r="G11077" t="s">
        <v>14</v>
      </c>
      <c r="H11077" t="s">
        <v>22110</v>
      </c>
      <c r="I11077" t="s">
        <v>30540</v>
      </c>
    </row>
    <row r="11078" spans="1:9">
      <c r="A11078" s="1">
        <f ca="1">RAND()</f>
        <v>0.89540395546488916</v>
      </c>
      <c r="B11078" s="1"/>
      <c r="C11078">
        <v>9</v>
      </c>
      <c r="D11078" t="s">
        <v>22107</v>
      </c>
      <c r="E11078" t="s">
        <v>33671</v>
      </c>
      <c r="F11078">
        <v>4</v>
      </c>
      <c r="G11078" t="s">
        <v>14</v>
      </c>
      <c r="H11078" t="s">
        <v>22108</v>
      </c>
      <c r="I11078" t="s">
        <v>30540</v>
      </c>
    </row>
    <row r="11079" spans="1:9">
      <c r="A11079" s="1">
        <f ca="1">RAND()</f>
        <v>0.62869146503933859</v>
      </c>
      <c r="B11079" s="1"/>
      <c r="C11079">
        <v>8</v>
      </c>
      <c r="D11079" t="s">
        <v>22105</v>
      </c>
      <c r="E11079" t="s">
        <v>33671</v>
      </c>
      <c r="F11079">
        <v>4</v>
      </c>
      <c r="G11079" t="s">
        <v>13</v>
      </c>
      <c r="H11079" t="s">
        <v>22106</v>
      </c>
      <c r="I11079" t="s">
        <v>30540</v>
      </c>
    </row>
    <row r="11080" spans="1:9">
      <c r="A11080" s="1">
        <f ca="1">RAND()</f>
        <v>0.17859511610569434</v>
      </c>
      <c r="B11080" s="1"/>
      <c r="C11080">
        <v>2</v>
      </c>
      <c r="D11080" t="s">
        <v>22103</v>
      </c>
      <c r="E11080" t="s">
        <v>33671</v>
      </c>
      <c r="F11080">
        <v>2</v>
      </c>
      <c r="G11080" t="s">
        <v>1</v>
      </c>
      <c r="H11080" t="s">
        <v>22104</v>
      </c>
      <c r="I11080" t="s">
        <v>30540</v>
      </c>
    </row>
    <row r="11081" spans="1:9">
      <c r="A11081" s="1">
        <f ca="1">RAND()</f>
        <v>0.60144445125178925</v>
      </c>
      <c r="B11081" s="1"/>
      <c r="C11081">
        <v>7</v>
      </c>
      <c r="D11081" t="s">
        <v>22099</v>
      </c>
      <c r="E11081" t="s">
        <v>33672</v>
      </c>
      <c r="F11081">
        <v>4</v>
      </c>
      <c r="G11081" t="s">
        <v>0</v>
      </c>
      <c r="H11081" t="s">
        <v>22100</v>
      </c>
      <c r="I11081" t="s">
        <v>30540</v>
      </c>
    </row>
    <row r="11082" spans="1:9">
      <c r="A11082" s="1">
        <f ca="1">RAND()</f>
        <v>0.8393042581619814</v>
      </c>
      <c r="B11082" s="1"/>
      <c r="C11082">
        <v>14</v>
      </c>
      <c r="D11082" t="s">
        <v>22101</v>
      </c>
      <c r="E11082" t="s">
        <v>33672</v>
      </c>
      <c r="F11082">
        <v>3</v>
      </c>
      <c r="G11082" t="s">
        <v>14</v>
      </c>
      <c r="H11082" t="s">
        <v>22102</v>
      </c>
      <c r="I11082" t="s">
        <v>30540</v>
      </c>
    </row>
    <row r="11083" spans="1:9">
      <c r="A11083" s="1">
        <f ca="1">RAND()</f>
        <v>0.54562196032795918</v>
      </c>
      <c r="B11083" s="1"/>
      <c r="C11083">
        <v>13</v>
      </c>
      <c r="D11083" t="s">
        <v>22097</v>
      </c>
      <c r="E11083" t="s">
        <v>33673</v>
      </c>
      <c r="F11083">
        <v>3</v>
      </c>
      <c r="G11083" t="s">
        <v>14</v>
      </c>
      <c r="H11083" t="s">
        <v>22098</v>
      </c>
      <c r="I11083" t="s">
        <v>30540</v>
      </c>
    </row>
    <row r="11084" spans="1:9">
      <c r="A11084" s="1">
        <f ca="1">RAND()</f>
        <v>0.82504222992133314</v>
      </c>
      <c r="B11084" s="1"/>
      <c r="C11084">
        <v>13</v>
      </c>
      <c r="D11084" t="s">
        <v>22095</v>
      </c>
      <c r="E11084" t="s">
        <v>33674</v>
      </c>
      <c r="F11084">
        <v>5</v>
      </c>
      <c r="G11084" t="s">
        <v>14</v>
      </c>
      <c r="H11084" t="s">
        <v>22096</v>
      </c>
      <c r="I11084" t="s">
        <v>30540</v>
      </c>
    </row>
    <row r="11085" spans="1:9">
      <c r="A11085" s="1">
        <f ca="1">RAND()</f>
        <v>0.11496690635931339</v>
      </c>
      <c r="B11085" s="1"/>
      <c r="C11085">
        <v>5</v>
      </c>
      <c r="D11085" t="s">
        <v>22093</v>
      </c>
      <c r="E11085" t="s">
        <v>33674</v>
      </c>
      <c r="F11085">
        <v>4</v>
      </c>
      <c r="G11085" t="s">
        <v>9</v>
      </c>
      <c r="H11085" t="s">
        <v>22094</v>
      </c>
      <c r="I11085" t="s">
        <v>30540</v>
      </c>
    </row>
    <row r="11086" spans="1:9">
      <c r="A11086" s="1">
        <f ca="1">RAND()</f>
        <v>0.6078228406251317</v>
      </c>
      <c r="B11086" s="1"/>
      <c r="C11086">
        <v>4</v>
      </c>
      <c r="D11086" t="s">
        <v>22091</v>
      </c>
      <c r="E11086" t="s">
        <v>33674</v>
      </c>
      <c r="F11086">
        <v>2</v>
      </c>
      <c r="G11086" t="s">
        <v>1</v>
      </c>
      <c r="H11086" t="s">
        <v>22092</v>
      </c>
      <c r="I11086" t="s">
        <v>30540</v>
      </c>
    </row>
    <row r="11087" spans="1:9">
      <c r="A11087" s="1">
        <f ca="1">RAND()</f>
        <v>0.22937849541105326</v>
      </c>
      <c r="B11087" s="1"/>
      <c r="C11087">
        <v>1</v>
      </c>
      <c r="D11087" t="s">
        <v>22085</v>
      </c>
      <c r="E11087" t="s">
        <v>33675</v>
      </c>
      <c r="F11087">
        <v>4</v>
      </c>
      <c r="G11087" t="s">
        <v>13</v>
      </c>
      <c r="H11087" t="s">
        <v>22086</v>
      </c>
      <c r="I11087" t="s">
        <v>30540</v>
      </c>
    </row>
    <row r="11088" spans="1:9">
      <c r="A11088" s="1">
        <f ca="1">RAND()</f>
        <v>0.90179715715292519</v>
      </c>
      <c r="B11088" s="1"/>
      <c r="C11088">
        <v>17</v>
      </c>
      <c r="D11088" t="s">
        <v>22087</v>
      </c>
      <c r="E11088" t="s">
        <v>33675</v>
      </c>
      <c r="F11088">
        <v>4</v>
      </c>
      <c r="G11088" t="s">
        <v>10</v>
      </c>
      <c r="H11088" t="s">
        <v>22088</v>
      </c>
      <c r="I11088" t="s">
        <v>30540</v>
      </c>
    </row>
    <row r="11089" spans="1:9">
      <c r="A11089" s="1">
        <f ca="1">RAND()</f>
        <v>0.68168571856977966</v>
      </c>
      <c r="B11089" s="1"/>
      <c r="C11089">
        <v>20</v>
      </c>
      <c r="D11089" t="s">
        <v>22089</v>
      </c>
      <c r="E11089" t="s">
        <v>33675</v>
      </c>
      <c r="F11089">
        <v>3</v>
      </c>
      <c r="G11089" t="s">
        <v>10</v>
      </c>
      <c r="H11089" t="s">
        <v>22090</v>
      </c>
      <c r="I11089" t="s">
        <v>30540</v>
      </c>
    </row>
    <row r="11090" spans="1:9">
      <c r="A11090" s="1">
        <f ca="1">RAND()</f>
        <v>7.9712308774639418E-2</v>
      </c>
      <c r="B11090" s="1"/>
      <c r="C11090">
        <v>9</v>
      </c>
      <c r="D11090" t="s">
        <v>22083</v>
      </c>
      <c r="E11090" t="s">
        <v>33676</v>
      </c>
      <c r="F11090">
        <v>4</v>
      </c>
      <c r="G11090" t="s">
        <v>14</v>
      </c>
      <c r="H11090" t="s">
        <v>22084</v>
      </c>
      <c r="I11090" t="s">
        <v>30540</v>
      </c>
    </row>
    <row r="11091" spans="1:9">
      <c r="A11091" s="1">
        <f ca="1">RAND()</f>
        <v>0.98997238354173167</v>
      </c>
      <c r="B11091" s="1"/>
      <c r="C11091">
        <v>4</v>
      </c>
      <c r="D11091" t="s">
        <v>22081</v>
      </c>
      <c r="E11091" t="s">
        <v>33676</v>
      </c>
      <c r="F11091">
        <v>2</v>
      </c>
      <c r="G11091" t="s">
        <v>14</v>
      </c>
      <c r="H11091" t="s">
        <v>22082</v>
      </c>
      <c r="I11091" t="s">
        <v>30540</v>
      </c>
    </row>
    <row r="11092" spans="1:9">
      <c r="A11092" s="1">
        <f ca="1">RAND()</f>
        <v>0.9198964012187284</v>
      </c>
      <c r="B11092" s="1"/>
      <c r="C11092">
        <v>11</v>
      </c>
      <c r="D11092" t="s">
        <v>22079</v>
      </c>
      <c r="E11092" t="s">
        <v>33677</v>
      </c>
      <c r="F11092">
        <v>4</v>
      </c>
      <c r="G11092" t="s">
        <v>14</v>
      </c>
      <c r="H11092" t="s">
        <v>22080</v>
      </c>
      <c r="I11092" t="s">
        <v>30540</v>
      </c>
    </row>
    <row r="11093" spans="1:9">
      <c r="A11093" s="1">
        <f ca="1">RAND()</f>
        <v>0.13188641926156131</v>
      </c>
      <c r="B11093" s="1"/>
      <c r="C11093">
        <v>3</v>
      </c>
      <c r="D11093" t="s">
        <v>22071</v>
      </c>
      <c r="E11093" t="s">
        <v>33677</v>
      </c>
      <c r="F11093">
        <v>4</v>
      </c>
      <c r="G11093" t="s">
        <v>9</v>
      </c>
      <c r="H11093" t="s">
        <v>22072</v>
      </c>
      <c r="I11093" t="s">
        <v>30540</v>
      </c>
    </row>
    <row r="11094" spans="1:9">
      <c r="A11094" s="1">
        <f ca="1">RAND()</f>
        <v>0.62253062775910495</v>
      </c>
      <c r="B11094" s="1"/>
      <c r="C11094">
        <v>5</v>
      </c>
      <c r="D11094" t="s">
        <v>22075</v>
      </c>
      <c r="E11094" t="s">
        <v>33677</v>
      </c>
      <c r="F11094">
        <v>3</v>
      </c>
      <c r="G11094" t="s">
        <v>14</v>
      </c>
      <c r="H11094" t="s">
        <v>22076</v>
      </c>
      <c r="I11094" t="s">
        <v>30540</v>
      </c>
    </row>
    <row r="11095" spans="1:9">
      <c r="A11095" s="1">
        <f ca="1">RAND()</f>
        <v>0.77524675448705682</v>
      </c>
      <c r="B11095" s="1"/>
      <c r="C11095">
        <v>4</v>
      </c>
      <c r="D11095" t="s">
        <v>22073</v>
      </c>
      <c r="E11095" t="s">
        <v>33677</v>
      </c>
      <c r="F11095">
        <v>2</v>
      </c>
      <c r="G11095" t="s">
        <v>15</v>
      </c>
      <c r="H11095" t="s">
        <v>22074</v>
      </c>
      <c r="I11095" t="s">
        <v>30540</v>
      </c>
    </row>
    <row r="11096" spans="1:9">
      <c r="A11096" s="1">
        <f ca="1">RAND()</f>
        <v>0.40264812759891477</v>
      </c>
      <c r="B11096" s="1"/>
      <c r="C11096">
        <v>6</v>
      </c>
      <c r="D11096" t="s">
        <v>22077</v>
      </c>
      <c r="E11096" t="s">
        <v>33677</v>
      </c>
      <c r="F11096">
        <v>1</v>
      </c>
      <c r="G11096" t="s">
        <v>15</v>
      </c>
      <c r="H11096" t="s">
        <v>22078</v>
      </c>
      <c r="I11096" t="s">
        <v>30540</v>
      </c>
    </row>
    <row r="11097" spans="1:9">
      <c r="A11097" s="1">
        <f ca="1">RAND()</f>
        <v>0.53372271748658995</v>
      </c>
      <c r="B11097" s="1"/>
      <c r="C11097">
        <v>12</v>
      </c>
      <c r="D11097" t="s">
        <v>22067</v>
      </c>
      <c r="E11097" t="s">
        <v>33678</v>
      </c>
      <c r="F11097">
        <v>5</v>
      </c>
      <c r="G11097" t="s">
        <v>14</v>
      </c>
      <c r="H11097" t="s">
        <v>22068</v>
      </c>
      <c r="I11097" t="s">
        <v>30540</v>
      </c>
    </row>
    <row r="11098" spans="1:9">
      <c r="A11098" s="1">
        <f ca="1">RAND()</f>
        <v>0.39073415544095758</v>
      </c>
      <c r="B11098" s="1"/>
      <c r="C11098">
        <v>9</v>
      </c>
      <c r="D11098" t="s">
        <v>22063</v>
      </c>
      <c r="E11098" t="s">
        <v>33678</v>
      </c>
      <c r="F11098">
        <v>4</v>
      </c>
      <c r="G11098" t="s">
        <v>14</v>
      </c>
      <c r="H11098" t="s">
        <v>22064</v>
      </c>
      <c r="I11098" t="s">
        <v>30540</v>
      </c>
    </row>
    <row r="11099" spans="1:9">
      <c r="A11099" s="1">
        <f ca="1">RAND()</f>
        <v>0.28844424530144885</v>
      </c>
      <c r="B11099" s="1"/>
      <c r="C11099">
        <v>11</v>
      </c>
      <c r="D11099" t="s">
        <v>22065</v>
      </c>
      <c r="E11099" t="s">
        <v>33678</v>
      </c>
      <c r="F11099">
        <v>4</v>
      </c>
      <c r="G11099" t="s">
        <v>14</v>
      </c>
      <c r="H11099" t="s">
        <v>22066</v>
      </c>
      <c r="I11099" t="s">
        <v>30540</v>
      </c>
    </row>
    <row r="11100" spans="1:9">
      <c r="A11100" s="1">
        <f ca="1">RAND()</f>
        <v>0.72271216916805181</v>
      </c>
      <c r="B11100" s="1"/>
      <c r="C11100">
        <v>3</v>
      </c>
      <c r="D11100" t="s">
        <v>22061</v>
      </c>
      <c r="E11100" t="s">
        <v>33678</v>
      </c>
      <c r="F11100">
        <v>4</v>
      </c>
      <c r="G11100" t="s">
        <v>9</v>
      </c>
      <c r="H11100" t="s">
        <v>22062</v>
      </c>
      <c r="I11100" t="s">
        <v>30540</v>
      </c>
    </row>
    <row r="11101" spans="1:9">
      <c r="A11101" s="1">
        <f ca="1">RAND()</f>
        <v>0.9858866898771711</v>
      </c>
      <c r="B11101" s="1"/>
      <c r="C11101">
        <v>14</v>
      </c>
      <c r="D11101" t="s">
        <v>22069</v>
      </c>
      <c r="E11101" t="s">
        <v>33678</v>
      </c>
      <c r="F11101">
        <v>4</v>
      </c>
      <c r="G11101" t="s">
        <v>14</v>
      </c>
      <c r="H11101" t="s">
        <v>22070</v>
      </c>
      <c r="I11101" t="s">
        <v>30540</v>
      </c>
    </row>
    <row r="11102" spans="1:9">
      <c r="A11102" s="1">
        <f ca="1">RAND()</f>
        <v>0.92879169363604386</v>
      </c>
      <c r="B11102" s="1"/>
      <c r="C11102">
        <v>11</v>
      </c>
      <c r="D11102" t="s">
        <v>22051</v>
      </c>
      <c r="E11102" t="s">
        <v>33679</v>
      </c>
      <c r="F11102">
        <v>5</v>
      </c>
      <c r="G11102" t="s">
        <v>14</v>
      </c>
      <c r="H11102" t="s">
        <v>22052</v>
      </c>
      <c r="I11102" t="s">
        <v>30540</v>
      </c>
    </row>
    <row r="11103" spans="1:9">
      <c r="A11103" s="1">
        <f ca="1">RAND()</f>
        <v>0.30306661226255882</v>
      </c>
      <c r="B11103" s="1"/>
      <c r="C11103">
        <v>13</v>
      </c>
      <c r="D11103" t="s">
        <v>22055</v>
      </c>
      <c r="E11103" t="s">
        <v>33679</v>
      </c>
      <c r="F11103">
        <v>4</v>
      </c>
      <c r="G11103" t="s">
        <v>14</v>
      </c>
      <c r="H11103" t="s">
        <v>22056</v>
      </c>
      <c r="I11103" t="s">
        <v>30540</v>
      </c>
    </row>
    <row r="11104" spans="1:9">
      <c r="A11104" s="1">
        <f ca="1">RAND()</f>
        <v>0.41983330596173063</v>
      </c>
      <c r="B11104" s="1"/>
      <c r="C11104">
        <v>16</v>
      </c>
      <c r="D11104" t="s">
        <v>22059</v>
      </c>
      <c r="E11104" t="s">
        <v>33679</v>
      </c>
      <c r="F11104">
        <v>4</v>
      </c>
      <c r="G11104" t="s">
        <v>14</v>
      </c>
      <c r="H11104" t="s">
        <v>22060</v>
      </c>
      <c r="I11104" t="s">
        <v>30540</v>
      </c>
    </row>
    <row r="11105" spans="1:9">
      <c r="A11105" s="1">
        <f ca="1">RAND()</f>
        <v>0.50630693158829143</v>
      </c>
      <c r="B11105" s="1"/>
      <c r="C11105">
        <v>15</v>
      </c>
      <c r="D11105" t="s">
        <v>22057</v>
      </c>
      <c r="E11105" t="s">
        <v>33679</v>
      </c>
      <c r="F11105">
        <v>4</v>
      </c>
      <c r="G11105" t="s">
        <v>1</v>
      </c>
      <c r="H11105" t="s">
        <v>22058</v>
      </c>
      <c r="I11105" t="s">
        <v>30540</v>
      </c>
    </row>
    <row r="11106" spans="1:9">
      <c r="A11106" s="1">
        <f ca="1">RAND()</f>
        <v>0.87363227722519554</v>
      </c>
      <c r="B11106" s="1"/>
      <c r="C11106">
        <v>12</v>
      </c>
      <c r="D11106" t="s">
        <v>22053</v>
      </c>
      <c r="E11106" t="s">
        <v>33679</v>
      </c>
      <c r="F11106">
        <v>4</v>
      </c>
      <c r="G11106" t="s">
        <v>0</v>
      </c>
      <c r="H11106" t="s">
        <v>22054</v>
      </c>
      <c r="I11106" t="s">
        <v>30540</v>
      </c>
    </row>
    <row r="11107" spans="1:9">
      <c r="A11107" s="1">
        <f ca="1">RAND()</f>
        <v>0.86227589042986397</v>
      </c>
      <c r="B11107" s="1"/>
      <c r="C11107">
        <v>15</v>
      </c>
      <c r="D11107" t="s">
        <v>22045</v>
      </c>
      <c r="E11107" t="s">
        <v>33680</v>
      </c>
      <c r="F11107">
        <v>5</v>
      </c>
      <c r="G11107" t="s">
        <v>14</v>
      </c>
      <c r="H11107" t="s">
        <v>22046</v>
      </c>
      <c r="I11107" t="s">
        <v>30540</v>
      </c>
    </row>
    <row r="11108" spans="1:9">
      <c r="A11108" s="1">
        <f ca="1">RAND()</f>
        <v>0.41934972483362842</v>
      </c>
      <c r="B11108" s="1"/>
      <c r="C11108">
        <v>17</v>
      </c>
      <c r="D11108" t="s">
        <v>22049</v>
      </c>
      <c r="E11108" t="s">
        <v>33680</v>
      </c>
      <c r="F11108">
        <v>4</v>
      </c>
      <c r="G11108" t="s">
        <v>771</v>
      </c>
      <c r="H11108" t="s">
        <v>22050</v>
      </c>
      <c r="I11108" t="s">
        <v>30540</v>
      </c>
    </row>
    <row r="11109" spans="1:9">
      <c r="A11109" s="1">
        <f ca="1">RAND()</f>
        <v>0.97104031123669232</v>
      </c>
      <c r="B11109" s="1"/>
      <c r="C11109">
        <v>8</v>
      </c>
      <c r="D11109" t="s">
        <v>22041</v>
      </c>
      <c r="E11109" t="s">
        <v>33680</v>
      </c>
      <c r="F11109">
        <v>4</v>
      </c>
      <c r="G11109" t="s">
        <v>10</v>
      </c>
      <c r="H11109" t="s">
        <v>22042</v>
      </c>
      <c r="I11109" t="s">
        <v>30540</v>
      </c>
    </row>
    <row r="11110" spans="1:9">
      <c r="A11110" s="1">
        <f ca="1">RAND()</f>
        <v>0.44106928230372855</v>
      </c>
      <c r="B11110" s="1"/>
      <c r="C11110">
        <v>16</v>
      </c>
      <c r="D11110" t="s">
        <v>22047</v>
      </c>
      <c r="E11110" t="s">
        <v>33680</v>
      </c>
      <c r="F11110">
        <v>4</v>
      </c>
      <c r="G11110" t="s">
        <v>15</v>
      </c>
      <c r="H11110" t="s">
        <v>22048</v>
      </c>
      <c r="I11110" t="s">
        <v>30540</v>
      </c>
    </row>
    <row r="11111" spans="1:9">
      <c r="A11111" s="1">
        <f ca="1">RAND()</f>
        <v>0.32154188018934238</v>
      </c>
      <c r="B11111" s="1"/>
      <c r="C11111">
        <v>2</v>
      </c>
      <c r="D11111" t="s">
        <v>22039</v>
      </c>
      <c r="E11111" t="s">
        <v>33680</v>
      </c>
      <c r="F11111">
        <v>2</v>
      </c>
      <c r="G11111" t="s">
        <v>10</v>
      </c>
      <c r="H11111" t="s">
        <v>22040</v>
      </c>
      <c r="I11111" t="s">
        <v>30540</v>
      </c>
    </row>
    <row r="11112" spans="1:9">
      <c r="A11112" s="1">
        <f ca="1">RAND()</f>
        <v>0.99166959858362913</v>
      </c>
      <c r="B11112" s="1"/>
      <c r="C11112">
        <v>12</v>
      </c>
      <c r="D11112" t="s">
        <v>22043</v>
      </c>
      <c r="E11112" t="s">
        <v>33680</v>
      </c>
      <c r="F11112">
        <v>2</v>
      </c>
      <c r="G11112" t="s">
        <v>762</v>
      </c>
      <c r="H11112" t="s">
        <v>22044</v>
      </c>
      <c r="I11112" t="s">
        <v>30540</v>
      </c>
    </row>
    <row r="11113" spans="1:9">
      <c r="A11113" s="1">
        <f ca="1">RAND()</f>
        <v>2.0419278615904202E-2</v>
      </c>
      <c r="B11113" s="1"/>
      <c r="C11113">
        <v>1</v>
      </c>
      <c r="D11113" t="s">
        <v>22035</v>
      </c>
      <c r="E11113" t="s">
        <v>33681</v>
      </c>
      <c r="F11113">
        <v>4</v>
      </c>
      <c r="G11113" t="s">
        <v>2</v>
      </c>
      <c r="H11113" t="s">
        <v>22036</v>
      </c>
      <c r="I11113" t="s">
        <v>30540</v>
      </c>
    </row>
    <row r="11114" spans="1:9">
      <c r="A11114" s="1">
        <f ca="1">RAND()</f>
        <v>0.2124714452888985</v>
      </c>
      <c r="B11114" s="1"/>
      <c r="C11114">
        <v>14</v>
      </c>
      <c r="D11114" t="s">
        <v>22037</v>
      </c>
      <c r="E11114" t="s">
        <v>33681</v>
      </c>
      <c r="F11114">
        <v>2</v>
      </c>
      <c r="G11114" t="s">
        <v>14</v>
      </c>
      <c r="H11114" t="s">
        <v>22038</v>
      </c>
      <c r="I11114" t="s">
        <v>30540</v>
      </c>
    </row>
    <row r="11115" spans="1:9">
      <c r="A11115" s="1">
        <f ca="1">RAND()</f>
        <v>0.64184576916622937</v>
      </c>
      <c r="B11115" s="1"/>
      <c r="C11115">
        <v>8</v>
      </c>
      <c r="D11115" t="s">
        <v>22031</v>
      </c>
      <c r="E11115" t="s">
        <v>33682</v>
      </c>
      <c r="F11115">
        <v>4</v>
      </c>
      <c r="G11115" t="s">
        <v>14</v>
      </c>
      <c r="H11115" t="s">
        <v>22032</v>
      </c>
      <c r="I11115" t="s">
        <v>30540</v>
      </c>
    </row>
    <row r="11116" spans="1:9">
      <c r="A11116" s="1">
        <f ca="1">RAND()</f>
        <v>0.25715846015971233</v>
      </c>
      <c r="B11116" s="1"/>
      <c r="C11116">
        <v>11</v>
      </c>
      <c r="D11116" t="s">
        <v>22033</v>
      </c>
      <c r="E11116" t="s">
        <v>33682</v>
      </c>
      <c r="F11116">
        <v>4</v>
      </c>
      <c r="G11116" t="s">
        <v>14</v>
      </c>
      <c r="H11116" t="s">
        <v>22034</v>
      </c>
      <c r="I11116" t="s">
        <v>30540</v>
      </c>
    </row>
    <row r="11117" spans="1:9">
      <c r="A11117" s="1">
        <f ca="1">RAND()</f>
        <v>0.89055242420330538</v>
      </c>
      <c r="B11117" s="1"/>
      <c r="C11117">
        <v>10</v>
      </c>
      <c r="D11117" t="s">
        <v>22029</v>
      </c>
      <c r="E11117" t="s">
        <v>33683</v>
      </c>
      <c r="F11117">
        <v>4</v>
      </c>
      <c r="G11117" t="s">
        <v>10</v>
      </c>
      <c r="H11117" t="s">
        <v>22030</v>
      </c>
      <c r="I11117" t="s">
        <v>30540</v>
      </c>
    </row>
    <row r="11118" spans="1:9">
      <c r="A11118" s="1">
        <f ca="1">RAND()</f>
        <v>0.35182901862768978</v>
      </c>
      <c r="B11118" s="1"/>
      <c r="C11118">
        <v>7</v>
      </c>
      <c r="D11118" t="s">
        <v>22027</v>
      </c>
      <c r="E11118" t="s">
        <v>33683</v>
      </c>
      <c r="F11118">
        <v>4</v>
      </c>
      <c r="G11118" t="s">
        <v>10</v>
      </c>
      <c r="H11118" t="s">
        <v>22028</v>
      </c>
      <c r="I11118" t="s">
        <v>30540</v>
      </c>
    </row>
    <row r="11119" spans="1:9">
      <c r="A11119" s="1">
        <f ca="1">RAND()</f>
        <v>0.42825506093113241</v>
      </c>
      <c r="B11119" s="1"/>
      <c r="C11119">
        <v>11</v>
      </c>
      <c r="D11119" t="s">
        <v>22023</v>
      </c>
      <c r="E11119" t="s">
        <v>33684</v>
      </c>
      <c r="F11119">
        <v>4</v>
      </c>
      <c r="G11119" t="s">
        <v>0</v>
      </c>
      <c r="H11119" t="s">
        <v>22024</v>
      </c>
      <c r="I11119" t="s">
        <v>30540</v>
      </c>
    </row>
    <row r="11120" spans="1:9">
      <c r="A11120" s="1">
        <f ca="1">RAND()</f>
        <v>0.98772355190337613</v>
      </c>
      <c r="B11120" s="1"/>
      <c r="C11120">
        <v>13</v>
      </c>
      <c r="D11120" t="s">
        <v>22025</v>
      </c>
      <c r="E11120" t="s">
        <v>33684</v>
      </c>
      <c r="F11120">
        <v>4</v>
      </c>
      <c r="G11120" t="s">
        <v>10</v>
      </c>
      <c r="H11120" t="s">
        <v>22026</v>
      </c>
      <c r="I11120" t="s">
        <v>30540</v>
      </c>
    </row>
    <row r="11121" spans="1:9">
      <c r="A11121" s="1">
        <f ca="1">RAND()</f>
        <v>0.82574083183568758</v>
      </c>
      <c r="B11121" s="1"/>
      <c r="C11121">
        <v>2</v>
      </c>
      <c r="D11121" t="s">
        <v>22021</v>
      </c>
      <c r="E11121" t="s">
        <v>33684</v>
      </c>
      <c r="F11121">
        <v>4</v>
      </c>
      <c r="G11121" t="s">
        <v>10</v>
      </c>
      <c r="H11121" t="s">
        <v>22022</v>
      </c>
      <c r="I11121" t="s">
        <v>30540</v>
      </c>
    </row>
    <row r="11122" spans="1:9">
      <c r="A11122" s="1">
        <f ca="1">RAND()</f>
        <v>0.41407275089076034</v>
      </c>
      <c r="B11122" s="1"/>
      <c r="C11122">
        <v>7</v>
      </c>
      <c r="D11122" t="s">
        <v>22015</v>
      </c>
      <c r="E11122" t="s">
        <v>33685</v>
      </c>
      <c r="F11122">
        <v>5</v>
      </c>
      <c r="G11122" t="s">
        <v>15</v>
      </c>
      <c r="H11122" t="s">
        <v>22016</v>
      </c>
      <c r="I11122" t="s">
        <v>30540</v>
      </c>
    </row>
    <row r="11123" spans="1:9">
      <c r="A11123" s="1">
        <f ca="1">RAND()</f>
        <v>0.30818636956961221</v>
      </c>
      <c r="B11123" s="1"/>
      <c r="C11123">
        <v>6</v>
      </c>
      <c r="D11123" t="s">
        <v>22013</v>
      </c>
      <c r="E11123" t="s">
        <v>33685</v>
      </c>
      <c r="F11123">
        <v>4</v>
      </c>
      <c r="G11123" t="s">
        <v>9</v>
      </c>
      <c r="H11123" t="s">
        <v>22014</v>
      </c>
      <c r="I11123" t="s">
        <v>30540</v>
      </c>
    </row>
    <row r="11124" spans="1:9">
      <c r="A11124" s="1">
        <f ca="1">RAND()</f>
        <v>0.97956161220498261</v>
      </c>
      <c r="B11124" s="1"/>
      <c r="C11124">
        <v>20</v>
      </c>
      <c r="D11124" t="s">
        <v>22019</v>
      </c>
      <c r="E11124" t="s">
        <v>33685</v>
      </c>
      <c r="F11124">
        <v>2</v>
      </c>
      <c r="G11124" t="s">
        <v>10</v>
      </c>
      <c r="H11124" t="s">
        <v>22020</v>
      </c>
      <c r="I11124" t="s">
        <v>30540</v>
      </c>
    </row>
    <row r="11125" spans="1:9">
      <c r="A11125" s="1">
        <f ca="1">RAND()</f>
        <v>0.38250487735758487</v>
      </c>
      <c r="B11125" s="1"/>
      <c r="C11125">
        <v>10</v>
      </c>
      <c r="D11125" t="s">
        <v>22017</v>
      </c>
      <c r="E11125" t="s">
        <v>33685</v>
      </c>
      <c r="F11125">
        <v>1</v>
      </c>
      <c r="G11125" t="s">
        <v>1295</v>
      </c>
      <c r="H11125" t="s">
        <v>22018</v>
      </c>
      <c r="I11125" t="s">
        <v>30540</v>
      </c>
    </row>
    <row r="11126" spans="1:9">
      <c r="A11126" s="1">
        <f ca="1">RAND()</f>
        <v>0.69665119240899931</v>
      </c>
      <c r="B11126" s="1"/>
      <c r="C11126">
        <v>1</v>
      </c>
      <c r="D11126" t="s">
        <v>22005</v>
      </c>
      <c r="E11126" t="s">
        <v>33686</v>
      </c>
      <c r="F11126">
        <v>5</v>
      </c>
      <c r="G11126" t="s">
        <v>2</v>
      </c>
      <c r="H11126" t="s">
        <v>22006</v>
      </c>
      <c r="I11126" t="s">
        <v>30540</v>
      </c>
    </row>
    <row r="11127" spans="1:9">
      <c r="A11127" s="1">
        <f ca="1">RAND()</f>
        <v>0.72769154612372366</v>
      </c>
      <c r="B11127" s="1"/>
      <c r="C11127">
        <v>11</v>
      </c>
      <c r="D11127" t="s">
        <v>22007</v>
      </c>
      <c r="E11127" t="s">
        <v>33686</v>
      </c>
      <c r="F11127">
        <v>5</v>
      </c>
      <c r="G11127" t="s">
        <v>14</v>
      </c>
      <c r="H11127" t="s">
        <v>22008</v>
      </c>
      <c r="I11127" t="s">
        <v>30540</v>
      </c>
    </row>
    <row r="11128" spans="1:9">
      <c r="A11128" s="1">
        <f ca="1">RAND()</f>
        <v>0.87258167348100713</v>
      </c>
      <c r="B11128" s="1"/>
      <c r="C11128">
        <v>14</v>
      </c>
      <c r="D11128" t="s">
        <v>22011</v>
      </c>
      <c r="E11128" t="s">
        <v>33686</v>
      </c>
      <c r="F11128">
        <v>3</v>
      </c>
      <c r="G11128" t="s">
        <v>14</v>
      </c>
      <c r="H11128" t="s">
        <v>22012</v>
      </c>
      <c r="I11128" t="s">
        <v>30540</v>
      </c>
    </row>
    <row r="11129" spans="1:9">
      <c r="A11129" s="1">
        <f ca="1">RAND()</f>
        <v>0.29808574036863844</v>
      </c>
      <c r="B11129" s="1"/>
      <c r="C11129">
        <v>12</v>
      </c>
      <c r="D11129" t="s">
        <v>22009</v>
      </c>
      <c r="E11129" t="s">
        <v>33686</v>
      </c>
      <c r="F11129">
        <v>2</v>
      </c>
      <c r="G11129" t="s">
        <v>13</v>
      </c>
      <c r="H11129" t="s">
        <v>22010</v>
      </c>
      <c r="I11129" t="s">
        <v>30540</v>
      </c>
    </row>
    <row r="11130" spans="1:9">
      <c r="A11130" s="1">
        <f ca="1">RAND()</f>
        <v>0.83797481295128817</v>
      </c>
      <c r="B11130" s="1"/>
      <c r="C11130">
        <v>10</v>
      </c>
      <c r="D11130" t="s">
        <v>22001</v>
      </c>
      <c r="E11130" t="s">
        <v>33687</v>
      </c>
      <c r="F11130">
        <v>5</v>
      </c>
      <c r="G11130" t="s">
        <v>13</v>
      </c>
      <c r="H11130" t="s">
        <v>22002</v>
      </c>
      <c r="I11130" t="s">
        <v>30540</v>
      </c>
    </row>
    <row r="11131" spans="1:9">
      <c r="A11131" s="1">
        <f ca="1">RAND()</f>
        <v>7.5788871581883299E-3</v>
      </c>
      <c r="B11131" s="1"/>
      <c r="C11131">
        <v>8</v>
      </c>
      <c r="D11131" t="s">
        <v>21999</v>
      </c>
      <c r="E11131" t="s">
        <v>33687</v>
      </c>
      <c r="F11131">
        <v>4</v>
      </c>
      <c r="G11131" t="s">
        <v>14</v>
      </c>
      <c r="H11131" t="s">
        <v>22000</v>
      </c>
      <c r="I11131" t="s">
        <v>30540</v>
      </c>
    </row>
    <row r="11132" spans="1:9">
      <c r="A11132" s="1">
        <f ca="1">RAND()</f>
        <v>0.12349212354887695</v>
      </c>
      <c r="B11132" s="1"/>
      <c r="C11132">
        <v>14</v>
      </c>
      <c r="D11132" t="s">
        <v>22003</v>
      </c>
      <c r="E11132" t="s">
        <v>33687</v>
      </c>
      <c r="F11132">
        <v>4</v>
      </c>
      <c r="G11132" t="s">
        <v>14</v>
      </c>
      <c r="H11132" t="s">
        <v>22004</v>
      </c>
      <c r="I11132" t="s">
        <v>30540</v>
      </c>
    </row>
    <row r="11133" spans="1:9">
      <c r="A11133" s="1">
        <f ca="1">RAND()</f>
        <v>3.4058536301213249E-2</v>
      </c>
      <c r="B11133" s="1"/>
      <c r="C11133">
        <v>5</v>
      </c>
      <c r="D11133" t="s">
        <v>21989</v>
      </c>
      <c r="E11133" t="s">
        <v>33688</v>
      </c>
      <c r="F11133">
        <v>5</v>
      </c>
      <c r="G11133" t="s">
        <v>14</v>
      </c>
      <c r="H11133" t="s">
        <v>21990</v>
      </c>
      <c r="I11133" t="s">
        <v>30540</v>
      </c>
    </row>
    <row r="11134" spans="1:9">
      <c r="A11134" s="1">
        <f ca="1">RAND()</f>
        <v>0.5699333451871651</v>
      </c>
      <c r="B11134" s="1"/>
      <c r="C11134">
        <v>9</v>
      </c>
      <c r="D11134" t="s">
        <v>21991</v>
      </c>
      <c r="E11134" t="s">
        <v>33688</v>
      </c>
      <c r="F11134">
        <v>4</v>
      </c>
      <c r="G11134" t="s">
        <v>9</v>
      </c>
      <c r="H11134" t="s">
        <v>21992</v>
      </c>
      <c r="I11134" t="s">
        <v>30540</v>
      </c>
    </row>
    <row r="11135" spans="1:9">
      <c r="A11135" s="1">
        <f ca="1">RAND()</f>
        <v>0.90890771498833689</v>
      </c>
      <c r="B11135" s="1"/>
      <c r="C11135">
        <v>16</v>
      </c>
      <c r="D11135" t="s">
        <v>21997</v>
      </c>
      <c r="E11135" t="s">
        <v>33688</v>
      </c>
      <c r="F11135">
        <v>4</v>
      </c>
      <c r="G11135" t="s">
        <v>2</v>
      </c>
      <c r="H11135" t="s">
        <v>21998</v>
      </c>
      <c r="I11135" t="s">
        <v>30540</v>
      </c>
    </row>
    <row r="11136" spans="1:9">
      <c r="A11136" s="1">
        <f ca="1">RAND()</f>
        <v>0.36390482474751007</v>
      </c>
      <c r="B11136" s="1"/>
      <c r="C11136">
        <v>4</v>
      </c>
      <c r="D11136" t="s">
        <v>21987</v>
      </c>
      <c r="E11136" t="s">
        <v>33688</v>
      </c>
      <c r="F11136">
        <v>4</v>
      </c>
      <c r="G11136" t="s">
        <v>14</v>
      </c>
      <c r="H11136" t="s">
        <v>21988</v>
      </c>
      <c r="I11136" t="s">
        <v>30540</v>
      </c>
    </row>
    <row r="11137" spans="1:9">
      <c r="A11137" s="1">
        <f ca="1">RAND()</f>
        <v>0.19903546511760084</v>
      </c>
      <c r="B11137" s="1"/>
      <c r="C11137">
        <v>13</v>
      </c>
      <c r="D11137" t="s">
        <v>21995</v>
      </c>
      <c r="E11137" t="s">
        <v>33688</v>
      </c>
      <c r="F11137">
        <v>4</v>
      </c>
      <c r="G11137" t="s">
        <v>14</v>
      </c>
      <c r="H11137" t="s">
        <v>21996</v>
      </c>
      <c r="I11137" t="s">
        <v>30540</v>
      </c>
    </row>
    <row r="11138" spans="1:9">
      <c r="A11138" s="1">
        <f ca="1">RAND()</f>
        <v>0.78922646268231134</v>
      </c>
      <c r="B11138" s="1"/>
      <c r="C11138">
        <v>10</v>
      </c>
      <c r="D11138" t="s">
        <v>21993</v>
      </c>
      <c r="E11138" t="s">
        <v>33688</v>
      </c>
      <c r="F11138">
        <v>2</v>
      </c>
      <c r="G11138" t="s">
        <v>14</v>
      </c>
      <c r="H11138" t="s">
        <v>21994</v>
      </c>
      <c r="I11138" t="s">
        <v>30540</v>
      </c>
    </row>
    <row r="11139" spans="1:9">
      <c r="A11139" s="1">
        <f ca="1">RAND()</f>
        <v>0.15396171565019956</v>
      </c>
      <c r="B11139" s="1"/>
      <c r="C11139">
        <v>10</v>
      </c>
      <c r="D11139" t="s">
        <v>21985</v>
      </c>
      <c r="E11139" t="s">
        <v>33689</v>
      </c>
      <c r="F11139">
        <v>4</v>
      </c>
      <c r="G11139" t="s">
        <v>10</v>
      </c>
      <c r="H11139" t="s">
        <v>21986</v>
      </c>
      <c r="I11139" t="s">
        <v>30540</v>
      </c>
    </row>
    <row r="11140" spans="1:9">
      <c r="A11140" s="1">
        <f ca="1">RAND()</f>
        <v>0.82824095345329107</v>
      </c>
      <c r="B11140" s="1"/>
      <c r="C11140">
        <v>4</v>
      </c>
      <c r="D11140" t="s">
        <v>21983</v>
      </c>
      <c r="E11140" t="s">
        <v>33689</v>
      </c>
      <c r="F11140">
        <v>3</v>
      </c>
      <c r="G11140" t="s">
        <v>10</v>
      </c>
      <c r="H11140" t="s">
        <v>21984</v>
      </c>
      <c r="I11140" t="s">
        <v>30540</v>
      </c>
    </row>
    <row r="11141" spans="1:9">
      <c r="A11141" s="1">
        <f ca="1">RAND()</f>
        <v>0.33427736892201132</v>
      </c>
      <c r="B11141" s="1"/>
      <c r="C11141">
        <v>17</v>
      </c>
      <c r="D11141" t="s">
        <v>21979</v>
      </c>
      <c r="E11141" t="s">
        <v>33690</v>
      </c>
      <c r="F11141">
        <v>4</v>
      </c>
      <c r="G11141" t="s">
        <v>10</v>
      </c>
      <c r="H11141" t="s">
        <v>21980</v>
      </c>
      <c r="I11141" t="s">
        <v>30540</v>
      </c>
    </row>
    <row r="11142" spans="1:9">
      <c r="A11142" s="1">
        <f ca="1">RAND()</f>
        <v>0.5850835048294275</v>
      </c>
      <c r="B11142" s="1"/>
      <c r="C11142">
        <v>20</v>
      </c>
      <c r="D11142" t="s">
        <v>21981</v>
      </c>
      <c r="E11142" t="s">
        <v>33690</v>
      </c>
      <c r="F11142">
        <v>4</v>
      </c>
      <c r="G11142" t="s">
        <v>762</v>
      </c>
      <c r="H11142" t="s">
        <v>21982</v>
      </c>
      <c r="I11142" t="s">
        <v>30540</v>
      </c>
    </row>
    <row r="11143" spans="1:9">
      <c r="A11143" s="1">
        <f ca="1">RAND()</f>
        <v>0.96909844263460643</v>
      </c>
      <c r="B11143" s="1"/>
      <c r="C11143">
        <v>15</v>
      </c>
      <c r="D11143" t="s">
        <v>21977</v>
      </c>
      <c r="E11143" t="s">
        <v>33690</v>
      </c>
      <c r="F11143">
        <v>4</v>
      </c>
      <c r="G11143" t="s">
        <v>10</v>
      </c>
      <c r="H11143" t="s">
        <v>21978</v>
      </c>
      <c r="I11143" t="s">
        <v>30540</v>
      </c>
    </row>
    <row r="11144" spans="1:9">
      <c r="A11144" s="1">
        <f ca="1">RAND()</f>
        <v>0.26096438714124093</v>
      </c>
      <c r="B11144" s="1"/>
      <c r="C11144">
        <v>5</v>
      </c>
      <c r="D11144" t="s">
        <v>21975</v>
      </c>
      <c r="E11144" t="s">
        <v>33690</v>
      </c>
      <c r="F11144">
        <v>3</v>
      </c>
      <c r="G11144" t="s">
        <v>2</v>
      </c>
      <c r="H11144" t="s">
        <v>21976</v>
      </c>
      <c r="I11144" t="s">
        <v>30540</v>
      </c>
    </row>
    <row r="11145" spans="1:9">
      <c r="A11145" s="1">
        <f ca="1">RAND()</f>
        <v>0.1298922608062848</v>
      </c>
      <c r="B11145" s="1"/>
      <c r="C11145">
        <v>2</v>
      </c>
      <c r="D11145" t="s">
        <v>21973</v>
      </c>
      <c r="E11145" t="s">
        <v>33690</v>
      </c>
      <c r="F11145">
        <v>3</v>
      </c>
      <c r="G11145" t="s">
        <v>9</v>
      </c>
      <c r="H11145" t="s">
        <v>21974</v>
      </c>
      <c r="I11145" t="s">
        <v>30540</v>
      </c>
    </row>
    <row r="11146" spans="1:9">
      <c r="A11146" s="1">
        <f ca="1">RAND()</f>
        <v>0.63774882731126059</v>
      </c>
      <c r="B11146" s="1"/>
      <c r="C11146">
        <v>7</v>
      </c>
      <c r="D11146" t="s">
        <v>21971</v>
      </c>
      <c r="E11146" t="s">
        <v>33691</v>
      </c>
      <c r="F11146">
        <v>4</v>
      </c>
      <c r="G11146" t="s">
        <v>14</v>
      </c>
      <c r="H11146" t="s">
        <v>21972</v>
      </c>
      <c r="I11146" t="s">
        <v>30540</v>
      </c>
    </row>
    <row r="11147" spans="1:9">
      <c r="A11147" s="1">
        <f ca="1">RAND()</f>
        <v>0.40127650134456683</v>
      </c>
      <c r="B11147" s="1"/>
      <c r="C11147">
        <v>4</v>
      </c>
      <c r="D11147" t="s">
        <v>21967</v>
      </c>
      <c r="E11147" t="s">
        <v>33691</v>
      </c>
      <c r="F11147">
        <v>4</v>
      </c>
      <c r="G11147" t="s">
        <v>9</v>
      </c>
      <c r="H11147" t="s">
        <v>21968</v>
      </c>
      <c r="I11147" t="s">
        <v>30540</v>
      </c>
    </row>
    <row r="11148" spans="1:9">
      <c r="A11148" s="1">
        <f ca="1">RAND()</f>
        <v>0.61198742099268078</v>
      </c>
      <c r="B11148" s="1"/>
      <c r="C11148">
        <v>3</v>
      </c>
      <c r="D11148" t="s">
        <v>21965</v>
      </c>
      <c r="E11148" t="s">
        <v>33691</v>
      </c>
      <c r="F11148">
        <v>4</v>
      </c>
      <c r="G11148" t="s">
        <v>9</v>
      </c>
      <c r="H11148" t="s">
        <v>21966</v>
      </c>
      <c r="I11148" t="s">
        <v>30540</v>
      </c>
    </row>
    <row r="11149" spans="1:9">
      <c r="A11149" s="1">
        <f ca="1">RAND()</f>
        <v>0.76690781307004707</v>
      </c>
      <c r="B11149" s="1"/>
      <c r="C11149">
        <v>5</v>
      </c>
      <c r="D11149" t="s">
        <v>21969</v>
      </c>
      <c r="E11149" t="s">
        <v>33691</v>
      </c>
      <c r="F11149">
        <v>4</v>
      </c>
      <c r="G11149" t="s">
        <v>14</v>
      </c>
      <c r="H11149" t="s">
        <v>21970</v>
      </c>
      <c r="I11149" t="s">
        <v>30540</v>
      </c>
    </row>
    <row r="11150" spans="1:9">
      <c r="A11150" s="1">
        <f ca="1">RAND()</f>
        <v>0.8599179899210927</v>
      </c>
      <c r="B11150" s="1"/>
      <c r="C11150">
        <v>11</v>
      </c>
      <c r="D11150" t="s">
        <v>21961</v>
      </c>
      <c r="E11150" t="s">
        <v>33692</v>
      </c>
      <c r="F11150">
        <v>4</v>
      </c>
      <c r="G11150" t="s">
        <v>14</v>
      </c>
      <c r="H11150" t="s">
        <v>21962</v>
      </c>
      <c r="I11150" t="s">
        <v>30540</v>
      </c>
    </row>
    <row r="11151" spans="1:9">
      <c r="A11151" s="1">
        <f ca="1">RAND()</f>
        <v>0.9619753574899742</v>
      </c>
      <c r="B11151" s="1"/>
      <c r="C11151">
        <v>9</v>
      </c>
      <c r="D11151" t="s">
        <v>21959</v>
      </c>
      <c r="E11151" t="s">
        <v>33692</v>
      </c>
      <c r="F11151">
        <v>4</v>
      </c>
      <c r="G11151" t="s">
        <v>14</v>
      </c>
      <c r="H11151" t="s">
        <v>21960</v>
      </c>
      <c r="I11151" t="s">
        <v>30540</v>
      </c>
    </row>
    <row r="11152" spans="1:9">
      <c r="A11152" s="1">
        <f ca="1">RAND()</f>
        <v>0.91405183967751424</v>
      </c>
      <c r="B11152" s="1"/>
      <c r="C11152">
        <v>1</v>
      </c>
      <c r="D11152" t="s">
        <v>21957</v>
      </c>
      <c r="E11152" t="s">
        <v>33692</v>
      </c>
      <c r="F11152">
        <v>4</v>
      </c>
      <c r="G11152" t="s">
        <v>2</v>
      </c>
      <c r="H11152" t="s">
        <v>21958</v>
      </c>
      <c r="I11152" t="s">
        <v>30540</v>
      </c>
    </row>
    <row r="11153" spans="1:9">
      <c r="A11153" s="1">
        <f ca="1">RAND()</f>
        <v>0.82604806891039251</v>
      </c>
      <c r="B11153" s="1"/>
      <c r="C11153">
        <v>18</v>
      </c>
      <c r="D11153" t="s">
        <v>21963</v>
      </c>
      <c r="E11153" t="s">
        <v>33692</v>
      </c>
      <c r="F11153">
        <v>4</v>
      </c>
      <c r="G11153" t="s">
        <v>1</v>
      </c>
      <c r="H11153" t="s">
        <v>21964</v>
      </c>
      <c r="I11153" t="s">
        <v>30540</v>
      </c>
    </row>
    <row r="11154" spans="1:9">
      <c r="A11154" s="1">
        <f ca="1">RAND()</f>
        <v>0.64932904683990911</v>
      </c>
      <c r="B11154" s="1"/>
      <c r="C11154">
        <v>10</v>
      </c>
      <c r="D11154" t="s">
        <v>21953</v>
      </c>
      <c r="E11154" t="s">
        <v>33693</v>
      </c>
      <c r="F11154">
        <v>5</v>
      </c>
      <c r="G11154" t="s">
        <v>14</v>
      </c>
      <c r="H11154" t="s">
        <v>21954</v>
      </c>
      <c r="I11154" t="s">
        <v>30540</v>
      </c>
    </row>
    <row r="11155" spans="1:9">
      <c r="A11155" s="1">
        <f ca="1">RAND()</f>
        <v>0.45120079360973686</v>
      </c>
      <c r="B11155" s="1"/>
      <c r="C11155">
        <v>5</v>
      </c>
      <c r="D11155" t="s">
        <v>21951</v>
      </c>
      <c r="E11155" t="s">
        <v>33693</v>
      </c>
      <c r="F11155">
        <v>5</v>
      </c>
      <c r="G11155" t="s">
        <v>14</v>
      </c>
      <c r="H11155" t="s">
        <v>21952</v>
      </c>
      <c r="I11155" t="s">
        <v>30540</v>
      </c>
    </row>
    <row r="11156" spans="1:9">
      <c r="A11156" s="1">
        <f ca="1">RAND()</f>
        <v>8.6528715659306865E-2</v>
      </c>
      <c r="B11156" s="1"/>
      <c r="C11156">
        <v>12</v>
      </c>
      <c r="D11156" t="s">
        <v>21955</v>
      </c>
      <c r="E11156" t="s">
        <v>33693</v>
      </c>
      <c r="F11156">
        <v>4</v>
      </c>
      <c r="G11156" t="s">
        <v>14</v>
      </c>
      <c r="H11156" t="s">
        <v>21956</v>
      </c>
      <c r="I11156" t="s">
        <v>30540</v>
      </c>
    </row>
    <row r="11157" spans="1:9">
      <c r="A11157" s="1">
        <f ca="1">RAND()</f>
        <v>0.79882723891926133</v>
      </c>
      <c r="B11157" s="1"/>
      <c r="C11157">
        <v>3</v>
      </c>
      <c r="D11157" t="s">
        <v>21945</v>
      </c>
      <c r="E11157" t="s">
        <v>33694</v>
      </c>
      <c r="F11157">
        <v>5</v>
      </c>
      <c r="G11157" t="s">
        <v>13</v>
      </c>
      <c r="H11157" t="s">
        <v>21946</v>
      </c>
      <c r="I11157" t="s">
        <v>30540</v>
      </c>
    </row>
    <row r="11158" spans="1:9">
      <c r="A11158" s="1">
        <f ca="1">RAND()</f>
        <v>0.33308338163257001</v>
      </c>
      <c r="B11158" s="1"/>
      <c r="C11158">
        <v>9</v>
      </c>
      <c r="D11158" t="s">
        <v>21947</v>
      </c>
      <c r="E11158" t="s">
        <v>33694</v>
      </c>
      <c r="F11158">
        <v>5</v>
      </c>
      <c r="G11158" t="s">
        <v>14</v>
      </c>
      <c r="H11158" t="s">
        <v>21948</v>
      </c>
      <c r="I11158" t="s">
        <v>30540</v>
      </c>
    </row>
    <row r="11159" spans="1:9">
      <c r="A11159" s="1">
        <f ca="1">RAND()</f>
        <v>0.37296425113631404</v>
      </c>
      <c r="B11159" s="1"/>
      <c r="C11159">
        <v>11</v>
      </c>
      <c r="D11159" t="s">
        <v>21949</v>
      </c>
      <c r="E11159" t="s">
        <v>33694</v>
      </c>
      <c r="F11159">
        <v>5</v>
      </c>
      <c r="G11159" t="s">
        <v>14</v>
      </c>
      <c r="H11159" t="s">
        <v>21950</v>
      </c>
      <c r="I11159" t="s">
        <v>30540</v>
      </c>
    </row>
    <row r="11160" spans="1:9">
      <c r="A11160" s="1">
        <f ca="1">RAND()</f>
        <v>3.178353555390323E-2</v>
      </c>
      <c r="B11160" s="1"/>
      <c r="C11160">
        <v>17</v>
      </c>
      <c r="D11160" t="s">
        <v>21941</v>
      </c>
      <c r="E11160" t="s">
        <v>33695</v>
      </c>
      <c r="F11160">
        <v>5</v>
      </c>
      <c r="G11160" t="s">
        <v>10</v>
      </c>
      <c r="H11160" t="s">
        <v>21942</v>
      </c>
      <c r="I11160" t="s">
        <v>30540</v>
      </c>
    </row>
    <row r="11161" spans="1:9">
      <c r="A11161" s="1">
        <f ca="1">RAND()</f>
        <v>5.1647012683717408E-2</v>
      </c>
      <c r="B11161" s="1"/>
      <c r="C11161">
        <v>18</v>
      </c>
      <c r="D11161" t="s">
        <v>21943</v>
      </c>
      <c r="E11161" t="s">
        <v>33695</v>
      </c>
      <c r="F11161">
        <v>5</v>
      </c>
      <c r="G11161" t="s">
        <v>13</v>
      </c>
      <c r="H11161" t="s">
        <v>21944</v>
      </c>
      <c r="I11161" t="s">
        <v>30540</v>
      </c>
    </row>
    <row r="11162" spans="1:9">
      <c r="A11162" s="1">
        <f ca="1">RAND()</f>
        <v>0.92457335357740511</v>
      </c>
      <c r="B11162" s="1"/>
      <c r="C11162">
        <v>15</v>
      </c>
      <c r="D11162" t="s">
        <v>21939</v>
      </c>
      <c r="E11162" t="s">
        <v>33696</v>
      </c>
      <c r="F11162">
        <v>5</v>
      </c>
      <c r="G11162" t="s">
        <v>14</v>
      </c>
      <c r="H11162" t="s">
        <v>21940</v>
      </c>
      <c r="I11162" t="s">
        <v>30540</v>
      </c>
    </row>
    <row r="11163" spans="1:9">
      <c r="A11163" s="1">
        <f ca="1">RAND()</f>
        <v>0.11564692423646861</v>
      </c>
      <c r="B11163" s="1"/>
      <c r="C11163">
        <v>11</v>
      </c>
      <c r="D11163" t="s">
        <v>21937</v>
      </c>
      <c r="E11163" t="s">
        <v>33696</v>
      </c>
      <c r="F11163">
        <v>4</v>
      </c>
      <c r="G11163" t="s">
        <v>14</v>
      </c>
      <c r="H11163" t="s">
        <v>21938</v>
      </c>
      <c r="I11163" t="s">
        <v>30540</v>
      </c>
    </row>
    <row r="11164" spans="1:9">
      <c r="A11164" s="1">
        <f ca="1">RAND()</f>
        <v>0.111813678526545</v>
      </c>
      <c r="B11164" s="1"/>
      <c r="C11164">
        <v>9</v>
      </c>
      <c r="D11164" t="s">
        <v>21935</v>
      </c>
      <c r="E11164" t="s">
        <v>33696</v>
      </c>
      <c r="F11164">
        <v>4</v>
      </c>
      <c r="G11164" t="s">
        <v>14</v>
      </c>
      <c r="H11164" t="s">
        <v>21936</v>
      </c>
      <c r="I11164" t="s">
        <v>30540</v>
      </c>
    </row>
    <row r="11165" spans="1:9">
      <c r="A11165" s="1">
        <f ca="1">RAND()</f>
        <v>0.35566663100834695</v>
      </c>
      <c r="B11165" s="1"/>
      <c r="C11165">
        <v>11</v>
      </c>
      <c r="D11165" t="s">
        <v>21927</v>
      </c>
      <c r="E11165" t="s">
        <v>33697</v>
      </c>
      <c r="F11165">
        <v>5</v>
      </c>
      <c r="G11165" t="s">
        <v>14</v>
      </c>
      <c r="H11165" t="s">
        <v>21928</v>
      </c>
      <c r="I11165" t="s">
        <v>30540</v>
      </c>
    </row>
    <row r="11166" spans="1:9">
      <c r="A11166" s="1">
        <f ca="1">RAND()</f>
        <v>0.29698360532925017</v>
      </c>
      <c r="B11166" s="1"/>
      <c r="C11166">
        <v>8</v>
      </c>
      <c r="D11166" t="s">
        <v>21925</v>
      </c>
      <c r="E11166" t="s">
        <v>33697</v>
      </c>
      <c r="F11166">
        <v>4</v>
      </c>
      <c r="G11166" t="s">
        <v>9</v>
      </c>
      <c r="H11166" t="s">
        <v>21926</v>
      </c>
      <c r="I11166" t="s">
        <v>30540</v>
      </c>
    </row>
    <row r="11167" spans="1:9">
      <c r="A11167" s="1">
        <f ca="1">RAND()</f>
        <v>0.64833672232138817</v>
      </c>
      <c r="B11167" s="1"/>
      <c r="C11167">
        <v>1</v>
      </c>
      <c r="D11167" t="s">
        <v>21921</v>
      </c>
      <c r="E11167" t="s">
        <v>33697</v>
      </c>
      <c r="F11167">
        <v>4</v>
      </c>
      <c r="G11167" t="s">
        <v>2</v>
      </c>
      <c r="H11167" t="s">
        <v>21922</v>
      </c>
      <c r="I11167" t="s">
        <v>30540</v>
      </c>
    </row>
    <row r="11168" spans="1:9">
      <c r="A11168" s="1">
        <f ca="1">RAND()</f>
        <v>0.85639966947341184</v>
      </c>
      <c r="B11168" s="1"/>
      <c r="C11168">
        <v>17</v>
      </c>
      <c r="D11168" t="s">
        <v>21933</v>
      </c>
      <c r="E11168" t="s">
        <v>33697</v>
      </c>
      <c r="F11168">
        <v>4</v>
      </c>
      <c r="G11168" t="s">
        <v>14</v>
      </c>
      <c r="H11168" t="s">
        <v>21934</v>
      </c>
      <c r="I11168" t="s">
        <v>30540</v>
      </c>
    </row>
    <row r="11169" spans="1:9">
      <c r="A11169" s="1">
        <f ca="1">RAND()</f>
        <v>0.39154765185028628</v>
      </c>
      <c r="B11169" s="1"/>
      <c r="C11169">
        <v>5</v>
      </c>
      <c r="D11169" t="s">
        <v>21923</v>
      </c>
      <c r="E11169" t="s">
        <v>33697</v>
      </c>
      <c r="F11169">
        <v>3</v>
      </c>
      <c r="G11169" t="s">
        <v>14</v>
      </c>
      <c r="H11169" t="s">
        <v>21924</v>
      </c>
      <c r="I11169" t="s">
        <v>30540</v>
      </c>
    </row>
    <row r="11170" spans="1:9">
      <c r="A11170" s="1">
        <f ca="1">RAND()</f>
        <v>0.8601903042530431</v>
      </c>
      <c r="B11170" s="1"/>
      <c r="C11170">
        <v>12</v>
      </c>
      <c r="D11170" t="s">
        <v>21929</v>
      </c>
      <c r="E11170" t="s">
        <v>33697</v>
      </c>
      <c r="F11170">
        <v>3</v>
      </c>
      <c r="G11170" t="s">
        <v>0</v>
      </c>
      <c r="H11170" t="s">
        <v>21930</v>
      </c>
      <c r="I11170" t="s">
        <v>30540</v>
      </c>
    </row>
    <row r="11171" spans="1:9">
      <c r="A11171" s="1">
        <f ca="1">RAND()</f>
        <v>0.65047036831546157</v>
      </c>
      <c r="B11171" s="1"/>
      <c r="C11171">
        <v>13</v>
      </c>
      <c r="D11171" t="s">
        <v>21931</v>
      </c>
      <c r="E11171" t="s">
        <v>33697</v>
      </c>
      <c r="F11171">
        <v>3</v>
      </c>
      <c r="G11171" t="s">
        <v>13</v>
      </c>
      <c r="H11171" t="s">
        <v>21932</v>
      </c>
      <c r="I11171" t="s">
        <v>30540</v>
      </c>
    </row>
    <row r="11172" spans="1:9">
      <c r="A11172" s="1">
        <f ca="1">RAND()</f>
        <v>0.98067297591901514</v>
      </c>
      <c r="B11172" s="1"/>
      <c r="C11172">
        <v>4</v>
      </c>
      <c r="D11172" t="s">
        <v>21915</v>
      </c>
      <c r="E11172" t="s">
        <v>33698</v>
      </c>
      <c r="F11172">
        <v>5</v>
      </c>
      <c r="G11172" t="s">
        <v>14</v>
      </c>
      <c r="H11172" t="s">
        <v>21916</v>
      </c>
      <c r="I11172" t="s">
        <v>30540</v>
      </c>
    </row>
    <row r="11173" spans="1:9">
      <c r="A11173" s="1">
        <f ca="1">RAND()</f>
        <v>0.11105629342264212</v>
      </c>
      <c r="B11173" s="1"/>
      <c r="C11173">
        <v>13</v>
      </c>
      <c r="D11173" t="s">
        <v>21919</v>
      </c>
      <c r="E11173" t="s">
        <v>33698</v>
      </c>
      <c r="F11173">
        <v>5</v>
      </c>
      <c r="G11173" t="s">
        <v>14</v>
      </c>
      <c r="H11173" t="s">
        <v>21920</v>
      </c>
      <c r="I11173" t="s">
        <v>30540</v>
      </c>
    </row>
    <row r="11174" spans="1:9">
      <c r="A11174" s="1">
        <f ca="1">RAND()</f>
        <v>0.25972832609738028</v>
      </c>
      <c r="B11174" s="1"/>
      <c r="C11174">
        <v>5</v>
      </c>
      <c r="D11174" t="s">
        <v>21917</v>
      </c>
      <c r="E11174" t="s">
        <v>33698</v>
      </c>
      <c r="F11174">
        <v>4</v>
      </c>
      <c r="G11174" t="s">
        <v>14</v>
      </c>
      <c r="H11174" t="s">
        <v>21918</v>
      </c>
      <c r="I11174" t="s">
        <v>30540</v>
      </c>
    </row>
    <row r="11175" spans="1:9">
      <c r="A11175" s="1">
        <f ca="1">RAND()</f>
        <v>0.20648608897740639</v>
      </c>
      <c r="B11175" s="1"/>
      <c r="C11175">
        <v>1</v>
      </c>
      <c r="D11175" t="s">
        <v>21907</v>
      </c>
      <c r="E11175" t="s">
        <v>33699</v>
      </c>
      <c r="F11175">
        <v>4</v>
      </c>
      <c r="G11175" t="s">
        <v>2</v>
      </c>
      <c r="H11175" t="s">
        <v>21908</v>
      </c>
      <c r="I11175" t="s">
        <v>30540</v>
      </c>
    </row>
    <row r="11176" spans="1:9">
      <c r="A11176" s="1">
        <f ca="1">RAND()</f>
        <v>0.67753013091347014</v>
      </c>
      <c r="B11176" s="1"/>
      <c r="C11176">
        <v>12</v>
      </c>
      <c r="D11176" t="s">
        <v>21911</v>
      </c>
      <c r="E11176" t="s">
        <v>33699</v>
      </c>
      <c r="F11176">
        <v>4</v>
      </c>
      <c r="G11176" t="s">
        <v>2</v>
      </c>
      <c r="H11176" t="s">
        <v>21912</v>
      </c>
      <c r="I11176" t="s">
        <v>30540</v>
      </c>
    </row>
    <row r="11177" spans="1:9">
      <c r="A11177" s="1">
        <f ca="1">RAND()</f>
        <v>0.72937976683760641</v>
      </c>
      <c r="B11177" s="1"/>
      <c r="C11177">
        <v>11</v>
      </c>
      <c r="D11177" t="s">
        <v>21909</v>
      </c>
      <c r="E11177" t="s">
        <v>33699</v>
      </c>
      <c r="F11177">
        <v>2</v>
      </c>
      <c r="G11177" t="s">
        <v>14</v>
      </c>
      <c r="H11177" t="s">
        <v>21910</v>
      </c>
      <c r="I11177" t="s">
        <v>30540</v>
      </c>
    </row>
    <row r="11178" spans="1:9">
      <c r="A11178" s="1">
        <f ca="1">RAND()</f>
        <v>0.55854275074328308</v>
      </c>
      <c r="B11178" s="1"/>
      <c r="C11178">
        <v>13</v>
      </c>
      <c r="D11178" t="s">
        <v>21913</v>
      </c>
      <c r="E11178" t="s">
        <v>33699</v>
      </c>
      <c r="F11178">
        <v>2</v>
      </c>
      <c r="G11178" t="s">
        <v>14</v>
      </c>
      <c r="H11178" t="s">
        <v>21914</v>
      </c>
      <c r="I11178" t="s">
        <v>30540</v>
      </c>
    </row>
    <row r="11179" spans="1:9">
      <c r="A11179" s="1">
        <f ca="1">RAND()</f>
        <v>0.75197987505436792</v>
      </c>
      <c r="B11179" s="1"/>
      <c r="C11179">
        <v>5</v>
      </c>
      <c r="D11179" t="s">
        <v>21903</v>
      </c>
      <c r="E11179" t="s">
        <v>33700</v>
      </c>
      <c r="F11179">
        <v>4</v>
      </c>
      <c r="G11179" t="s">
        <v>3732</v>
      </c>
      <c r="H11179" t="s">
        <v>21904</v>
      </c>
      <c r="I11179" t="s">
        <v>30540</v>
      </c>
    </row>
    <row r="11180" spans="1:9">
      <c r="A11180" s="1">
        <f ca="1">RAND()</f>
        <v>0.86722111548848246</v>
      </c>
      <c r="B11180" s="1"/>
      <c r="C11180">
        <v>18</v>
      </c>
      <c r="D11180" t="s">
        <v>21905</v>
      </c>
      <c r="E11180" t="s">
        <v>33700</v>
      </c>
      <c r="F11180">
        <v>4</v>
      </c>
      <c r="G11180" t="s">
        <v>10</v>
      </c>
      <c r="H11180" t="s">
        <v>21906</v>
      </c>
      <c r="I11180" t="s">
        <v>30540</v>
      </c>
    </row>
    <row r="11181" spans="1:9">
      <c r="A11181" s="1">
        <f ca="1">RAND()</f>
        <v>0.64048948515074533</v>
      </c>
      <c r="B11181" s="1"/>
      <c r="C11181">
        <v>2</v>
      </c>
      <c r="D11181" t="s">
        <v>21901</v>
      </c>
      <c r="E11181" t="s">
        <v>33700</v>
      </c>
      <c r="F11181">
        <v>3</v>
      </c>
      <c r="G11181" t="s">
        <v>10</v>
      </c>
      <c r="H11181" t="s">
        <v>21902</v>
      </c>
      <c r="I11181" t="s">
        <v>30540</v>
      </c>
    </row>
    <row r="11182" spans="1:9">
      <c r="A11182" s="1">
        <f ca="1">RAND()</f>
        <v>0.96960651309927071</v>
      </c>
      <c r="B11182" s="1"/>
      <c r="C11182">
        <v>2</v>
      </c>
      <c r="D11182" t="s">
        <v>21893</v>
      </c>
      <c r="E11182" t="s">
        <v>33701</v>
      </c>
      <c r="F11182">
        <v>4</v>
      </c>
      <c r="G11182" t="s">
        <v>2</v>
      </c>
      <c r="H11182" t="s">
        <v>21894</v>
      </c>
      <c r="I11182" t="s">
        <v>30540</v>
      </c>
    </row>
    <row r="11183" spans="1:9">
      <c r="A11183" s="1">
        <f ca="1">RAND()</f>
        <v>0.63957105083619736</v>
      </c>
      <c r="B11183" s="1"/>
      <c r="C11183">
        <v>6</v>
      </c>
      <c r="D11183" t="s">
        <v>21897</v>
      </c>
      <c r="E11183" t="s">
        <v>33701</v>
      </c>
      <c r="F11183">
        <v>3</v>
      </c>
      <c r="G11183" t="s">
        <v>14</v>
      </c>
      <c r="H11183" t="s">
        <v>21898</v>
      </c>
      <c r="I11183" t="s">
        <v>30540</v>
      </c>
    </row>
    <row r="11184" spans="1:9">
      <c r="A11184" s="1">
        <f ca="1">RAND()</f>
        <v>0.28333901128584682</v>
      </c>
      <c r="B11184" s="1"/>
      <c r="C11184">
        <v>14</v>
      </c>
      <c r="D11184" t="s">
        <v>21899</v>
      </c>
      <c r="E11184" t="s">
        <v>33701</v>
      </c>
      <c r="F11184">
        <v>3</v>
      </c>
      <c r="G11184" t="s">
        <v>14</v>
      </c>
      <c r="H11184" t="s">
        <v>21900</v>
      </c>
      <c r="I11184" t="s">
        <v>30540</v>
      </c>
    </row>
    <row r="11185" spans="1:9">
      <c r="A11185" s="1">
        <f ca="1">RAND()</f>
        <v>0.48127534181083031</v>
      </c>
      <c r="B11185" s="1"/>
      <c r="C11185">
        <v>3</v>
      </c>
      <c r="D11185" t="s">
        <v>21895</v>
      </c>
      <c r="E11185" t="s">
        <v>33701</v>
      </c>
      <c r="F11185">
        <v>2</v>
      </c>
      <c r="G11185" t="s">
        <v>10</v>
      </c>
      <c r="H11185" t="s">
        <v>21896</v>
      </c>
      <c r="I11185" t="s">
        <v>30540</v>
      </c>
    </row>
    <row r="11186" spans="1:9">
      <c r="A11186" s="1">
        <f ca="1">RAND()</f>
        <v>0.18251753168571538</v>
      </c>
      <c r="B11186" s="1"/>
      <c r="C11186">
        <v>16</v>
      </c>
      <c r="D11186" t="s">
        <v>21891</v>
      </c>
      <c r="E11186" t="s">
        <v>33702</v>
      </c>
      <c r="F11186">
        <v>3</v>
      </c>
      <c r="G11186" t="s">
        <v>14</v>
      </c>
      <c r="H11186" t="s">
        <v>21892</v>
      </c>
      <c r="I11186" t="s">
        <v>30540</v>
      </c>
    </row>
    <row r="11187" spans="1:9">
      <c r="A11187" s="1">
        <f ca="1">RAND()</f>
        <v>0.29479827300691275</v>
      </c>
      <c r="B11187" s="1"/>
      <c r="C11187">
        <v>7</v>
      </c>
      <c r="D11187" t="s">
        <v>21889</v>
      </c>
      <c r="E11187" t="s">
        <v>33702</v>
      </c>
      <c r="F11187">
        <v>2</v>
      </c>
      <c r="G11187" t="s">
        <v>14</v>
      </c>
      <c r="H11187" t="s">
        <v>21890</v>
      </c>
      <c r="I11187" t="s">
        <v>30540</v>
      </c>
    </row>
    <row r="11188" spans="1:9">
      <c r="A11188" s="1">
        <f ca="1">RAND()</f>
        <v>0.59478050903271296</v>
      </c>
      <c r="B11188" s="1"/>
      <c r="C11188">
        <v>18</v>
      </c>
      <c r="D11188" t="s">
        <v>21887</v>
      </c>
      <c r="E11188" t="s">
        <v>33703</v>
      </c>
      <c r="F11188">
        <v>4</v>
      </c>
      <c r="G11188" t="s">
        <v>14</v>
      </c>
      <c r="H11188" t="s">
        <v>21888</v>
      </c>
      <c r="I11188" t="s">
        <v>30540</v>
      </c>
    </row>
    <row r="11189" spans="1:9">
      <c r="A11189" s="1">
        <f ca="1">RAND()</f>
        <v>0.69996845474344138</v>
      </c>
      <c r="B11189" s="1"/>
      <c r="C11189">
        <v>12</v>
      </c>
      <c r="D11189" t="s">
        <v>21885</v>
      </c>
      <c r="E11189" t="s">
        <v>33703</v>
      </c>
      <c r="F11189">
        <v>1</v>
      </c>
      <c r="G11189" t="s">
        <v>14</v>
      </c>
      <c r="H11189" t="s">
        <v>21886</v>
      </c>
      <c r="I11189" t="s">
        <v>30540</v>
      </c>
    </row>
    <row r="11190" spans="1:9">
      <c r="A11190" s="1">
        <f ca="1">RAND()</f>
        <v>0.31839874463394557</v>
      </c>
      <c r="B11190" s="1"/>
      <c r="C11190">
        <v>12</v>
      </c>
      <c r="D11190" t="s">
        <v>21881</v>
      </c>
      <c r="E11190" t="s">
        <v>33704</v>
      </c>
      <c r="F11190">
        <v>5</v>
      </c>
      <c r="G11190" t="s">
        <v>10</v>
      </c>
      <c r="H11190" t="s">
        <v>21882</v>
      </c>
      <c r="I11190" t="s">
        <v>30540</v>
      </c>
    </row>
    <row r="11191" spans="1:9">
      <c r="A11191" s="1">
        <f ca="1">RAND()</f>
        <v>0.58115093275566254</v>
      </c>
      <c r="B11191" s="1"/>
      <c r="C11191">
        <v>13</v>
      </c>
      <c r="D11191" t="s">
        <v>21883</v>
      </c>
      <c r="E11191" t="s">
        <v>33704</v>
      </c>
      <c r="F11191">
        <v>4</v>
      </c>
      <c r="G11191" t="s">
        <v>10</v>
      </c>
      <c r="H11191" t="s">
        <v>21884</v>
      </c>
      <c r="I11191" t="s">
        <v>30540</v>
      </c>
    </row>
    <row r="11192" spans="1:9">
      <c r="A11192" s="1">
        <f ca="1">RAND()</f>
        <v>0.67554458177951349</v>
      </c>
      <c r="B11192" s="1"/>
      <c r="C11192">
        <v>3</v>
      </c>
      <c r="D11192" t="s">
        <v>21879</v>
      </c>
      <c r="E11192" t="s">
        <v>33704</v>
      </c>
      <c r="F11192">
        <v>4</v>
      </c>
      <c r="G11192" t="s">
        <v>0</v>
      </c>
      <c r="H11192" t="s">
        <v>21880</v>
      </c>
      <c r="I11192" t="s">
        <v>30540</v>
      </c>
    </row>
    <row r="11193" spans="1:9">
      <c r="A11193" s="1">
        <f ca="1">RAND()</f>
        <v>3.6712440303958704E-2</v>
      </c>
      <c r="B11193" s="1"/>
      <c r="C11193">
        <v>13</v>
      </c>
      <c r="D11193" t="s">
        <v>21875</v>
      </c>
      <c r="E11193" t="s">
        <v>33705</v>
      </c>
      <c r="F11193">
        <v>5</v>
      </c>
      <c r="G11193" t="s">
        <v>2738</v>
      </c>
      <c r="H11193" t="s">
        <v>21876</v>
      </c>
      <c r="I11193" t="s">
        <v>30540</v>
      </c>
    </row>
    <row r="11194" spans="1:9">
      <c r="A11194" s="1">
        <f ca="1">RAND()</f>
        <v>0.43622848852626828</v>
      </c>
      <c r="B11194" s="1"/>
      <c r="C11194">
        <v>16</v>
      </c>
      <c r="D11194" t="s">
        <v>21877</v>
      </c>
      <c r="E11194" t="s">
        <v>33705</v>
      </c>
      <c r="F11194">
        <v>5</v>
      </c>
      <c r="G11194" t="s">
        <v>1426</v>
      </c>
      <c r="H11194" t="s">
        <v>21878</v>
      </c>
      <c r="I11194" t="s">
        <v>30540</v>
      </c>
    </row>
    <row r="11195" spans="1:9">
      <c r="A11195" s="1">
        <f ca="1">RAND()</f>
        <v>0.13068711278798117</v>
      </c>
      <c r="B11195" s="1"/>
      <c r="C11195">
        <v>1</v>
      </c>
      <c r="D11195" t="s">
        <v>21873</v>
      </c>
      <c r="E11195" t="s">
        <v>33705</v>
      </c>
      <c r="F11195">
        <v>5</v>
      </c>
      <c r="G11195" t="s">
        <v>10</v>
      </c>
      <c r="H11195" t="s">
        <v>21874</v>
      </c>
      <c r="I11195" t="s">
        <v>30540</v>
      </c>
    </row>
    <row r="11196" spans="1:9">
      <c r="A11196" s="1">
        <f ca="1">RAND()</f>
        <v>0.23003346153936</v>
      </c>
      <c r="B11196" s="1"/>
      <c r="C11196">
        <v>13</v>
      </c>
      <c r="D11196" t="s">
        <v>21871</v>
      </c>
      <c r="E11196" t="s">
        <v>33706</v>
      </c>
      <c r="F11196">
        <v>4</v>
      </c>
      <c r="G11196" t="s">
        <v>14</v>
      </c>
      <c r="H11196" t="s">
        <v>21872</v>
      </c>
      <c r="I11196" t="s">
        <v>30540</v>
      </c>
    </row>
    <row r="11197" spans="1:9">
      <c r="A11197" s="1">
        <f ca="1">RAND()</f>
        <v>0.84706059623702612</v>
      </c>
      <c r="B11197" s="1"/>
      <c r="C11197">
        <v>12</v>
      </c>
      <c r="D11197" t="s">
        <v>21869</v>
      </c>
      <c r="E11197" t="s">
        <v>33706</v>
      </c>
      <c r="F11197">
        <v>4</v>
      </c>
      <c r="G11197" t="s">
        <v>14</v>
      </c>
      <c r="H11197" t="s">
        <v>21870</v>
      </c>
      <c r="I11197" t="s">
        <v>30540</v>
      </c>
    </row>
    <row r="11198" spans="1:9">
      <c r="A11198" s="1">
        <f ca="1">RAND()</f>
        <v>0.6887212476295469</v>
      </c>
      <c r="B11198" s="1"/>
      <c r="C11198">
        <v>13</v>
      </c>
      <c r="D11198" t="s">
        <v>21865</v>
      </c>
      <c r="E11198" t="s">
        <v>33707</v>
      </c>
      <c r="F11198">
        <v>4</v>
      </c>
      <c r="G11198" t="s">
        <v>14</v>
      </c>
      <c r="H11198" t="s">
        <v>21866</v>
      </c>
      <c r="I11198" t="s">
        <v>30540</v>
      </c>
    </row>
    <row r="11199" spans="1:9">
      <c r="A11199" s="1">
        <f ca="1">RAND()</f>
        <v>0.22202142576868023</v>
      </c>
      <c r="B11199" s="1"/>
      <c r="C11199">
        <v>11</v>
      </c>
      <c r="D11199" t="s">
        <v>21863</v>
      </c>
      <c r="E11199" t="s">
        <v>33707</v>
      </c>
      <c r="F11199">
        <v>4</v>
      </c>
      <c r="G11199" t="s">
        <v>14</v>
      </c>
      <c r="H11199" t="s">
        <v>21864</v>
      </c>
      <c r="I11199" t="s">
        <v>30540</v>
      </c>
    </row>
    <row r="11200" spans="1:9">
      <c r="A11200" s="1">
        <f ca="1">RAND()</f>
        <v>0.67781365027204632</v>
      </c>
      <c r="B11200" s="1"/>
      <c r="C11200">
        <v>9</v>
      </c>
      <c r="D11200" t="s">
        <v>21861</v>
      </c>
      <c r="E11200" t="s">
        <v>33707</v>
      </c>
      <c r="F11200">
        <v>4</v>
      </c>
      <c r="G11200" t="s">
        <v>14</v>
      </c>
      <c r="H11200" t="s">
        <v>21862</v>
      </c>
      <c r="I11200" t="s">
        <v>30540</v>
      </c>
    </row>
    <row r="11201" spans="1:9">
      <c r="A11201" s="1">
        <f ca="1">RAND()</f>
        <v>0.31639908775949976</v>
      </c>
      <c r="B11201" s="1"/>
      <c r="C11201">
        <v>17</v>
      </c>
      <c r="D11201" t="s">
        <v>21867</v>
      </c>
      <c r="E11201" t="s">
        <v>33707</v>
      </c>
      <c r="F11201">
        <v>2</v>
      </c>
      <c r="G11201" t="s">
        <v>1</v>
      </c>
      <c r="H11201" t="s">
        <v>21868</v>
      </c>
      <c r="I11201" t="s">
        <v>30540</v>
      </c>
    </row>
    <row r="11202" spans="1:9">
      <c r="A11202" s="1">
        <f ca="1">RAND()</f>
        <v>0.32639070521212521</v>
      </c>
      <c r="B11202" s="1"/>
      <c r="C11202">
        <v>2</v>
      </c>
      <c r="D11202" t="s">
        <v>21853</v>
      </c>
      <c r="E11202" t="s">
        <v>33708</v>
      </c>
      <c r="F11202">
        <v>5</v>
      </c>
      <c r="G11202" t="s">
        <v>14</v>
      </c>
      <c r="H11202" t="s">
        <v>21854</v>
      </c>
      <c r="I11202" t="s">
        <v>30540</v>
      </c>
    </row>
    <row r="11203" spans="1:9">
      <c r="A11203" s="1">
        <f ca="1">RAND()</f>
        <v>0.75420075097106321</v>
      </c>
      <c r="B11203" s="1"/>
      <c r="C11203">
        <v>13</v>
      </c>
      <c r="D11203" t="s">
        <v>21859</v>
      </c>
      <c r="E11203" t="s">
        <v>33708</v>
      </c>
      <c r="F11203">
        <v>4</v>
      </c>
      <c r="G11203" t="s">
        <v>14</v>
      </c>
      <c r="H11203" t="s">
        <v>21860</v>
      </c>
      <c r="I11203" t="s">
        <v>30540</v>
      </c>
    </row>
    <row r="11204" spans="1:9">
      <c r="A11204" s="1">
        <f ca="1">RAND()</f>
        <v>0.79566114802322596</v>
      </c>
      <c r="B11204" s="1"/>
      <c r="C11204">
        <v>5</v>
      </c>
      <c r="D11204" t="s">
        <v>21855</v>
      </c>
      <c r="E11204" t="s">
        <v>33708</v>
      </c>
      <c r="F11204">
        <v>4</v>
      </c>
      <c r="G11204" t="s">
        <v>9</v>
      </c>
      <c r="H11204" t="s">
        <v>21856</v>
      </c>
      <c r="I11204" t="s">
        <v>30540</v>
      </c>
    </row>
    <row r="11205" spans="1:9">
      <c r="A11205" s="1">
        <f ca="1">RAND()</f>
        <v>0.17647097412020207</v>
      </c>
      <c r="B11205" s="1"/>
      <c r="C11205">
        <v>1</v>
      </c>
      <c r="D11205" t="s">
        <v>21851</v>
      </c>
      <c r="E11205" t="s">
        <v>33708</v>
      </c>
      <c r="F11205">
        <v>2</v>
      </c>
      <c r="G11205" t="s">
        <v>2</v>
      </c>
      <c r="H11205" t="s">
        <v>21852</v>
      </c>
      <c r="I11205" t="s">
        <v>30540</v>
      </c>
    </row>
    <row r="11206" spans="1:9">
      <c r="A11206" s="1">
        <f ca="1">RAND()</f>
        <v>0.71606504456514064</v>
      </c>
      <c r="B11206" s="1"/>
      <c r="C11206">
        <v>6</v>
      </c>
      <c r="D11206" t="s">
        <v>21857</v>
      </c>
      <c r="E11206" t="s">
        <v>33708</v>
      </c>
      <c r="F11206">
        <v>2</v>
      </c>
      <c r="G11206" t="s">
        <v>14</v>
      </c>
      <c r="H11206" t="s">
        <v>21858</v>
      </c>
      <c r="I11206" t="s">
        <v>30540</v>
      </c>
    </row>
    <row r="11207" spans="1:9">
      <c r="A11207" s="1">
        <f ca="1">RAND()</f>
        <v>0.939462595857807</v>
      </c>
      <c r="B11207" s="1"/>
      <c r="C11207">
        <v>14</v>
      </c>
      <c r="D11207" t="s">
        <v>21849</v>
      </c>
      <c r="E11207" t="s">
        <v>33709</v>
      </c>
      <c r="F11207">
        <v>5</v>
      </c>
      <c r="G11207" t="s">
        <v>14</v>
      </c>
      <c r="H11207" t="s">
        <v>21850</v>
      </c>
      <c r="I11207" t="s">
        <v>30540</v>
      </c>
    </row>
    <row r="11208" spans="1:9">
      <c r="A11208" s="1">
        <f ca="1">RAND()</f>
        <v>0.85821802914891965</v>
      </c>
      <c r="B11208" s="1"/>
      <c r="C11208">
        <v>7</v>
      </c>
      <c r="D11208" t="s">
        <v>21847</v>
      </c>
      <c r="E11208" t="s">
        <v>33709</v>
      </c>
      <c r="F11208">
        <v>5</v>
      </c>
      <c r="G11208" t="s">
        <v>14</v>
      </c>
      <c r="H11208" t="s">
        <v>21848</v>
      </c>
      <c r="I11208" t="s">
        <v>30540</v>
      </c>
    </row>
    <row r="11209" spans="1:9">
      <c r="A11209" s="1">
        <f ca="1">RAND()</f>
        <v>0.47512969832324159</v>
      </c>
      <c r="B11209" s="1"/>
      <c r="C11209">
        <v>6</v>
      </c>
      <c r="D11209" t="s">
        <v>21845</v>
      </c>
      <c r="E11209" t="s">
        <v>33709</v>
      </c>
      <c r="F11209">
        <v>4</v>
      </c>
      <c r="G11209" t="s">
        <v>14</v>
      </c>
      <c r="H11209" t="s">
        <v>21846</v>
      </c>
      <c r="I11209" t="s">
        <v>30540</v>
      </c>
    </row>
    <row r="11210" spans="1:9">
      <c r="A11210" s="1">
        <f ca="1">RAND()</f>
        <v>0.43293612339375809</v>
      </c>
      <c r="B11210" s="1"/>
      <c r="C11210">
        <v>3</v>
      </c>
      <c r="D11210" t="s">
        <v>21837</v>
      </c>
      <c r="E11210" t="s">
        <v>33710</v>
      </c>
      <c r="F11210">
        <v>4</v>
      </c>
      <c r="G11210" t="s">
        <v>9</v>
      </c>
      <c r="H11210" t="s">
        <v>21838</v>
      </c>
      <c r="I11210" t="s">
        <v>30540</v>
      </c>
    </row>
    <row r="11211" spans="1:9">
      <c r="A11211" s="1">
        <f ca="1">RAND()</f>
        <v>0.39782155342451708</v>
      </c>
      <c r="B11211" s="1"/>
      <c r="C11211">
        <v>10</v>
      </c>
      <c r="D11211" t="s">
        <v>21839</v>
      </c>
      <c r="E11211" t="s">
        <v>33710</v>
      </c>
      <c r="F11211">
        <v>4</v>
      </c>
      <c r="G11211" t="s">
        <v>15</v>
      </c>
      <c r="H11211" t="s">
        <v>21840</v>
      </c>
      <c r="I11211" t="s">
        <v>30540</v>
      </c>
    </row>
    <row r="11212" spans="1:9">
      <c r="A11212" s="1">
        <f ca="1">RAND()</f>
        <v>0.56043420561225021</v>
      </c>
      <c r="B11212" s="1"/>
      <c r="C11212">
        <v>2</v>
      </c>
      <c r="D11212" t="s">
        <v>21835</v>
      </c>
      <c r="E11212" t="s">
        <v>33710</v>
      </c>
      <c r="F11212">
        <v>4</v>
      </c>
      <c r="G11212" t="s">
        <v>15</v>
      </c>
      <c r="H11212" t="s">
        <v>21836</v>
      </c>
      <c r="I11212" t="s">
        <v>30540</v>
      </c>
    </row>
    <row r="11213" spans="1:9">
      <c r="A11213" s="1">
        <f ca="1">RAND()</f>
        <v>0.38121110575567008</v>
      </c>
      <c r="B11213" s="1"/>
      <c r="C11213">
        <v>18</v>
      </c>
      <c r="D11213" t="s">
        <v>21843</v>
      </c>
      <c r="E11213" t="s">
        <v>33710</v>
      </c>
      <c r="F11213">
        <v>3</v>
      </c>
      <c r="G11213" t="s">
        <v>10</v>
      </c>
      <c r="H11213" t="s">
        <v>21844</v>
      </c>
      <c r="I11213" t="s">
        <v>30540</v>
      </c>
    </row>
    <row r="11214" spans="1:9">
      <c r="A11214" s="1">
        <f ca="1">RAND()</f>
        <v>0.2031703109197428</v>
      </c>
      <c r="B11214" s="1"/>
      <c r="C11214">
        <v>1</v>
      </c>
      <c r="D11214" t="s">
        <v>21833</v>
      </c>
      <c r="E11214" t="s">
        <v>33710</v>
      </c>
      <c r="F11214">
        <v>3</v>
      </c>
      <c r="G11214" t="s">
        <v>775</v>
      </c>
      <c r="H11214" t="s">
        <v>21834</v>
      </c>
      <c r="I11214" t="s">
        <v>30540</v>
      </c>
    </row>
    <row r="11215" spans="1:9">
      <c r="A11215" s="1">
        <f ca="1">RAND()</f>
        <v>7.0518358523096847E-2</v>
      </c>
      <c r="B11215" s="1"/>
      <c r="C11215">
        <v>13</v>
      </c>
      <c r="D11215" t="s">
        <v>21841</v>
      </c>
      <c r="E11215" t="s">
        <v>33710</v>
      </c>
      <c r="F11215">
        <v>1</v>
      </c>
      <c r="G11215" t="s">
        <v>9</v>
      </c>
      <c r="H11215" t="s">
        <v>21842</v>
      </c>
      <c r="I11215" t="s">
        <v>30540</v>
      </c>
    </row>
    <row r="11216" spans="1:9">
      <c r="A11216" s="1">
        <f ca="1">RAND()</f>
        <v>0.59260401182480016</v>
      </c>
      <c r="B11216" s="1"/>
      <c r="C11216">
        <v>12</v>
      </c>
      <c r="D11216" t="s">
        <v>21827</v>
      </c>
      <c r="E11216" t="s">
        <v>33711</v>
      </c>
      <c r="F11216">
        <v>4</v>
      </c>
      <c r="G11216" t="s">
        <v>14</v>
      </c>
      <c r="H11216" t="s">
        <v>21828</v>
      </c>
      <c r="I11216" t="s">
        <v>30540</v>
      </c>
    </row>
    <row r="11217" spans="1:9">
      <c r="A11217" s="1">
        <f ca="1">RAND()</f>
        <v>0.53908083079982494</v>
      </c>
      <c r="B11217" s="1"/>
      <c r="C11217">
        <v>14</v>
      </c>
      <c r="D11217" t="s">
        <v>21831</v>
      </c>
      <c r="E11217" t="s">
        <v>33711</v>
      </c>
      <c r="F11217">
        <v>4</v>
      </c>
      <c r="G11217" t="s">
        <v>2</v>
      </c>
      <c r="H11217" t="s">
        <v>21832</v>
      </c>
      <c r="I11217" t="s">
        <v>30540</v>
      </c>
    </row>
    <row r="11218" spans="1:9">
      <c r="A11218" s="1">
        <f ca="1">RAND()</f>
        <v>0.44354859214103937</v>
      </c>
      <c r="B11218" s="1"/>
      <c r="C11218">
        <v>13</v>
      </c>
      <c r="D11218" t="s">
        <v>21829</v>
      </c>
      <c r="E11218" t="s">
        <v>33711</v>
      </c>
      <c r="F11218">
        <v>4</v>
      </c>
      <c r="G11218" t="s">
        <v>15</v>
      </c>
      <c r="H11218" t="s">
        <v>21830</v>
      </c>
      <c r="I11218" t="s">
        <v>30540</v>
      </c>
    </row>
    <row r="11219" spans="1:9">
      <c r="A11219" s="1">
        <f ca="1">RAND()</f>
        <v>0.9348069171353528</v>
      </c>
      <c r="B11219" s="1"/>
      <c r="C11219">
        <v>4</v>
      </c>
      <c r="D11219" t="s">
        <v>21825</v>
      </c>
      <c r="E11219" t="s">
        <v>33711</v>
      </c>
      <c r="F11219">
        <v>4</v>
      </c>
      <c r="G11219" t="s">
        <v>2</v>
      </c>
      <c r="H11219" t="s">
        <v>21826</v>
      </c>
      <c r="I11219" t="s">
        <v>30540</v>
      </c>
    </row>
    <row r="11220" spans="1:9">
      <c r="A11220" s="1">
        <f ca="1">RAND()</f>
        <v>2.4186105341387543E-2</v>
      </c>
      <c r="B11220" s="1"/>
      <c r="C11220">
        <v>3</v>
      </c>
      <c r="D11220" t="s">
        <v>21823</v>
      </c>
      <c r="E11220" t="s">
        <v>33711</v>
      </c>
      <c r="F11220">
        <v>3</v>
      </c>
      <c r="G11220" t="s">
        <v>2</v>
      </c>
      <c r="H11220" t="s">
        <v>21824</v>
      </c>
      <c r="I11220" t="s">
        <v>30540</v>
      </c>
    </row>
    <row r="11221" spans="1:9">
      <c r="A11221" s="1">
        <f ca="1">RAND()</f>
        <v>0.24532983469795755</v>
      </c>
      <c r="B11221" s="1"/>
      <c r="C11221">
        <v>13</v>
      </c>
      <c r="D11221" t="s">
        <v>21821</v>
      </c>
      <c r="E11221" t="s">
        <v>33712</v>
      </c>
      <c r="F11221">
        <v>4</v>
      </c>
      <c r="G11221" t="s">
        <v>0</v>
      </c>
      <c r="H11221" t="s">
        <v>21822</v>
      </c>
      <c r="I11221" t="s">
        <v>30540</v>
      </c>
    </row>
    <row r="11222" spans="1:9">
      <c r="A11222" s="1">
        <f ca="1">RAND()</f>
        <v>0.29651038215845904</v>
      </c>
      <c r="B11222" s="1"/>
      <c r="C11222">
        <v>8</v>
      </c>
      <c r="D11222" t="s">
        <v>21815</v>
      </c>
      <c r="E11222" t="s">
        <v>33712</v>
      </c>
      <c r="F11222">
        <v>3</v>
      </c>
      <c r="G11222" t="s">
        <v>14</v>
      </c>
      <c r="H11222" t="s">
        <v>21816</v>
      </c>
      <c r="I11222" t="s">
        <v>30540</v>
      </c>
    </row>
    <row r="11223" spans="1:9">
      <c r="A11223" s="1">
        <f ca="1">RAND()</f>
        <v>0.26080218230337315</v>
      </c>
      <c r="B11223" s="1"/>
      <c r="C11223">
        <v>9</v>
      </c>
      <c r="D11223" t="s">
        <v>21817</v>
      </c>
      <c r="E11223" t="s">
        <v>33712</v>
      </c>
      <c r="F11223">
        <v>3</v>
      </c>
      <c r="G11223" t="s">
        <v>14</v>
      </c>
      <c r="H11223" t="s">
        <v>21818</v>
      </c>
      <c r="I11223" t="s">
        <v>30540</v>
      </c>
    </row>
    <row r="11224" spans="1:9">
      <c r="A11224" s="1">
        <f ca="1">RAND()</f>
        <v>0.92698157662302449</v>
      </c>
      <c r="B11224" s="1"/>
      <c r="C11224">
        <v>10</v>
      </c>
      <c r="D11224" t="s">
        <v>21819</v>
      </c>
      <c r="E11224" t="s">
        <v>33712</v>
      </c>
      <c r="F11224">
        <v>2</v>
      </c>
      <c r="G11224" t="s">
        <v>14</v>
      </c>
      <c r="H11224" t="s">
        <v>21820</v>
      </c>
      <c r="I11224" t="s">
        <v>30540</v>
      </c>
    </row>
    <row r="11225" spans="1:9">
      <c r="A11225" s="1">
        <f ca="1">RAND()</f>
        <v>0.22578207512121407</v>
      </c>
      <c r="B11225" s="1"/>
      <c r="C11225">
        <v>7</v>
      </c>
      <c r="D11225" t="s">
        <v>21809</v>
      </c>
      <c r="E11225" t="s">
        <v>33713</v>
      </c>
      <c r="F11225">
        <v>2</v>
      </c>
      <c r="G11225" t="s">
        <v>14</v>
      </c>
      <c r="H11225" t="s">
        <v>21810</v>
      </c>
      <c r="I11225" t="s">
        <v>30540</v>
      </c>
    </row>
    <row r="11226" spans="1:9">
      <c r="A11226" s="1">
        <f ca="1">RAND()</f>
        <v>0.2109046228771112</v>
      </c>
      <c r="B11226" s="1"/>
      <c r="C11226">
        <v>10</v>
      </c>
      <c r="D11226" t="s">
        <v>21811</v>
      </c>
      <c r="E11226" t="s">
        <v>33713</v>
      </c>
      <c r="F11226">
        <v>2</v>
      </c>
      <c r="G11226" t="s">
        <v>14</v>
      </c>
      <c r="H11226" t="s">
        <v>21812</v>
      </c>
      <c r="I11226" t="s">
        <v>30540</v>
      </c>
    </row>
    <row r="11227" spans="1:9">
      <c r="A11227" s="1">
        <f ca="1">RAND()</f>
        <v>0.38287627823744619</v>
      </c>
      <c r="B11227" s="1"/>
      <c r="C11227">
        <v>12</v>
      </c>
      <c r="D11227" t="s">
        <v>21813</v>
      </c>
      <c r="E11227" t="s">
        <v>33713</v>
      </c>
      <c r="F11227">
        <v>2</v>
      </c>
      <c r="G11227" t="s">
        <v>14</v>
      </c>
      <c r="H11227" t="s">
        <v>21814</v>
      </c>
      <c r="I11227" t="s">
        <v>30540</v>
      </c>
    </row>
    <row r="11228" spans="1:9">
      <c r="A11228" s="1">
        <f ca="1">RAND()</f>
        <v>0.2765713378780611</v>
      </c>
      <c r="B11228" s="1"/>
      <c r="C11228">
        <v>13</v>
      </c>
      <c r="D11228" t="s">
        <v>21807</v>
      </c>
      <c r="E11228" t="s">
        <v>33714</v>
      </c>
      <c r="F11228">
        <v>4</v>
      </c>
      <c r="G11228" t="s">
        <v>0</v>
      </c>
      <c r="H11228" t="s">
        <v>21808</v>
      </c>
      <c r="I11228" t="s">
        <v>30540</v>
      </c>
    </row>
    <row r="11229" spans="1:9">
      <c r="A11229" s="1">
        <f ca="1">RAND()</f>
        <v>0.81330349830631987</v>
      </c>
      <c r="B11229" s="1"/>
      <c r="C11229">
        <v>12</v>
      </c>
      <c r="D11229" t="s">
        <v>21805</v>
      </c>
      <c r="E11229" t="s">
        <v>33714</v>
      </c>
      <c r="F11229">
        <v>2</v>
      </c>
      <c r="G11229" t="s">
        <v>10</v>
      </c>
      <c r="H11229" t="s">
        <v>21806</v>
      </c>
      <c r="I11229" t="s">
        <v>30540</v>
      </c>
    </row>
    <row r="11230" spans="1:9">
      <c r="A11230" s="1">
        <f ca="1">RAND()</f>
        <v>0.3992790703826552</v>
      </c>
      <c r="B11230" s="1"/>
      <c r="C11230">
        <v>20</v>
      </c>
      <c r="D11230" t="s">
        <v>21803</v>
      </c>
      <c r="E11230" t="s">
        <v>33715</v>
      </c>
      <c r="F11230">
        <v>4</v>
      </c>
      <c r="G11230" t="s">
        <v>765</v>
      </c>
      <c r="H11230" t="s">
        <v>21804</v>
      </c>
      <c r="I11230" t="s">
        <v>30540</v>
      </c>
    </row>
    <row r="11231" spans="1:9">
      <c r="A11231" s="1">
        <f ca="1">RAND()</f>
        <v>0.1880304723545031</v>
      </c>
      <c r="B11231" s="1"/>
      <c r="C11231">
        <v>1</v>
      </c>
      <c r="D11231" t="s">
        <v>21799</v>
      </c>
      <c r="E11231" t="s">
        <v>33715</v>
      </c>
      <c r="F11231">
        <v>4</v>
      </c>
      <c r="G11231" t="s">
        <v>10</v>
      </c>
      <c r="H11231" t="s">
        <v>21800</v>
      </c>
      <c r="I11231" t="s">
        <v>30540</v>
      </c>
    </row>
    <row r="11232" spans="1:9">
      <c r="A11232" s="1">
        <f ca="1">RAND()</f>
        <v>0.64989216659506521</v>
      </c>
      <c r="B11232" s="1"/>
      <c r="C11232">
        <v>19</v>
      </c>
      <c r="D11232" t="s">
        <v>21801</v>
      </c>
      <c r="E11232" t="s">
        <v>33715</v>
      </c>
      <c r="F11232">
        <v>3</v>
      </c>
      <c r="G11232" t="s">
        <v>770</v>
      </c>
      <c r="H11232" t="s">
        <v>21802</v>
      </c>
      <c r="I11232" t="s">
        <v>30540</v>
      </c>
    </row>
    <row r="11233" spans="1:9">
      <c r="A11233" s="1">
        <f ca="1">RAND()</f>
        <v>0.2117295271740246</v>
      </c>
      <c r="B11233" s="1"/>
      <c r="C11233">
        <v>9</v>
      </c>
      <c r="D11233" t="s">
        <v>21795</v>
      </c>
      <c r="E11233" t="s">
        <v>33716</v>
      </c>
      <c r="F11233">
        <v>4</v>
      </c>
      <c r="G11233" t="s">
        <v>14</v>
      </c>
      <c r="H11233" t="s">
        <v>21796</v>
      </c>
      <c r="I11233" t="s">
        <v>30540</v>
      </c>
    </row>
    <row r="11234" spans="1:9">
      <c r="A11234" s="1">
        <f ca="1">RAND()</f>
        <v>0.92426353194653554</v>
      </c>
      <c r="B11234" s="1"/>
      <c r="C11234">
        <v>13</v>
      </c>
      <c r="D11234" t="s">
        <v>21797</v>
      </c>
      <c r="E11234" t="s">
        <v>33716</v>
      </c>
      <c r="F11234">
        <v>2</v>
      </c>
      <c r="G11234" t="s">
        <v>14</v>
      </c>
      <c r="H11234" t="s">
        <v>21798</v>
      </c>
      <c r="I11234" t="s">
        <v>30540</v>
      </c>
    </row>
    <row r="11235" spans="1:9">
      <c r="A11235" s="1">
        <f ca="1">RAND()</f>
        <v>0.86892306780803863</v>
      </c>
      <c r="B11235" s="1"/>
      <c r="C11235">
        <v>7</v>
      </c>
      <c r="D11235" t="s">
        <v>21791</v>
      </c>
      <c r="E11235" t="s">
        <v>33717</v>
      </c>
      <c r="F11235">
        <v>5</v>
      </c>
      <c r="G11235" t="s">
        <v>0</v>
      </c>
      <c r="H11235" t="s">
        <v>21792</v>
      </c>
      <c r="I11235" t="s">
        <v>30540</v>
      </c>
    </row>
    <row r="11236" spans="1:9">
      <c r="A11236" s="1">
        <f ca="1">RAND()</f>
        <v>0.66450049726600291</v>
      </c>
      <c r="B11236" s="1"/>
      <c r="C11236">
        <v>6</v>
      </c>
      <c r="D11236" t="s">
        <v>21789</v>
      </c>
      <c r="E11236" t="s">
        <v>33717</v>
      </c>
      <c r="F11236">
        <v>4</v>
      </c>
      <c r="G11236" t="s">
        <v>14</v>
      </c>
      <c r="H11236" t="s">
        <v>21790</v>
      </c>
      <c r="I11236" t="s">
        <v>30540</v>
      </c>
    </row>
    <row r="11237" spans="1:9">
      <c r="A11237" s="1">
        <f ca="1">RAND()</f>
        <v>0.49674147590275175</v>
      </c>
      <c r="B11237" s="1"/>
      <c r="C11237">
        <v>5</v>
      </c>
      <c r="D11237" t="s">
        <v>21787</v>
      </c>
      <c r="E11237" t="s">
        <v>33717</v>
      </c>
      <c r="F11237">
        <v>4</v>
      </c>
      <c r="G11237" t="s">
        <v>14</v>
      </c>
      <c r="H11237" t="s">
        <v>21788</v>
      </c>
      <c r="I11237" t="s">
        <v>30540</v>
      </c>
    </row>
    <row r="11238" spans="1:9">
      <c r="A11238" s="1">
        <f ca="1">RAND()</f>
        <v>0.95211203939878053</v>
      </c>
      <c r="B11238" s="1"/>
      <c r="C11238">
        <v>11</v>
      </c>
      <c r="D11238" t="s">
        <v>21793</v>
      </c>
      <c r="E11238" t="s">
        <v>33717</v>
      </c>
      <c r="F11238">
        <v>2</v>
      </c>
      <c r="G11238" t="s">
        <v>14</v>
      </c>
      <c r="H11238" t="s">
        <v>21794</v>
      </c>
      <c r="I11238" t="s">
        <v>30540</v>
      </c>
    </row>
    <row r="11239" spans="1:9">
      <c r="A11239" s="1">
        <f ca="1">RAND()</f>
        <v>0.46942409537769714</v>
      </c>
      <c r="B11239" s="1"/>
      <c r="C11239">
        <v>2</v>
      </c>
      <c r="D11239" t="s">
        <v>21785</v>
      </c>
      <c r="E11239" t="s">
        <v>33717</v>
      </c>
      <c r="F11239">
        <v>2</v>
      </c>
      <c r="G11239" t="s">
        <v>2</v>
      </c>
      <c r="H11239" t="s">
        <v>21786</v>
      </c>
      <c r="I11239" t="s">
        <v>30540</v>
      </c>
    </row>
    <row r="11240" spans="1:9">
      <c r="A11240" s="1">
        <f ca="1">RAND()</f>
        <v>0.54845775228529048</v>
      </c>
      <c r="B11240" s="1"/>
      <c r="C11240">
        <v>9</v>
      </c>
      <c r="D11240" t="s">
        <v>21781</v>
      </c>
      <c r="E11240" t="s">
        <v>33718</v>
      </c>
      <c r="F11240">
        <v>4</v>
      </c>
      <c r="G11240" t="s">
        <v>14</v>
      </c>
      <c r="H11240" t="s">
        <v>21782</v>
      </c>
      <c r="I11240" t="s">
        <v>30540</v>
      </c>
    </row>
    <row r="11241" spans="1:9">
      <c r="A11241" s="1">
        <f ca="1">RAND()</f>
        <v>0.72103122237831407</v>
      </c>
      <c r="B11241" s="1"/>
      <c r="C11241">
        <v>10</v>
      </c>
      <c r="D11241" t="s">
        <v>21783</v>
      </c>
      <c r="E11241" t="s">
        <v>33718</v>
      </c>
      <c r="F11241">
        <v>4</v>
      </c>
      <c r="G11241" t="s">
        <v>14</v>
      </c>
      <c r="H11241" t="s">
        <v>21784</v>
      </c>
      <c r="I11241" t="s">
        <v>30540</v>
      </c>
    </row>
    <row r="11242" spans="1:9">
      <c r="A11242" s="1">
        <f ca="1">RAND()</f>
        <v>0.84594789899185541</v>
      </c>
      <c r="B11242" s="1"/>
      <c r="C11242">
        <v>8</v>
      </c>
      <c r="D11242" t="s">
        <v>21779</v>
      </c>
      <c r="E11242" t="s">
        <v>33718</v>
      </c>
      <c r="F11242">
        <v>4</v>
      </c>
      <c r="G11242" t="s">
        <v>9</v>
      </c>
      <c r="H11242" t="s">
        <v>21780</v>
      </c>
      <c r="I11242" t="s">
        <v>30540</v>
      </c>
    </row>
    <row r="11243" spans="1:9">
      <c r="A11243" s="1">
        <f ca="1">RAND()</f>
        <v>0.73773161718896529</v>
      </c>
      <c r="B11243" s="1"/>
      <c r="C11243">
        <v>10</v>
      </c>
      <c r="D11243" t="s">
        <v>21773</v>
      </c>
      <c r="E11243" t="s">
        <v>33719</v>
      </c>
      <c r="F11243">
        <v>4</v>
      </c>
      <c r="G11243" t="s">
        <v>3732</v>
      </c>
      <c r="H11243" t="s">
        <v>21774</v>
      </c>
      <c r="I11243" t="s">
        <v>30540</v>
      </c>
    </row>
    <row r="11244" spans="1:9">
      <c r="A11244" s="1">
        <f ca="1">RAND()</f>
        <v>0.76535986166621861</v>
      </c>
      <c r="B11244" s="1"/>
      <c r="C11244">
        <v>11</v>
      </c>
      <c r="D11244" t="s">
        <v>21775</v>
      </c>
      <c r="E11244" t="s">
        <v>33719</v>
      </c>
      <c r="F11244">
        <v>4</v>
      </c>
      <c r="G11244" t="s">
        <v>2738</v>
      </c>
      <c r="H11244" t="s">
        <v>21776</v>
      </c>
      <c r="I11244" t="s">
        <v>30540</v>
      </c>
    </row>
    <row r="11245" spans="1:9">
      <c r="A11245" s="1">
        <f ca="1">RAND()</f>
        <v>0.30576336409489202</v>
      </c>
      <c r="B11245" s="1"/>
      <c r="C11245">
        <v>2</v>
      </c>
      <c r="D11245" t="s">
        <v>21767</v>
      </c>
      <c r="E11245" t="s">
        <v>33719</v>
      </c>
      <c r="F11245">
        <v>4</v>
      </c>
      <c r="G11245" t="s">
        <v>770</v>
      </c>
      <c r="H11245" t="s">
        <v>21768</v>
      </c>
      <c r="I11245" t="s">
        <v>30540</v>
      </c>
    </row>
    <row r="11246" spans="1:9">
      <c r="A11246" s="1">
        <f ca="1">RAND()</f>
        <v>0.75483280864089819</v>
      </c>
      <c r="B11246" s="1"/>
      <c r="C11246">
        <v>8</v>
      </c>
      <c r="D11246" t="s">
        <v>21771</v>
      </c>
      <c r="E11246" t="s">
        <v>33719</v>
      </c>
      <c r="F11246">
        <v>3</v>
      </c>
      <c r="G11246" t="s">
        <v>14</v>
      </c>
      <c r="H11246" t="s">
        <v>21772</v>
      </c>
      <c r="I11246" t="s">
        <v>30540</v>
      </c>
    </row>
    <row r="11247" spans="1:9">
      <c r="A11247" s="1">
        <f ca="1">RAND()</f>
        <v>0.79282275815419412</v>
      </c>
      <c r="B11247" s="1"/>
      <c r="C11247">
        <v>6</v>
      </c>
      <c r="D11247" t="s">
        <v>21769</v>
      </c>
      <c r="E11247" t="s">
        <v>33719</v>
      </c>
      <c r="F11247">
        <v>2</v>
      </c>
      <c r="G11247" t="s">
        <v>10</v>
      </c>
      <c r="H11247" t="s">
        <v>21770</v>
      </c>
      <c r="I11247" t="s">
        <v>30540</v>
      </c>
    </row>
    <row r="11248" spans="1:9">
      <c r="A11248" s="1">
        <f ca="1">RAND()</f>
        <v>0.62096982167371551</v>
      </c>
      <c r="B11248" s="1"/>
      <c r="C11248">
        <v>13</v>
      </c>
      <c r="D11248" t="s">
        <v>21777</v>
      </c>
      <c r="E11248" t="s">
        <v>33719</v>
      </c>
      <c r="F11248">
        <v>2</v>
      </c>
      <c r="G11248" t="s">
        <v>14</v>
      </c>
      <c r="H11248" t="s">
        <v>21778</v>
      </c>
      <c r="I11248" t="s">
        <v>30540</v>
      </c>
    </row>
    <row r="11249" spans="1:9">
      <c r="A11249" s="1">
        <f ca="1">RAND()</f>
        <v>3.9257905179101771E-2</v>
      </c>
      <c r="B11249" s="1"/>
      <c r="C11249">
        <v>2</v>
      </c>
      <c r="D11249" t="s">
        <v>21761</v>
      </c>
      <c r="E11249" t="s">
        <v>33720</v>
      </c>
      <c r="F11249">
        <v>4</v>
      </c>
      <c r="G11249" t="s">
        <v>9</v>
      </c>
      <c r="H11249" t="s">
        <v>21762</v>
      </c>
      <c r="I11249" t="s">
        <v>30540</v>
      </c>
    </row>
    <row r="11250" spans="1:9">
      <c r="A11250" s="1">
        <f ca="1">RAND()</f>
        <v>0.55191568039514693</v>
      </c>
      <c r="B11250" s="1"/>
      <c r="C11250">
        <v>8</v>
      </c>
      <c r="D11250" t="s">
        <v>21763</v>
      </c>
      <c r="E11250" t="s">
        <v>33720</v>
      </c>
      <c r="F11250">
        <v>4</v>
      </c>
      <c r="G11250" t="s">
        <v>15</v>
      </c>
      <c r="H11250" t="s">
        <v>21764</v>
      </c>
      <c r="I11250" t="s">
        <v>30540</v>
      </c>
    </row>
    <row r="11251" spans="1:9">
      <c r="A11251" s="1">
        <f ca="1">RAND()</f>
        <v>0.93398785963833575</v>
      </c>
      <c r="B11251" s="1"/>
      <c r="C11251">
        <v>12</v>
      </c>
      <c r="D11251" t="s">
        <v>21765</v>
      </c>
      <c r="E11251" t="s">
        <v>33720</v>
      </c>
      <c r="F11251">
        <v>2</v>
      </c>
      <c r="G11251" t="s">
        <v>14</v>
      </c>
      <c r="H11251" t="s">
        <v>21766</v>
      </c>
      <c r="I11251" t="s">
        <v>30540</v>
      </c>
    </row>
    <row r="11252" spans="1:9">
      <c r="A11252" s="1">
        <f ca="1">RAND()</f>
        <v>0.75301718128147399</v>
      </c>
      <c r="B11252" s="1"/>
      <c r="C11252">
        <v>15</v>
      </c>
      <c r="D11252" t="s">
        <v>21759</v>
      </c>
      <c r="E11252" t="s">
        <v>33721</v>
      </c>
      <c r="F11252">
        <v>5</v>
      </c>
      <c r="G11252" t="s">
        <v>1</v>
      </c>
      <c r="H11252" t="s">
        <v>21760</v>
      </c>
      <c r="I11252" t="s">
        <v>30540</v>
      </c>
    </row>
    <row r="11253" spans="1:9">
      <c r="A11253" s="1">
        <f ca="1">RAND()</f>
        <v>0.53485771754446632</v>
      </c>
      <c r="B11253" s="1"/>
      <c r="C11253">
        <v>10</v>
      </c>
      <c r="D11253" t="s">
        <v>21755</v>
      </c>
      <c r="E11253" t="s">
        <v>33721</v>
      </c>
      <c r="F11253">
        <v>5</v>
      </c>
      <c r="G11253" t="s">
        <v>14</v>
      </c>
      <c r="H11253" t="s">
        <v>21756</v>
      </c>
      <c r="I11253" t="s">
        <v>30540</v>
      </c>
    </row>
    <row r="11254" spans="1:9">
      <c r="A11254" s="1">
        <f ca="1">RAND()</f>
        <v>0.24254054979142792</v>
      </c>
      <c r="B11254" s="1"/>
      <c r="C11254">
        <v>6</v>
      </c>
      <c r="D11254" t="s">
        <v>21753</v>
      </c>
      <c r="E11254" t="s">
        <v>33721</v>
      </c>
      <c r="F11254">
        <v>5</v>
      </c>
      <c r="G11254" t="s">
        <v>14</v>
      </c>
      <c r="H11254" t="s">
        <v>21754</v>
      </c>
      <c r="I11254" t="s">
        <v>30540</v>
      </c>
    </row>
    <row r="11255" spans="1:9">
      <c r="A11255" s="1">
        <f ca="1">RAND()</f>
        <v>0.33644485926790757</v>
      </c>
      <c r="B11255" s="1"/>
      <c r="C11255">
        <v>14</v>
      </c>
      <c r="D11255" t="s">
        <v>21757</v>
      </c>
      <c r="E11255" t="s">
        <v>33721</v>
      </c>
      <c r="F11255">
        <v>4</v>
      </c>
      <c r="G11255" t="s">
        <v>14</v>
      </c>
      <c r="H11255" t="s">
        <v>21758</v>
      </c>
      <c r="I11255" t="s">
        <v>30540</v>
      </c>
    </row>
    <row r="11256" spans="1:9">
      <c r="A11256" s="1">
        <f ca="1">RAND()</f>
        <v>0.12673651920632889</v>
      </c>
      <c r="B11256" s="1"/>
      <c r="C11256">
        <v>5</v>
      </c>
      <c r="D11256" t="s">
        <v>21751</v>
      </c>
      <c r="E11256" t="s">
        <v>33721</v>
      </c>
      <c r="F11256">
        <v>4</v>
      </c>
      <c r="G11256" t="s">
        <v>14</v>
      </c>
      <c r="H11256" t="s">
        <v>21752</v>
      </c>
      <c r="I11256" t="s">
        <v>30540</v>
      </c>
    </row>
    <row r="11257" spans="1:9">
      <c r="A11257" s="1">
        <f ca="1">RAND()</f>
        <v>0.41328662258840521</v>
      </c>
      <c r="B11257" s="1"/>
      <c r="C11257">
        <v>9</v>
      </c>
      <c r="D11257" t="s">
        <v>21749</v>
      </c>
      <c r="E11257" t="s">
        <v>33722</v>
      </c>
      <c r="F11257">
        <v>5</v>
      </c>
      <c r="G11257" t="s">
        <v>14</v>
      </c>
      <c r="H11257" t="s">
        <v>21750</v>
      </c>
      <c r="I11257" t="s">
        <v>30540</v>
      </c>
    </row>
    <row r="11258" spans="1:9">
      <c r="A11258" s="1">
        <f ca="1">RAND()</f>
        <v>1.3123317082572861E-2</v>
      </c>
      <c r="B11258" s="1"/>
      <c r="C11258">
        <v>6</v>
      </c>
      <c r="D11258" t="s">
        <v>21745</v>
      </c>
      <c r="E11258" t="s">
        <v>33722</v>
      </c>
      <c r="F11258">
        <v>5</v>
      </c>
      <c r="G11258" t="s">
        <v>14</v>
      </c>
      <c r="H11258" t="s">
        <v>21746</v>
      </c>
      <c r="I11258" t="s">
        <v>30540</v>
      </c>
    </row>
    <row r="11259" spans="1:9">
      <c r="A11259" s="1">
        <f ca="1">RAND()</f>
        <v>0.88486196782449045</v>
      </c>
      <c r="B11259" s="1"/>
      <c r="C11259">
        <v>8</v>
      </c>
      <c r="D11259" t="s">
        <v>21747</v>
      </c>
      <c r="E11259" t="s">
        <v>33722</v>
      </c>
      <c r="F11259">
        <v>2</v>
      </c>
      <c r="G11259" t="s">
        <v>14</v>
      </c>
      <c r="H11259" t="s">
        <v>21748</v>
      </c>
      <c r="I11259" t="s">
        <v>30540</v>
      </c>
    </row>
    <row r="11260" spans="1:9">
      <c r="A11260" s="1">
        <f ca="1">RAND()</f>
        <v>0.74593467713115214</v>
      </c>
      <c r="B11260" s="1"/>
      <c r="C11260">
        <v>16</v>
      </c>
      <c r="D11260" t="s">
        <v>21743</v>
      </c>
      <c r="E11260" t="s">
        <v>33723</v>
      </c>
      <c r="F11260">
        <v>5</v>
      </c>
      <c r="G11260" t="s">
        <v>14</v>
      </c>
      <c r="H11260" t="s">
        <v>21744</v>
      </c>
      <c r="I11260" t="s">
        <v>30540</v>
      </c>
    </row>
    <row r="11261" spans="1:9">
      <c r="A11261" s="1">
        <f ca="1">RAND()</f>
        <v>0.32791521012923008</v>
      </c>
      <c r="B11261" s="1"/>
      <c r="C11261">
        <v>10</v>
      </c>
      <c r="D11261" t="s">
        <v>21739</v>
      </c>
      <c r="E11261" t="s">
        <v>33723</v>
      </c>
      <c r="F11261">
        <v>4</v>
      </c>
      <c r="G11261" t="s">
        <v>10</v>
      </c>
      <c r="H11261" t="s">
        <v>21740</v>
      </c>
      <c r="I11261" t="s">
        <v>30540</v>
      </c>
    </row>
    <row r="11262" spans="1:9">
      <c r="A11262" s="1">
        <f ca="1">RAND()</f>
        <v>3.0803569333104686E-2</v>
      </c>
      <c r="B11262" s="1"/>
      <c r="C11262">
        <v>13</v>
      </c>
      <c r="D11262" t="s">
        <v>21741</v>
      </c>
      <c r="E11262" t="s">
        <v>33723</v>
      </c>
      <c r="F11262">
        <v>2</v>
      </c>
      <c r="G11262" t="s">
        <v>14</v>
      </c>
      <c r="H11262" t="s">
        <v>21742</v>
      </c>
      <c r="I11262" t="s">
        <v>30540</v>
      </c>
    </row>
    <row r="11263" spans="1:9">
      <c r="A11263" s="1">
        <f ca="1">RAND()</f>
        <v>0.84931255596751243</v>
      </c>
      <c r="B11263" s="1"/>
      <c r="C11263">
        <v>8</v>
      </c>
      <c r="D11263" t="s">
        <v>21737</v>
      </c>
      <c r="E11263" t="s">
        <v>33723</v>
      </c>
      <c r="F11263">
        <v>2</v>
      </c>
      <c r="G11263" t="s">
        <v>14</v>
      </c>
      <c r="H11263" t="s">
        <v>21738</v>
      </c>
      <c r="I11263" t="s">
        <v>30540</v>
      </c>
    </row>
    <row r="11264" spans="1:9">
      <c r="A11264" s="1">
        <f ca="1">RAND()</f>
        <v>0.4490540284223391</v>
      </c>
      <c r="B11264" s="1"/>
      <c r="C11264">
        <v>14</v>
      </c>
      <c r="D11264" t="s">
        <v>21735</v>
      </c>
      <c r="E11264" t="s">
        <v>33724</v>
      </c>
      <c r="F11264">
        <v>4</v>
      </c>
      <c r="G11264" t="s">
        <v>1431</v>
      </c>
      <c r="H11264" t="s">
        <v>21736</v>
      </c>
      <c r="I11264" t="s">
        <v>30540</v>
      </c>
    </row>
    <row r="11265" spans="1:9">
      <c r="A11265" s="1">
        <f ca="1">RAND()</f>
        <v>0.87550636997429654</v>
      </c>
      <c r="B11265" s="1"/>
      <c r="C11265">
        <v>6</v>
      </c>
      <c r="D11265" t="s">
        <v>21733</v>
      </c>
      <c r="E11265" t="s">
        <v>33724</v>
      </c>
      <c r="F11265">
        <v>4</v>
      </c>
      <c r="G11265" t="s">
        <v>10</v>
      </c>
      <c r="H11265" t="s">
        <v>21734</v>
      </c>
      <c r="I11265" t="s">
        <v>30540</v>
      </c>
    </row>
    <row r="11266" spans="1:9">
      <c r="A11266" s="1">
        <f ca="1">RAND()</f>
        <v>0.50591828647231174</v>
      </c>
      <c r="B11266" s="1"/>
      <c r="C11266">
        <v>3</v>
      </c>
      <c r="D11266" t="s">
        <v>21727</v>
      </c>
      <c r="E11266" t="s">
        <v>33725</v>
      </c>
      <c r="F11266">
        <v>4</v>
      </c>
      <c r="G11266" t="s">
        <v>15</v>
      </c>
      <c r="H11266" t="s">
        <v>21728</v>
      </c>
      <c r="I11266" t="s">
        <v>30540</v>
      </c>
    </row>
    <row r="11267" spans="1:9">
      <c r="A11267" s="1">
        <f ca="1">RAND()</f>
        <v>0.27284998248367465</v>
      </c>
      <c r="B11267" s="1"/>
      <c r="C11267">
        <v>4</v>
      </c>
      <c r="D11267" t="s">
        <v>21729</v>
      </c>
      <c r="E11267" t="s">
        <v>33725</v>
      </c>
      <c r="F11267">
        <v>4</v>
      </c>
      <c r="G11267" t="s">
        <v>13</v>
      </c>
      <c r="H11267" t="s">
        <v>21730</v>
      </c>
      <c r="I11267" t="s">
        <v>30540</v>
      </c>
    </row>
    <row r="11268" spans="1:9">
      <c r="A11268" s="1">
        <f ca="1">RAND()</f>
        <v>0.47149706851331452</v>
      </c>
      <c r="B11268" s="1"/>
      <c r="C11268">
        <v>10</v>
      </c>
      <c r="D11268" t="s">
        <v>21731</v>
      </c>
      <c r="E11268" t="s">
        <v>33725</v>
      </c>
      <c r="F11268">
        <v>4</v>
      </c>
      <c r="G11268" t="s">
        <v>14</v>
      </c>
      <c r="H11268" t="s">
        <v>21732</v>
      </c>
      <c r="I11268" t="s">
        <v>30540</v>
      </c>
    </row>
    <row r="11269" spans="1:9">
      <c r="A11269" s="1">
        <f ca="1">RAND()</f>
        <v>0.19667585413879929</v>
      </c>
      <c r="B11269" s="1"/>
      <c r="C11269">
        <v>5</v>
      </c>
      <c r="D11269" t="s">
        <v>21719</v>
      </c>
      <c r="E11269" t="s">
        <v>33726</v>
      </c>
      <c r="F11269">
        <v>4</v>
      </c>
      <c r="G11269" t="s">
        <v>14</v>
      </c>
      <c r="H11269" t="s">
        <v>21720</v>
      </c>
      <c r="I11269" t="s">
        <v>30540</v>
      </c>
    </row>
    <row r="11270" spans="1:9">
      <c r="A11270" s="1">
        <f ca="1">RAND()</f>
        <v>0.57579350990169276</v>
      </c>
      <c r="B11270" s="1"/>
      <c r="C11270">
        <v>9</v>
      </c>
      <c r="D11270" t="s">
        <v>21721</v>
      </c>
      <c r="E11270" t="s">
        <v>33726</v>
      </c>
      <c r="F11270">
        <v>4</v>
      </c>
      <c r="G11270" t="s">
        <v>14</v>
      </c>
      <c r="H11270" t="s">
        <v>21722</v>
      </c>
      <c r="I11270" t="s">
        <v>30540</v>
      </c>
    </row>
    <row r="11271" spans="1:9">
      <c r="A11271" s="1">
        <f ca="1">RAND()</f>
        <v>0.39781337092895741</v>
      </c>
      <c r="B11271" s="1"/>
      <c r="C11271">
        <v>19</v>
      </c>
      <c r="D11271" t="s">
        <v>21725</v>
      </c>
      <c r="E11271" t="s">
        <v>33726</v>
      </c>
      <c r="F11271">
        <v>4</v>
      </c>
      <c r="G11271" t="s">
        <v>14</v>
      </c>
      <c r="H11271" t="s">
        <v>21726</v>
      </c>
      <c r="I11271" t="s">
        <v>30540</v>
      </c>
    </row>
    <row r="11272" spans="1:9">
      <c r="A11272" s="1">
        <f ca="1">RAND()</f>
        <v>0.57732691839678396</v>
      </c>
      <c r="B11272" s="1"/>
      <c r="C11272">
        <v>11</v>
      </c>
      <c r="D11272" t="s">
        <v>21723</v>
      </c>
      <c r="E11272" t="s">
        <v>33726</v>
      </c>
      <c r="F11272">
        <v>2</v>
      </c>
      <c r="G11272" t="s">
        <v>14</v>
      </c>
      <c r="H11272" t="s">
        <v>21724</v>
      </c>
      <c r="I11272" t="s">
        <v>30540</v>
      </c>
    </row>
    <row r="11273" spans="1:9">
      <c r="A11273" s="1">
        <f ca="1">RAND()</f>
        <v>0.341529027477251</v>
      </c>
      <c r="B11273" s="1"/>
      <c r="C11273">
        <v>10</v>
      </c>
      <c r="D11273" t="s">
        <v>21717</v>
      </c>
      <c r="E11273" t="s">
        <v>33727</v>
      </c>
      <c r="F11273">
        <v>5</v>
      </c>
      <c r="G11273" t="s">
        <v>0</v>
      </c>
      <c r="H11273" t="s">
        <v>21718</v>
      </c>
      <c r="I11273" t="s">
        <v>30540</v>
      </c>
    </row>
    <row r="11274" spans="1:9">
      <c r="A11274" s="1">
        <f ca="1">RAND()</f>
        <v>0.54890232300315944</v>
      </c>
      <c r="B11274" s="1"/>
      <c r="C11274">
        <v>1</v>
      </c>
      <c r="D11274" t="s">
        <v>21711</v>
      </c>
      <c r="E11274" t="s">
        <v>33727</v>
      </c>
      <c r="F11274">
        <v>4</v>
      </c>
      <c r="G11274" t="s">
        <v>14</v>
      </c>
      <c r="H11274" t="s">
        <v>21712</v>
      </c>
      <c r="I11274" t="s">
        <v>30540</v>
      </c>
    </row>
    <row r="11275" spans="1:9">
      <c r="A11275" s="1">
        <f ca="1">RAND()</f>
        <v>0.64091947194840104</v>
      </c>
      <c r="B11275" s="1"/>
      <c r="C11275">
        <v>9</v>
      </c>
      <c r="D11275" t="s">
        <v>21715</v>
      </c>
      <c r="E11275" t="s">
        <v>33727</v>
      </c>
      <c r="F11275">
        <v>4</v>
      </c>
      <c r="G11275" t="s">
        <v>14</v>
      </c>
      <c r="H11275" t="s">
        <v>21716</v>
      </c>
      <c r="I11275" t="s">
        <v>30540</v>
      </c>
    </row>
    <row r="11276" spans="1:9">
      <c r="A11276" s="1">
        <f ca="1">RAND()</f>
        <v>0.62344909576778773</v>
      </c>
      <c r="B11276" s="1"/>
      <c r="C11276">
        <v>8</v>
      </c>
      <c r="D11276" t="s">
        <v>21713</v>
      </c>
      <c r="E11276" t="s">
        <v>33727</v>
      </c>
      <c r="F11276">
        <v>3</v>
      </c>
      <c r="G11276" t="s">
        <v>14</v>
      </c>
      <c r="H11276" t="s">
        <v>21714</v>
      </c>
      <c r="I11276" t="s">
        <v>30540</v>
      </c>
    </row>
    <row r="11277" spans="1:9">
      <c r="A11277" s="1">
        <f ca="1">RAND()</f>
        <v>0.38911345597623492</v>
      </c>
      <c r="B11277" s="1"/>
      <c r="C11277">
        <v>1</v>
      </c>
      <c r="D11277" t="s">
        <v>21703</v>
      </c>
      <c r="E11277" t="s">
        <v>33728</v>
      </c>
      <c r="F11277">
        <v>4</v>
      </c>
      <c r="G11277" t="s">
        <v>2</v>
      </c>
      <c r="H11277" t="s">
        <v>21704</v>
      </c>
      <c r="I11277" t="s">
        <v>30540</v>
      </c>
    </row>
    <row r="11278" spans="1:9">
      <c r="A11278" s="1">
        <f ca="1">RAND()</f>
        <v>0.684310346758643</v>
      </c>
      <c r="B11278" s="1"/>
      <c r="C11278">
        <v>4</v>
      </c>
      <c r="D11278" t="s">
        <v>21705</v>
      </c>
      <c r="E11278" t="s">
        <v>33728</v>
      </c>
      <c r="F11278">
        <v>4</v>
      </c>
      <c r="G11278" t="s">
        <v>14</v>
      </c>
      <c r="H11278" t="s">
        <v>21706</v>
      </c>
      <c r="I11278" t="s">
        <v>30540</v>
      </c>
    </row>
    <row r="11279" spans="1:9">
      <c r="A11279" s="1">
        <f ca="1">RAND()</f>
        <v>0.92098141725550053</v>
      </c>
      <c r="B11279" s="1"/>
      <c r="C11279">
        <v>5</v>
      </c>
      <c r="D11279" t="s">
        <v>21707</v>
      </c>
      <c r="E11279" t="s">
        <v>33728</v>
      </c>
      <c r="F11279">
        <v>4</v>
      </c>
      <c r="G11279" t="s">
        <v>14</v>
      </c>
      <c r="H11279" t="s">
        <v>21708</v>
      </c>
      <c r="I11279" t="s">
        <v>30540</v>
      </c>
    </row>
    <row r="11280" spans="1:9">
      <c r="A11280" s="1">
        <f ca="1">RAND()</f>
        <v>0.24500366729807754</v>
      </c>
      <c r="B11280" s="1"/>
      <c r="C11280">
        <v>10</v>
      </c>
      <c r="D11280" t="s">
        <v>21709</v>
      </c>
      <c r="E11280" t="s">
        <v>33728</v>
      </c>
      <c r="F11280">
        <v>4</v>
      </c>
      <c r="G11280" t="s">
        <v>1</v>
      </c>
      <c r="H11280" t="s">
        <v>21710</v>
      </c>
      <c r="I11280" t="s">
        <v>30540</v>
      </c>
    </row>
    <row r="11281" spans="1:9">
      <c r="A11281" s="1">
        <f ca="1">RAND()</f>
        <v>4.6912280563200293E-2</v>
      </c>
      <c r="B11281" s="1"/>
      <c r="C11281">
        <v>3</v>
      </c>
      <c r="D11281" t="s">
        <v>21697</v>
      </c>
      <c r="E11281" t="s">
        <v>33729</v>
      </c>
      <c r="F11281">
        <v>4</v>
      </c>
      <c r="G11281" t="s">
        <v>10</v>
      </c>
      <c r="H11281" t="s">
        <v>21698</v>
      </c>
      <c r="I11281" t="s">
        <v>30540</v>
      </c>
    </row>
    <row r="11282" spans="1:9">
      <c r="A11282" s="1">
        <f ca="1">RAND()</f>
        <v>0.97669375522934199</v>
      </c>
      <c r="B11282" s="1"/>
      <c r="C11282">
        <v>10</v>
      </c>
      <c r="D11282" t="s">
        <v>21699</v>
      </c>
      <c r="E11282" t="s">
        <v>33729</v>
      </c>
      <c r="F11282">
        <v>4</v>
      </c>
      <c r="G11282" t="s">
        <v>14</v>
      </c>
      <c r="H11282" t="s">
        <v>21700</v>
      </c>
      <c r="I11282" t="s">
        <v>30540</v>
      </c>
    </row>
    <row r="11283" spans="1:9">
      <c r="A11283" s="1">
        <f ca="1">RAND()</f>
        <v>0.28933446716073186</v>
      </c>
      <c r="B11283" s="1"/>
      <c r="C11283">
        <v>19</v>
      </c>
      <c r="D11283" t="s">
        <v>21701</v>
      </c>
      <c r="E11283" t="s">
        <v>33729</v>
      </c>
      <c r="F11283">
        <v>4</v>
      </c>
      <c r="G11283" t="s">
        <v>10</v>
      </c>
      <c r="H11283" t="s">
        <v>21702</v>
      </c>
      <c r="I11283" t="s">
        <v>30540</v>
      </c>
    </row>
    <row r="11284" spans="1:9">
      <c r="A11284" s="1">
        <f ca="1">RAND()</f>
        <v>0.84972052577720925</v>
      </c>
      <c r="B11284" s="1"/>
      <c r="C11284">
        <v>8</v>
      </c>
      <c r="D11284" t="s">
        <v>21695</v>
      </c>
      <c r="E11284" t="s">
        <v>33730</v>
      </c>
      <c r="F11284">
        <v>4</v>
      </c>
      <c r="G11284" t="s">
        <v>1</v>
      </c>
      <c r="H11284" t="s">
        <v>21696</v>
      </c>
      <c r="I11284" t="s">
        <v>30540</v>
      </c>
    </row>
    <row r="11285" spans="1:9">
      <c r="A11285" s="1">
        <f ca="1">RAND()</f>
        <v>0.34401367634519964</v>
      </c>
      <c r="B11285" s="1"/>
      <c r="C11285">
        <v>13</v>
      </c>
      <c r="D11285" t="s">
        <v>20222</v>
      </c>
      <c r="E11285" t="s">
        <v>33731</v>
      </c>
      <c r="F11285">
        <v>5</v>
      </c>
      <c r="G11285" t="s">
        <v>14</v>
      </c>
      <c r="H11285" t="s">
        <v>21694</v>
      </c>
      <c r="I11285" t="s">
        <v>30540</v>
      </c>
    </row>
    <row r="11286" spans="1:9">
      <c r="A11286" s="1">
        <f ca="1">RAND()</f>
        <v>0.99943308607532377</v>
      </c>
      <c r="B11286" s="1"/>
      <c r="C11286">
        <v>9</v>
      </c>
      <c r="D11286" t="s">
        <v>21690</v>
      </c>
      <c r="E11286" t="s">
        <v>33731</v>
      </c>
      <c r="F11286">
        <v>4</v>
      </c>
      <c r="G11286" t="s">
        <v>14</v>
      </c>
      <c r="H11286" t="s">
        <v>21691</v>
      </c>
      <c r="I11286" t="s">
        <v>30540</v>
      </c>
    </row>
    <row r="11287" spans="1:9">
      <c r="A11287" s="1">
        <f ca="1">RAND()</f>
        <v>0.20531149247307334</v>
      </c>
      <c r="B11287" s="1"/>
      <c r="C11287">
        <v>10</v>
      </c>
      <c r="D11287" t="s">
        <v>21692</v>
      </c>
      <c r="E11287" t="s">
        <v>33731</v>
      </c>
      <c r="F11287">
        <v>4</v>
      </c>
      <c r="G11287" t="s">
        <v>9</v>
      </c>
      <c r="H11287" t="s">
        <v>21693</v>
      </c>
      <c r="I11287" t="s">
        <v>30540</v>
      </c>
    </row>
    <row r="11288" spans="1:9">
      <c r="A11288" s="1">
        <f ca="1">RAND()</f>
        <v>0.59123138306674961</v>
      </c>
      <c r="B11288" s="1"/>
      <c r="C11288">
        <v>5</v>
      </c>
      <c r="D11288" t="s">
        <v>21686</v>
      </c>
      <c r="E11288" t="s">
        <v>33732</v>
      </c>
      <c r="F11288">
        <v>4</v>
      </c>
      <c r="G11288" t="s">
        <v>14</v>
      </c>
      <c r="H11288" t="s">
        <v>21687</v>
      </c>
      <c r="I11288" t="s">
        <v>30540</v>
      </c>
    </row>
    <row r="11289" spans="1:9">
      <c r="A11289" s="1">
        <f ca="1">RAND()</f>
        <v>0.72198587682269433</v>
      </c>
      <c r="B11289" s="1"/>
      <c r="C11289">
        <v>14</v>
      </c>
      <c r="D11289" t="s">
        <v>21688</v>
      </c>
      <c r="E11289" t="s">
        <v>33732</v>
      </c>
      <c r="F11289">
        <v>1</v>
      </c>
      <c r="G11289" t="s">
        <v>14</v>
      </c>
      <c r="H11289" t="s">
        <v>21689</v>
      </c>
      <c r="I11289" t="s">
        <v>30540</v>
      </c>
    </row>
    <row r="11290" spans="1:9">
      <c r="A11290" s="1">
        <f ca="1">RAND()</f>
        <v>0.55053021216146558</v>
      </c>
      <c r="B11290" s="1"/>
      <c r="C11290">
        <v>7</v>
      </c>
      <c r="D11290" t="s">
        <v>21682</v>
      </c>
      <c r="E11290" t="s">
        <v>33733</v>
      </c>
      <c r="F11290">
        <v>5</v>
      </c>
      <c r="G11290" t="s">
        <v>2</v>
      </c>
      <c r="H11290" t="s">
        <v>21683</v>
      </c>
      <c r="I11290" t="s">
        <v>30540</v>
      </c>
    </row>
    <row r="11291" spans="1:9">
      <c r="A11291" s="1">
        <f ca="1">RAND()</f>
        <v>0.66377765443973835</v>
      </c>
      <c r="B11291" s="1"/>
      <c r="C11291">
        <v>6</v>
      </c>
      <c r="D11291" t="s">
        <v>21680</v>
      </c>
      <c r="E11291" t="s">
        <v>33733</v>
      </c>
      <c r="F11291">
        <v>4</v>
      </c>
      <c r="G11291" t="s">
        <v>14</v>
      </c>
      <c r="H11291" t="s">
        <v>21681</v>
      </c>
      <c r="I11291" t="s">
        <v>30540</v>
      </c>
    </row>
    <row r="11292" spans="1:9">
      <c r="A11292" s="1">
        <f ca="1">RAND()</f>
        <v>5.7339975754260308E-3</v>
      </c>
      <c r="B11292" s="1"/>
      <c r="C11292">
        <v>9</v>
      </c>
      <c r="D11292" t="s">
        <v>21684</v>
      </c>
      <c r="E11292" t="s">
        <v>33733</v>
      </c>
      <c r="F11292">
        <v>4</v>
      </c>
      <c r="G11292" t="s">
        <v>2</v>
      </c>
      <c r="H11292" t="s">
        <v>21685</v>
      </c>
      <c r="I11292" t="s">
        <v>30540</v>
      </c>
    </row>
    <row r="11293" spans="1:9">
      <c r="A11293" s="1">
        <f ca="1">RAND()</f>
        <v>0.77796259267406975</v>
      </c>
      <c r="B11293" s="1"/>
      <c r="C11293">
        <v>18</v>
      </c>
      <c r="D11293" t="s">
        <v>21678</v>
      </c>
      <c r="E11293" t="s">
        <v>33734</v>
      </c>
      <c r="F11293">
        <v>5</v>
      </c>
      <c r="G11293" t="s">
        <v>2738</v>
      </c>
      <c r="H11293" t="s">
        <v>21679</v>
      </c>
      <c r="I11293" t="s">
        <v>30540</v>
      </c>
    </row>
    <row r="11294" spans="1:9">
      <c r="A11294" s="1">
        <f ca="1">RAND()</f>
        <v>0.42274251795189788</v>
      </c>
      <c r="B11294" s="1"/>
      <c r="C11294">
        <v>8</v>
      </c>
      <c r="D11294" t="s">
        <v>21672</v>
      </c>
      <c r="E11294" t="s">
        <v>33734</v>
      </c>
      <c r="F11294">
        <v>4</v>
      </c>
      <c r="G11294" t="s">
        <v>1426</v>
      </c>
      <c r="H11294" t="s">
        <v>21673</v>
      </c>
      <c r="I11294" t="s">
        <v>30540</v>
      </c>
    </row>
    <row r="11295" spans="1:9">
      <c r="A11295" s="1">
        <f ca="1">RAND()</f>
        <v>0.68835362409775847</v>
      </c>
      <c r="B11295" s="1"/>
      <c r="C11295">
        <v>12</v>
      </c>
      <c r="D11295" t="s">
        <v>21676</v>
      </c>
      <c r="E11295" t="s">
        <v>33734</v>
      </c>
      <c r="F11295">
        <v>4</v>
      </c>
      <c r="G11295" t="s">
        <v>2229</v>
      </c>
      <c r="H11295" t="s">
        <v>21677</v>
      </c>
      <c r="I11295" t="s">
        <v>30540</v>
      </c>
    </row>
    <row r="11296" spans="1:9">
      <c r="A11296" s="1">
        <f ca="1">RAND()</f>
        <v>0.61418536791314171</v>
      </c>
      <c r="B11296" s="1"/>
      <c r="C11296">
        <v>5</v>
      </c>
      <c r="D11296" t="s">
        <v>21670</v>
      </c>
      <c r="E11296" t="s">
        <v>33734</v>
      </c>
      <c r="F11296">
        <v>4</v>
      </c>
      <c r="G11296" t="s">
        <v>10</v>
      </c>
      <c r="H11296" t="s">
        <v>21671</v>
      </c>
      <c r="I11296" t="s">
        <v>30540</v>
      </c>
    </row>
    <row r="11297" spans="1:9">
      <c r="A11297" s="1">
        <f ca="1">RAND()</f>
        <v>0.7341127125575726</v>
      </c>
      <c r="B11297" s="1"/>
      <c r="C11297">
        <v>11</v>
      </c>
      <c r="D11297" t="s">
        <v>21674</v>
      </c>
      <c r="E11297" t="s">
        <v>33734</v>
      </c>
      <c r="F11297">
        <v>4</v>
      </c>
      <c r="G11297" t="s">
        <v>14</v>
      </c>
      <c r="H11297" t="s">
        <v>21675</v>
      </c>
      <c r="I11297" t="s">
        <v>30540</v>
      </c>
    </row>
    <row r="11298" spans="1:9">
      <c r="A11298" s="1">
        <f ca="1">RAND()</f>
        <v>0.51396285974311373</v>
      </c>
      <c r="B11298" s="1"/>
      <c r="C11298">
        <v>4</v>
      </c>
      <c r="D11298" t="s">
        <v>21668</v>
      </c>
      <c r="E11298" t="s">
        <v>33734</v>
      </c>
      <c r="F11298">
        <v>3</v>
      </c>
      <c r="G11298" t="s">
        <v>1431</v>
      </c>
      <c r="H11298" t="s">
        <v>21669</v>
      </c>
      <c r="I11298" t="s">
        <v>30540</v>
      </c>
    </row>
    <row r="11299" spans="1:9">
      <c r="A11299" s="1">
        <f ca="1">RAND()</f>
        <v>0.9727595559385005</v>
      </c>
      <c r="B11299" s="1"/>
      <c r="C11299">
        <v>15</v>
      </c>
      <c r="D11299" t="s">
        <v>21666</v>
      </c>
      <c r="E11299" t="s">
        <v>33735</v>
      </c>
      <c r="F11299">
        <v>5</v>
      </c>
      <c r="G11299" t="s">
        <v>10</v>
      </c>
      <c r="H11299" t="s">
        <v>21667</v>
      </c>
      <c r="I11299" t="s">
        <v>30540</v>
      </c>
    </row>
    <row r="11300" spans="1:9">
      <c r="A11300" s="1">
        <f ca="1">RAND()</f>
        <v>8.6839947912697224E-2</v>
      </c>
      <c r="B11300" s="1"/>
      <c r="C11300">
        <v>6</v>
      </c>
      <c r="D11300" t="s">
        <v>21664</v>
      </c>
      <c r="E11300" t="s">
        <v>33735</v>
      </c>
      <c r="F11300">
        <v>2</v>
      </c>
      <c r="G11300" t="s">
        <v>14</v>
      </c>
      <c r="H11300" t="s">
        <v>21665</v>
      </c>
      <c r="I11300" t="s">
        <v>30540</v>
      </c>
    </row>
    <row r="11301" spans="1:9">
      <c r="A11301" s="1">
        <f ca="1">RAND()</f>
        <v>0.76038844744925349</v>
      </c>
      <c r="B11301" s="1"/>
      <c r="C11301">
        <v>14</v>
      </c>
      <c r="D11301" t="s">
        <v>21662</v>
      </c>
      <c r="E11301" t="s">
        <v>33736</v>
      </c>
      <c r="F11301">
        <v>5</v>
      </c>
      <c r="G11301" t="s">
        <v>14</v>
      </c>
      <c r="H11301" t="s">
        <v>21663</v>
      </c>
      <c r="I11301" t="s">
        <v>30540</v>
      </c>
    </row>
    <row r="11302" spans="1:9">
      <c r="A11302" s="1">
        <f ca="1">RAND()</f>
        <v>0.93493157466744981</v>
      </c>
      <c r="B11302" s="1"/>
      <c r="C11302">
        <v>6</v>
      </c>
      <c r="D11302" t="s">
        <v>21658</v>
      </c>
      <c r="E11302" t="s">
        <v>33736</v>
      </c>
      <c r="F11302">
        <v>4</v>
      </c>
      <c r="G11302" t="s">
        <v>14</v>
      </c>
      <c r="H11302" t="s">
        <v>21659</v>
      </c>
      <c r="I11302" t="s">
        <v>30540</v>
      </c>
    </row>
    <row r="11303" spans="1:9">
      <c r="A11303" s="1">
        <f ca="1">RAND()</f>
        <v>0.78069490934093699</v>
      </c>
      <c r="B11303" s="1"/>
      <c r="C11303">
        <v>12</v>
      </c>
      <c r="D11303" t="s">
        <v>21660</v>
      </c>
      <c r="E11303" t="s">
        <v>33736</v>
      </c>
      <c r="F11303">
        <v>3</v>
      </c>
      <c r="G11303" t="s">
        <v>2</v>
      </c>
      <c r="H11303" t="s">
        <v>21661</v>
      </c>
      <c r="I11303" t="s">
        <v>30540</v>
      </c>
    </row>
    <row r="11304" spans="1:9">
      <c r="A11304" s="1">
        <f ca="1">RAND()</f>
        <v>0.9515634653411682</v>
      </c>
      <c r="B11304" s="1"/>
      <c r="C11304">
        <v>10</v>
      </c>
      <c r="D11304" t="s">
        <v>21654</v>
      </c>
      <c r="E11304" t="s">
        <v>33737</v>
      </c>
      <c r="F11304">
        <v>4</v>
      </c>
      <c r="G11304" t="s">
        <v>2</v>
      </c>
      <c r="H11304" t="s">
        <v>21655</v>
      </c>
      <c r="I11304" t="s">
        <v>30540</v>
      </c>
    </row>
    <row r="11305" spans="1:9">
      <c r="A11305" s="1">
        <f ca="1">RAND()</f>
        <v>0.175332746555665</v>
      </c>
      <c r="B11305" s="1"/>
      <c r="C11305">
        <v>4</v>
      </c>
      <c r="D11305" t="s">
        <v>21648</v>
      </c>
      <c r="E11305" t="s">
        <v>33737</v>
      </c>
      <c r="F11305">
        <v>4</v>
      </c>
      <c r="G11305" t="s">
        <v>13</v>
      </c>
      <c r="H11305" t="s">
        <v>21649</v>
      </c>
      <c r="I11305" t="s">
        <v>30540</v>
      </c>
    </row>
    <row r="11306" spans="1:9">
      <c r="A11306" s="1">
        <f ca="1">RAND()</f>
        <v>0.64051195539835981</v>
      </c>
      <c r="B11306" s="1"/>
      <c r="C11306">
        <v>7</v>
      </c>
      <c r="D11306" t="s">
        <v>21650</v>
      </c>
      <c r="E11306" t="s">
        <v>33737</v>
      </c>
      <c r="F11306">
        <v>4</v>
      </c>
      <c r="G11306" t="s">
        <v>14</v>
      </c>
      <c r="H11306" t="s">
        <v>21651</v>
      </c>
      <c r="I11306" t="s">
        <v>30540</v>
      </c>
    </row>
    <row r="11307" spans="1:9">
      <c r="A11307" s="1">
        <f ca="1">RAND()</f>
        <v>0.67969085813602736</v>
      </c>
      <c r="B11307" s="1"/>
      <c r="C11307">
        <v>12</v>
      </c>
      <c r="D11307" t="s">
        <v>21656</v>
      </c>
      <c r="E11307" t="s">
        <v>33737</v>
      </c>
      <c r="F11307">
        <v>4</v>
      </c>
      <c r="G11307" t="s">
        <v>14</v>
      </c>
      <c r="H11307" t="s">
        <v>21657</v>
      </c>
      <c r="I11307" t="s">
        <v>30540</v>
      </c>
    </row>
    <row r="11308" spans="1:9">
      <c r="A11308" s="1">
        <f ca="1">RAND()</f>
        <v>0.83762330472003366</v>
      </c>
      <c r="B11308" s="1"/>
      <c r="C11308">
        <v>8</v>
      </c>
      <c r="D11308" t="s">
        <v>21652</v>
      </c>
      <c r="E11308" t="s">
        <v>33737</v>
      </c>
      <c r="F11308">
        <v>3</v>
      </c>
      <c r="G11308" t="s">
        <v>14</v>
      </c>
      <c r="H11308" t="s">
        <v>21653</v>
      </c>
      <c r="I11308" t="s">
        <v>30540</v>
      </c>
    </row>
    <row r="11309" spans="1:9">
      <c r="A11309" s="1">
        <f ca="1">RAND()</f>
        <v>0.59135185573828897</v>
      </c>
      <c r="B11309" s="1"/>
      <c r="C11309">
        <v>1</v>
      </c>
      <c r="D11309" t="s">
        <v>21646</v>
      </c>
      <c r="E11309" t="s">
        <v>33737</v>
      </c>
      <c r="F11309">
        <v>3</v>
      </c>
      <c r="G11309" t="s">
        <v>2</v>
      </c>
      <c r="H11309" t="s">
        <v>21647</v>
      </c>
      <c r="I11309" t="s">
        <v>30540</v>
      </c>
    </row>
    <row r="11310" spans="1:9">
      <c r="A11310" s="1">
        <f ca="1">RAND()</f>
        <v>0.55570436006240831</v>
      </c>
      <c r="B11310" s="1"/>
      <c r="C11310">
        <v>9</v>
      </c>
      <c r="D11310" t="s">
        <v>21640</v>
      </c>
      <c r="E11310" t="s">
        <v>33738</v>
      </c>
      <c r="F11310">
        <v>4</v>
      </c>
      <c r="G11310" t="s">
        <v>14</v>
      </c>
      <c r="H11310" t="s">
        <v>21641</v>
      </c>
      <c r="I11310" t="s">
        <v>30540</v>
      </c>
    </row>
    <row r="11311" spans="1:9">
      <c r="A11311" s="1">
        <f ca="1">RAND()</f>
        <v>0.13137180192435816</v>
      </c>
      <c r="B11311" s="1"/>
      <c r="C11311">
        <v>10</v>
      </c>
      <c r="D11311" t="s">
        <v>21642</v>
      </c>
      <c r="E11311" t="s">
        <v>33738</v>
      </c>
      <c r="F11311">
        <v>4</v>
      </c>
      <c r="G11311" t="s">
        <v>14</v>
      </c>
      <c r="H11311" t="s">
        <v>21643</v>
      </c>
      <c r="I11311" t="s">
        <v>30540</v>
      </c>
    </row>
    <row r="11312" spans="1:9">
      <c r="A11312" s="1">
        <f ca="1">RAND()</f>
        <v>0.9284120956945574</v>
      </c>
      <c r="B11312" s="1"/>
      <c r="C11312">
        <v>11</v>
      </c>
      <c r="D11312" t="s">
        <v>21644</v>
      </c>
      <c r="E11312" t="s">
        <v>33738</v>
      </c>
      <c r="F11312">
        <v>4</v>
      </c>
      <c r="G11312" t="s">
        <v>0</v>
      </c>
      <c r="H11312" t="s">
        <v>21645</v>
      </c>
      <c r="I11312" t="s">
        <v>30540</v>
      </c>
    </row>
    <row r="11313" spans="1:9">
      <c r="A11313" s="1">
        <f ca="1">RAND()</f>
        <v>0.95286552625511212</v>
      </c>
      <c r="B11313" s="1"/>
      <c r="C11313">
        <v>3</v>
      </c>
      <c r="D11313" t="s">
        <v>21638</v>
      </c>
      <c r="E11313" t="s">
        <v>33738</v>
      </c>
      <c r="F11313">
        <v>3</v>
      </c>
      <c r="G11313" t="s">
        <v>1</v>
      </c>
      <c r="H11313" t="s">
        <v>21639</v>
      </c>
      <c r="I11313" t="s">
        <v>30540</v>
      </c>
    </row>
    <row r="11314" spans="1:9">
      <c r="A11314" s="1">
        <f ca="1">RAND()</f>
        <v>0.40715679223872914</v>
      </c>
      <c r="B11314" s="1"/>
      <c r="C11314">
        <v>6</v>
      </c>
      <c r="D11314" t="s">
        <v>21632</v>
      </c>
      <c r="E11314" t="s">
        <v>33739</v>
      </c>
      <c r="F11314">
        <v>5</v>
      </c>
      <c r="G11314" t="s">
        <v>10</v>
      </c>
      <c r="H11314" t="s">
        <v>21633</v>
      </c>
      <c r="I11314" t="s">
        <v>30540</v>
      </c>
    </row>
    <row r="11315" spans="1:9">
      <c r="A11315" s="1">
        <f ca="1">RAND()</f>
        <v>0.91848537328789315</v>
      </c>
      <c r="B11315" s="1"/>
      <c r="C11315">
        <v>9</v>
      </c>
      <c r="D11315" t="s">
        <v>21634</v>
      </c>
      <c r="E11315" t="s">
        <v>33739</v>
      </c>
      <c r="F11315">
        <v>4</v>
      </c>
      <c r="G11315" t="s">
        <v>14</v>
      </c>
      <c r="H11315" t="s">
        <v>21635</v>
      </c>
      <c r="I11315" t="s">
        <v>30540</v>
      </c>
    </row>
    <row r="11316" spans="1:9">
      <c r="A11316" s="1">
        <f ca="1">RAND()</f>
        <v>0.45961412746468044</v>
      </c>
      <c r="B11316" s="1"/>
      <c r="C11316">
        <v>16</v>
      </c>
      <c r="D11316" t="s">
        <v>21636</v>
      </c>
      <c r="E11316" t="s">
        <v>33739</v>
      </c>
      <c r="F11316">
        <v>4</v>
      </c>
      <c r="G11316" t="s">
        <v>9</v>
      </c>
      <c r="H11316" t="s">
        <v>21637</v>
      </c>
      <c r="I11316" t="s">
        <v>30540</v>
      </c>
    </row>
    <row r="11317" spans="1:9">
      <c r="A11317" s="1">
        <f ca="1">RAND()</f>
        <v>0.35721844849713325</v>
      </c>
      <c r="B11317" s="1"/>
      <c r="C11317">
        <v>11</v>
      </c>
      <c r="D11317" t="s">
        <v>21628</v>
      </c>
      <c r="E11317" t="s">
        <v>33740</v>
      </c>
      <c r="F11317">
        <v>5</v>
      </c>
      <c r="G11317" t="s">
        <v>9</v>
      </c>
      <c r="H11317" t="s">
        <v>21629</v>
      </c>
      <c r="I11317" t="s">
        <v>30540</v>
      </c>
    </row>
    <row r="11318" spans="1:9">
      <c r="A11318" s="1">
        <f ca="1">RAND()</f>
        <v>6.7031869302248692E-3</v>
      </c>
      <c r="B11318" s="1"/>
      <c r="C11318">
        <v>18</v>
      </c>
      <c r="D11318" t="s">
        <v>21630</v>
      </c>
      <c r="E11318" t="s">
        <v>33740</v>
      </c>
      <c r="F11318">
        <v>4</v>
      </c>
      <c r="G11318" t="s">
        <v>14</v>
      </c>
      <c r="H11318" t="s">
        <v>21631</v>
      </c>
      <c r="I11318" t="s">
        <v>30540</v>
      </c>
    </row>
    <row r="11319" spans="1:9">
      <c r="A11319" s="1">
        <f ca="1">RAND()</f>
        <v>0.71628486895840215</v>
      </c>
      <c r="B11319" s="1"/>
      <c r="C11319">
        <v>7</v>
      </c>
      <c r="D11319" t="s">
        <v>21624</v>
      </c>
      <c r="E11319" t="s">
        <v>33740</v>
      </c>
      <c r="F11319">
        <v>4</v>
      </c>
      <c r="G11319" t="s">
        <v>14</v>
      </c>
      <c r="H11319" t="s">
        <v>21625</v>
      </c>
      <c r="I11319" t="s">
        <v>30540</v>
      </c>
    </row>
    <row r="11320" spans="1:9">
      <c r="A11320" s="1">
        <f ca="1">RAND()</f>
        <v>0.64027829732488051</v>
      </c>
      <c r="B11320" s="1"/>
      <c r="C11320">
        <v>10</v>
      </c>
      <c r="D11320" t="s">
        <v>21626</v>
      </c>
      <c r="E11320" t="s">
        <v>33740</v>
      </c>
      <c r="F11320">
        <v>4</v>
      </c>
      <c r="G11320" t="s">
        <v>14</v>
      </c>
      <c r="H11320" t="s">
        <v>21627</v>
      </c>
      <c r="I11320" t="s">
        <v>30540</v>
      </c>
    </row>
    <row r="11321" spans="1:9">
      <c r="A11321" s="1">
        <f ca="1">RAND()</f>
        <v>0.3314843011475721</v>
      </c>
      <c r="B11321" s="1"/>
      <c r="C11321">
        <v>8</v>
      </c>
      <c r="D11321" t="s">
        <v>21620</v>
      </c>
      <c r="E11321" t="s">
        <v>33741</v>
      </c>
      <c r="F11321">
        <v>4</v>
      </c>
      <c r="G11321" t="s">
        <v>9</v>
      </c>
      <c r="H11321" t="s">
        <v>21621</v>
      </c>
      <c r="I11321" t="s">
        <v>30540</v>
      </c>
    </row>
    <row r="11322" spans="1:9">
      <c r="A11322" s="1">
        <f ca="1">RAND()</f>
        <v>0.25192769675710813</v>
      </c>
      <c r="B11322" s="1"/>
      <c r="C11322">
        <v>10</v>
      </c>
      <c r="D11322" t="s">
        <v>21622</v>
      </c>
      <c r="E11322" t="s">
        <v>33741</v>
      </c>
      <c r="F11322">
        <v>4</v>
      </c>
      <c r="G11322" t="s">
        <v>14</v>
      </c>
      <c r="H11322" t="s">
        <v>21623</v>
      </c>
      <c r="I11322" t="s">
        <v>30540</v>
      </c>
    </row>
    <row r="11323" spans="1:9">
      <c r="A11323" s="1">
        <f ca="1">RAND()</f>
        <v>0.25659324205384759</v>
      </c>
      <c r="B11323" s="1"/>
      <c r="C11323">
        <v>6</v>
      </c>
      <c r="D11323" t="s">
        <v>21618</v>
      </c>
      <c r="E11323" t="s">
        <v>33741</v>
      </c>
      <c r="F11323">
        <v>4</v>
      </c>
      <c r="G11323" t="s">
        <v>1</v>
      </c>
      <c r="H11323" t="s">
        <v>21619</v>
      </c>
      <c r="I11323" t="s">
        <v>30540</v>
      </c>
    </row>
    <row r="11324" spans="1:9">
      <c r="A11324" s="1">
        <f ca="1">RAND()</f>
        <v>0.12093586872837259</v>
      </c>
      <c r="B11324" s="1"/>
      <c r="C11324">
        <v>14</v>
      </c>
      <c r="D11324" t="s">
        <v>21616</v>
      </c>
      <c r="E11324" t="s">
        <v>33742</v>
      </c>
      <c r="F11324">
        <v>5</v>
      </c>
      <c r="G11324" t="s">
        <v>14</v>
      </c>
      <c r="H11324" t="s">
        <v>21617</v>
      </c>
      <c r="I11324" t="s">
        <v>30540</v>
      </c>
    </row>
    <row r="11325" spans="1:9">
      <c r="A11325" s="1">
        <f ca="1">RAND()</f>
        <v>0.67239247238329114</v>
      </c>
      <c r="B11325" s="1"/>
      <c r="C11325">
        <v>6</v>
      </c>
      <c r="D11325" t="s">
        <v>21612</v>
      </c>
      <c r="E11325" t="s">
        <v>33742</v>
      </c>
      <c r="F11325">
        <v>4</v>
      </c>
      <c r="G11325" t="s">
        <v>14</v>
      </c>
      <c r="H11325" t="s">
        <v>21613</v>
      </c>
      <c r="I11325" t="s">
        <v>30540</v>
      </c>
    </row>
    <row r="11326" spans="1:9">
      <c r="A11326" s="1">
        <f ca="1">RAND()</f>
        <v>0.53891473361674158</v>
      </c>
      <c r="B11326" s="1"/>
      <c r="C11326">
        <v>4</v>
      </c>
      <c r="D11326" t="s">
        <v>21608</v>
      </c>
      <c r="E11326" t="s">
        <v>33742</v>
      </c>
      <c r="F11326">
        <v>4</v>
      </c>
      <c r="G11326" t="s">
        <v>10</v>
      </c>
      <c r="H11326" t="s">
        <v>21609</v>
      </c>
      <c r="I11326" t="s">
        <v>30540</v>
      </c>
    </row>
    <row r="11327" spans="1:9">
      <c r="A11327" s="1">
        <f ca="1">RAND()</f>
        <v>0.88440835764969927</v>
      </c>
      <c r="B11327" s="1"/>
      <c r="C11327">
        <v>5</v>
      </c>
      <c r="D11327" t="s">
        <v>21610</v>
      </c>
      <c r="E11327" t="s">
        <v>33742</v>
      </c>
      <c r="F11327">
        <v>2</v>
      </c>
      <c r="G11327" t="s">
        <v>0</v>
      </c>
      <c r="H11327" t="s">
        <v>21611</v>
      </c>
      <c r="I11327" t="s">
        <v>30540</v>
      </c>
    </row>
    <row r="11328" spans="1:9">
      <c r="A11328" s="1">
        <f ca="1">RAND()</f>
        <v>0.76451155885180078</v>
      </c>
      <c r="B11328" s="1"/>
      <c r="C11328">
        <v>11</v>
      </c>
      <c r="D11328" t="s">
        <v>21614</v>
      </c>
      <c r="E11328" t="s">
        <v>33742</v>
      </c>
      <c r="F11328">
        <v>2</v>
      </c>
      <c r="G11328" t="s">
        <v>10</v>
      </c>
      <c r="H11328" t="s">
        <v>21615</v>
      </c>
      <c r="I11328" t="s">
        <v>30540</v>
      </c>
    </row>
    <row r="11329" spans="1:9">
      <c r="A11329" s="1">
        <f ca="1">RAND()</f>
        <v>0.19577537054326022</v>
      </c>
      <c r="B11329" s="1"/>
      <c r="C11329">
        <v>11</v>
      </c>
      <c r="D11329" t="s">
        <v>21604</v>
      </c>
      <c r="E11329" t="s">
        <v>33743</v>
      </c>
      <c r="F11329">
        <v>5</v>
      </c>
      <c r="G11329" t="s">
        <v>3732</v>
      </c>
      <c r="H11329" t="s">
        <v>21605</v>
      </c>
      <c r="I11329" t="s">
        <v>30540</v>
      </c>
    </row>
    <row r="11330" spans="1:9">
      <c r="A11330" s="1">
        <f ca="1">RAND()</f>
        <v>0.9254911068372913</v>
      </c>
      <c r="B11330" s="1"/>
      <c r="C11330">
        <v>10</v>
      </c>
      <c r="D11330" t="s">
        <v>21602</v>
      </c>
      <c r="E11330" t="s">
        <v>33743</v>
      </c>
      <c r="F11330">
        <v>4</v>
      </c>
      <c r="G11330" t="s">
        <v>9</v>
      </c>
      <c r="H11330" t="s">
        <v>21603</v>
      </c>
      <c r="I11330" t="s">
        <v>30540</v>
      </c>
    </row>
    <row r="11331" spans="1:9">
      <c r="A11331" s="1">
        <f ca="1">RAND()</f>
        <v>0.63318484525746122</v>
      </c>
      <c r="B11331" s="1"/>
      <c r="C11331">
        <v>13</v>
      </c>
      <c r="D11331" t="s">
        <v>21606</v>
      </c>
      <c r="E11331" t="s">
        <v>33743</v>
      </c>
      <c r="F11331">
        <v>4</v>
      </c>
      <c r="G11331" t="s">
        <v>10</v>
      </c>
      <c r="H11331" t="s">
        <v>21607</v>
      </c>
      <c r="I11331" t="s">
        <v>30540</v>
      </c>
    </row>
    <row r="11332" spans="1:9">
      <c r="A11332" s="1">
        <f ca="1">RAND()</f>
        <v>0.29558806128717552</v>
      </c>
      <c r="B11332" s="1"/>
      <c r="C11332">
        <v>9</v>
      </c>
      <c r="D11332" t="s">
        <v>21596</v>
      </c>
      <c r="E11332" t="s">
        <v>33744</v>
      </c>
      <c r="F11332">
        <v>4</v>
      </c>
      <c r="G11332" t="s">
        <v>14</v>
      </c>
      <c r="H11332" t="s">
        <v>21597</v>
      </c>
      <c r="I11332" t="s">
        <v>30540</v>
      </c>
    </row>
    <row r="11333" spans="1:9">
      <c r="A11333" s="1">
        <f ca="1">RAND()</f>
        <v>0.49455255120687114</v>
      </c>
      <c r="B11333" s="1"/>
      <c r="C11333">
        <v>14</v>
      </c>
      <c r="D11333" t="s">
        <v>21600</v>
      </c>
      <c r="E11333" t="s">
        <v>33744</v>
      </c>
      <c r="F11333">
        <v>4</v>
      </c>
      <c r="G11333" t="s">
        <v>14</v>
      </c>
      <c r="H11333" t="s">
        <v>21601</v>
      </c>
      <c r="I11333" t="s">
        <v>30540</v>
      </c>
    </row>
    <row r="11334" spans="1:9">
      <c r="A11334" s="1">
        <f ca="1">RAND()</f>
        <v>0.57469919249034829</v>
      </c>
      <c r="B11334" s="1"/>
      <c r="C11334">
        <v>11</v>
      </c>
      <c r="D11334" t="s">
        <v>21598</v>
      </c>
      <c r="E11334" t="s">
        <v>33744</v>
      </c>
      <c r="F11334">
        <v>3</v>
      </c>
      <c r="G11334" t="s">
        <v>14</v>
      </c>
      <c r="H11334" t="s">
        <v>21599</v>
      </c>
      <c r="I11334" t="s">
        <v>30540</v>
      </c>
    </row>
    <row r="11335" spans="1:9">
      <c r="A11335" s="1">
        <f ca="1">RAND()</f>
        <v>0.76975277975404899</v>
      </c>
      <c r="B11335" s="1"/>
      <c r="C11335">
        <v>15</v>
      </c>
      <c r="D11335" t="s">
        <v>21594</v>
      </c>
      <c r="E11335" t="s">
        <v>33745</v>
      </c>
      <c r="F11335">
        <v>4</v>
      </c>
      <c r="G11335" t="s">
        <v>10</v>
      </c>
      <c r="H11335" t="s">
        <v>21595</v>
      </c>
      <c r="I11335" t="s">
        <v>30540</v>
      </c>
    </row>
    <row r="11336" spans="1:9">
      <c r="A11336" s="1">
        <f ca="1">RAND()</f>
        <v>0.7463917883532819</v>
      </c>
      <c r="B11336" s="1"/>
      <c r="C11336">
        <v>11</v>
      </c>
      <c r="D11336" t="s">
        <v>21592</v>
      </c>
      <c r="E11336" t="s">
        <v>33745</v>
      </c>
      <c r="F11336">
        <v>3</v>
      </c>
      <c r="G11336" t="s">
        <v>10</v>
      </c>
      <c r="H11336" t="s">
        <v>21593</v>
      </c>
      <c r="I11336" t="s">
        <v>30540</v>
      </c>
    </row>
    <row r="11337" spans="1:9">
      <c r="A11337" s="1">
        <f ca="1">RAND()</f>
        <v>2.8311036841027426E-2</v>
      </c>
      <c r="B11337" s="1"/>
      <c r="C11337">
        <v>8</v>
      </c>
      <c r="D11337" t="s">
        <v>21590</v>
      </c>
      <c r="E11337" t="s">
        <v>33745</v>
      </c>
      <c r="F11337">
        <v>2</v>
      </c>
      <c r="G11337" t="s">
        <v>10</v>
      </c>
      <c r="H11337" t="s">
        <v>21591</v>
      </c>
      <c r="I11337" t="s">
        <v>30540</v>
      </c>
    </row>
    <row r="11338" spans="1:9">
      <c r="A11338" s="1">
        <f ca="1">RAND()</f>
        <v>0.46040279746344115</v>
      </c>
      <c r="B11338" s="1"/>
      <c r="C11338">
        <v>13</v>
      </c>
      <c r="D11338" t="s">
        <v>21584</v>
      </c>
      <c r="E11338" t="s">
        <v>33746</v>
      </c>
      <c r="F11338">
        <v>5</v>
      </c>
      <c r="G11338" t="s">
        <v>14</v>
      </c>
      <c r="H11338" t="s">
        <v>21585</v>
      </c>
      <c r="I11338" t="s">
        <v>30540</v>
      </c>
    </row>
    <row r="11339" spans="1:9">
      <c r="A11339" s="1">
        <f ca="1">RAND()</f>
        <v>0.36429421118166183</v>
      </c>
      <c r="B11339" s="1"/>
      <c r="C11339">
        <v>9</v>
      </c>
      <c r="D11339" t="s">
        <v>21582</v>
      </c>
      <c r="E11339" t="s">
        <v>33746</v>
      </c>
      <c r="F11339">
        <v>4</v>
      </c>
      <c r="G11339" t="s">
        <v>14</v>
      </c>
      <c r="H11339" t="s">
        <v>21583</v>
      </c>
      <c r="I11339" t="s">
        <v>30540</v>
      </c>
    </row>
    <row r="11340" spans="1:9">
      <c r="A11340" s="1">
        <f ca="1">RAND()</f>
        <v>0.51524774293038589</v>
      </c>
      <c r="B11340" s="1"/>
      <c r="C11340">
        <v>14</v>
      </c>
      <c r="D11340" t="s">
        <v>21586</v>
      </c>
      <c r="E11340" t="s">
        <v>33746</v>
      </c>
      <c r="F11340">
        <v>4</v>
      </c>
      <c r="G11340" t="s">
        <v>14</v>
      </c>
      <c r="H11340" t="s">
        <v>21587</v>
      </c>
      <c r="I11340" t="s">
        <v>30540</v>
      </c>
    </row>
    <row r="11341" spans="1:9">
      <c r="A11341" s="1">
        <f ca="1">RAND()</f>
        <v>0.1408625908828649</v>
      </c>
      <c r="B11341" s="1"/>
      <c r="C11341">
        <v>6</v>
      </c>
      <c r="D11341" t="s">
        <v>21580</v>
      </c>
      <c r="E11341" t="s">
        <v>33746</v>
      </c>
      <c r="F11341">
        <v>4</v>
      </c>
      <c r="G11341" t="s">
        <v>9</v>
      </c>
      <c r="H11341" t="s">
        <v>21581</v>
      </c>
      <c r="I11341" t="s">
        <v>30540</v>
      </c>
    </row>
    <row r="11342" spans="1:9">
      <c r="A11342" s="1">
        <f ca="1">RAND()</f>
        <v>0.82766925636318434</v>
      </c>
      <c r="B11342" s="1"/>
      <c r="C11342">
        <v>4</v>
      </c>
      <c r="D11342" t="s">
        <v>21578</v>
      </c>
      <c r="E11342" t="s">
        <v>33746</v>
      </c>
      <c r="F11342">
        <v>4</v>
      </c>
      <c r="G11342" t="s">
        <v>14</v>
      </c>
      <c r="H11342" t="s">
        <v>21579</v>
      </c>
      <c r="I11342" t="s">
        <v>30540</v>
      </c>
    </row>
    <row r="11343" spans="1:9">
      <c r="A11343" s="1">
        <f ca="1">RAND()</f>
        <v>0.54686872456106017</v>
      </c>
      <c r="B11343" s="1"/>
      <c r="C11343">
        <v>15</v>
      </c>
      <c r="D11343" t="s">
        <v>21588</v>
      </c>
      <c r="E11343" t="s">
        <v>33746</v>
      </c>
      <c r="F11343">
        <v>4</v>
      </c>
      <c r="G11343" t="s">
        <v>14</v>
      </c>
      <c r="H11343" t="s">
        <v>21589</v>
      </c>
      <c r="I11343" t="s">
        <v>30540</v>
      </c>
    </row>
    <row r="11344" spans="1:9">
      <c r="A11344" s="1">
        <f ca="1">RAND()</f>
        <v>1.8971358555445073E-2</v>
      </c>
      <c r="B11344" s="1"/>
      <c r="C11344">
        <v>17</v>
      </c>
      <c r="D11344" t="s">
        <v>21576</v>
      </c>
      <c r="E11344" t="s">
        <v>33747</v>
      </c>
      <c r="F11344">
        <v>5</v>
      </c>
      <c r="G11344" t="s">
        <v>14</v>
      </c>
      <c r="H11344" t="s">
        <v>21577</v>
      </c>
      <c r="I11344" t="s">
        <v>30540</v>
      </c>
    </row>
    <row r="11345" spans="1:9">
      <c r="A11345" s="1">
        <f ca="1">RAND()</f>
        <v>0.28750639142885226</v>
      </c>
      <c r="B11345" s="1"/>
      <c r="C11345">
        <v>7</v>
      </c>
      <c r="D11345" t="s">
        <v>21568</v>
      </c>
      <c r="E11345" t="s">
        <v>33747</v>
      </c>
      <c r="F11345">
        <v>4</v>
      </c>
      <c r="G11345" t="s">
        <v>14</v>
      </c>
      <c r="H11345" t="s">
        <v>21569</v>
      </c>
      <c r="I11345" t="s">
        <v>30540</v>
      </c>
    </row>
    <row r="11346" spans="1:9">
      <c r="A11346" s="1">
        <f ca="1">RAND()</f>
        <v>0.87627996131648289</v>
      </c>
      <c r="B11346" s="1"/>
      <c r="C11346">
        <v>14</v>
      </c>
      <c r="D11346" t="s">
        <v>21574</v>
      </c>
      <c r="E11346" t="s">
        <v>33747</v>
      </c>
      <c r="F11346">
        <v>4</v>
      </c>
      <c r="G11346" t="s">
        <v>14</v>
      </c>
      <c r="H11346" t="s">
        <v>21575</v>
      </c>
      <c r="I11346" t="s">
        <v>30540</v>
      </c>
    </row>
    <row r="11347" spans="1:9">
      <c r="A11347" s="1">
        <f ca="1">RAND()</f>
        <v>0.84035792196359183</v>
      </c>
      <c r="B11347" s="1"/>
      <c r="C11347">
        <v>10</v>
      </c>
      <c r="D11347" t="s">
        <v>21570</v>
      </c>
      <c r="E11347" t="s">
        <v>33747</v>
      </c>
      <c r="F11347">
        <v>4</v>
      </c>
      <c r="G11347" t="s">
        <v>14</v>
      </c>
      <c r="H11347" t="s">
        <v>21571</v>
      </c>
      <c r="I11347" t="s">
        <v>30540</v>
      </c>
    </row>
    <row r="11348" spans="1:9">
      <c r="A11348" s="1">
        <f ca="1">RAND()</f>
        <v>0.39695036677617035</v>
      </c>
      <c r="B11348" s="1"/>
      <c r="C11348">
        <v>12</v>
      </c>
      <c r="D11348" t="s">
        <v>21572</v>
      </c>
      <c r="E11348" t="s">
        <v>33747</v>
      </c>
      <c r="F11348">
        <v>3</v>
      </c>
      <c r="G11348" t="s">
        <v>14</v>
      </c>
      <c r="H11348" t="s">
        <v>21573</v>
      </c>
      <c r="I11348" t="s">
        <v>30540</v>
      </c>
    </row>
    <row r="11349" spans="1:9">
      <c r="A11349" s="1">
        <f ca="1">RAND()</f>
        <v>0.17511816455507734</v>
      </c>
      <c r="B11349" s="1"/>
      <c r="C11349">
        <v>12</v>
      </c>
      <c r="D11349" t="s">
        <v>21562</v>
      </c>
      <c r="E11349" t="s">
        <v>33748</v>
      </c>
      <c r="F11349">
        <v>5</v>
      </c>
      <c r="G11349" t="s">
        <v>14</v>
      </c>
      <c r="H11349" t="s">
        <v>21563</v>
      </c>
      <c r="I11349" t="s">
        <v>30540</v>
      </c>
    </row>
    <row r="11350" spans="1:9">
      <c r="A11350" s="1">
        <f ca="1">RAND()</f>
        <v>0.97892443291305742</v>
      </c>
      <c r="B11350" s="1"/>
      <c r="C11350">
        <v>16</v>
      </c>
      <c r="D11350" t="s">
        <v>21564</v>
      </c>
      <c r="E11350" t="s">
        <v>33748</v>
      </c>
      <c r="F11350">
        <v>4</v>
      </c>
      <c r="G11350" t="s">
        <v>774</v>
      </c>
      <c r="H11350" t="s">
        <v>21565</v>
      </c>
      <c r="I11350" t="s">
        <v>30540</v>
      </c>
    </row>
    <row r="11351" spans="1:9">
      <c r="A11351" s="1">
        <f ca="1">RAND()</f>
        <v>0.86137600924088842</v>
      </c>
      <c r="B11351" s="1"/>
      <c r="C11351">
        <v>19</v>
      </c>
      <c r="D11351" t="s">
        <v>21566</v>
      </c>
      <c r="E11351" t="s">
        <v>33748</v>
      </c>
      <c r="F11351">
        <v>4</v>
      </c>
      <c r="G11351" t="s">
        <v>14</v>
      </c>
      <c r="H11351" t="s">
        <v>21567</v>
      </c>
      <c r="I11351" t="s">
        <v>30540</v>
      </c>
    </row>
    <row r="11352" spans="1:9">
      <c r="A11352" s="1">
        <f ca="1">RAND()</f>
        <v>8.4193126274662244E-2</v>
      </c>
      <c r="B11352" s="1"/>
      <c r="C11352">
        <v>3</v>
      </c>
      <c r="D11352" t="s">
        <v>21558</v>
      </c>
      <c r="E11352" t="s">
        <v>33748</v>
      </c>
      <c r="F11352">
        <v>4</v>
      </c>
      <c r="G11352" t="s">
        <v>2</v>
      </c>
      <c r="H11352" t="s">
        <v>21559</v>
      </c>
      <c r="I11352" t="s">
        <v>30540</v>
      </c>
    </row>
    <row r="11353" spans="1:9">
      <c r="A11353" s="1">
        <f ca="1">RAND()</f>
        <v>0.12531812046341373</v>
      </c>
      <c r="B11353" s="1"/>
      <c r="C11353">
        <v>9</v>
      </c>
      <c r="D11353" t="s">
        <v>21560</v>
      </c>
      <c r="E11353" t="s">
        <v>33748</v>
      </c>
      <c r="F11353">
        <v>4</v>
      </c>
      <c r="G11353" t="s">
        <v>13</v>
      </c>
      <c r="H11353" t="s">
        <v>21561</v>
      </c>
      <c r="I11353" t="s">
        <v>30540</v>
      </c>
    </row>
    <row r="11354" spans="1:9">
      <c r="A11354" s="1">
        <f ca="1">RAND()</f>
        <v>0.99603126124813945</v>
      </c>
      <c r="B11354" s="1"/>
      <c r="C11354">
        <v>14</v>
      </c>
      <c r="D11354" t="s">
        <v>21556</v>
      </c>
      <c r="E11354" t="s">
        <v>33749</v>
      </c>
      <c r="F11354">
        <v>4</v>
      </c>
      <c r="G11354" t="s">
        <v>14</v>
      </c>
      <c r="H11354" t="s">
        <v>21557</v>
      </c>
      <c r="I11354" t="s">
        <v>30540</v>
      </c>
    </row>
    <row r="11355" spans="1:9">
      <c r="A11355" s="1">
        <f ca="1">RAND()</f>
        <v>0.45886050994082039</v>
      </c>
      <c r="B11355" s="1"/>
      <c r="C11355">
        <v>12</v>
      </c>
      <c r="D11355" t="s">
        <v>21554</v>
      </c>
      <c r="E11355" t="s">
        <v>33749</v>
      </c>
      <c r="F11355">
        <v>4</v>
      </c>
      <c r="G11355" t="s">
        <v>1</v>
      </c>
      <c r="H11355" t="s">
        <v>21555</v>
      </c>
      <c r="I11355" t="s">
        <v>30540</v>
      </c>
    </row>
    <row r="11356" spans="1:9">
      <c r="A11356" s="1">
        <f ca="1">RAND()</f>
        <v>0.52417151895803427</v>
      </c>
      <c r="B11356" s="1"/>
      <c r="C11356">
        <v>10</v>
      </c>
      <c r="D11356" t="s">
        <v>21552</v>
      </c>
      <c r="E11356" t="s">
        <v>33749</v>
      </c>
      <c r="F11356">
        <v>3</v>
      </c>
      <c r="G11356" t="s">
        <v>14</v>
      </c>
      <c r="H11356" t="s">
        <v>21553</v>
      </c>
      <c r="I11356" t="s">
        <v>30540</v>
      </c>
    </row>
    <row r="11357" spans="1:9">
      <c r="A11357" s="1">
        <f ca="1">RAND()</f>
        <v>0.9036534570305631</v>
      </c>
      <c r="B11357" s="1"/>
      <c r="C11357">
        <v>11</v>
      </c>
      <c r="D11357" t="s">
        <v>21548</v>
      </c>
      <c r="E11357" t="s">
        <v>33750</v>
      </c>
      <c r="F11357">
        <v>4</v>
      </c>
      <c r="G11357" t="s">
        <v>14</v>
      </c>
      <c r="H11357" t="s">
        <v>21549</v>
      </c>
      <c r="I11357" t="s">
        <v>30540</v>
      </c>
    </row>
    <row r="11358" spans="1:9">
      <c r="A11358" s="1">
        <f ca="1">RAND()</f>
        <v>0.70544132716379548</v>
      </c>
      <c r="B11358" s="1"/>
      <c r="C11358">
        <v>15</v>
      </c>
      <c r="D11358" t="s">
        <v>21550</v>
      </c>
      <c r="E11358" t="s">
        <v>33750</v>
      </c>
      <c r="F11358">
        <v>4</v>
      </c>
      <c r="G11358" t="s">
        <v>14</v>
      </c>
      <c r="H11358" t="s">
        <v>21551</v>
      </c>
      <c r="I11358" t="s">
        <v>30540</v>
      </c>
    </row>
    <row r="11359" spans="1:9">
      <c r="A11359" s="1">
        <f ca="1">RAND()</f>
        <v>0.17390512561060523</v>
      </c>
      <c r="B11359" s="1"/>
      <c r="C11359">
        <v>20</v>
      </c>
      <c r="D11359" t="s">
        <v>21546</v>
      </c>
      <c r="E11359" t="s">
        <v>33751</v>
      </c>
      <c r="F11359">
        <v>4</v>
      </c>
      <c r="G11359" t="s">
        <v>1</v>
      </c>
      <c r="H11359" t="s">
        <v>21547</v>
      </c>
      <c r="I11359" t="s">
        <v>30540</v>
      </c>
    </row>
    <row r="11360" spans="1:9">
      <c r="A11360" s="1">
        <f ca="1">RAND()</f>
        <v>0.32132686703836832</v>
      </c>
      <c r="B11360" s="1"/>
      <c r="C11360">
        <v>19</v>
      </c>
      <c r="D11360" t="s">
        <v>21544</v>
      </c>
      <c r="E11360" t="s">
        <v>33751</v>
      </c>
      <c r="F11360">
        <v>4</v>
      </c>
      <c r="G11360" t="s">
        <v>2</v>
      </c>
      <c r="H11360" t="s">
        <v>21545</v>
      </c>
      <c r="I11360" t="s">
        <v>30540</v>
      </c>
    </row>
    <row r="11361" spans="1:9">
      <c r="A11361" s="1">
        <f ca="1">RAND()</f>
        <v>2.0439127125967183E-2</v>
      </c>
      <c r="B11361" s="1"/>
      <c r="C11361">
        <v>17</v>
      </c>
      <c r="D11361" t="s">
        <v>21542</v>
      </c>
      <c r="E11361" t="s">
        <v>33751</v>
      </c>
      <c r="F11361">
        <v>3</v>
      </c>
      <c r="G11361" t="s">
        <v>14</v>
      </c>
      <c r="H11361" t="s">
        <v>21543</v>
      </c>
      <c r="I11361" t="s">
        <v>30540</v>
      </c>
    </row>
    <row r="11362" spans="1:9">
      <c r="A11362" s="1">
        <f ca="1">RAND()</f>
        <v>0.79843445927082068</v>
      </c>
      <c r="B11362" s="1"/>
      <c r="C11362">
        <v>12</v>
      </c>
      <c r="D11362" t="s">
        <v>21538</v>
      </c>
      <c r="E11362" t="s">
        <v>33752</v>
      </c>
      <c r="F11362">
        <v>4</v>
      </c>
      <c r="G11362" t="s">
        <v>1</v>
      </c>
      <c r="H11362" t="s">
        <v>21539</v>
      </c>
      <c r="I11362" t="s">
        <v>30540</v>
      </c>
    </row>
    <row r="11363" spans="1:9">
      <c r="A11363" s="1">
        <f ca="1">RAND()</f>
        <v>0.48954281576504277</v>
      </c>
      <c r="B11363" s="1"/>
      <c r="C11363">
        <v>13</v>
      </c>
      <c r="D11363" t="s">
        <v>21540</v>
      </c>
      <c r="E11363" t="s">
        <v>33752</v>
      </c>
      <c r="F11363">
        <v>4</v>
      </c>
      <c r="G11363" t="s">
        <v>14</v>
      </c>
      <c r="H11363" t="s">
        <v>21541</v>
      </c>
      <c r="I11363" t="s">
        <v>30540</v>
      </c>
    </row>
    <row r="11364" spans="1:9">
      <c r="A11364" s="1">
        <f ca="1">RAND()</f>
        <v>0.65194275892900955</v>
      </c>
      <c r="B11364" s="1"/>
      <c r="C11364">
        <v>11</v>
      </c>
      <c r="D11364" t="s">
        <v>21536</v>
      </c>
      <c r="E11364" t="s">
        <v>33752</v>
      </c>
      <c r="F11364">
        <v>2</v>
      </c>
      <c r="G11364" t="s">
        <v>14</v>
      </c>
      <c r="H11364" t="s">
        <v>21537</v>
      </c>
      <c r="I11364" t="s">
        <v>30540</v>
      </c>
    </row>
    <row r="11365" spans="1:9">
      <c r="A11365" s="1">
        <f ca="1">RAND()</f>
        <v>0.71627423124518574</v>
      </c>
      <c r="B11365" s="1"/>
      <c r="C11365">
        <v>9</v>
      </c>
      <c r="D11365" t="s">
        <v>21534</v>
      </c>
      <c r="E11365" t="s">
        <v>33753</v>
      </c>
      <c r="F11365">
        <v>4</v>
      </c>
      <c r="G11365" t="s">
        <v>14</v>
      </c>
      <c r="H11365" t="s">
        <v>21535</v>
      </c>
      <c r="I11365" t="s">
        <v>30540</v>
      </c>
    </row>
    <row r="11366" spans="1:9">
      <c r="A11366" s="1">
        <f ca="1">RAND()</f>
        <v>0.36497804837151993</v>
      </c>
      <c r="B11366" s="1"/>
      <c r="C11366">
        <v>7</v>
      </c>
      <c r="D11366" t="s">
        <v>21532</v>
      </c>
      <c r="E11366" t="s">
        <v>33753</v>
      </c>
      <c r="F11366">
        <v>4</v>
      </c>
      <c r="G11366" t="s">
        <v>10</v>
      </c>
      <c r="H11366" t="s">
        <v>21533</v>
      </c>
      <c r="I11366" t="s">
        <v>30540</v>
      </c>
    </row>
    <row r="11367" spans="1:9">
      <c r="A11367" s="1">
        <f ca="1">RAND()</f>
        <v>0.55783612492047074</v>
      </c>
      <c r="B11367" s="1"/>
      <c r="C11367">
        <v>9</v>
      </c>
      <c r="D11367" t="s">
        <v>21526</v>
      </c>
      <c r="E11367" t="s">
        <v>33754</v>
      </c>
      <c r="F11367">
        <v>5</v>
      </c>
      <c r="G11367" t="s">
        <v>9</v>
      </c>
      <c r="H11367" t="s">
        <v>21527</v>
      </c>
      <c r="I11367" t="s">
        <v>30540</v>
      </c>
    </row>
    <row r="11368" spans="1:9">
      <c r="A11368" s="1">
        <f ca="1">RAND()</f>
        <v>0.88769676154271193</v>
      </c>
      <c r="B11368" s="1"/>
      <c r="C11368">
        <v>16</v>
      </c>
      <c r="D11368" t="s">
        <v>21530</v>
      </c>
      <c r="E11368" t="s">
        <v>33754</v>
      </c>
      <c r="F11368">
        <v>5</v>
      </c>
      <c r="G11368" t="s">
        <v>14</v>
      </c>
      <c r="H11368" t="s">
        <v>21531</v>
      </c>
      <c r="I11368" t="s">
        <v>30540</v>
      </c>
    </row>
    <row r="11369" spans="1:9">
      <c r="A11369" s="1">
        <f ca="1">RAND()</f>
        <v>0.67483469630576576</v>
      </c>
      <c r="B11369" s="1"/>
      <c r="C11369">
        <v>3</v>
      </c>
      <c r="D11369" t="s">
        <v>21522</v>
      </c>
      <c r="E11369" t="s">
        <v>33754</v>
      </c>
      <c r="F11369">
        <v>4</v>
      </c>
      <c r="G11369" t="s">
        <v>14</v>
      </c>
      <c r="H11369" t="s">
        <v>21523</v>
      </c>
      <c r="I11369" t="s">
        <v>30540</v>
      </c>
    </row>
    <row r="11370" spans="1:9">
      <c r="A11370" s="1">
        <f ca="1">RAND()</f>
        <v>0.19918957275782057</v>
      </c>
      <c r="B11370" s="1"/>
      <c r="C11370">
        <v>5</v>
      </c>
      <c r="D11370" t="s">
        <v>21524</v>
      </c>
      <c r="E11370" t="s">
        <v>33754</v>
      </c>
      <c r="F11370">
        <v>3</v>
      </c>
      <c r="G11370" t="s">
        <v>9</v>
      </c>
      <c r="H11370" t="s">
        <v>21525</v>
      </c>
      <c r="I11370" t="s">
        <v>30540</v>
      </c>
    </row>
    <row r="11371" spans="1:9">
      <c r="A11371" s="1">
        <f ca="1">RAND()</f>
        <v>0.63650491827530253</v>
      </c>
      <c r="B11371" s="1"/>
      <c r="C11371">
        <v>12</v>
      </c>
      <c r="D11371" t="s">
        <v>21528</v>
      </c>
      <c r="E11371" t="s">
        <v>33754</v>
      </c>
      <c r="F11371">
        <v>2</v>
      </c>
      <c r="G11371" t="s">
        <v>0</v>
      </c>
      <c r="H11371" t="s">
        <v>21529</v>
      </c>
      <c r="I11371" t="s">
        <v>30540</v>
      </c>
    </row>
    <row r="11372" spans="1:9">
      <c r="A11372" s="1">
        <f ca="1">RAND()</f>
        <v>0.86006195606857128</v>
      </c>
      <c r="B11372" s="1"/>
      <c r="C11372">
        <v>6</v>
      </c>
      <c r="D11372" t="s">
        <v>21514</v>
      </c>
      <c r="E11372" t="s">
        <v>33755</v>
      </c>
      <c r="F11372">
        <v>4</v>
      </c>
      <c r="G11372" t="s">
        <v>15</v>
      </c>
      <c r="H11372" t="s">
        <v>21515</v>
      </c>
      <c r="I11372" t="s">
        <v>30540</v>
      </c>
    </row>
    <row r="11373" spans="1:9">
      <c r="A11373" s="1">
        <f ca="1">RAND()</f>
        <v>9.7648762174603942E-2</v>
      </c>
      <c r="B11373" s="1"/>
      <c r="C11373">
        <v>15</v>
      </c>
      <c r="D11373" t="s">
        <v>21518</v>
      </c>
      <c r="E11373" t="s">
        <v>33755</v>
      </c>
      <c r="F11373">
        <v>4</v>
      </c>
      <c r="G11373" t="s">
        <v>14</v>
      </c>
      <c r="H11373" t="s">
        <v>21519</v>
      </c>
      <c r="I11373" t="s">
        <v>30540</v>
      </c>
    </row>
    <row r="11374" spans="1:9">
      <c r="A11374" s="1">
        <f ca="1">RAND()</f>
        <v>0.31748947325283994</v>
      </c>
      <c r="B11374" s="1"/>
      <c r="C11374">
        <v>2</v>
      </c>
      <c r="D11374" t="s">
        <v>21508</v>
      </c>
      <c r="E11374" t="s">
        <v>33755</v>
      </c>
      <c r="F11374">
        <v>4</v>
      </c>
      <c r="G11374" t="s">
        <v>1</v>
      </c>
      <c r="H11374" t="s">
        <v>21509</v>
      </c>
      <c r="I11374" t="s">
        <v>30540</v>
      </c>
    </row>
    <row r="11375" spans="1:9">
      <c r="A11375" s="1">
        <f ca="1">RAND()</f>
        <v>0.69609771772270024</v>
      </c>
      <c r="B11375" s="1"/>
      <c r="C11375">
        <v>11</v>
      </c>
      <c r="D11375" t="s">
        <v>21516</v>
      </c>
      <c r="E11375" t="s">
        <v>33755</v>
      </c>
      <c r="F11375">
        <v>4</v>
      </c>
      <c r="G11375" t="s">
        <v>13</v>
      </c>
      <c r="H11375" t="s">
        <v>21517</v>
      </c>
      <c r="I11375" t="s">
        <v>30540</v>
      </c>
    </row>
    <row r="11376" spans="1:9">
      <c r="A11376" s="1">
        <f ca="1">RAND()</f>
        <v>0.80735363964283557</v>
      </c>
      <c r="B11376" s="1"/>
      <c r="C11376">
        <v>18</v>
      </c>
      <c r="D11376" t="s">
        <v>21520</v>
      </c>
      <c r="E11376" t="s">
        <v>33755</v>
      </c>
      <c r="F11376">
        <v>4</v>
      </c>
      <c r="G11376" t="s">
        <v>14</v>
      </c>
      <c r="H11376" t="s">
        <v>21521</v>
      </c>
      <c r="I11376" t="s">
        <v>30540</v>
      </c>
    </row>
    <row r="11377" spans="1:9">
      <c r="A11377" s="1">
        <f ca="1">RAND()</f>
        <v>0.3600724511154364</v>
      </c>
      <c r="B11377" s="1"/>
      <c r="C11377">
        <v>3</v>
      </c>
      <c r="D11377" t="s">
        <v>21510</v>
      </c>
      <c r="E11377" t="s">
        <v>33755</v>
      </c>
      <c r="F11377">
        <v>4</v>
      </c>
      <c r="G11377" t="s">
        <v>14</v>
      </c>
      <c r="H11377" t="s">
        <v>21511</v>
      </c>
      <c r="I11377" t="s">
        <v>30540</v>
      </c>
    </row>
    <row r="11378" spans="1:9">
      <c r="A11378" s="1">
        <f ca="1">RAND()</f>
        <v>8.648163382445917E-2</v>
      </c>
      <c r="B11378" s="1"/>
      <c r="C11378">
        <v>5</v>
      </c>
      <c r="D11378" t="s">
        <v>21512</v>
      </c>
      <c r="E11378" t="s">
        <v>33755</v>
      </c>
      <c r="F11378">
        <v>2</v>
      </c>
      <c r="G11378" t="s">
        <v>14</v>
      </c>
      <c r="H11378" t="s">
        <v>21513</v>
      </c>
      <c r="I11378" t="s">
        <v>30540</v>
      </c>
    </row>
    <row r="11379" spans="1:9">
      <c r="A11379" s="1">
        <f ca="1">RAND()</f>
        <v>0.88011853179804456</v>
      </c>
      <c r="B11379" s="1"/>
      <c r="C11379">
        <v>5</v>
      </c>
      <c r="D11379" t="s">
        <v>21498</v>
      </c>
      <c r="E11379" t="s">
        <v>33756</v>
      </c>
      <c r="F11379">
        <v>5</v>
      </c>
      <c r="G11379" t="s">
        <v>9</v>
      </c>
      <c r="H11379" t="s">
        <v>21499</v>
      </c>
      <c r="I11379" t="s">
        <v>30540</v>
      </c>
    </row>
    <row r="11380" spans="1:9">
      <c r="A11380" s="1">
        <f ca="1">RAND()</f>
        <v>0.64510757101651617</v>
      </c>
      <c r="B11380" s="1"/>
      <c r="C11380">
        <v>6</v>
      </c>
      <c r="D11380" t="s">
        <v>21500</v>
      </c>
      <c r="E11380" t="s">
        <v>33756</v>
      </c>
      <c r="F11380">
        <v>4</v>
      </c>
      <c r="G11380" t="s">
        <v>14</v>
      </c>
      <c r="H11380" t="s">
        <v>21501</v>
      </c>
      <c r="I11380" t="s">
        <v>30540</v>
      </c>
    </row>
    <row r="11381" spans="1:9">
      <c r="A11381" s="1">
        <f ca="1">RAND()</f>
        <v>9.0071153508064494E-3</v>
      </c>
      <c r="B11381" s="1"/>
      <c r="C11381">
        <v>14</v>
      </c>
      <c r="D11381" t="s">
        <v>21504</v>
      </c>
      <c r="E11381" t="s">
        <v>33756</v>
      </c>
      <c r="F11381">
        <v>4</v>
      </c>
      <c r="G11381" t="s">
        <v>0</v>
      </c>
      <c r="H11381" t="s">
        <v>21505</v>
      </c>
      <c r="I11381" t="s">
        <v>30540</v>
      </c>
    </row>
    <row r="11382" spans="1:9">
      <c r="A11382" s="1">
        <f ca="1">RAND()</f>
        <v>0.13010646108689672</v>
      </c>
      <c r="B11382" s="1"/>
      <c r="C11382">
        <v>15</v>
      </c>
      <c r="D11382" t="s">
        <v>21506</v>
      </c>
      <c r="E11382" t="s">
        <v>33756</v>
      </c>
      <c r="F11382">
        <v>4</v>
      </c>
      <c r="G11382" t="s">
        <v>14</v>
      </c>
      <c r="H11382" t="s">
        <v>21507</v>
      </c>
      <c r="I11382" t="s">
        <v>30540</v>
      </c>
    </row>
    <row r="11383" spans="1:9">
      <c r="A11383" s="1">
        <f ca="1">RAND()</f>
        <v>0.73811938828577461</v>
      </c>
      <c r="B11383" s="1"/>
      <c r="C11383">
        <v>12</v>
      </c>
      <c r="D11383" t="s">
        <v>21502</v>
      </c>
      <c r="E11383" t="s">
        <v>33756</v>
      </c>
      <c r="F11383">
        <v>2</v>
      </c>
      <c r="G11383" t="s">
        <v>14</v>
      </c>
      <c r="H11383" t="s">
        <v>21503</v>
      </c>
      <c r="I11383" t="s">
        <v>30540</v>
      </c>
    </row>
    <row r="11384" spans="1:9">
      <c r="A11384" s="1">
        <f ca="1">RAND()</f>
        <v>0.23503841161933747</v>
      </c>
      <c r="B11384" s="1"/>
      <c r="C11384">
        <v>10</v>
      </c>
      <c r="D11384" t="s">
        <v>21492</v>
      </c>
      <c r="E11384" t="s">
        <v>33757</v>
      </c>
      <c r="F11384">
        <v>5</v>
      </c>
      <c r="G11384" t="s">
        <v>14</v>
      </c>
      <c r="H11384" t="s">
        <v>21493</v>
      </c>
      <c r="I11384" t="s">
        <v>30540</v>
      </c>
    </row>
    <row r="11385" spans="1:9">
      <c r="A11385" s="1">
        <f ca="1">RAND()</f>
        <v>0.67133672149561863</v>
      </c>
      <c r="B11385" s="1"/>
      <c r="C11385">
        <v>19</v>
      </c>
      <c r="D11385" t="s">
        <v>21496</v>
      </c>
      <c r="E11385" t="s">
        <v>33757</v>
      </c>
      <c r="F11385">
        <v>4</v>
      </c>
      <c r="G11385" t="s">
        <v>14</v>
      </c>
      <c r="H11385" t="s">
        <v>21497</v>
      </c>
      <c r="I11385" t="s">
        <v>30540</v>
      </c>
    </row>
    <row r="11386" spans="1:9">
      <c r="A11386" s="1">
        <f ca="1">RAND()</f>
        <v>0.75091221742968872</v>
      </c>
      <c r="B11386" s="1"/>
      <c r="C11386">
        <v>4</v>
      </c>
      <c r="D11386" t="s">
        <v>21490</v>
      </c>
      <c r="E11386" t="s">
        <v>33757</v>
      </c>
      <c r="F11386">
        <v>3</v>
      </c>
      <c r="G11386" t="s">
        <v>2</v>
      </c>
      <c r="H11386" t="s">
        <v>21491</v>
      </c>
      <c r="I11386" t="s">
        <v>30540</v>
      </c>
    </row>
    <row r="11387" spans="1:9">
      <c r="A11387" s="1">
        <f ca="1">RAND()</f>
        <v>0.78991855452103443</v>
      </c>
      <c r="B11387" s="1"/>
      <c r="C11387">
        <v>11</v>
      </c>
      <c r="D11387" t="s">
        <v>21494</v>
      </c>
      <c r="E11387" t="s">
        <v>33757</v>
      </c>
      <c r="F11387">
        <v>3</v>
      </c>
      <c r="G11387" t="s">
        <v>0</v>
      </c>
      <c r="H11387" t="s">
        <v>21495</v>
      </c>
      <c r="I11387" t="s">
        <v>30540</v>
      </c>
    </row>
    <row r="11388" spans="1:9">
      <c r="A11388" s="1">
        <f ca="1">RAND()</f>
        <v>0.66414314101276128</v>
      </c>
      <c r="B11388" s="1"/>
      <c r="C11388">
        <v>9</v>
      </c>
      <c r="D11388" t="s">
        <v>21484</v>
      </c>
      <c r="E11388" t="s">
        <v>33758</v>
      </c>
      <c r="F11388">
        <v>5</v>
      </c>
      <c r="G11388" t="s">
        <v>771</v>
      </c>
      <c r="H11388" t="s">
        <v>21485</v>
      </c>
      <c r="I11388" t="s">
        <v>30540</v>
      </c>
    </row>
    <row r="11389" spans="1:9">
      <c r="A11389" s="1">
        <f ca="1">RAND()</f>
        <v>0.69441048205760914</v>
      </c>
      <c r="B11389" s="1"/>
      <c r="C11389">
        <v>20</v>
      </c>
      <c r="D11389" t="s">
        <v>21488</v>
      </c>
      <c r="E11389" t="s">
        <v>33758</v>
      </c>
      <c r="F11389">
        <v>4</v>
      </c>
      <c r="G11389" t="s">
        <v>14</v>
      </c>
      <c r="H11389" t="s">
        <v>21489</v>
      </c>
      <c r="I11389" t="s">
        <v>30540</v>
      </c>
    </row>
    <row r="11390" spans="1:9">
      <c r="A11390" s="1">
        <f ca="1">RAND()</f>
        <v>0.12113153015954881</v>
      </c>
      <c r="B11390" s="1"/>
      <c r="C11390">
        <v>15</v>
      </c>
      <c r="D11390" t="s">
        <v>21486</v>
      </c>
      <c r="E11390" t="s">
        <v>33758</v>
      </c>
      <c r="F11390">
        <v>4</v>
      </c>
      <c r="G11390" t="s">
        <v>2</v>
      </c>
      <c r="H11390" t="s">
        <v>21487</v>
      </c>
      <c r="I11390" t="s">
        <v>30540</v>
      </c>
    </row>
    <row r="11391" spans="1:9">
      <c r="A11391" s="1">
        <f ca="1">RAND()</f>
        <v>0.53879721558059357</v>
      </c>
      <c r="B11391" s="1"/>
      <c r="C11391">
        <v>12</v>
      </c>
      <c r="D11391" t="s">
        <v>21482</v>
      </c>
      <c r="E11391" t="s">
        <v>33759</v>
      </c>
      <c r="F11391">
        <v>5</v>
      </c>
      <c r="G11391" t="s">
        <v>10</v>
      </c>
      <c r="H11391" t="s">
        <v>21483</v>
      </c>
      <c r="I11391" t="s">
        <v>30540</v>
      </c>
    </row>
    <row r="11392" spans="1:9">
      <c r="A11392" s="1">
        <f ca="1">RAND()</f>
        <v>0.29139735349548213</v>
      </c>
      <c r="B11392" s="1"/>
      <c r="C11392">
        <v>5</v>
      </c>
      <c r="D11392" t="s">
        <v>21478</v>
      </c>
      <c r="E11392" t="s">
        <v>33759</v>
      </c>
      <c r="F11392">
        <v>4</v>
      </c>
      <c r="G11392" t="s">
        <v>14</v>
      </c>
      <c r="H11392" t="s">
        <v>21479</v>
      </c>
      <c r="I11392" t="s">
        <v>30540</v>
      </c>
    </row>
    <row r="11393" spans="1:9">
      <c r="A11393" s="1">
        <f ca="1">RAND()</f>
        <v>0.32016305787002375</v>
      </c>
      <c r="B11393" s="1"/>
      <c r="C11393">
        <v>2</v>
      </c>
      <c r="D11393" t="s">
        <v>21476</v>
      </c>
      <c r="E11393" t="s">
        <v>33759</v>
      </c>
      <c r="F11393">
        <v>4</v>
      </c>
      <c r="G11393" t="s">
        <v>9</v>
      </c>
      <c r="H11393" t="s">
        <v>21477</v>
      </c>
      <c r="I11393" t="s">
        <v>30540</v>
      </c>
    </row>
    <row r="11394" spans="1:9">
      <c r="A11394" s="1">
        <f ca="1">RAND()</f>
        <v>0.1342023363821544</v>
      </c>
      <c r="B11394" s="1"/>
      <c r="C11394">
        <v>10</v>
      </c>
      <c r="D11394" t="s">
        <v>21480</v>
      </c>
      <c r="E11394" t="s">
        <v>33759</v>
      </c>
      <c r="F11394">
        <v>4</v>
      </c>
      <c r="G11394" t="s">
        <v>10</v>
      </c>
      <c r="H11394" t="s">
        <v>21481</v>
      </c>
      <c r="I11394" t="s">
        <v>30540</v>
      </c>
    </row>
    <row r="11395" spans="1:9">
      <c r="A11395" s="1">
        <f ca="1">RAND()</f>
        <v>5.8283247481208167E-2</v>
      </c>
      <c r="B11395" s="1"/>
      <c r="C11395">
        <v>18</v>
      </c>
      <c r="D11395" t="s">
        <v>21474</v>
      </c>
      <c r="E11395" t="s">
        <v>33760</v>
      </c>
      <c r="F11395">
        <v>5</v>
      </c>
      <c r="G11395" t="s">
        <v>14</v>
      </c>
      <c r="H11395" t="s">
        <v>21475</v>
      </c>
      <c r="I11395" t="s">
        <v>30540</v>
      </c>
    </row>
    <row r="11396" spans="1:9">
      <c r="A11396" s="1">
        <f ca="1">RAND()</f>
        <v>0.90113887473154786</v>
      </c>
      <c r="B11396" s="1"/>
      <c r="C11396">
        <v>8</v>
      </c>
      <c r="D11396" t="s">
        <v>21470</v>
      </c>
      <c r="E11396" t="s">
        <v>33760</v>
      </c>
      <c r="F11396">
        <v>4</v>
      </c>
      <c r="G11396" t="s">
        <v>14</v>
      </c>
      <c r="H11396" t="s">
        <v>21471</v>
      </c>
      <c r="I11396" t="s">
        <v>30540</v>
      </c>
    </row>
    <row r="11397" spans="1:9">
      <c r="A11397" s="1">
        <f ca="1">RAND()</f>
        <v>0.24281147838914885</v>
      </c>
      <c r="B11397" s="1"/>
      <c r="C11397">
        <v>5</v>
      </c>
      <c r="D11397" t="s">
        <v>21466</v>
      </c>
      <c r="E11397" t="s">
        <v>33760</v>
      </c>
      <c r="F11397">
        <v>4</v>
      </c>
      <c r="G11397" t="s">
        <v>14</v>
      </c>
      <c r="H11397" t="s">
        <v>21467</v>
      </c>
      <c r="I11397" t="s">
        <v>30540</v>
      </c>
    </row>
    <row r="11398" spans="1:9">
      <c r="A11398" s="1">
        <f ca="1">RAND()</f>
        <v>0.61838327561130613</v>
      </c>
      <c r="B11398" s="1"/>
      <c r="C11398">
        <v>2</v>
      </c>
      <c r="D11398" t="s">
        <v>21462</v>
      </c>
      <c r="E11398" t="s">
        <v>33760</v>
      </c>
      <c r="F11398">
        <v>4</v>
      </c>
      <c r="G11398" t="s">
        <v>14</v>
      </c>
      <c r="H11398" t="s">
        <v>21463</v>
      </c>
      <c r="I11398" t="s">
        <v>30540</v>
      </c>
    </row>
    <row r="11399" spans="1:9">
      <c r="A11399" s="1">
        <f ca="1">RAND()</f>
        <v>0.85547506635431148</v>
      </c>
      <c r="B11399" s="1"/>
      <c r="C11399">
        <v>6</v>
      </c>
      <c r="D11399" t="s">
        <v>21468</v>
      </c>
      <c r="E11399" t="s">
        <v>33760</v>
      </c>
      <c r="F11399">
        <v>4</v>
      </c>
      <c r="G11399" t="s">
        <v>14</v>
      </c>
      <c r="H11399" t="s">
        <v>21469</v>
      </c>
      <c r="I11399" t="s">
        <v>30540</v>
      </c>
    </row>
    <row r="11400" spans="1:9">
      <c r="A11400" s="1">
        <f ca="1">RAND()</f>
        <v>5.4610293902621621E-2</v>
      </c>
      <c r="B11400" s="1"/>
      <c r="C11400">
        <v>3</v>
      </c>
      <c r="D11400" t="s">
        <v>21464</v>
      </c>
      <c r="E11400" t="s">
        <v>33760</v>
      </c>
      <c r="F11400">
        <v>2</v>
      </c>
      <c r="G11400" t="s">
        <v>0</v>
      </c>
      <c r="H11400" t="s">
        <v>21465</v>
      </c>
      <c r="I11400" t="s">
        <v>30540</v>
      </c>
    </row>
    <row r="11401" spans="1:9">
      <c r="A11401" s="1">
        <f ca="1">RAND()</f>
        <v>0.69022202362642404</v>
      </c>
      <c r="B11401" s="1"/>
      <c r="C11401">
        <v>15</v>
      </c>
      <c r="D11401" t="s">
        <v>21472</v>
      </c>
      <c r="E11401" t="s">
        <v>33760</v>
      </c>
      <c r="F11401">
        <v>1</v>
      </c>
      <c r="G11401" t="s">
        <v>2</v>
      </c>
      <c r="H11401" t="s">
        <v>21473</v>
      </c>
      <c r="I11401" t="s">
        <v>30540</v>
      </c>
    </row>
    <row r="11402" spans="1:9">
      <c r="A11402" s="1">
        <f ca="1">RAND()</f>
        <v>0.86528621083515367</v>
      </c>
      <c r="B11402" s="1"/>
      <c r="C11402">
        <v>6</v>
      </c>
      <c r="D11402" t="s">
        <v>21456</v>
      </c>
      <c r="E11402" t="s">
        <v>33761</v>
      </c>
      <c r="F11402">
        <v>4</v>
      </c>
      <c r="G11402" t="s">
        <v>1</v>
      </c>
      <c r="H11402" t="s">
        <v>21457</v>
      </c>
      <c r="I11402" t="s">
        <v>30540</v>
      </c>
    </row>
    <row r="11403" spans="1:9">
      <c r="A11403" s="1">
        <f ca="1">RAND()</f>
        <v>0.69481550183763108</v>
      </c>
      <c r="B11403" s="1"/>
      <c r="C11403">
        <v>14</v>
      </c>
      <c r="D11403" t="s">
        <v>21460</v>
      </c>
      <c r="E11403" t="s">
        <v>33761</v>
      </c>
      <c r="F11403">
        <v>4</v>
      </c>
      <c r="G11403" t="s">
        <v>10</v>
      </c>
      <c r="H11403" t="s">
        <v>21461</v>
      </c>
      <c r="I11403" t="s">
        <v>30540</v>
      </c>
    </row>
    <row r="11404" spans="1:9">
      <c r="A11404" s="1">
        <f ca="1">RAND()</f>
        <v>0.11026565959427481</v>
      </c>
      <c r="B11404" s="1"/>
      <c r="C11404">
        <v>1</v>
      </c>
      <c r="D11404" t="s">
        <v>21454</v>
      </c>
      <c r="E11404" t="s">
        <v>33761</v>
      </c>
      <c r="F11404">
        <v>2</v>
      </c>
      <c r="G11404" t="s">
        <v>10</v>
      </c>
      <c r="H11404" t="s">
        <v>21455</v>
      </c>
      <c r="I11404" t="s">
        <v>30540</v>
      </c>
    </row>
    <row r="11405" spans="1:9">
      <c r="A11405" s="1">
        <f ca="1">RAND()</f>
        <v>0.3842570548375851</v>
      </c>
      <c r="B11405" s="1"/>
      <c r="C11405">
        <v>8</v>
      </c>
      <c r="D11405" t="s">
        <v>21458</v>
      </c>
      <c r="E11405" t="s">
        <v>33761</v>
      </c>
      <c r="F11405">
        <v>2</v>
      </c>
      <c r="G11405" t="s">
        <v>10</v>
      </c>
      <c r="H11405" t="s">
        <v>21459</v>
      </c>
      <c r="I11405" t="s">
        <v>30540</v>
      </c>
    </row>
    <row r="11406" spans="1:9">
      <c r="A11406" s="1">
        <f ca="1">RAND()</f>
        <v>0.23534914269855134</v>
      </c>
      <c r="B11406" s="1"/>
      <c r="C11406">
        <v>5</v>
      </c>
      <c r="D11406" t="s">
        <v>21444</v>
      </c>
      <c r="E11406" t="s">
        <v>33762</v>
      </c>
      <c r="F11406">
        <v>4</v>
      </c>
      <c r="G11406" t="s">
        <v>1295</v>
      </c>
      <c r="H11406" t="s">
        <v>21445</v>
      </c>
      <c r="I11406" t="s">
        <v>30540</v>
      </c>
    </row>
    <row r="11407" spans="1:9">
      <c r="A11407" s="1">
        <f ca="1">RAND()</f>
        <v>0.75639063176601529</v>
      </c>
      <c r="B11407" s="1"/>
      <c r="C11407">
        <v>1</v>
      </c>
      <c r="D11407" t="s">
        <v>21438</v>
      </c>
      <c r="E11407" t="s">
        <v>33762</v>
      </c>
      <c r="F11407">
        <v>4</v>
      </c>
      <c r="G11407" t="s">
        <v>2</v>
      </c>
      <c r="H11407" t="s">
        <v>21439</v>
      </c>
      <c r="I11407" t="s">
        <v>30540</v>
      </c>
    </row>
    <row r="11408" spans="1:9">
      <c r="A11408" s="1">
        <f ca="1">RAND()</f>
        <v>0.80018698855853876</v>
      </c>
      <c r="B11408" s="1"/>
      <c r="C11408">
        <v>12</v>
      </c>
      <c r="D11408" t="s">
        <v>21448</v>
      </c>
      <c r="E11408" t="s">
        <v>33762</v>
      </c>
      <c r="F11408">
        <v>4</v>
      </c>
      <c r="G11408" t="s">
        <v>3732</v>
      </c>
      <c r="H11408" t="s">
        <v>21449</v>
      </c>
      <c r="I11408" t="s">
        <v>30540</v>
      </c>
    </row>
    <row r="11409" spans="1:9">
      <c r="A11409" s="1">
        <f ca="1">RAND()</f>
        <v>0.29919892808122428</v>
      </c>
      <c r="B11409" s="1"/>
      <c r="C11409">
        <v>16</v>
      </c>
      <c r="D11409" t="s">
        <v>21450</v>
      </c>
      <c r="E11409" t="s">
        <v>33762</v>
      </c>
      <c r="F11409">
        <v>4</v>
      </c>
      <c r="G11409" t="s">
        <v>15</v>
      </c>
      <c r="H11409" t="s">
        <v>21451</v>
      </c>
      <c r="I11409" t="s">
        <v>30540</v>
      </c>
    </row>
    <row r="11410" spans="1:9">
      <c r="A11410" s="1">
        <f ca="1">RAND()</f>
        <v>0.39396361607549746</v>
      </c>
      <c r="B11410" s="1"/>
      <c r="C11410">
        <v>2</v>
      </c>
      <c r="D11410" t="s">
        <v>21440</v>
      </c>
      <c r="E11410" t="s">
        <v>33762</v>
      </c>
      <c r="F11410">
        <v>3</v>
      </c>
      <c r="G11410" t="s">
        <v>10</v>
      </c>
      <c r="H11410" t="s">
        <v>21441</v>
      </c>
      <c r="I11410" t="s">
        <v>30540</v>
      </c>
    </row>
    <row r="11411" spans="1:9">
      <c r="A11411" s="1">
        <f ca="1">RAND()</f>
        <v>0.51486275702573536</v>
      </c>
      <c r="B11411" s="1"/>
      <c r="C11411">
        <v>6</v>
      </c>
      <c r="D11411" t="s">
        <v>21446</v>
      </c>
      <c r="E11411" t="s">
        <v>33762</v>
      </c>
      <c r="F11411">
        <v>3</v>
      </c>
      <c r="G11411" t="s">
        <v>766</v>
      </c>
      <c r="H11411" t="s">
        <v>21447</v>
      </c>
      <c r="I11411" t="s">
        <v>30540</v>
      </c>
    </row>
    <row r="11412" spans="1:9">
      <c r="A11412" s="1">
        <f ca="1">RAND()</f>
        <v>0.4632098912565541</v>
      </c>
      <c r="B11412" s="1"/>
      <c r="C11412">
        <v>20</v>
      </c>
      <c r="D11412" t="s">
        <v>21452</v>
      </c>
      <c r="E11412" t="s">
        <v>33762</v>
      </c>
      <c r="F11412">
        <v>3</v>
      </c>
      <c r="G11412" t="s">
        <v>14</v>
      </c>
      <c r="H11412" t="s">
        <v>21453</v>
      </c>
      <c r="I11412" t="s">
        <v>30540</v>
      </c>
    </row>
    <row r="11413" spans="1:9">
      <c r="A11413" s="1">
        <f ca="1">RAND()</f>
        <v>0.26723945930365023</v>
      </c>
      <c r="B11413" s="1"/>
      <c r="C11413">
        <v>4</v>
      </c>
      <c r="D11413" t="s">
        <v>21442</v>
      </c>
      <c r="E11413" t="s">
        <v>33762</v>
      </c>
      <c r="F11413">
        <v>2</v>
      </c>
      <c r="G11413" t="s">
        <v>766</v>
      </c>
      <c r="H11413" t="s">
        <v>21443</v>
      </c>
      <c r="I11413" t="s">
        <v>30540</v>
      </c>
    </row>
    <row r="11414" spans="1:9">
      <c r="A11414" s="1">
        <f ca="1">RAND()</f>
        <v>1.0081557991328816E-2</v>
      </c>
      <c r="B11414" s="1"/>
      <c r="C11414">
        <v>1</v>
      </c>
      <c r="D11414" t="s">
        <v>21434</v>
      </c>
      <c r="E11414" t="s">
        <v>33763</v>
      </c>
      <c r="F11414">
        <v>4</v>
      </c>
      <c r="G11414" t="s">
        <v>2</v>
      </c>
      <c r="H11414" t="s">
        <v>21435</v>
      </c>
      <c r="I11414" t="s">
        <v>30540</v>
      </c>
    </row>
    <row r="11415" spans="1:9">
      <c r="A11415" s="1">
        <f ca="1">RAND()</f>
        <v>0.80493184114159977</v>
      </c>
      <c r="B11415" s="1"/>
      <c r="C11415">
        <v>12</v>
      </c>
      <c r="D11415" t="s">
        <v>21436</v>
      </c>
      <c r="E11415" t="s">
        <v>33763</v>
      </c>
      <c r="F11415">
        <v>4</v>
      </c>
      <c r="G11415" t="s">
        <v>14</v>
      </c>
      <c r="H11415" t="s">
        <v>21437</v>
      </c>
      <c r="I11415" t="s">
        <v>30540</v>
      </c>
    </row>
    <row r="11416" spans="1:9">
      <c r="A11416" s="1">
        <f ca="1">RAND()</f>
        <v>1.5543621630097149E-2</v>
      </c>
      <c r="B11416" s="1"/>
      <c r="C11416">
        <v>18</v>
      </c>
      <c r="D11416" t="s">
        <v>21432</v>
      </c>
      <c r="E11416" t="s">
        <v>33764</v>
      </c>
      <c r="F11416">
        <v>4</v>
      </c>
      <c r="G11416" t="s">
        <v>10</v>
      </c>
      <c r="H11416" t="s">
        <v>21433</v>
      </c>
      <c r="I11416" t="s">
        <v>30540</v>
      </c>
    </row>
    <row r="11417" spans="1:9">
      <c r="A11417" s="1">
        <f ca="1">RAND()</f>
        <v>0.89641813310875906</v>
      </c>
      <c r="B11417" s="1"/>
      <c r="C11417">
        <v>15</v>
      </c>
      <c r="D11417" t="s">
        <v>21430</v>
      </c>
      <c r="E11417" t="s">
        <v>33764</v>
      </c>
      <c r="F11417">
        <v>3</v>
      </c>
      <c r="G11417" t="s">
        <v>1</v>
      </c>
      <c r="H11417" t="s">
        <v>21431</v>
      </c>
      <c r="I11417" t="s">
        <v>30540</v>
      </c>
    </row>
    <row r="11418" spans="1:9">
      <c r="A11418" s="1">
        <f ca="1">RAND()</f>
        <v>0.57888919080556611</v>
      </c>
      <c r="B11418" s="1"/>
      <c r="C11418">
        <v>6</v>
      </c>
      <c r="D11418" t="s">
        <v>21428</v>
      </c>
      <c r="E11418" t="s">
        <v>33764</v>
      </c>
      <c r="F11418">
        <v>2</v>
      </c>
      <c r="G11418" t="s">
        <v>14</v>
      </c>
      <c r="H11418" t="s">
        <v>21429</v>
      </c>
      <c r="I11418" t="s">
        <v>30540</v>
      </c>
    </row>
    <row r="11419" spans="1:9">
      <c r="A11419" s="1">
        <f ca="1">RAND()</f>
        <v>0.85049176782942526</v>
      </c>
      <c r="B11419" s="1"/>
      <c r="C11419">
        <v>11</v>
      </c>
      <c r="D11419" t="s">
        <v>21424</v>
      </c>
      <c r="E11419" t="s">
        <v>33765</v>
      </c>
      <c r="F11419">
        <v>4</v>
      </c>
      <c r="G11419" t="s">
        <v>9</v>
      </c>
      <c r="H11419" t="s">
        <v>21425</v>
      </c>
      <c r="I11419" t="s">
        <v>30540</v>
      </c>
    </row>
    <row r="11420" spans="1:9">
      <c r="A11420" s="1">
        <f ca="1">RAND()</f>
        <v>0.9455519317199732</v>
      </c>
      <c r="B11420" s="1"/>
      <c r="C11420">
        <v>7</v>
      </c>
      <c r="D11420" t="s">
        <v>21422</v>
      </c>
      <c r="E11420" t="s">
        <v>33765</v>
      </c>
      <c r="F11420">
        <v>4</v>
      </c>
      <c r="G11420" t="s">
        <v>14</v>
      </c>
      <c r="H11420" t="s">
        <v>21423</v>
      </c>
      <c r="I11420" t="s">
        <v>30540</v>
      </c>
    </row>
    <row r="11421" spans="1:9">
      <c r="A11421" s="1">
        <f ca="1">RAND()</f>
        <v>0.69914076970774786</v>
      </c>
      <c r="B11421" s="1"/>
      <c r="C11421">
        <v>15</v>
      </c>
      <c r="D11421" t="s">
        <v>21426</v>
      </c>
      <c r="E11421" t="s">
        <v>33765</v>
      </c>
      <c r="F11421">
        <v>4</v>
      </c>
      <c r="G11421" t="s">
        <v>14</v>
      </c>
      <c r="H11421" t="s">
        <v>21427</v>
      </c>
      <c r="I11421" t="s">
        <v>30540</v>
      </c>
    </row>
    <row r="11422" spans="1:9">
      <c r="A11422" s="1">
        <f ca="1">RAND()</f>
        <v>0.31755237191348229</v>
      </c>
      <c r="B11422" s="1"/>
      <c r="C11422">
        <v>10</v>
      </c>
      <c r="D11422" t="s">
        <v>21416</v>
      </c>
      <c r="E11422" t="s">
        <v>33766</v>
      </c>
      <c r="F11422">
        <v>4</v>
      </c>
      <c r="G11422" t="s">
        <v>14</v>
      </c>
      <c r="H11422" t="s">
        <v>21417</v>
      </c>
      <c r="I11422" t="s">
        <v>30540</v>
      </c>
    </row>
    <row r="11423" spans="1:9">
      <c r="A11423" s="1">
        <f ca="1">RAND()</f>
        <v>0.5528842813839886</v>
      </c>
      <c r="B11423" s="1"/>
      <c r="C11423">
        <v>13</v>
      </c>
      <c r="D11423" t="s">
        <v>21418</v>
      </c>
      <c r="E11423" t="s">
        <v>33766</v>
      </c>
      <c r="F11423">
        <v>4</v>
      </c>
      <c r="G11423" t="s">
        <v>14</v>
      </c>
      <c r="H11423" t="s">
        <v>21419</v>
      </c>
      <c r="I11423" t="s">
        <v>30540</v>
      </c>
    </row>
    <row r="11424" spans="1:9">
      <c r="A11424" s="1">
        <f ca="1">RAND()</f>
        <v>0.80860764152206388</v>
      </c>
      <c r="B11424" s="1"/>
      <c r="C11424">
        <v>15</v>
      </c>
      <c r="D11424" t="s">
        <v>21420</v>
      </c>
      <c r="E11424" t="s">
        <v>33766</v>
      </c>
      <c r="F11424">
        <v>4</v>
      </c>
      <c r="G11424" t="s">
        <v>10</v>
      </c>
      <c r="H11424" t="s">
        <v>21421</v>
      </c>
      <c r="I11424" t="s">
        <v>30540</v>
      </c>
    </row>
    <row r="11425" spans="1:9">
      <c r="A11425" s="1">
        <f ca="1">RAND()</f>
        <v>0.63211712769202988</v>
      </c>
      <c r="B11425" s="1"/>
      <c r="C11425">
        <v>7</v>
      </c>
      <c r="D11425" t="s">
        <v>21414</v>
      </c>
      <c r="E11425" t="s">
        <v>33766</v>
      </c>
      <c r="F11425">
        <v>2</v>
      </c>
      <c r="G11425" t="s">
        <v>14</v>
      </c>
      <c r="H11425" t="s">
        <v>21415</v>
      </c>
      <c r="I11425" t="s">
        <v>30540</v>
      </c>
    </row>
    <row r="11426" spans="1:9">
      <c r="A11426" s="1">
        <f ca="1">RAND()</f>
        <v>0.38178786708759593</v>
      </c>
      <c r="B11426" s="1"/>
      <c r="C11426">
        <v>5</v>
      </c>
      <c r="D11426" t="s">
        <v>21408</v>
      </c>
      <c r="E11426" t="s">
        <v>33767</v>
      </c>
      <c r="F11426">
        <v>4</v>
      </c>
      <c r="G11426" t="s">
        <v>10</v>
      </c>
      <c r="H11426" t="s">
        <v>21409</v>
      </c>
      <c r="I11426" t="s">
        <v>30540</v>
      </c>
    </row>
    <row r="11427" spans="1:9">
      <c r="A11427" s="1">
        <f ca="1">RAND()</f>
        <v>0.92781723576063191</v>
      </c>
      <c r="B11427" s="1"/>
      <c r="C11427">
        <v>19</v>
      </c>
      <c r="D11427" t="s">
        <v>21412</v>
      </c>
      <c r="E11427" t="s">
        <v>33767</v>
      </c>
      <c r="F11427">
        <v>4</v>
      </c>
      <c r="G11427" t="s">
        <v>762</v>
      </c>
      <c r="H11427" t="s">
        <v>21413</v>
      </c>
      <c r="I11427" t="s">
        <v>30540</v>
      </c>
    </row>
    <row r="11428" spans="1:9">
      <c r="A11428" s="1">
        <f ca="1">RAND()</f>
        <v>0.68758556987737673</v>
      </c>
      <c r="B11428" s="1"/>
      <c r="C11428">
        <v>2</v>
      </c>
      <c r="D11428" t="s">
        <v>21406</v>
      </c>
      <c r="E11428" t="s">
        <v>33767</v>
      </c>
      <c r="F11428">
        <v>4</v>
      </c>
      <c r="G11428" t="s">
        <v>9</v>
      </c>
      <c r="H11428" t="s">
        <v>21407</v>
      </c>
      <c r="I11428" t="s">
        <v>30540</v>
      </c>
    </row>
    <row r="11429" spans="1:9">
      <c r="A11429" s="1">
        <f ca="1">RAND()</f>
        <v>3.2120110497715126E-2</v>
      </c>
      <c r="B11429" s="1"/>
      <c r="C11429">
        <v>15</v>
      </c>
      <c r="D11429" t="s">
        <v>21410</v>
      </c>
      <c r="E11429" t="s">
        <v>33767</v>
      </c>
      <c r="F11429">
        <v>2</v>
      </c>
      <c r="G11429" t="s">
        <v>14</v>
      </c>
      <c r="H11429" t="s">
        <v>21411</v>
      </c>
      <c r="I11429" t="s">
        <v>30540</v>
      </c>
    </row>
    <row r="11430" spans="1:9">
      <c r="A11430" s="1">
        <f ca="1">RAND()</f>
        <v>0.34246501482407288</v>
      </c>
      <c r="B11430" s="1"/>
      <c r="C11430">
        <v>2</v>
      </c>
      <c r="D11430" t="s">
        <v>21402</v>
      </c>
      <c r="E11430" t="s">
        <v>33768</v>
      </c>
      <c r="F11430">
        <v>4</v>
      </c>
      <c r="G11430" t="s">
        <v>14</v>
      </c>
      <c r="H11430" t="s">
        <v>21403</v>
      </c>
      <c r="I11430" t="s">
        <v>30540</v>
      </c>
    </row>
    <row r="11431" spans="1:9">
      <c r="A11431" s="1">
        <f ca="1">RAND()</f>
        <v>1.9012165399530767E-2</v>
      </c>
      <c r="B11431" s="1"/>
      <c r="C11431">
        <v>16</v>
      </c>
      <c r="D11431" t="s">
        <v>21404</v>
      </c>
      <c r="E11431" t="s">
        <v>33768</v>
      </c>
      <c r="F11431">
        <v>4</v>
      </c>
      <c r="G11431" t="s">
        <v>14</v>
      </c>
      <c r="H11431" t="s">
        <v>21405</v>
      </c>
      <c r="I11431" t="s">
        <v>30540</v>
      </c>
    </row>
    <row r="11432" spans="1:9">
      <c r="A11432" s="1">
        <f ca="1">RAND()</f>
        <v>0.99985709969351566</v>
      </c>
      <c r="B11432" s="1"/>
      <c r="C11432">
        <v>17</v>
      </c>
      <c r="D11432" t="s">
        <v>21398</v>
      </c>
      <c r="E11432" t="s">
        <v>33769</v>
      </c>
      <c r="F11432">
        <v>5</v>
      </c>
      <c r="G11432" t="s">
        <v>14</v>
      </c>
      <c r="H11432" t="s">
        <v>21399</v>
      </c>
      <c r="I11432" t="s">
        <v>30540</v>
      </c>
    </row>
    <row r="11433" spans="1:9">
      <c r="A11433" s="1">
        <f ca="1">RAND()</f>
        <v>0.5250516900659784</v>
      </c>
      <c r="B11433" s="1"/>
      <c r="C11433">
        <v>19</v>
      </c>
      <c r="D11433" t="s">
        <v>21400</v>
      </c>
      <c r="E11433" t="s">
        <v>33769</v>
      </c>
      <c r="F11433">
        <v>4</v>
      </c>
      <c r="G11433" t="s">
        <v>14</v>
      </c>
      <c r="H11433" t="s">
        <v>21401</v>
      </c>
      <c r="I11433" t="s">
        <v>30540</v>
      </c>
    </row>
    <row r="11434" spans="1:9">
      <c r="A11434" s="1">
        <f ca="1">RAND()</f>
        <v>0.3887202515519691</v>
      </c>
      <c r="B11434" s="1"/>
      <c r="C11434">
        <v>9</v>
      </c>
      <c r="D11434" t="s">
        <v>21394</v>
      </c>
      <c r="E11434" t="s">
        <v>33769</v>
      </c>
      <c r="F11434">
        <v>4</v>
      </c>
      <c r="G11434" t="s">
        <v>14</v>
      </c>
      <c r="H11434" t="s">
        <v>21395</v>
      </c>
      <c r="I11434" t="s">
        <v>30540</v>
      </c>
    </row>
    <row r="11435" spans="1:9">
      <c r="A11435" s="1">
        <f ca="1">RAND()</f>
        <v>0.98943015856247518</v>
      </c>
      <c r="B11435" s="1"/>
      <c r="C11435">
        <v>11</v>
      </c>
      <c r="D11435" t="s">
        <v>21396</v>
      </c>
      <c r="E11435" t="s">
        <v>33769</v>
      </c>
      <c r="F11435">
        <v>3</v>
      </c>
      <c r="G11435" t="s">
        <v>14</v>
      </c>
      <c r="H11435" t="s">
        <v>21397</v>
      </c>
      <c r="I11435" t="s">
        <v>30540</v>
      </c>
    </row>
    <row r="11436" spans="1:9">
      <c r="A11436" s="1">
        <f ca="1">RAND()</f>
        <v>2.642376890112641E-2</v>
      </c>
      <c r="B11436" s="1"/>
      <c r="C11436">
        <v>15</v>
      </c>
      <c r="D11436" t="s">
        <v>21390</v>
      </c>
      <c r="E11436" t="s">
        <v>33770</v>
      </c>
      <c r="F11436">
        <v>4</v>
      </c>
      <c r="G11436" t="s">
        <v>14</v>
      </c>
      <c r="H11436" t="s">
        <v>21391</v>
      </c>
      <c r="I11436" t="s">
        <v>30540</v>
      </c>
    </row>
    <row r="11437" spans="1:9">
      <c r="A11437" s="1">
        <f ca="1">RAND()</f>
        <v>0.89791020475390648</v>
      </c>
      <c r="B11437" s="1"/>
      <c r="C11437">
        <v>18</v>
      </c>
      <c r="D11437" t="s">
        <v>21392</v>
      </c>
      <c r="E11437" t="s">
        <v>33770</v>
      </c>
      <c r="F11437">
        <v>3</v>
      </c>
      <c r="G11437" t="s">
        <v>14</v>
      </c>
      <c r="H11437" t="s">
        <v>21393</v>
      </c>
      <c r="I11437" t="s">
        <v>30540</v>
      </c>
    </row>
    <row r="11438" spans="1:9">
      <c r="A11438" s="1">
        <f ca="1">RAND()</f>
        <v>0.16439061447542302</v>
      </c>
      <c r="B11438" s="1"/>
      <c r="C11438">
        <v>9</v>
      </c>
      <c r="D11438" t="s">
        <v>21386</v>
      </c>
      <c r="E11438" t="s">
        <v>33770</v>
      </c>
      <c r="F11438">
        <v>3</v>
      </c>
      <c r="G11438" t="s">
        <v>14</v>
      </c>
      <c r="H11438" t="s">
        <v>21387</v>
      </c>
      <c r="I11438" t="s">
        <v>30540</v>
      </c>
    </row>
    <row r="11439" spans="1:9">
      <c r="A11439" s="1">
        <f ca="1">RAND()</f>
        <v>0.1231728616199339</v>
      </c>
      <c r="B11439" s="1"/>
      <c r="C11439">
        <v>10</v>
      </c>
      <c r="D11439" t="s">
        <v>21388</v>
      </c>
      <c r="E11439" t="s">
        <v>33770</v>
      </c>
      <c r="F11439">
        <v>3</v>
      </c>
      <c r="G11439" t="s">
        <v>14</v>
      </c>
      <c r="H11439" t="s">
        <v>21389</v>
      </c>
      <c r="I11439" t="s">
        <v>30540</v>
      </c>
    </row>
    <row r="11440" spans="1:9">
      <c r="A11440" s="1">
        <f ca="1">RAND()</f>
        <v>0.25264888436766419</v>
      </c>
      <c r="B11440" s="1"/>
      <c r="C11440">
        <v>8</v>
      </c>
      <c r="D11440" t="s">
        <v>21384</v>
      </c>
      <c r="E11440" t="s">
        <v>33770</v>
      </c>
      <c r="F11440">
        <v>3</v>
      </c>
      <c r="G11440" t="s">
        <v>2</v>
      </c>
      <c r="H11440" t="s">
        <v>21385</v>
      </c>
      <c r="I11440" t="s">
        <v>30540</v>
      </c>
    </row>
    <row r="11441" spans="1:9">
      <c r="A11441" s="1">
        <f ca="1">RAND()</f>
        <v>0.32224353253827898</v>
      </c>
      <c r="B11441" s="1"/>
      <c r="C11441">
        <v>3</v>
      </c>
      <c r="D11441" t="s">
        <v>21382</v>
      </c>
      <c r="E11441" t="s">
        <v>33770</v>
      </c>
      <c r="F11441">
        <v>2</v>
      </c>
      <c r="G11441" t="s">
        <v>2</v>
      </c>
      <c r="H11441" t="s">
        <v>21383</v>
      </c>
      <c r="I11441" t="s">
        <v>30540</v>
      </c>
    </row>
    <row r="11442" spans="1:9">
      <c r="A11442" s="1">
        <f ca="1">RAND()</f>
        <v>0.49482684026773138</v>
      </c>
      <c r="B11442" s="1"/>
      <c r="C11442">
        <v>13</v>
      </c>
      <c r="D11442" t="s">
        <v>21378</v>
      </c>
      <c r="E11442" t="s">
        <v>33771</v>
      </c>
      <c r="F11442">
        <v>4</v>
      </c>
      <c r="G11442" t="s">
        <v>14</v>
      </c>
      <c r="H11442" t="s">
        <v>21379</v>
      </c>
      <c r="I11442" t="s">
        <v>30540</v>
      </c>
    </row>
    <row r="11443" spans="1:9">
      <c r="A11443" s="1">
        <f ca="1">RAND()</f>
        <v>0.54879406008282328</v>
      </c>
      <c r="B11443" s="1"/>
      <c r="C11443">
        <v>17</v>
      </c>
      <c r="D11443" t="s">
        <v>21380</v>
      </c>
      <c r="E11443" t="s">
        <v>33771</v>
      </c>
      <c r="F11443">
        <v>3</v>
      </c>
      <c r="G11443" t="s">
        <v>14</v>
      </c>
      <c r="H11443" t="s">
        <v>21381</v>
      </c>
      <c r="I11443" t="s">
        <v>30540</v>
      </c>
    </row>
    <row r="11444" spans="1:9">
      <c r="A11444" s="1">
        <f ca="1">RAND()</f>
        <v>0.54136863897251186</v>
      </c>
      <c r="B11444" s="1"/>
      <c r="C11444">
        <v>9</v>
      </c>
      <c r="D11444" t="s">
        <v>21376</v>
      </c>
      <c r="E11444" t="s">
        <v>33771</v>
      </c>
      <c r="F11444">
        <v>2</v>
      </c>
      <c r="G11444" t="s">
        <v>13</v>
      </c>
      <c r="H11444" t="s">
        <v>21377</v>
      </c>
      <c r="I11444" t="s">
        <v>30540</v>
      </c>
    </row>
    <row r="11445" spans="1:9">
      <c r="A11445" s="1">
        <f ca="1">RAND()</f>
        <v>0.58458676563591039</v>
      </c>
      <c r="B11445" s="1"/>
      <c r="C11445">
        <v>20</v>
      </c>
      <c r="D11445" t="s">
        <v>21374</v>
      </c>
      <c r="E11445" t="s">
        <v>33772</v>
      </c>
      <c r="F11445">
        <v>5</v>
      </c>
      <c r="G11445" t="s">
        <v>770</v>
      </c>
      <c r="H11445" t="s">
        <v>21375</v>
      </c>
      <c r="I11445" t="s">
        <v>30540</v>
      </c>
    </row>
    <row r="11446" spans="1:9">
      <c r="A11446" s="1">
        <f ca="1">RAND()</f>
        <v>0.78835878730689068</v>
      </c>
      <c r="B11446" s="1"/>
      <c r="C11446">
        <v>15</v>
      </c>
      <c r="D11446" t="s">
        <v>21368</v>
      </c>
      <c r="E11446" t="s">
        <v>33772</v>
      </c>
      <c r="F11446">
        <v>5</v>
      </c>
      <c r="G11446" t="s">
        <v>766</v>
      </c>
      <c r="H11446" t="s">
        <v>21369</v>
      </c>
      <c r="I11446" t="s">
        <v>30540</v>
      </c>
    </row>
    <row r="11447" spans="1:9">
      <c r="A11447" s="1">
        <f ca="1">RAND()</f>
        <v>0.67332257713444499</v>
      </c>
      <c r="B11447" s="1"/>
      <c r="C11447">
        <v>17</v>
      </c>
      <c r="D11447" t="s">
        <v>21370</v>
      </c>
      <c r="E11447" t="s">
        <v>33772</v>
      </c>
      <c r="F11447">
        <v>4</v>
      </c>
      <c r="G11447" t="s">
        <v>14</v>
      </c>
      <c r="H11447" t="s">
        <v>21371</v>
      </c>
      <c r="I11447" t="s">
        <v>30540</v>
      </c>
    </row>
    <row r="11448" spans="1:9">
      <c r="A11448" s="1">
        <f ca="1">RAND()</f>
        <v>8.8884094390658697E-2</v>
      </c>
      <c r="B11448" s="1"/>
      <c r="C11448">
        <v>19</v>
      </c>
      <c r="D11448" t="s">
        <v>21372</v>
      </c>
      <c r="E11448" t="s">
        <v>33772</v>
      </c>
      <c r="F11448">
        <v>4</v>
      </c>
      <c r="G11448" t="s">
        <v>774</v>
      </c>
      <c r="H11448" t="s">
        <v>21373</v>
      </c>
      <c r="I11448" t="s">
        <v>30540</v>
      </c>
    </row>
    <row r="11449" spans="1:9">
      <c r="A11449" s="1">
        <f ca="1">RAND()</f>
        <v>0.28512947171365188</v>
      </c>
      <c r="B11449" s="1"/>
      <c r="C11449">
        <v>12</v>
      </c>
      <c r="D11449" t="s">
        <v>21366</v>
      </c>
      <c r="E11449" t="s">
        <v>33772</v>
      </c>
      <c r="F11449">
        <v>4</v>
      </c>
      <c r="G11449" t="s">
        <v>1426</v>
      </c>
      <c r="H11449" t="s">
        <v>21367</v>
      </c>
      <c r="I11449" t="s">
        <v>30540</v>
      </c>
    </row>
    <row r="11450" spans="1:9">
      <c r="A11450" s="1">
        <f ca="1">RAND()</f>
        <v>0.6345785476625373</v>
      </c>
      <c r="B11450" s="1"/>
      <c r="C11450">
        <v>4</v>
      </c>
      <c r="D11450" t="s">
        <v>21364</v>
      </c>
      <c r="E11450" t="s">
        <v>33772</v>
      </c>
      <c r="F11450">
        <v>4</v>
      </c>
      <c r="G11450" t="s">
        <v>10</v>
      </c>
      <c r="H11450" t="s">
        <v>21365</v>
      </c>
      <c r="I11450" t="s">
        <v>30540</v>
      </c>
    </row>
    <row r="11451" spans="1:9">
      <c r="A11451" s="1">
        <f ca="1">RAND()</f>
        <v>0.41842890130583366</v>
      </c>
      <c r="B11451" s="1"/>
      <c r="C11451">
        <v>3</v>
      </c>
      <c r="D11451" t="s">
        <v>21362</v>
      </c>
      <c r="E11451" t="s">
        <v>33772</v>
      </c>
      <c r="F11451">
        <v>4</v>
      </c>
      <c r="G11451" t="s">
        <v>10</v>
      </c>
      <c r="H11451" t="s">
        <v>21363</v>
      </c>
      <c r="I11451" t="s">
        <v>30540</v>
      </c>
    </row>
    <row r="11452" spans="1:9">
      <c r="A11452" s="1">
        <f ca="1">RAND()</f>
        <v>0.33946867196878849</v>
      </c>
      <c r="B11452" s="1"/>
      <c r="C11452">
        <v>14</v>
      </c>
      <c r="D11452" t="s">
        <v>21358</v>
      </c>
      <c r="E11452" t="s">
        <v>33773</v>
      </c>
      <c r="F11452">
        <v>5</v>
      </c>
      <c r="G11452" t="s">
        <v>1</v>
      </c>
      <c r="H11452" t="s">
        <v>21359</v>
      </c>
      <c r="I11452" t="s">
        <v>30540</v>
      </c>
    </row>
    <row r="11453" spans="1:9">
      <c r="A11453" s="1">
        <f ca="1">RAND()</f>
        <v>0.97442606755909544</v>
      </c>
      <c r="B11453" s="1"/>
      <c r="C11453">
        <v>9</v>
      </c>
      <c r="D11453" t="s">
        <v>21356</v>
      </c>
      <c r="E11453" t="s">
        <v>33773</v>
      </c>
      <c r="F11453">
        <v>4</v>
      </c>
      <c r="G11453" t="s">
        <v>14</v>
      </c>
      <c r="H11453" t="s">
        <v>21357</v>
      </c>
      <c r="I11453" t="s">
        <v>30540</v>
      </c>
    </row>
    <row r="11454" spans="1:9">
      <c r="A11454" s="1">
        <f ca="1">RAND()</f>
        <v>0.33009180252767201</v>
      </c>
      <c r="B11454" s="1"/>
      <c r="C11454">
        <v>15</v>
      </c>
      <c r="D11454" t="s">
        <v>21360</v>
      </c>
      <c r="E11454" t="s">
        <v>33773</v>
      </c>
      <c r="F11454">
        <v>4</v>
      </c>
      <c r="G11454" t="s">
        <v>14</v>
      </c>
      <c r="H11454" t="s">
        <v>21361</v>
      </c>
      <c r="I11454" t="s">
        <v>30540</v>
      </c>
    </row>
    <row r="11455" spans="1:9">
      <c r="A11455" s="1">
        <f ca="1">RAND()</f>
        <v>0.33169567111520704</v>
      </c>
      <c r="B11455" s="1"/>
      <c r="C11455">
        <v>8</v>
      </c>
      <c r="D11455" t="s">
        <v>21354</v>
      </c>
      <c r="E11455" t="s">
        <v>33773</v>
      </c>
      <c r="F11455">
        <v>4</v>
      </c>
      <c r="G11455" t="s">
        <v>14</v>
      </c>
      <c r="H11455" t="s">
        <v>21355</v>
      </c>
      <c r="I11455" t="s">
        <v>30540</v>
      </c>
    </row>
    <row r="11456" spans="1:9">
      <c r="A11456" s="1">
        <f ca="1">RAND()</f>
        <v>0.95463050986920339</v>
      </c>
      <c r="B11456" s="1"/>
      <c r="C11456">
        <v>19</v>
      </c>
      <c r="D11456" t="s">
        <v>21352</v>
      </c>
      <c r="E11456" t="s">
        <v>33774</v>
      </c>
      <c r="F11456">
        <v>4</v>
      </c>
      <c r="G11456" t="s">
        <v>14</v>
      </c>
      <c r="H11456" t="s">
        <v>21353</v>
      </c>
      <c r="I11456" t="s">
        <v>30540</v>
      </c>
    </row>
    <row r="11457" spans="1:9">
      <c r="A11457" s="1">
        <f ca="1">RAND()</f>
        <v>0.18058777571759344</v>
      </c>
      <c r="B11457" s="1"/>
      <c r="C11457">
        <v>12</v>
      </c>
      <c r="D11457" t="s">
        <v>21350</v>
      </c>
      <c r="E11457" t="s">
        <v>33774</v>
      </c>
      <c r="F11457">
        <v>4</v>
      </c>
      <c r="G11457" t="s">
        <v>14</v>
      </c>
      <c r="H11457" t="s">
        <v>21351</v>
      </c>
      <c r="I11457" t="s">
        <v>30540</v>
      </c>
    </row>
    <row r="11458" spans="1:9">
      <c r="A11458" s="1">
        <f ca="1">RAND()</f>
        <v>0.20008973544658026</v>
      </c>
      <c r="B11458" s="1"/>
      <c r="C11458">
        <v>4</v>
      </c>
      <c r="D11458" t="s">
        <v>21344</v>
      </c>
      <c r="E11458" t="s">
        <v>33775</v>
      </c>
      <c r="F11458">
        <v>4</v>
      </c>
      <c r="G11458" t="s">
        <v>14</v>
      </c>
      <c r="H11458" t="s">
        <v>21345</v>
      </c>
      <c r="I11458" t="s">
        <v>30540</v>
      </c>
    </row>
    <row r="11459" spans="1:9">
      <c r="A11459" s="1">
        <f ca="1">RAND()</f>
        <v>0.98822812959879092</v>
      </c>
      <c r="B11459" s="1"/>
      <c r="C11459">
        <v>11</v>
      </c>
      <c r="D11459" t="s">
        <v>21348</v>
      </c>
      <c r="E11459" t="s">
        <v>33775</v>
      </c>
      <c r="F11459">
        <v>4</v>
      </c>
      <c r="G11459" t="s">
        <v>14</v>
      </c>
      <c r="H11459" t="s">
        <v>21349</v>
      </c>
      <c r="I11459" t="s">
        <v>30540</v>
      </c>
    </row>
    <row r="11460" spans="1:9">
      <c r="A11460" s="1">
        <f ca="1">RAND()</f>
        <v>0.57250956439636391</v>
      </c>
      <c r="B11460" s="1"/>
      <c r="C11460">
        <v>10</v>
      </c>
      <c r="D11460" t="s">
        <v>21346</v>
      </c>
      <c r="E11460" t="s">
        <v>33775</v>
      </c>
      <c r="F11460">
        <v>3</v>
      </c>
      <c r="G11460" t="s">
        <v>0</v>
      </c>
      <c r="H11460" t="s">
        <v>21347</v>
      </c>
      <c r="I11460" t="s">
        <v>30540</v>
      </c>
    </row>
    <row r="11461" spans="1:9">
      <c r="A11461" s="1">
        <f ca="1">RAND()</f>
        <v>0.49915012735511533</v>
      </c>
      <c r="B11461" s="1"/>
      <c r="C11461">
        <v>15</v>
      </c>
      <c r="D11461" t="s">
        <v>21340</v>
      </c>
      <c r="E11461" t="s">
        <v>33776</v>
      </c>
      <c r="F11461">
        <v>5</v>
      </c>
      <c r="G11461" t="s">
        <v>14</v>
      </c>
      <c r="H11461" t="s">
        <v>21341</v>
      </c>
      <c r="I11461" t="s">
        <v>30540</v>
      </c>
    </row>
    <row r="11462" spans="1:9">
      <c r="A11462" s="1">
        <f ca="1">RAND()</f>
        <v>0.66412660508280319</v>
      </c>
      <c r="B11462" s="1"/>
      <c r="C11462">
        <v>16</v>
      </c>
      <c r="D11462" t="s">
        <v>21342</v>
      </c>
      <c r="E11462" t="s">
        <v>33776</v>
      </c>
      <c r="F11462">
        <v>4</v>
      </c>
      <c r="G11462" t="s">
        <v>14</v>
      </c>
      <c r="H11462" t="s">
        <v>21343</v>
      </c>
      <c r="I11462" t="s">
        <v>30540</v>
      </c>
    </row>
    <row r="11463" spans="1:9">
      <c r="A11463" s="1">
        <f ca="1">RAND()</f>
        <v>0.53394973428038239</v>
      </c>
      <c r="B11463" s="1"/>
      <c r="C11463">
        <v>12</v>
      </c>
      <c r="D11463" t="s">
        <v>21338</v>
      </c>
      <c r="E11463" t="s">
        <v>33776</v>
      </c>
      <c r="F11463">
        <v>4</v>
      </c>
      <c r="G11463" t="s">
        <v>0</v>
      </c>
      <c r="H11463" t="s">
        <v>21339</v>
      </c>
      <c r="I11463" t="s">
        <v>30540</v>
      </c>
    </row>
    <row r="11464" spans="1:9">
      <c r="A11464" s="1">
        <f ca="1">RAND()</f>
        <v>0.40029878397132224</v>
      </c>
      <c r="B11464" s="1"/>
      <c r="C11464">
        <v>7</v>
      </c>
      <c r="D11464" t="s">
        <v>21334</v>
      </c>
      <c r="E11464" t="s">
        <v>33776</v>
      </c>
      <c r="F11464">
        <v>2</v>
      </c>
      <c r="G11464" t="s">
        <v>13</v>
      </c>
      <c r="H11464" t="s">
        <v>21335</v>
      </c>
      <c r="I11464" t="s">
        <v>30540</v>
      </c>
    </row>
    <row r="11465" spans="1:9">
      <c r="A11465" s="1">
        <f ca="1">RAND()</f>
        <v>0.98317292781689591</v>
      </c>
      <c r="B11465" s="1"/>
      <c r="C11465">
        <v>8</v>
      </c>
      <c r="D11465" t="s">
        <v>21336</v>
      </c>
      <c r="E11465" t="s">
        <v>33776</v>
      </c>
      <c r="F11465">
        <v>1</v>
      </c>
      <c r="G11465" t="s">
        <v>0</v>
      </c>
      <c r="H11465" t="s">
        <v>21337</v>
      </c>
      <c r="I11465" t="s">
        <v>30540</v>
      </c>
    </row>
    <row r="11466" spans="1:9">
      <c r="A11466" s="1">
        <f ca="1">RAND()</f>
        <v>4.2530737057319135E-2</v>
      </c>
      <c r="B11466" s="1"/>
      <c r="C11466">
        <v>4</v>
      </c>
      <c r="D11466" t="s">
        <v>21328</v>
      </c>
      <c r="E11466" t="s">
        <v>33777</v>
      </c>
      <c r="F11466">
        <v>4</v>
      </c>
      <c r="G11466" t="s">
        <v>2</v>
      </c>
      <c r="H11466" t="s">
        <v>21329</v>
      </c>
      <c r="I11466" t="s">
        <v>30540</v>
      </c>
    </row>
    <row r="11467" spans="1:9">
      <c r="A11467" s="1">
        <f ca="1">RAND()</f>
        <v>0.71593667136040573</v>
      </c>
      <c r="B11467" s="1"/>
      <c r="C11467">
        <v>9</v>
      </c>
      <c r="D11467" t="s">
        <v>21330</v>
      </c>
      <c r="E11467" t="s">
        <v>33777</v>
      </c>
      <c r="F11467">
        <v>4</v>
      </c>
      <c r="G11467" t="s">
        <v>15</v>
      </c>
      <c r="H11467" t="s">
        <v>21331</v>
      </c>
      <c r="I11467" t="s">
        <v>30540</v>
      </c>
    </row>
    <row r="11468" spans="1:9">
      <c r="A11468" s="1">
        <f ca="1">RAND()</f>
        <v>0.96588530329216915</v>
      </c>
      <c r="B11468" s="1"/>
      <c r="C11468">
        <v>19</v>
      </c>
      <c r="D11468" t="s">
        <v>21332</v>
      </c>
      <c r="E11468" t="s">
        <v>33777</v>
      </c>
      <c r="F11468">
        <v>4</v>
      </c>
      <c r="G11468" t="s">
        <v>14</v>
      </c>
      <c r="H11468" t="s">
        <v>21333</v>
      </c>
      <c r="I11468" t="s">
        <v>30540</v>
      </c>
    </row>
    <row r="11469" spans="1:9">
      <c r="A11469" s="1">
        <f ca="1">RAND()</f>
        <v>0.38818554837614683</v>
      </c>
      <c r="B11469" s="1"/>
      <c r="C11469">
        <v>2</v>
      </c>
      <c r="D11469" t="s">
        <v>21324</v>
      </c>
      <c r="E11469" t="s">
        <v>33777</v>
      </c>
      <c r="F11469">
        <v>4</v>
      </c>
      <c r="G11469" t="s">
        <v>10</v>
      </c>
      <c r="H11469" t="s">
        <v>21325</v>
      </c>
      <c r="I11469" t="s">
        <v>30540</v>
      </c>
    </row>
    <row r="11470" spans="1:9">
      <c r="A11470" s="1">
        <f ca="1">RAND()</f>
        <v>7.5736712020031183E-2</v>
      </c>
      <c r="B11470" s="1"/>
      <c r="C11470">
        <v>3</v>
      </c>
      <c r="D11470" t="s">
        <v>21326</v>
      </c>
      <c r="E11470" t="s">
        <v>33777</v>
      </c>
      <c r="F11470">
        <v>3</v>
      </c>
      <c r="G11470" t="s">
        <v>10</v>
      </c>
      <c r="H11470" t="s">
        <v>21327</v>
      </c>
      <c r="I11470" t="s">
        <v>30540</v>
      </c>
    </row>
    <row r="11471" spans="1:9">
      <c r="A11471" s="1">
        <f ca="1">RAND()</f>
        <v>0.4269506978435238</v>
      </c>
      <c r="B11471" s="1"/>
      <c r="C11471">
        <v>6</v>
      </c>
      <c r="D11471" t="s">
        <v>21322</v>
      </c>
      <c r="E11471" t="s">
        <v>33778</v>
      </c>
      <c r="F11471">
        <v>5</v>
      </c>
      <c r="G11471" t="s">
        <v>14</v>
      </c>
      <c r="H11471" t="s">
        <v>21323</v>
      </c>
      <c r="I11471" t="s">
        <v>30540</v>
      </c>
    </row>
    <row r="11472" spans="1:9">
      <c r="A11472" s="1">
        <f ca="1">RAND()</f>
        <v>0.72512981338023486</v>
      </c>
      <c r="B11472" s="1"/>
      <c r="C11472">
        <v>5</v>
      </c>
      <c r="D11472" t="s">
        <v>21320</v>
      </c>
      <c r="E11472" t="s">
        <v>33778</v>
      </c>
      <c r="F11472">
        <v>4</v>
      </c>
      <c r="G11472" t="s">
        <v>15</v>
      </c>
      <c r="H11472" t="s">
        <v>21321</v>
      </c>
      <c r="I11472" t="s">
        <v>30540</v>
      </c>
    </row>
    <row r="11473" spans="1:9">
      <c r="A11473" s="1">
        <f ca="1">RAND()</f>
        <v>0.83696112090469721</v>
      </c>
      <c r="B11473" s="1"/>
      <c r="C11473">
        <v>3</v>
      </c>
      <c r="D11473" t="s">
        <v>21310</v>
      </c>
      <c r="E11473" t="s">
        <v>33779</v>
      </c>
      <c r="F11473">
        <v>4</v>
      </c>
      <c r="G11473" t="s">
        <v>13</v>
      </c>
      <c r="H11473" t="s">
        <v>21311</v>
      </c>
      <c r="I11473" t="s">
        <v>30540</v>
      </c>
    </row>
    <row r="11474" spans="1:9">
      <c r="A11474" s="1">
        <f ca="1">RAND()</f>
        <v>0.12533346429049552</v>
      </c>
      <c r="B11474" s="1"/>
      <c r="C11474">
        <v>9</v>
      </c>
      <c r="D11474" t="s">
        <v>21316</v>
      </c>
      <c r="E11474" t="s">
        <v>33779</v>
      </c>
      <c r="F11474">
        <v>4</v>
      </c>
      <c r="G11474" t="s">
        <v>0</v>
      </c>
      <c r="H11474" t="s">
        <v>21317</v>
      </c>
      <c r="I11474" t="s">
        <v>30540</v>
      </c>
    </row>
    <row r="11475" spans="1:9">
      <c r="A11475" s="1">
        <f ca="1">RAND()</f>
        <v>9.3033210816242273E-2</v>
      </c>
      <c r="B11475" s="1"/>
      <c r="C11475">
        <v>7</v>
      </c>
      <c r="D11475" t="s">
        <v>21312</v>
      </c>
      <c r="E11475" t="s">
        <v>33779</v>
      </c>
      <c r="F11475">
        <v>4</v>
      </c>
      <c r="G11475" t="s">
        <v>14</v>
      </c>
      <c r="H11475" t="s">
        <v>21313</v>
      </c>
      <c r="I11475" t="s">
        <v>30540</v>
      </c>
    </row>
    <row r="11476" spans="1:9">
      <c r="A11476" s="1">
        <f ca="1">RAND()</f>
        <v>0.55029571018584666</v>
      </c>
      <c r="B11476" s="1"/>
      <c r="C11476">
        <v>8</v>
      </c>
      <c r="D11476" t="s">
        <v>21314</v>
      </c>
      <c r="E11476" t="s">
        <v>33779</v>
      </c>
      <c r="F11476">
        <v>3</v>
      </c>
      <c r="G11476" t="s">
        <v>14</v>
      </c>
      <c r="H11476" t="s">
        <v>21315</v>
      </c>
      <c r="I11476" t="s">
        <v>30540</v>
      </c>
    </row>
    <row r="11477" spans="1:9">
      <c r="A11477" s="1">
        <f ca="1">RAND()</f>
        <v>0.78992736666265528</v>
      </c>
      <c r="B11477" s="1"/>
      <c r="C11477">
        <v>12</v>
      </c>
      <c r="D11477" t="s">
        <v>21318</v>
      </c>
      <c r="E11477" t="s">
        <v>33779</v>
      </c>
      <c r="F11477">
        <v>2</v>
      </c>
      <c r="G11477" t="s">
        <v>14</v>
      </c>
      <c r="H11477" t="s">
        <v>21319</v>
      </c>
      <c r="I11477" t="s">
        <v>30540</v>
      </c>
    </row>
    <row r="11478" spans="1:9">
      <c r="A11478" s="1">
        <f ca="1">RAND()</f>
        <v>0.98700909464727182</v>
      </c>
      <c r="B11478" s="1"/>
      <c r="C11478">
        <v>4</v>
      </c>
      <c r="D11478" t="s">
        <v>21300</v>
      </c>
      <c r="E11478" t="s">
        <v>33780</v>
      </c>
      <c r="F11478">
        <v>4</v>
      </c>
      <c r="G11478" t="s">
        <v>2</v>
      </c>
      <c r="H11478" t="s">
        <v>21301</v>
      </c>
      <c r="I11478" t="s">
        <v>30540</v>
      </c>
    </row>
    <row r="11479" spans="1:9">
      <c r="A11479" s="1">
        <f ca="1">RAND()</f>
        <v>4.103131077962674E-2</v>
      </c>
      <c r="B11479" s="1"/>
      <c r="C11479">
        <v>7</v>
      </c>
      <c r="D11479" t="s">
        <v>21302</v>
      </c>
      <c r="E11479" t="s">
        <v>33780</v>
      </c>
      <c r="F11479">
        <v>4</v>
      </c>
      <c r="G11479" t="s">
        <v>15</v>
      </c>
      <c r="H11479" t="s">
        <v>21303</v>
      </c>
      <c r="I11479" t="s">
        <v>30540</v>
      </c>
    </row>
    <row r="11480" spans="1:9">
      <c r="A11480" s="1">
        <f ca="1">RAND()</f>
        <v>0.96777134026477496</v>
      </c>
      <c r="B11480" s="1"/>
      <c r="C11480">
        <v>13</v>
      </c>
      <c r="D11480" t="s">
        <v>21308</v>
      </c>
      <c r="E11480" t="s">
        <v>33780</v>
      </c>
      <c r="F11480">
        <v>4</v>
      </c>
      <c r="G11480" t="s">
        <v>14</v>
      </c>
      <c r="H11480" t="s">
        <v>21309</v>
      </c>
      <c r="I11480" t="s">
        <v>30540</v>
      </c>
    </row>
    <row r="11481" spans="1:9">
      <c r="A11481" s="1">
        <f ca="1">RAND()</f>
        <v>0.30088105936577769</v>
      </c>
      <c r="B11481" s="1"/>
      <c r="C11481">
        <v>9</v>
      </c>
      <c r="D11481" t="s">
        <v>21306</v>
      </c>
      <c r="E11481" t="s">
        <v>33780</v>
      </c>
      <c r="F11481">
        <v>4</v>
      </c>
      <c r="G11481" t="s">
        <v>2</v>
      </c>
      <c r="H11481" t="s">
        <v>21307</v>
      </c>
      <c r="I11481" t="s">
        <v>30540</v>
      </c>
    </row>
    <row r="11482" spans="1:9">
      <c r="A11482" s="1">
        <f ca="1">RAND()</f>
        <v>0.19154756574320508</v>
      </c>
      <c r="B11482" s="1"/>
      <c r="C11482">
        <v>8</v>
      </c>
      <c r="D11482" t="s">
        <v>21304</v>
      </c>
      <c r="E11482" t="s">
        <v>33780</v>
      </c>
      <c r="F11482">
        <v>3</v>
      </c>
      <c r="G11482" t="s">
        <v>0</v>
      </c>
      <c r="H11482" t="s">
        <v>21305</v>
      </c>
      <c r="I11482" t="s">
        <v>30540</v>
      </c>
    </row>
    <row r="11483" spans="1:9">
      <c r="A11483" s="1">
        <f ca="1">RAND()</f>
        <v>0.72861661927916432</v>
      </c>
      <c r="B11483" s="1"/>
      <c r="C11483">
        <v>2</v>
      </c>
      <c r="D11483" t="s">
        <v>21298</v>
      </c>
      <c r="E11483" t="s">
        <v>33780</v>
      </c>
      <c r="F11483">
        <v>2</v>
      </c>
      <c r="G11483" t="s">
        <v>14</v>
      </c>
      <c r="H11483" t="s">
        <v>21299</v>
      </c>
      <c r="I11483" t="s">
        <v>30540</v>
      </c>
    </row>
    <row r="11484" spans="1:9">
      <c r="A11484" s="1">
        <f ca="1">RAND()</f>
        <v>0.22446454269952087</v>
      </c>
      <c r="B11484" s="1"/>
      <c r="C11484">
        <v>9</v>
      </c>
      <c r="D11484" t="s">
        <v>21294</v>
      </c>
      <c r="E11484" t="s">
        <v>33781</v>
      </c>
      <c r="F11484">
        <v>5</v>
      </c>
      <c r="G11484" t="s">
        <v>14</v>
      </c>
      <c r="H11484" t="s">
        <v>21295</v>
      </c>
      <c r="I11484" t="s">
        <v>30540</v>
      </c>
    </row>
    <row r="11485" spans="1:9">
      <c r="A11485" s="1">
        <f ca="1">RAND()</f>
        <v>0.52357703628479813</v>
      </c>
      <c r="B11485" s="1"/>
      <c r="C11485">
        <v>15</v>
      </c>
      <c r="D11485" t="s">
        <v>21296</v>
      </c>
      <c r="E11485" t="s">
        <v>33781</v>
      </c>
      <c r="F11485">
        <v>4</v>
      </c>
      <c r="G11485" t="s">
        <v>14</v>
      </c>
      <c r="H11485" t="s">
        <v>21297</v>
      </c>
      <c r="I11485" t="s">
        <v>30540</v>
      </c>
    </row>
    <row r="11486" spans="1:9">
      <c r="A11486" s="1">
        <f ca="1">RAND()</f>
        <v>0.8669812848541385</v>
      </c>
      <c r="B11486" s="1"/>
      <c r="C11486">
        <v>12</v>
      </c>
      <c r="D11486" t="s">
        <v>21290</v>
      </c>
      <c r="E11486" t="s">
        <v>33782</v>
      </c>
      <c r="F11486">
        <v>5</v>
      </c>
      <c r="G11486" t="s">
        <v>9</v>
      </c>
      <c r="H11486" t="s">
        <v>21291</v>
      </c>
      <c r="I11486" t="s">
        <v>30540</v>
      </c>
    </row>
    <row r="11487" spans="1:9">
      <c r="A11487" s="1">
        <f ca="1">RAND()</f>
        <v>0.42220397410084021</v>
      </c>
      <c r="B11487" s="1"/>
      <c r="C11487">
        <v>4</v>
      </c>
      <c r="D11487" t="s">
        <v>21286</v>
      </c>
      <c r="E11487" t="s">
        <v>33782</v>
      </c>
      <c r="F11487">
        <v>4</v>
      </c>
      <c r="G11487" t="s">
        <v>9</v>
      </c>
      <c r="H11487" t="s">
        <v>21287</v>
      </c>
      <c r="I11487" t="s">
        <v>30540</v>
      </c>
    </row>
    <row r="11488" spans="1:9">
      <c r="A11488" s="1">
        <f ca="1">RAND()</f>
        <v>0.62422535935045997</v>
      </c>
      <c r="B11488" s="1"/>
      <c r="C11488">
        <v>17</v>
      </c>
      <c r="D11488" t="s">
        <v>21292</v>
      </c>
      <c r="E11488" t="s">
        <v>33782</v>
      </c>
      <c r="F11488">
        <v>4</v>
      </c>
      <c r="G11488" t="s">
        <v>14</v>
      </c>
      <c r="H11488" t="s">
        <v>21293</v>
      </c>
      <c r="I11488" t="s">
        <v>30540</v>
      </c>
    </row>
    <row r="11489" spans="1:9">
      <c r="A11489" s="1">
        <f ca="1">RAND()</f>
        <v>0.33685181072819248</v>
      </c>
      <c r="B11489" s="1"/>
      <c r="C11489">
        <v>6</v>
      </c>
      <c r="D11489" t="s">
        <v>21288</v>
      </c>
      <c r="E11489" t="s">
        <v>33782</v>
      </c>
      <c r="F11489">
        <v>4</v>
      </c>
      <c r="G11489" t="s">
        <v>3732</v>
      </c>
      <c r="H11489" t="s">
        <v>21289</v>
      </c>
      <c r="I11489" t="s">
        <v>30540</v>
      </c>
    </row>
    <row r="11490" spans="1:9">
      <c r="A11490" s="1">
        <f ca="1">RAND()</f>
        <v>0.79138929768598798</v>
      </c>
      <c r="B11490" s="1"/>
      <c r="C11490">
        <v>2</v>
      </c>
      <c r="D11490" t="s">
        <v>21282</v>
      </c>
      <c r="E11490" t="s">
        <v>33783</v>
      </c>
      <c r="F11490">
        <v>3</v>
      </c>
      <c r="G11490" t="s">
        <v>14</v>
      </c>
      <c r="H11490" t="s">
        <v>21283</v>
      </c>
      <c r="I11490" t="s">
        <v>30540</v>
      </c>
    </row>
    <row r="11491" spans="1:9">
      <c r="A11491" s="1">
        <f ca="1">RAND()</f>
        <v>0.73712618026387899</v>
      </c>
      <c r="B11491" s="1"/>
      <c r="C11491">
        <v>3</v>
      </c>
      <c r="D11491" t="s">
        <v>21284</v>
      </c>
      <c r="E11491" t="s">
        <v>33783</v>
      </c>
      <c r="F11491">
        <v>3</v>
      </c>
      <c r="G11491" t="s">
        <v>14</v>
      </c>
      <c r="H11491" t="s">
        <v>21285</v>
      </c>
      <c r="I11491" t="s">
        <v>30540</v>
      </c>
    </row>
    <row r="11492" spans="1:9">
      <c r="A11492" s="1">
        <f ca="1">RAND()</f>
        <v>0.69426680622870807</v>
      </c>
      <c r="B11492" s="1"/>
      <c r="C11492">
        <v>16</v>
      </c>
      <c r="D11492" t="s">
        <v>21280</v>
      </c>
      <c r="E11492" t="s">
        <v>33784</v>
      </c>
      <c r="F11492">
        <v>5</v>
      </c>
      <c r="G11492" t="s">
        <v>13</v>
      </c>
      <c r="H11492" t="s">
        <v>21281</v>
      </c>
      <c r="I11492" t="s">
        <v>30540</v>
      </c>
    </row>
    <row r="11493" spans="1:9">
      <c r="A11493" s="1">
        <f ca="1">RAND()</f>
        <v>0.10472504402855876</v>
      </c>
      <c r="B11493" s="1"/>
      <c r="C11493">
        <v>15</v>
      </c>
      <c r="D11493" t="s">
        <v>21278</v>
      </c>
      <c r="E11493" t="s">
        <v>33784</v>
      </c>
      <c r="F11493">
        <v>4</v>
      </c>
      <c r="G11493" t="s">
        <v>14</v>
      </c>
      <c r="H11493" t="s">
        <v>21279</v>
      </c>
      <c r="I11493" t="s">
        <v>30540</v>
      </c>
    </row>
    <row r="11494" spans="1:9">
      <c r="A11494" s="1">
        <f ca="1">RAND()</f>
        <v>0.4091007807578606</v>
      </c>
      <c r="B11494" s="1"/>
      <c r="C11494">
        <v>4</v>
      </c>
      <c r="D11494" t="s">
        <v>21270</v>
      </c>
      <c r="E11494" t="s">
        <v>33785</v>
      </c>
      <c r="F11494">
        <v>5</v>
      </c>
      <c r="G11494" t="s">
        <v>14</v>
      </c>
      <c r="H11494" t="s">
        <v>21271</v>
      </c>
      <c r="I11494" t="s">
        <v>30540</v>
      </c>
    </row>
    <row r="11495" spans="1:9">
      <c r="A11495" s="1">
        <f ca="1">RAND()</f>
        <v>0.27948152845100493</v>
      </c>
      <c r="B11495" s="1"/>
      <c r="C11495">
        <v>10</v>
      </c>
      <c r="D11495" t="s">
        <v>21274</v>
      </c>
      <c r="E11495" t="s">
        <v>33785</v>
      </c>
      <c r="F11495">
        <v>4</v>
      </c>
      <c r="G11495" t="s">
        <v>14</v>
      </c>
      <c r="H11495" t="s">
        <v>21275</v>
      </c>
      <c r="I11495" t="s">
        <v>30540</v>
      </c>
    </row>
    <row r="11496" spans="1:9">
      <c r="A11496" s="1">
        <f ca="1">RAND()</f>
        <v>0.5722113385108798</v>
      </c>
      <c r="B11496" s="1"/>
      <c r="C11496">
        <v>9</v>
      </c>
      <c r="D11496" t="s">
        <v>21272</v>
      </c>
      <c r="E11496" t="s">
        <v>33785</v>
      </c>
      <c r="F11496">
        <v>4</v>
      </c>
      <c r="G11496" t="s">
        <v>1</v>
      </c>
      <c r="H11496" t="s">
        <v>21273</v>
      </c>
      <c r="I11496" t="s">
        <v>30540</v>
      </c>
    </row>
    <row r="11497" spans="1:9">
      <c r="A11497" s="1">
        <f ca="1">RAND()</f>
        <v>0.18701762820066747</v>
      </c>
      <c r="B11497" s="1"/>
      <c r="C11497">
        <v>3</v>
      </c>
      <c r="D11497" t="s">
        <v>21268</v>
      </c>
      <c r="E11497" t="s">
        <v>33785</v>
      </c>
      <c r="F11497">
        <v>4</v>
      </c>
      <c r="G11497" t="s">
        <v>14</v>
      </c>
      <c r="H11497" t="s">
        <v>21269</v>
      </c>
      <c r="I11497" t="s">
        <v>30540</v>
      </c>
    </row>
    <row r="11498" spans="1:9">
      <c r="A11498" s="1">
        <f ca="1">RAND()</f>
        <v>0.91045003299581717</v>
      </c>
      <c r="B11498" s="1"/>
      <c r="C11498">
        <v>16</v>
      </c>
      <c r="D11498" t="s">
        <v>21276</v>
      </c>
      <c r="E11498" t="s">
        <v>33785</v>
      </c>
      <c r="F11498">
        <v>3</v>
      </c>
      <c r="G11498" t="s">
        <v>14</v>
      </c>
      <c r="H11498" t="s">
        <v>21277</v>
      </c>
      <c r="I11498" t="s">
        <v>30540</v>
      </c>
    </row>
    <row r="11499" spans="1:9">
      <c r="A11499" s="1">
        <f ca="1">RAND()</f>
        <v>0.97545246964528876</v>
      </c>
      <c r="B11499" s="1"/>
      <c r="C11499">
        <v>7</v>
      </c>
      <c r="D11499" t="s">
        <v>21266</v>
      </c>
      <c r="E11499" t="s">
        <v>33786</v>
      </c>
      <c r="F11499">
        <v>4</v>
      </c>
      <c r="G11499" t="s">
        <v>14</v>
      </c>
      <c r="H11499" t="s">
        <v>21267</v>
      </c>
      <c r="I11499" t="s">
        <v>30540</v>
      </c>
    </row>
    <row r="11500" spans="1:9">
      <c r="A11500" s="1">
        <f ca="1">RAND()</f>
        <v>0.42555704120228832</v>
      </c>
      <c r="B11500" s="1"/>
      <c r="C11500">
        <v>5</v>
      </c>
      <c r="D11500" t="s">
        <v>21264</v>
      </c>
      <c r="E11500" t="s">
        <v>33786</v>
      </c>
      <c r="F11500">
        <v>3</v>
      </c>
      <c r="G11500" t="s">
        <v>10</v>
      </c>
      <c r="H11500" t="s">
        <v>21265</v>
      </c>
      <c r="I11500" t="s">
        <v>30540</v>
      </c>
    </row>
    <row r="11501" spans="1:9">
      <c r="A11501" s="1">
        <f ca="1">RAND()</f>
        <v>0.78987458261581167</v>
      </c>
      <c r="B11501" s="1"/>
      <c r="C11501">
        <v>20</v>
      </c>
      <c r="D11501" t="s">
        <v>21262</v>
      </c>
      <c r="E11501" t="s">
        <v>33787</v>
      </c>
      <c r="F11501">
        <v>5</v>
      </c>
      <c r="G11501" t="s">
        <v>14</v>
      </c>
      <c r="H11501" t="s">
        <v>21263</v>
      </c>
      <c r="I11501" t="s">
        <v>30540</v>
      </c>
    </row>
    <row r="11502" spans="1:9">
      <c r="A11502" s="1">
        <f ca="1">RAND()</f>
        <v>0.37251122874491716</v>
      </c>
      <c r="B11502" s="1"/>
      <c r="C11502">
        <v>7</v>
      </c>
      <c r="D11502" t="s">
        <v>21256</v>
      </c>
      <c r="E11502" t="s">
        <v>33787</v>
      </c>
      <c r="F11502">
        <v>5</v>
      </c>
      <c r="G11502" t="s">
        <v>1426</v>
      </c>
      <c r="H11502" t="s">
        <v>21257</v>
      </c>
      <c r="I11502" t="s">
        <v>30540</v>
      </c>
    </row>
    <row r="11503" spans="1:9">
      <c r="A11503" s="1">
        <f ca="1">RAND()</f>
        <v>0.52936743291018407</v>
      </c>
      <c r="B11503" s="1"/>
      <c r="C11503">
        <v>14</v>
      </c>
      <c r="D11503" t="s">
        <v>21260</v>
      </c>
      <c r="E11503" t="s">
        <v>33787</v>
      </c>
      <c r="F11503">
        <v>4</v>
      </c>
      <c r="G11503" t="s">
        <v>2226</v>
      </c>
      <c r="H11503" t="s">
        <v>21261</v>
      </c>
      <c r="I11503" t="s">
        <v>30540</v>
      </c>
    </row>
    <row r="11504" spans="1:9">
      <c r="A11504" s="1">
        <f ca="1">RAND()</f>
        <v>0.33841454865581599</v>
      </c>
      <c r="B11504" s="1"/>
      <c r="C11504">
        <v>9</v>
      </c>
      <c r="D11504" t="s">
        <v>21258</v>
      </c>
      <c r="E11504" t="s">
        <v>33787</v>
      </c>
      <c r="F11504">
        <v>4</v>
      </c>
      <c r="G11504" t="s">
        <v>14</v>
      </c>
      <c r="H11504" t="s">
        <v>21259</v>
      </c>
      <c r="I11504" t="s">
        <v>30540</v>
      </c>
    </row>
    <row r="11505" spans="1:9">
      <c r="A11505" s="1">
        <f ca="1">RAND()</f>
        <v>0.80551784017542238</v>
      </c>
      <c r="B11505" s="1"/>
      <c r="C11505">
        <v>5</v>
      </c>
      <c r="D11505" t="s">
        <v>21254</v>
      </c>
      <c r="E11505" t="s">
        <v>33787</v>
      </c>
      <c r="F11505">
        <v>2</v>
      </c>
      <c r="G11505" t="s">
        <v>774</v>
      </c>
      <c r="H11505" t="s">
        <v>21255</v>
      </c>
      <c r="I11505" t="s">
        <v>30540</v>
      </c>
    </row>
    <row r="11506" spans="1:9">
      <c r="A11506" s="1">
        <f ca="1">RAND()</f>
        <v>0.7050450929133063</v>
      </c>
      <c r="B11506" s="1"/>
      <c r="C11506">
        <v>14</v>
      </c>
      <c r="D11506" t="s">
        <v>21252</v>
      </c>
      <c r="E11506" t="s">
        <v>33788</v>
      </c>
      <c r="F11506">
        <v>5</v>
      </c>
      <c r="G11506" t="s">
        <v>13</v>
      </c>
      <c r="H11506" t="s">
        <v>21253</v>
      </c>
      <c r="I11506" t="s">
        <v>30540</v>
      </c>
    </row>
    <row r="11507" spans="1:9">
      <c r="A11507" s="1">
        <f ca="1">RAND()</f>
        <v>0.99969155375877361</v>
      </c>
      <c r="B11507" s="1"/>
      <c r="C11507">
        <v>11</v>
      </c>
      <c r="D11507" t="s">
        <v>21250</v>
      </c>
      <c r="E11507" t="s">
        <v>33788</v>
      </c>
      <c r="F11507">
        <v>4</v>
      </c>
      <c r="G11507" t="s">
        <v>14</v>
      </c>
      <c r="H11507" t="s">
        <v>21251</v>
      </c>
      <c r="I11507" t="s">
        <v>30540</v>
      </c>
    </row>
    <row r="11508" spans="1:9">
      <c r="A11508" s="1">
        <f ca="1">RAND()</f>
        <v>0.54936654829882192</v>
      </c>
      <c r="B11508" s="1"/>
      <c r="C11508">
        <v>13</v>
      </c>
      <c r="D11508" t="s">
        <v>21248</v>
      </c>
      <c r="E11508" t="s">
        <v>33789</v>
      </c>
      <c r="F11508">
        <v>4</v>
      </c>
      <c r="G11508" t="s">
        <v>14</v>
      </c>
      <c r="H11508" t="s">
        <v>21249</v>
      </c>
      <c r="I11508" t="s">
        <v>30540</v>
      </c>
    </row>
    <row r="11509" spans="1:9">
      <c r="A11509" s="1">
        <f ca="1">RAND()</f>
        <v>0.23390413921058717</v>
      </c>
      <c r="B11509" s="1"/>
      <c r="C11509">
        <v>9</v>
      </c>
      <c r="D11509" t="s">
        <v>21246</v>
      </c>
      <c r="E11509" t="s">
        <v>33790</v>
      </c>
      <c r="F11509">
        <v>4</v>
      </c>
      <c r="G11509" t="s">
        <v>14</v>
      </c>
      <c r="H11509" t="s">
        <v>21247</v>
      </c>
      <c r="I11509" t="s">
        <v>30540</v>
      </c>
    </row>
    <row r="11510" spans="1:9">
      <c r="A11510" s="1">
        <f ca="1">RAND()</f>
        <v>1.5562633171753992E-2</v>
      </c>
      <c r="B11510" s="1"/>
      <c r="C11510">
        <v>3</v>
      </c>
      <c r="D11510" t="s">
        <v>21244</v>
      </c>
      <c r="E11510" t="s">
        <v>33790</v>
      </c>
      <c r="F11510">
        <v>2</v>
      </c>
      <c r="G11510" t="s">
        <v>14</v>
      </c>
      <c r="H11510" t="s">
        <v>21245</v>
      </c>
      <c r="I11510" t="s">
        <v>30540</v>
      </c>
    </row>
    <row r="11511" spans="1:9">
      <c r="A11511" s="1">
        <f ca="1">RAND()</f>
        <v>0.49563010673291796</v>
      </c>
      <c r="B11511" s="1"/>
      <c r="C11511">
        <v>7</v>
      </c>
      <c r="D11511" t="s">
        <v>24873</v>
      </c>
      <c r="E11511" t="s">
        <v>33791</v>
      </c>
      <c r="F11511">
        <v>5</v>
      </c>
      <c r="G11511" t="s">
        <v>9</v>
      </c>
      <c r="H11511" t="s">
        <v>24874</v>
      </c>
      <c r="I11511" t="s">
        <v>30540</v>
      </c>
    </row>
    <row r="11512" spans="1:9">
      <c r="A11512" s="1">
        <f ca="1">RAND()</f>
        <v>0.62615316806547683</v>
      </c>
      <c r="B11512" s="1"/>
      <c r="C11512">
        <v>15</v>
      </c>
      <c r="D11512" t="s">
        <v>24881</v>
      </c>
      <c r="E11512" t="s">
        <v>33791</v>
      </c>
      <c r="F11512">
        <v>4</v>
      </c>
      <c r="G11512" t="s">
        <v>2</v>
      </c>
      <c r="H11512" t="s">
        <v>24882</v>
      </c>
      <c r="I11512" t="s">
        <v>30540</v>
      </c>
    </row>
    <row r="11513" spans="1:9">
      <c r="A11513" s="1">
        <f ca="1">RAND()</f>
        <v>5.1819022946610116E-2</v>
      </c>
      <c r="B11513" s="1"/>
      <c r="C11513">
        <v>17</v>
      </c>
      <c r="D11513" t="s">
        <v>24883</v>
      </c>
      <c r="E11513" t="s">
        <v>33791</v>
      </c>
      <c r="F11513">
        <v>4</v>
      </c>
      <c r="G11513" t="s">
        <v>9</v>
      </c>
      <c r="H11513" t="s">
        <v>24884</v>
      </c>
      <c r="I11513" t="s">
        <v>30540</v>
      </c>
    </row>
    <row r="11514" spans="1:9">
      <c r="A11514" s="1">
        <f ca="1">RAND()</f>
        <v>0.22317769023261436</v>
      </c>
      <c r="B11514" s="1"/>
      <c r="C11514">
        <v>11</v>
      </c>
      <c r="D11514" t="s">
        <v>24877</v>
      </c>
      <c r="E11514" t="s">
        <v>33791</v>
      </c>
      <c r="F11514">
        <v>4</v>
      </c>
      <c r="G11514" t="s">
        <v>9</v>
      </c>
      <c r="H11514" t="s">
        <v>24878</v>
      </c>
      <c r="I11514" t="s">
        <v>30540</v>
      </c>
    </row>
    <row r="11515" spans="1:9">
      <c r="A11515" s="1">
        <f ca="1">RAND()</f>
        <v>0.59770720995615867</v>
      </c>
      <c r="B11515" s="1"/>
      <c r="C11515">
        <v>18</v>
      </c>
      <c r="D11515" t="s">
        <v>24885</v>
      </c>
      <c r="E11515" t="s">
        <v>33791</v>
      </c>
      <c r="F11515">
        <v>3</v>
      </c>
      <c r="G11515" t="s">
        <v>2</v>
      </c>
      <c r="H11515" t="s">
        <v>24886</v>
      </c>
      <c r="I11515" t="s">
        <v>30540</v>
      </c>
    </row>
    <row r="11516" spans="1:9">
      <c r="A11516" s="1">
        <f ca="1">RAND()</f>
        <v>0.52861503799331</v>
      </c>
      <c r="B11516" s="1"/>
      <c r="C11516">
        <v>9</v>
      </c>
      <c r="D11516" t="s">
        <v>24875</v>
      </c>
      <c r="E11516" t="s">
        <v>33791</v>
      </c>
      <c r="F11516">
        <v>2</v>
      </c>
      <c r="G11516" t="s">
        <v>9</v>
      </c>
      <c r="H11516" t="s">
        <v>24876</v>
      </c>
      <c r="I11516" t="s">
        <v>30540</v>
      </c>
    </row>
    <row r="11517" spans="1:9">
      <c r="A11517" s="1">
        <f ca="1">RAND()</f>
        <v>0.53341874544548262</v>
      </c>
      <c r="B11517" s="1"/>
      <c r="C11517">
        <v>14</v>
      </c>
      <c r="D11517" t="s">
        <v>24879</v>
      </c>
      <c r="E11517" t="s">
        <v>33791</v>
      </c>
      <c r="F11517">
        <v>2</v>
      </c>
      <c r="G11517" t="s">
        <v>10</v>
      </c>
      <c r="H11517" t="s">
        <v>24880</v>
      </c>
      <c r="I11517" t="s">
        <v>30540</v>
      </c>
    </row>
    <row r="11518" spans="1:9">
      <c r="A11518" s="1">
        <f ca="1">RAND()</f>
        <v>0.49246853973288895</v>
      </c>
      <c r="B11518" s="1"/>
      <c r="C11518">
        <v>4</v>
      </c>
      <c r="D11518" t="s">
        <v>24869</v>
      </c>
      <c r="E11518" t="s">
        <v>33792</v>
      </c>
      <c r="F11518">
        <v>4</v>
      </c>
      <c r="G11518" t="s">
        <v>13</v>
      </c>
      <c r="H11518" t="s">
        <v>24870</v>
      </c>
      <c r="I11518" t="s">
        <v>30540</v>
      </c>
    </row>
    <row r="11519" spans="1:9">
      <c r="A11519" s="1">
        <f ca="1">RAND()</f>
        <v>0.43274264623449776</v>
      </c>
      <c r="B11519" s="1"/>
      <c r="C11519">
        <v>8</v>
      </c>
      <c r="D11519" t="s">
        <v>24871</v>
      </c>
      <c r="E11519" t="s">
        <v>33792</v>
      </c>
      <c r="F11519">
        <v>3</v>
      </c>
      <c r="G11519" t="s">
        <v>14</v>
      </c>
      <c r="H11519" t="s">
        <v>24872</v>
      </c>
      <c r="I11519" t="s">
        <v>30540</v>
      </c>
    </row>
    <row r="11520" spans="1:9">
      <c r="A11520" s="1">
        <f ca="1">RAND()</f>
        <v>0.44635687126872181</v>
      </c>
      <c r="B11520" s="1"/>
      <c r="C11520">
        <v>12</v>
      </c>
      <c r="D11520" t="s">
        <v>24867</v>
      </c>
      <c r="E11520" t="s">
        <v>33793</v>
      </c>
      <c r="F11520">
        <v>4</v>
      </c>
      <c r="G11520" t="s">
        <v>14</v>
      </c>
      <c r="H11520" t="s">
        <v>24868</v>
      </c>
      <c r="I11520" t="s">
        <v>30540</v>
      </c>
    </row>
    <row r="11521" spans="1:9">
      <c r="A11521" s="1">
        <f ca="1">RAND()</f>
        <v>0.14483043843688814</v>
      </c>
      <c r="B11521" s="1"/>
      <c r="C11521">
        <v>4</v>
      </c>
      <c r="D11521" t="s">
        <v>24859</v>
      </c>
      <c r="E11521" t="s">
        <v>33793</v>
      </c>
      <c r="F11521">
        <v>3</v>
      </c>
      <c r="G11521" t="s">
        <v>13</v>
      </c>
      <c r="H11521" t="s">
        <v>24860</v>
      </c>
      <c r="I11521" t="s">
        <v>30540</v>
      </c>
    </row>
    <row r="11522" spans="1:9">
      <c r="A11522" s="1">
        <f ca="1">RAND()</f>
        <v>3.8543502215067083E-3</v>
      </c>
      <c r="B11522" s="1"/>
      <c r="C11522">
        <v>6</v>
      </c>
      <c r="D11522" t="s">
        <v>24861</v>
      </c>
      <c r="E11522" t="s">
        <v>33793</v>
      </c>
      <c r="F11522">
        <v>3</v>
      </c>
      <c r="G11522" t="s">
        <v>14</v>
      </c>
      <c r="H11522" t="s">
        <v>24862</v>
      </c>
      <c r="I11522" t="s">
        <v>30540</v>
      </c>
    </row>
    <row r="11523" spans="1:9">
      <c r="A11523" s="1">
        <f ca="1">RAND()</f>
        <v>0.39851723091175173</v>
      </c>
      <c r="B11523" s="1"/>
      <c r="C11523">
        <v>9</v>
      </c>
      <c r="D11523" t="s">
        <v>24865</v>
      </c>
      <c r="E11523" t="s">
        <v>33793</v>
      </c>
      <c r="F11523">
        <v>2</v>
      </c>
      <c r="G11523" t="s">
        <v>1</v>
      </c>
      <c r="H11523" t="s">
        <v>24866</v>
      </c>
      <c r="I11523" t="s">
        <v>30540</v>
      </c>
    </row>
    <row r="11524" spans="1:9">
      <c r="A11524" s="1">
        <f ca="1">RAND()</f>
        <v>0.26683868984309089</v>
      </c>
      <c r="B11524" s="1"/>
      <c r="C11524">
        <v>7</v>
      </c>
      <c r="D11524" t="s">
        <v>24863</v>
      </c>
      <c r="E11524" t="s">
        <v>33793</v>
      </c>
      <c r="F11524">
        <v>1</v>
      </c>
      <c r="G11524" t="s">
        <v>14</v>
      </c>
      <c r="H11524" t="s">
        <v>24864</v>
      </c>
      <c r="I11524" t="s">
        <v>30540</v>
      </c>
    </row>
    <row r="11525" spans="1:9">
      <c r="A11525" s="1">
        <f ca="1">RAND()</f>
        <v>0.21752355660083977</v>
      </c>
      <c r="B11525" s="1"/>
      <c r="C11525">
        <v>6</v>
      </c>
      <c r="D11525" t="s">
        <v>24853</v>
      </c>
      <c r="E11525" t="s">
        <v>33794</v>
      </c>
      <c r="F11525">
        <v>5</v>
      </c>
      <c r="G11525" t="s">
        <v>14</v>
      </c>
      <c r="H11525" t="s">
        <v>24854</v>
      </c>
      <c r="I11525" t="s">
        <v>30540</v>
      </c>
    </row>
    <row r="11526" spans="1:9">
      <c r="A11526" s="1">
        <f ca="1">RAND()</f>
        <v>0.85317361549012427</v>
      </c>
      <c r="B11526" s="1"/>
      <c r="C11526">
        <v>3</v>
      </c>
      <c r="D11526" t="s">
        <v>24851</v>
      </c>
      <c r="E11526" t="s">
        <v>33794</v>
      </c>
      <c r="F11526">
        <v>4</v>
      </c>
      <c r="G11526" t="s">
        <v>1</v>
      </c>
      <c r="H11526" t="s">
        <v>24852</v>
      </c>
      <c r="I11526" t="s">
        <v>30540</v>
      </c>
    </row>
    <row r="11527" spans="1:9">
      <c r="A11527" s="1">
        <f ca="1">RAND()</f>
        <v>0.94583410399070711</v>
      </c>
      <c r="B11527" s="1"/>
      <c r="C11527">
        <v>11</v>
      </c>
      <c r="D11527" t="s">
        <v>24855</v>
      </c>
      <c r="E11527" t="s">
        <v>33794</v>
      </c>
      <c r="F11527">
        <v>4</v>
      </c>
      <c r="G11527" t="s">
        <v>14</v>
      </c>
      <c r="H11527" t="s">
        <v>24856</v>
      </c>
      <c r="I11527" t="s">
        <v>30540</v>
      </c>
    </row>
    <row r="11528" spans="1:9">
      <c r="A11528" s="1">
        <f ca="1">RAND()</f>
        <v>0.6227632708237989</v>
      </c>
      <c r="B11528" s="1"/>
      <c r="C11528">
        <v>15</v>
      </c>
      <c r="D11528" t="s">
        <v>24857</v>
      </c>
      <c r="E11528" t="s">
        <v>33794</v>
      </c>
      <c r="F11528">
        <v>2</v>
      </c>
      <c r="G11528" t="s">
        <v>14</v>
      </c>
      <c r="H11528" t="s">
        <v>24858</v>
      </c>
      <c r="I11528" t="s">
        <v>30540</v>
      </c>
    </row>
    <row r="11529" spans="1:9">
      <c r="A11529" s="1">
        <f ca="1">RAND()</f>
        <v>0.54743516716202378</v>
      </c>
      <c r="B11529" s="1"/>
      <c r="C11529">
        <v>1</v>
      </c>
      <c r="D11529" t="s">
        <v>24841</v>
      </c>
      <c r="E11529" t="s">
        <v>33795</v>
      </c>
      <c r="F11529">
        <v>5</v>
      </c>
      <c r="G11529" t="s">
        <v>774</v>
      </c>
      <c r="H11529" t="s">
        <v>24842</v>
      </c>
      <c r="I11529" t="s">
        <v>30540</v>
      </c>
    </row>
    <row r="11530" spans="1:9">
      <c r="A11530" s="1">
        <f ca="1">RAND()</f>
        <v>0.71340849759558622</v>
      </c>
      <c r="B11530" s="1"/>
      <c r="C11530">
        <v>7</v>
      </c>
      <c r="D11530" t="s">
        <v>24845</v>
      </c>
      <c r="E11530" t="s">
        <v>33795</v>
      </c>
      <c r="F11530">
        <v>4</v>
      </c>
      <c r="G11530" t="s">
        <v>10</v>
      </c>
      <c r="H11530" t="s">
        <v>24846</v>
      </c>
      <c r="I11530" t="s">
        <v>30540</v>
      </c>
    </row>
    <row r="11531" spans="1:9">
      <c r="A11531" s="1">
        <f ca="1">RAND()</f>
        <v>0.42958751686805474</v>
      </c>
      <c r="B11531" s="1"/>
      <c r="C11531">
        <v>4</v>
      </c>
      <c r="D11531" t="s">
        <v>24843</v>
      </c>
      <c r="E11531" t="s">
        <v>33795</v>
      </c>
      <c r="F11531">
        <v>4</v>
      </c>
      <c r="G11531" t="s">
        <v>775</v>
      </c>
      <c r="H11531" t="s">
        <v>24844</v>
      </c>
      <c r="I11531" t="s">
        <v>30540</v>
      </c>
    </row>
    <row r="11532" spans="1:9">
      <c r="A11532" s="1">
        <f ca="1">RAND()</f>
        <v>7.2544647699813503E-2</v>
      </c>
      <c r="B11532" s="1"/>
      <c r="C11532">
        <v>18</v>
      </c>
      <c r="D11532" t="s">
        <v>24849</v>
      </c>
      <c r="E11532" t="s">
        <v>33795</v>
      </c>
      <c r="F11532">
        <v>4</v>
      </c>
      <c r="G11532" t="s">
        <v>15</v>
      </c>
      <c r="H11532" t="s">
        <v>24850</v>
      </c>
      <c r="I11532" t="s">
        <v>30540</v>
      </c>
    </row>
    <row r="11533" spans="1:9">
      <c r="A11533" s="1">
        <f ca="1">RAND()</f>
        <v>0.45297543809322693</v>
      </c>
      <c r="B11533" s="1"/>
      <c r="C11533">
        <v>13</v>
      </c>
      <c r="D11533" t="s">
        <v>24847</v>
      </c>
      <c r="E11533" t="s">
        <v>33795</v>
      </c>
      <c r="F11533">
        <v>2</v>
      </c>
      <c r="G11533" t="s">
        <v>14</v>
      </c>
      <c r="H11533" t="s">
        <v>24848</v>
      </c>
      <c r="I11533" t="s">
        <v>30540</v>
      </c>
    </row>
    <row r="11534" spans="1:9">
      <c r="A11534" s="1">
        <f ca="1">RAND()</f>
        <v>0.95587126978739556</v>
      </c>
      <c r="B11534" s="1"/>
      <c r="C11534">
        <v>12</v>
      </c>
      <c r="D11534" t="s">
        <v>24835</v>
      </c>
      <c r="E11534" t="s">
        <v>33796</v>
      </c>
      <c r="F11534">
        <v>5</v>
      </c>
      <c r="G11534" t="s">
        <v>1</v>
      </c>
      <c r="H11534" t="s">
        <v>24836</v>
      </c>
      <c r="I11534" t="s">
        <v>30540</v>
      </c>
    </row>
    <row r="11535" spans="1:9">
      <c r="A11535" s="1">
        <f ca="1">RAND()</f>
        <v>7.7376508885539153E-2</v>
      </c>
      <c r="B11535" s="1"/>
      <c r="C11535">
        <v>13</v>
      </c>
      <c r="D11535" t="s">
        <v>24837</v>
      </c>
      <c r="E11535" t="s">
        <v>33796</v>
      </c>
      <c r="F11535">
        <v>4</v>
      </c>
      <c r="G11535" t="s">
        <v>14</v>
      </c>
      <c r="H11535" t="s">
        <v>24838</v>
      </c>
      <c r="I11535" t="s">
        <v>30540</v>
      </c>
    </row>
    <row r="11536" spans="1:9">
      <c r="A11536" s="1">
        <f ca="1">RAND()</f>
        <v>0.25714675873812021</v>
      </c>
      <c r="B11536" s="1"/>
      <c r="C11536">
        <v>4</v>
      </c>
      <c r="D11536" t="s">
        <v>24833</v>
      </c>
      <c r="E11536" t="s">
        <v>33796</v>
      </c>
      <c r="F11536">
        <v>4</v>
      </c>
      <c r="G11536" t="s">
        <v>9</v>
      </c>
      <c r="H11536" t="s">
        <v>24834</v>
      </c>
      <c r="I11536" t="s">
        <v>30540</v>
      </c>
    </row>
    <row r="11537" spans="1:9">
      <c r="A11537" s="1">
        <f ca="1">RAND()</f>
        <v>0.73716315799237353</v>
      </c>
      <c r="B11537" s="1"/>
      <c r="C11537">
        <v>16</v>
      </c>
      <c r="D11537" t="s">
        <v>24839</v>
      </c>
      <c r="E11537" t="s">
        <v>33796</v>
      </c>
      <c r="F11537">
        <v>2</v>
      </c>
      <c r="G11537" t="s">
        <v>14</v>
      </c>
      <c r="H11537" t="s">
        <v>24840</v>
      </c>
      <c r="I11537" t="s">
        <v>30540</v>
      </c>
    </row>
    <row r="11538" spans="1:9">
      <c r="A11538" s="1">
        <f ca="1">RAND()</f>
        <v>6.077639554041514E-2</v>
      </c>
      <c r="B11538" s="1"/>
      <c r="C11538">
        <v>16</v>
      </c>
      <c r="D11538" t="s">
        <v>24831</v>
      </c>
      <c r="E11538" t="s">
        <v>33797</v>
      </c>
      <c r="F11538">
        <v>5</v>
      </c>
      <c r="G11538" t="s">
        <v>14</v>
      </c>
      <c r="H11538" t="s">
        <v>24832</v>
      </c>
      <c r="I11538" t="s">
        <v>30540</v>
      </c>
    </row>
    <row r="11539" spans="1:9">
      <c r="A11539" s="1">
        <f ca="1">RAND()</f>
        <v>0.3599422067044068</v>
      </c>
      <c r="B11539" s="1"/>
      <c r="C11539">
        <v>10</v>
      </c>
      <c r="D11539" t="s">
        <v>24825</v>
      </c>
      <c r="E11539" t="s">
        <v>33797</v>
      </c>
      <c r="F11539">
        <v>5</v>
      </c>
      <c r="G11539" t="s">
        <v>9</v>
      </c>
      <c r="H11539" t="s">
        <v>24826</v>
      </c>
      <c r="I11539" t="s">
        <v>30540</v>
      </c>
    </row>
    <row r="11540" spans="1:9">
      <c r="A11540" s="1">
        <f ca="1">RAND()</f>
        <v>0.10309510610509709</v>
      </c>
      <c r="B11540" s="1"/>
      <c r="C11540">
        <v>14</v>
      </c>
      <c r="D11540" t="s">
        <v>24829</v>
      </c>
      <c r="E11540" t="s">
        <v>33797</v>
      </c>
      <c r="F11540">
        <v>4</v>
      </c>
      <c r="G11540" t="s">
        <v>0</v>
      </c>
      <c r="H11540" t="s">
        <v>24830</v>
      </c>
      <c r="I11540" t="s">
        <v>30540</v>
      </c>
    </row>
    <row r="11541" spans="1:9">
      <c r="A11541" s="1">
        <f ca="1">RAND()</f>
        <v>0.42988493202732259</v>
      </c>
      <c r="B11541" s="1"/>
      <c r="C11541">
        <v>8</v>
      </c>
      <c r="D11541" t="s">
        <v>24823</v>
      </c>
      <c r="E11541" t="s">
        <v>33797</v>
      </c>
      <c r="F11541">
        <v>4</v>
      </c>
      <c r="G11541" t="s">
        <v>14</v>
      </c>
      <c r="H11541" t="s">
        <v>24824</v>
      </c>
      <c r="I11541" t="s">
        <v>30540</v>
      </c>
    </row>
    <row r="11542" spans="1:9">
      <c r="A11542" s="1">
        <f ca="1">RAND()</f>
        <v>0.93986550217401343</v>
      </c>
      <c r="B11542" s="1"/>
      <c r="C11542">
        <v>11</v>
      </c>
      <c r="D11542" t="s">
        <v>24827</v>
      </c>
      <c r="E11542" t="s">
        <v>33797</v>
      </c>
      <c r="F11542">
        <v>4</v>
      </c>
      <c r="G11542" t="s">
        <v>14</v>
      </c>
      <c r="H11542" t="s">
        <v>24828</v>
      </c>
      <c r="I11542" t="s">
        <v>30540</v>
      </c>
    </row>
    <row r="11543" spans="1:9">
      <c r="A11543" s="1">
        <f ca="1">RAND()</f>
        <v>0.3400938386186193</v>
      </c>
      <c r="B11543" s="1"/>
      <c r="C11543">
        <v>5</v>
      </c>
      <c r="D11543" t="s">
        <v>24811</v>
      </c>
      <c r="E11543" t="s">
        <v>33798</v>
      </c>
      <c r="F11543">
        <v>5</v>
      </c>
      <c r="G11543" t="s">
        <v>14</v>
      </c>
      <c r="H11543" t="s">
        <v>24812</v>
      </c>
      <c r="I11543" t="s">
        <v>30540</v>
      </c>
    </row>
    <row r="11544" spans="1:9">
      <c r="A11544" s="1">
        <f ca="1">RAND()</f>
        <v>0.43321590782371155</v>
      </c>
      <c r="B11544" s="1"/>
      <c r="C11544">
        <v>20</v>
      </c>
      <c r="D11544" t="s">
        <v>24821</v>
      </c>
      <c r="E11544" t="s">
        <v>33798</v>
      </c>
      <c r="F11544">
        <v>4</v>
      </c>
      <c r="G11544" t="s">
        <v>14</v>
      </c>
      <c r="H11544" t="s">
        <v>24822</v>
      </c>
      <c r="I11544" t="s">
        <v>30540</v>
      </c>
    </row>
    <row r="11545" spans="1:9">
      <c r="A11545" s="1">
        <f ca="1">RAND()</f>
        <v>0.27967419460584519</v>
      </c>
      <c r="B11545" s="1"/>
      <c r="C11545">
        <v>11</v>
      </c>
      <c r="D11545" t="s">
        <v>24815</v>
      </c>
      <c r="E11545" t="s">
        <v>33798</v>
      </c>
      <c r="F11545">
        <v>4</v>
      </c>
      <c r="G11545" t="s">
        <v>14</v>
      </c>
      <c r="H11545" t="s">
        <v>24816</v>
      </c>
      <c r="I11545" t="s">
        <v>30540</v>
      </c>
    </row>
    <row r="11546" spans="1:9">
      <c r="A11546" s="1">
        <f ca="1">RAND()</f>
        <v>0.65818129070965881</v>
      </c>
      <c r="B11546" s="1"/>
      <c r="C11546">
        <v>6</v>
      </c>
      <c r="D11546" t="s">
        <v>24813</v>
      </c>
      <c r="E11546" t="s">
        <v>33798</v>
      </c>
      <c r="F11546">
        <v>4</v>
      </c>
      <c r="G11546" t="s">
        <v>14</v>
      </c>
      <c r="H11546" t="s">
        <v>24814</v>
      </c>
      <c r="I11546" t="s">
        <v>30540</v>
      </c>
    </row>
    <row r="11547" spans="1:9">
      <c r="A11547" s="1">
        <f ca="1">RAND()</f>
        <v>0.89554828481635051</v>
      </c>
      <c r="B11547" s="1"/>
      <c r="C11547">
        <v>16</v>
      </c>
      <c r="D11547" t="s">
        <v>24819</v>
      </c>
      <c r="E11547" t="s">
        <v>33798</v>
      </c>
      <c r="F11547">
        <v>3</v>
      </c>
      <c r="G11547" t="s">
        <v>2</v>
      </c>
      <c r="H11547" t="s">
        <v>24820</v>
      </c>
      <c r="I11547" t="s">
        <v>30540</v>
      </c>
    </row>
    <row r="11548" spans="1:9">
      <c r="A11548" s="1">
        <f ca="1">RAND()</f>
        <v>0.23266444169245171</v>
      </c>
      <c r="B11548" s="1"/>
      <c r="C11548">
        <v>14</v>
      </c>
      <c r="D11548" t="s">
        <v>24817</v>
      </c>
      <c r="E11548" t="s">
        <v>33798</v>
      </c>
      <c r="F11548">
        <v>3</v>
      </c>
      <c r="G11548" t="s">
        <v>2</v>
      </c>
      <c r="H11548" t="s">
        <v>24818</v>
      </c>
      <c r="I11548" t="s">
        <v>30540</v>
      </c>
    </row>
    <row r="11549" spans="1:9">
      <c r="A11549" s="1">
        <f ca="1">RAND()</f>
        <v>0.88809310056482371</v>
      </c>
      <c r="B11549" s="1"/>
      <c r="C11549">
        <v>19</v>
      </c>
      <c r="D11549" t="s">
        <v>24809</v>
      </c>
      <c r="E11549" t="s">
        <v>33799</v>
      </c>
      <c r="F11549">
        <v>4</v>
      </c>
      <c r="G11549" t="s">
        <v>14</v>
      </c>
      <c r="H11549" t="s">
        <v>24810</v>
      </c>
      <c r="I11549" t="s">
        <v>30540</v>
      </c>
    </row>
    <row r="11550" spans="1:9">
      <c r="A11550" s="1">
        <f ca="1">RAND()</f>
        <v>0.77420704732764134</v>
      </c>
      <c r="B11550" s="1"/>
      <c r="C11550">
        <v>11</v>
      </c>
      <c r="D11550" t="s">
        <v>24805</v>
      </c>
      <c r="E11550" t="s">
        <v>33799</v>
      </c>
      <c r="F11550">
        <v>4</v>
      </c>
      <c r="G11550" t="s">
        <v>14</v>
      </c>
      <c r="H11550" t="s">
        <v>24806</v>
      </c>
      <c r="I11550" t="s">
        <v>30540</v>
      </c>
    </row>
    <row r="11551" spans="1:9">
      <c r="A11551" s="1">
        <f ca="1">RAND()</f>
        <v>0.1272747680424402</v>
      </c>
      <c r="B11551" s="1"/>
      <c r="C11551">
        <v>14</v>
      </c>
      <c r="D11551" t="s">
        <v>24807</v>
      </c>
      <c r="E11551" t="s">
        <v>33799</v>
      </c>
      <c r="F11551">
        <v>4</v>
      </c>
      <c r="G11551" t="s">
        <v>0</v>
      </c>
      <c r="H11551" t="s">
        <v>24808</v>
      </c>
      <c r="I11551" t="s">
        <v>30540</v>
      </c>
    </row>
    <row r="11552" spans="1:9">
      <c r="A11552" s="1">
        <f ca="1">RAND()</f>
        <v>4.8857888018481233E-2</v>
      </c>
      <c r="B11552" s="1"/>
      <c r="C11552">
        <v>4</v>
      </c>
      <c r="D11552" t="s">
        <v>24801</v>
      </c>
      <c r="E11552" t="s">
        <v>33800</v>
      </c>
      <c r="F11552">
        <v>4</v>
      </c>
      <c r="G11552" t="s">
        <v>15</v>
      </c>
      <c r="H11552" t="s">
        <v>24802</v>
      </c>
      <c r="I11552" t="s">
        <v>30540</v>
      </c>
    </row>
    <row r="11553" spans="1:9">
      <c r="A11553" s="1">
        <f ca="1">RAND()</f>
        <v>0.55465259001430411</v>
      </c>
      <c r="B11553" s="1"/>
      <c r="C11553">
        <v>14</v>
      </c>
      <c r="D11553" t="s">
        <v>24803</v>
      </c>
      <c r="E11553" t="s">
        <v>33800</v>
      </c>
      <c r="F11553">
        <v>4</v>
      </c>
      <c r="G11553" t="s">
        <v>10</v>
      </c>
      <c r="H11553" t="s">
        <v>24804</v>
      </c>
      <c r="I11553" t="s">
        <v>30540</v>
      </c>
    </row>
    <row r="11554" spans="1:9">
      <c r="A11554" s="1">
        <f ca="1">RAND()</f>
        <v>0.49344000571792068</v>
      </c>
      <c r="B11554" s="1"/>
      <c r="C11554">
        <v>15</v>
      </c>
      <c r="D11554" t="s">
        <v>24797</v>
      </c>
      <c r="E11554" t="s">
        <v>33801</v>
      </c>
      <c r="F11554">
        <v>5</v>
      </c>
      <c r="G11554" t="s">
        <v>14</v>
      </c>
      <c r="H11554" t="s">
        <v>24798</v>
      </c>
      <c r="I11554" t="s">
        <v>30540</v>
      </c>
    </row>
    <row r="11555" spans="1:9">
      <c r="A11555" s="1">
        <f ca="1">RAND()</f>
        <v>0.54932364488922258</v>
      </c>
      <c r="B11555" s="1"/>
      <c r="C11555">
        <v>17</v>
      </c>
      <c r="D11555" t="s">
        <v>24799</v>
      </c>
      <c r="E11555" t="s">
        <v>33801</v>
      </c>
      <c r="F11555">
        <v>5</v>
      </c>
      <c r="G11555" t="s">
        <v>0</v>
      </c>
      <c r="H11555" t="s">
        <v>24800</v>
      </c>
      <c r="I11555" t="s">
        <v>30540</v>
      </c>
    </row>
    <row r="11556" spans="1:9">
      <c r="A11556" s="1">
        <f ca="1">RAND()</f>
        <v>0.36040724273235347</v>
      </c>
      <c r="B11556" s="1"/>
      <c r="C11556">
        <v>4</v>
      </c>
      <c r="D11556" t="s">
        <v>24793</v>
      </c>
      <c r="E11556" t="s">
        <v>33801</v>
      </c>
      <c r="F11556">
        <v>4</v>
      </c>
      <c r="G11556" t="s">
        <v>14</v>
      </c>
      <c r="H11556" t="s">
        <v>24794</v>
      </c>
      <c r="I11556" t="s">
        <v>30540</v>
      </c>
    </row>
    <row r="11557" spans="1:9">
      <c r="A11557" s="1">
        <f ca="1">RAND()</f>
        <v>0.39632302939377495</v>
      </c>
      <c r="B11557" s="1"/>
      <c r="C11557">
        <v>11</v>
      </c>
      <c r="D11557" t="s">
        <v>24795</v>
      </c>
      <c r="E11557" t="s">
        <v>33801</v>
      </c>
      <c r="F11557">
        <v>2</v>
      </c>
      <c r="G11557" t="s">
        <v>1</v>
      </c>
      <c r="H11557" t="s">
        <v>24796</v>
      </c>
      <c r="I11557" t="s">
        <v>30540</v>
      </c>
    </row>
    <row r="11558" spans="1:9">
      <c r="A11558" s="1">
        <f ca="1">RAND()</f>
        <v>0.54654030736467418</v>
      </c>
      <c r="B11558" s="1"/>
      <c r="C11558">
        <v>12</v>
      </c>
      <c r="D11558" t="s">
        <v>24789</v>
      </c>
      <c r="E11558" t="s">
        <v>33802</v>
      </c>
      <c r="F11558">
        <v>4</v>
      </c>
      <c r="G11558" t="s">
        <v>1</v>
      </c>
      <c r="H11558" t="s">
        <v>24790</v>
      </c>
      <c r="I11558" t="s">
        <v>30540</v>
      </c>
    </row>
    <row r="11559" spans="1:9">
      <c r="A11559" s="1">
        <f ca="1">RAND()</f>
        <v>0.5256990201067816</v>
      </c>
      <c r="B11559" s="1"/>
      <c r="C11559">
        <v>6</v>
      </c>
      <c r="D11559" t="s">
        <v>24783</v>
      </c>
      <c r="E11559" t="s">
        <v>33802</v>
      </c>
      <c r="F11559">
        <v>4</v>
      </c>
      <c r="G11559" t="s">
        <v>14</v>
      </c>
      <c r="H11559" t="s">
        <v>24784</v>
      </c>
      <c r="I11559" t="s">
        <v>30540</v>
      </c>
    </row>
    <row r="11560" spans="1:9">
      <c r="A11560" s="1">
        <f ca="1">RAND()</f>
        <v>0.94649188716589827</v>
      </c>
      <c r="B11560" s="1"/>
      <c r="C11560">
        <v>7</v>
      </c>
      <c r="D11560" t="s">
        <v>24785</v>
      </c>
      <c r="E11560" t="s">
        <v>33802</v>
      </c>
      <c r="F11560">
        <v>4</v>
      </c>
      <c r="G11560" t="s">
        <v>14</v>
      </c>
      <c r="H11560" t="s">
        <v>24786</v>
      </c>
      <c r="I11560" t="s">
        <v>30540</v>
      </c>
    </row>
    <row r="11561" spans="1:9">
      <c r="A11561" s="1">
        <f ca="1">RAND()</f>
        <v>0.52177148154383934</v>
      </c>
      <c r="B11561" s="1"/>
      <c r="C11561">
        <v>16</v>
      </c>
      <c r="D11561" t="s">
        <v>24791</v>
      </c>
      <c r="E11561" t="s">
        <v>33802</v>
      </c>
      <c r="F11561">
        <v>4</v>
      </c>
      <c r="G11561" t="s">
        <v>14</v>
      </c>
      <c r="H11561" t="s">
        <v>24792</v>
      </c>
      <c r="I11561" t="s">
        <v>30540</v>
      </c>
    </row>
    <row r="11562" spans="1:9">
      <c r="A11562" s="1">
        <f ca="1">RAND()</f>
        <v>0.28944313761965434</v>
      </c>
      <c r="B11562" s="1"/>
      <c r="C11562">
        <v>11</v>
      </c>
      <c r="D11562" t="s">
        <v>24787</v>
      </c>
      <c r="E11562" t="s">
        <v>33802</v>
      </c>
      <c r="F11562">
        <v>3</v>
      </c>
      <c r="G11562" t="s">
        <v>14</v>
      </c>
      <c r="H11562" t="s">
        <v>24788</v>
      </c>
      <c r="I11562" t="s">
        <v>30540</v>
      </c>
    </row>
    <row r="11563" spans="1:9">
      <c r="A11563" s="1">
        <f ca="1">RAND()</f>
        <v>0.35909239017722738</v>
      </c>
      <c r="B11563" s="1"/>
      <c r="C11563">
        <v>13</v>
      </c>
      <c r="D11563" t="s">
        <v>24781</v>
      </c>
      <c r="E11563" t="s">
        <v>33803</v>
      </c>
      <c r="F11563">
        <v>4</v>
      </c>
      <c r="G11563" t="s">
        <v>14</v>
      </c>
      <c r="H11563" t="s">
        <v>24782</v>
      </c>
      <c r="I11563" t="s">
        <v>30540</v>
      </c>
    </row>
    <row r="11564" spans="1:9">
      <c r="A11564" s="1">
        <f ca="1">RAND()</f>
        <v>0.6689239841321275</v>
      </c>
      <c r="B11564" s="1"/>
      <c r="C11564">
        <v>12</v>
      </c>
      <c r="D11564" t="s">
        <v>24779</v>
      </c>
      <c r="E11564" t="s">
        <v>33803</v>
      </c>
      <c r="F11564">
        <v>3</v>
      </c>
      <c r="G11564" t="s">
        <v>0</v>
      </c>
      <c r="H11564" t="s">
        <v>24780</v>
      </c>
      <c r="I11564" t="s">
        <v>30540</v>
      </c>
    </row>
    <row r="11565" spans="1:9">
      <c r="A11565" s="1">
        <f ca="1">RAND()</f>
        <v>0.2166094824396575</v>
      </c>
      <c r="B11565" s="1"/>
      <c r="C11565">
        <v>10</v>
      </c>
      <c r="D11565" t="s">
        <v>24777</v>
      </c>
      <c r="E11565" t="s">
        <v>33803</v>
      </c>
      <c r="F11565">
        <v>2</v>
      </c>
      <c r="G11565" t="s">
        <v>14</v>
      </c>
      <c r="H11565" t="s">
        <v>24778</v>
      </c>
      <c r="I11565" t="s">
        <v>30540</v>
      </c>
    </row>
    <row r="11566" spans="1:9">
      <c r="A11566" s="1">
        <f ca="1">RAND()</f>
        <v>0.2184532839904566</v>
      </c>
      <c r="B11566" s="1"/>
      <c r="C11566">
        <v>2</v>
      </c>
      <c r="D11566" t="s">
        <v>24769</v>
      </c>
      <c r="E11566" t="s">
        <v>33804</v>
      </c>
      <c r="F11566">
        <v>5</v>
      </c>
      <c r="G11566" t="s">
        <v>14</v>
      </c>
      <c r="H11566" t="s">
        <v>24770</v>
      </c>
      <c r="I11566" t="s">
        <v>30540</v>
      </c>
    </row>
    <row r="11567" spans="1:9">
      <c r="A11567" s="1">
        <f ca="1">RAND()</f>
        <v>0.7360231575365328</v>
      </c>
      <c r="B11567" s="1"/>
      <c r="C11567">
        <v>18</v>
      </c>
      <c r="D11567" t="s">
        <v>24775</v>
      </c>
      <c r="E11567" t="s">
        <v>33804</v>
      </c>
      <c r="F11567">
        <v>4</v>
      </c>
      <c r="G11567" t="s">
        <v>14</v>
      </c>
      <c r="H11567" t="s">
        <v>24776</v>
      </c>
      <c r="I11567" t="s">
        <v>30540</v>
      </c>
    </row>
    <row r="11568" spans="1:9">
      <c r="A11568" s="1">
        <f ca="1">RAND()</f>
        <v>0.85360912404240741</v>
      </c>
      <c r="B11568" s="1"/>
      <c r="C11568">
        <v>13</v>
      </c>
      <c r="D11568" t="s">
        <v>24773</v>
      </c>
      <c r="E11568" t="s">
        <v>33804</v>
      </c>
      <c r="F11568">
        <v>4</v>
      </c>
      <c r="G11568" t="s">
        <v>1</v>
      </c>
      <c r="H11568" t="s">
        <v>24774</v>
      </c>
      <c r="I11568" t="s">
        <v>30540</v>
      </c>
    </row>
    <row r="11569" spans="1:9">
      <c r="A11569" s="1">
        <f ca="1">RAND()</f>
        <v>0.27092808865755802</v>
      </c>
      <c r="B11569" s="1"/>
      <c r="C11569">
        <v>12</v>
      </c>
      <c r="D11569" t="s">
        <v>24771</v>
      </c>
      <c r="E11569" t="s">
        <v>33804</v>
      </c>
      <c r="F11569">
        <v>3</v>
      </c>
      <c r="G11569" t="s">
        <v>14</v>
      </c>
      <c r="H11569" t="s">
        <v>24772</v>
      </c>
      <c r="I11569" t="s">
        <v>30540</v>
      </c>
    </row>
    <row r="11570" spans="1:9">
      <c r="A11570" s="1">
        <f ca="1">RAND()</f>
        <v>0.57495591513068256</v>
      </c>
      <c r="B11570" s="1"/>
      <c r="C11570">
        <v>6</v>
      </c>
      <c r="D11570" t="s">
        <v>24765</v>
      </c>
      <c r="E11570" t="s">
        <v>33805</v>
      </c>
      <c r="F11570">
        <v>4</v>
      </c>
      <c r="G11570" t="s">
        <v>10</v>
      </c>
      <c r="H11570" t="s">
        <v>24766</v>
      </c>
      <c r="I11570" t="s">
        <v>30540</v>
      </c>
    </row>
    <row r="11571" spans="1:9">
      <c r="A11571" s="1">
        <f ca="1">RAND()</f>
        <v>0.459501894890464</v>
      </c>
      <c r="B11571" s="1"/>
      <c r="C11571">
        <v>7</v>
      </c>
      <c r="D11571" t="s">
        <v>24767</v>
      </c>
      <c r="E11571" t="s">
        <v>33805</v>
      </c>
      <c r="F11571">
        <v>1</v>
      </c>
      <c r="G11571" t="s">
        <v>14</v>
      </c>
      <c r="H11571" t="s">
        <v>24768</v>
      </c>
      <c r="I11571" t="s">
        <v>30540</v>
      </c>
    </row>
    <row r="11572" spans="1:9">
      <c r="A11572" s="1">
        <f ca="1">RAND()</f>
        <v>0.47438182094652925</v>
      </c>
      <c r="B11572" s="1"/>
      <c r="C11572">
        <v>10</v>
      </c>
      <c r="D11572" t="s">
        <v>24761</v>
      </c>
      <c r="E11572" t="s">
        <v>33806</v>
      </c>
      <c r="F11572">
        <v>4</v>
      </c>
      <c r="G11572" t="s">
        <v>14</v>
      </c>
      <c r="H11572" t="s">
        <v>24762</v>
      </c>
      <c r="I11572" t="s">
        <v>30540</v>
      </c>
    </row>
    <row r="11573" spans="1:9">
      <c r="A11573" s="1">
        <f ca="1">RAND()</f>
        <v>0.92155243680093302</v>
      </c>
      <c r="B11573" s="1"/>
      <c r="C11573">
        <v>6</v>
      </c>
      <c r="D11573" t="s">
        <v>24759</v>
      </c>
      <c r="E11573" t="s">
        <v>33806</v>
      </c>
      <c r="F11573">
        <v>4</v>
      </c>
      <c r="G11573" t="s">
        <v>1</v>
      </c>
      <c r="H11573" t="s">
        <v>24760</v>
      </c>
      <c r="I11573" t="s">
        <v>30540</v>
      </c>
    </row>
    <row r="11574" spans="1:9">
      <c r="A11574" s="1">
        <f ca="1">RAND()</f>
        <v>0.45769648715311773</v>
      </c>
      <c r="B11574" s="1"/>
      <c r="C11574">
        <v>14</v>
      </c>
      <c r="D11574" t="s">
        <v>24763</v>
      </c>
      <c r="E11574" t="s">
        <v>33806</v>
      </c>
      <c r="F11574">
        <v>3</v>
      </c>
      <c r="G11574" t="s">
        <v>9</v>
      </c>
      <c r="H11574" t="s">
        <v>24764</v>
      </c>
      <c r="I11574" t="s">
        <v>30540</v>
      </c>
    </row>
    <row r="11575" spans="1:9">
      <c r="A11575" s="1">
        <f ca="1">RAND()</f>
        <v>0.64318517161634603</v>
      </c>
      <c r="B11575" s="1"/>
      <c r="C11575">
        <v>4</v>
      </c>
      <c r="D11575" t="s">
        <v>24757</v>
      </c>
      <c r="E11575" t="s">
        <v>33806</v>
      </c>
      <c r="F11575">
        <v>2</v>
      </c>
      <c r="G11575" t="s">
        <v>2</v>
      </c>
      <c r="H11575" t="s">
        <v>24758</v>
      </c>
      <c r="I11575" t="s">
        <v>30540</v>
      </c>
    </row>
    <row r="11576" spans="1:9">
      <c r="A11576" s="1">
        <f ca="1">RAND()</f>
        <v>0.28541646823249323</v>
      </c>
      <c r="B11576" s="1"/>
      <c r="C11576">
        <v>4</v>
      </c>
      <c r="D11576" t="s">
        <v>24749</v>
      </c>
      <c r="E11576" t="s">
        <v>33807</v>
      </c>
      <c r="F11576">
        <v>4</v>
      </c>
      <c r="G11576" t="s">
        <v>14</v>
      </c>
      <c r="H11576" t="s">
        <v>24750</v>
      </c>
      <c r="I11576" t="s">
        <v>30540</v>
      </c>
    </row>
    <row r="11577" spans="1:9">
      <c r="A11577" s="1">
        <f ca="1">RAND()</f>
        <v>0.99059740805190621</v>
      </c>
      <c r="B11577" s="1"/>
      <c r="C11577">
        <v>8</v>
      </c>
      <c r="D11577" t="s">
        <v>24753</v>
      </c>
      <c r="E11577" t="s">
        <v>33807</v>
      </c>
      <c r="F11577">
        <v>4</v>
      </c>
      <c r="G11577" t="s">
        <v>14</v>
      </c>
      <c r="H11577" t="s">
        <v>24754</v>
      </c>
      <c r="I11577" t="s">
        <v>30540</v>
      </c>
    </row>
    <row r="11578" spans="1:9">
      <c r="A11578" s="1">
        <f ca="1">RAND()</f>
        <v>0.28878724812394729</v>
      </c>
      <c r="B11578" s="1"/>
      <c r="C11578">
        <v>6</v>
      </c>
      <c r="D11578" t="s">
        <v>24751</v>
      </c>
      <c r="E11578" t="s">
        <v>33807</v>
      </c>
      <c r="F11578">
        <v>4</v>
      </c>
      <c r="G11578" t="s">
        <v>14</v>
      </c>
      <c r="H11578" t="s">
        <v>24752</v>
      </c>
      <c r="I11578" t="s">
        <v>30540</v>
      </c>
    </row>
    <row r="11579" spans="1:9">
      <c r="A11579" s="1">
        <f ca="1">RAND()</f>
        <v>0.58801991341591064</v>
      </c>
      <c r="B11579" s="1"/>
      <c r="C11579">
        <v>10</v>
      </c>
      <c r="D11579" t="s">
        <v>24755</v>
      </c>
      <c r="E11579" t="s">
        <v>33807</v>
      </c>
      <c r="F11579">
        <v>3</v>
      </c>
      <c r="G11579" t="s">
        <v>1</v>
      </c>
      <c r="H11579" t="s">
        <v>24756</v>
      </c>
      <c r="I11579" t="s">
        <v>30540</v>
      </c>
    </row>
    <row r="11580" spans="1:9">
      <c r="A11580" s="1">
        <f ca="1">RAND()</f>
        <v>0.37290513432776518</v>
      </c>
      <c r="B11580" s="1"/>
      <c r="C11580">
        <v>13</v>
      </c>
      <c r="D11580" t="s">
        <v>24747</v>
      </c>
      <c r="E11580" t="s">
        <v>33808</v>
      </c>
      <c r="F11580">
        <v>5</v>
      </c>
      <c r="G11580" t="s">
        <v>2</v>
      </c>
      <c r="H11580" t="s">
        <v>24748</v>
      </c>
      <c r="I11580" t="s">
        <v>30540</v>
      </c>
    </row>
    <row r="11581" spans="1:9">
      <c r="A11581" s="1">
        <f ca="1">RAND()</f>
        <v>0.96382191535821993</v>
      </c>
      <c r="B11581" s="1"/>
      <c r="C11581">
        <v>7</v>
      </c>
      <c r="D11581" t="s">
        <v>24741</v>
      </c>
      <c r="E11581" t="s">
        <v>33808</v>
      </c>
      <c r="F11581">
        <v>4</v>
      </c>
      <c r="G11581" t="s">
        <v>2</v>
      </c>
      <c r="H11581" t="s">
        <v>24742</v>
      </c>
      <c r="I11581" t="s">
        <v>30540</v>
      </c>
    </row>
    <row r="11582" spans="1:9">
      <c r="A11582" s="1">
        <f ca="1">RAND()</f>
        <v>0.44592702299319009</v>
      </c>
      <c r="B11582" s="1"/>
      <c r="C11582">
        <v>5</v>
      </c>
      <c r="D11582" t="s">
        <v>24739</v>
      </c>
      <c r="E11582" t="s">
        <v>33808</v>
      </c>
      <c r="F11582">
        <v>4</v>
      </c>
      <c r="G11582" t="s">
        <v>14</v>
      </c>
      <c r="H11582" t="s">
        <v>24740</v>
      </c>
      <c r="I11582" t="s">
        <v>30540</v>
      </c>
    </row>
    <row r="11583" spans="1:9">
      <c r="A11583" s="1">
        <f ca="1">RAND()</f>
        <v>0.27848295666076983</v>
      </c>
      <c r="B11583" s="1"/>
      <c r="C11583">
        <v>9</v>
      </c>
      <c r="D11583" t="s">
        <v>24743</v>
      </c>
      <c r="E11583" t="s">
        <v>33808</v>
      </c>
      <c r="F11583">
        <v>4</v>
      </c>
      <c r="G11583" t="s">
        <v>1</v>
      </c>
      <c r="H11583" t="s">
        <v>24744</v>
      </c>
      <c r="I11583" t="s">
        <v>30540</v>
      </c>
    </row>
    <row r="11584" spans="1:9">
      <c r="A11584" s="1">
        <f ca="1">RAND()</f>
        <v>0.58490641900324869</v>
      </c>
      <c r="B11584" s="1"/>
      <c r="C11584">
        <v>10</v>
      </c>
      <c r="D11584" t="s">
        <v>24745</v>
      </c>
      <c r="E11584" t="s">
        <v>33808</v>
      </c>
      <c r="F11584">
        <v>4</v>
      </c>
      <c r="G11584" t="s">
        <v>2</v>
      </c>
      <c r="H11584" t="s">
        <v>24746</v>
      </c>
      <c r="I11584" t="s">
        <v>30540</v>
      </c>
    </row>
    <row r="11585" spans="1:9">
      <c r="A11585" s="1">
        <f ca="1">RAND()</f>
        <v>0.89786851319564032</v>
      </c>
      <c r="B11585" s="1"/>
      <c r="C11585">
        <v>1</v>
      </c>
      <c r="D11585" t="s">
        <v>24731</v>
      </c>
      <c r="E11585" t="s">
        <v>33809</v>
      </c>
      <c r="F11585">
        <v>5</v>
      </c>
      <c r="G11585" t="s">
        <v>2</v>
      </c>
      <c r="H11585" t="s">
        <v>24732</v>
      </c>
      <c r="I11585" t="s">
        <v>30540</v>
      </c>
    </row>
    <row r="11586" spans="1:9">
      <c r="A11586" s="1">
        <f ca="1">RAND()</f>
        <v>9.909217006915827E-3</v>
      </c>
      <c r="B11586" s="1"/>
      <c r="C11586">
        <v>6</v>
      </c>
      <c r="D11586" t="s">
        <v>24735</v>
      </c>
      <c r="E11586" t="s">
        <v>33809</v>
      </c>
      <c r="F11586">
        <v>4</v>
      </c>
      <c r="G11586" t="s">
        <v>14</v>
      </c>
      <c r="H11586" t="s">
        <v>24736</v>
      </c>
      <c r="I11586" t="s">
        <v>30540</v>
      </c>
    </row>
    <row r="11587" spans="1:9">
      <c r="A11587" s="1">
        <f ca="1">RAND()</f>
        <v>0.30981564537921213</v>
      </c>
      <c r="B11587" s="1"/>
      <c r="C11587">
        <v>5</v>
      </c>
      <c r="D11587" t="s">
        <v>24733</v>
      </c>
      <c r="E11587" t="s">
        <v>33809</v>
      </c>
      <c r="F11587">
        <v>4</v>
      </c>
      <c r="G11587" t="s">
        <v>14</v>
      </c>
      <c r="H11587" t="s">
        <v>24734</v>
      </c>
      <c r="I11587" t="s">
        <v>30540</v>
      </c>
    </row>
    <row r="11588" spans="1:9">
      <c r="A11588" s="1">
        <f ca="1">RAND()</f>
        <v>0.65011143469069199</v>
      </c>
      <c r="B11588" s="1"/>
      <c r="C11588">
        <v>15</v>
      </c>
      <c r="D11588" t="s">
        <v>24737</v>
      </c>
      <c r="E11588" t="s">
        <v>33809</v>
      </c>
      <c r="F11588">
        <v>4</v>
      </c>
      <c r="G11588" t="s">
        <v>14</v>
      </c>
      <c r="H11588" t="s">
        <v>24738</v>
      </c>
      <c r="I11588" t="s">
        <v>30540</v>
      </c>
    </row>
    <row r="11589" spans="1:9">
      <c r="A11589" s="1">
        <f ca="1">RAND()</f>
        <v>7.5417626451821818E-2</v>
      </c>
      <c r="B11589" s="1"/>
      <c r="C11589">
        <v>17</v>
      </c>
      <c r="D11589" t="s">
        <v>24729</v>
      </c>
      <c r="E11589" t="s">
        <v>33810</v>
      </c>
      <c r="F11589">
        <v>5</v>
      </c>
      <c r="G11589" t="s">
        <v>770</v>
      </c>
      <c r="H11589" t="s">
        <v>24730</v>
      </c>
      <c r="I11589" t="s">
        <v>30540</v>
      </c>
    </row>
    <row r="11590" spans="1:9">
      <c r="A11590" s="1">
        <f ca="1">RAND()</f>
        <v>0.819897709027401</v>
      </c>
      <c r="B11590" s="1"/>
      <c r="C11590">
        <v>9</v>
      </c>
      <c r="D11590" t="s">
        <v>24727</v>
      </c>
      <c r="E11590" t="s">
        <v>33810</v>
      </c>
      <c r="F11590">
        <v>4</v>
      </c>
      <c r="G11590" t="s">
        <v>15</v>
      </c>
      <c r="H11590" t="s">
        <v>24728</v>
      </c>
      <c r="I11590" t="s">
        <v>30540</v>
      </c>
    </row>
    <row r="11591" spans="1:9">
      <c r="A11591" s="1">
        <f ca="1">RAND()</f>
        <v>0.46043129451817832</v>
      </c>
      <c r="B11591" s="1"/>
      <c r="C11591">
        <v>8</v>
      </c>
      <c r="D11591" t="s">
        <v>24723</v>
      </c>
      <c r="E11591" t="s">
        <v>33811</v>
      </c>
      <c r="F11591">
        <v>4</v>
      </c>
      <c r="G11591" t="s">
        <v>14</v>
      </c>
      <c r="H11591" t="s">
        <v>24724</v>
      </c>
      <c r="I11591" t="s">
        <v>30540</v>
      </c>
    </row>
    <row r="11592" spans="1:9">
      <c r="A11592" s="1">
        <f ca="1">RAND()</f>
        <v>0.56938100601333563</v>
      </c>
      <c r="B11592" s="1"/>
      <c r="C11592">
        <v>14</v>
      </c>
      <c r="D11592" t="s">
        <v>24725</v>
      </c>
      <c r="E11592" t="s">
        <v>33811</v>
      </c>
      <c r="F11592">
        <v>4</v>
      </c>
      <c r="G11592" t="s">
        <v>14</v>
      </c>
      <c r="H11592" t="s">
        <v>24726</v>
      </c>
      <c r="I11592" t="s">
        <v>30540</v>
      </c>
    </row>
    <row r="11593" spans="1:9">
      <c r="A11593" s="1">
        <f ca="1">RAND()</f>
        <v>0.70783700905278035</v>
      </c>
      <c r="B11593" s="1"/>
      <c r="C11593">
        <v>16</v>
      </c>
      <c r="D11593" t="s">
        <v>24721</v>
      </c>
      <c r="E11593" t="s">
        <v>33812</v>
      </c>
      <c r="F11593">
        <v>5</v>
      </c>
      <c r="G11593" t="s">
        <v>14</v>
      </c>
      <c r="H11593" t="s">
        <v>24722</v>
      </c>
      <c r="I11593" t="s">
        <v>30540</v>
      </c>
    </row>
    <row r="11594" spans="1:9">
      <c r="A11594" s="1">
        <f ca="1">RAND()</f>
        <v>0.76248368300575375</v>
      </c>
      <c r="B11594" s="1"/>
      <c r="C11594">
        <v>10</v>
      </c>
      <c r="D11594" t="s">
        <v>24715</v>
      </c>
      <c r="E11594" t="s">
        <v>33812</v>
      </c>
      <c r="F11594">
        <v>4</v>
      </c>
      <c r="G11594" t="s">
        <v>14</v>
      </c>
      <c r="H11594" t="s">
        <v>24716</v>
      </c>
      <c r="I11594" t="s">
        <v>30540</v>
      </c>
    </row>
    <row r="11595" spans="1:9">
      <c r="A11595" s="1">
        <f ca="1">RAND()</f>
        <v>0.56524680367606894</v>
      </c>
      <c r="B11595" s="1"/>
      <c r="C11595">
        <v>12</v>
      </c>
      <c r="D11595" t="s">
        <v>24719</v>
      </c>
      <c r="E11595" t="s">
        <v>33812</v>
      </c>
      <c r="F11595">
        <v>4</v>
      </c>
      <c r="G11595" t="s">
        <v>14</v>
      </c>
      <c r="H11595" t="s">
        <v>24720</v>
      </c>
      <c r="I11595" t="s">
        <v>30540</v>
      </c>
    </row>
    <row r="11596" spans="1:9">
      <c r="A11596" s="1">
        <f ca="1">RAND()</f>
        <v>0.85807033726595383</v>
      </c>
      <c r="B11596" s="1"/>
      <c r="C11596">
        <v>11</v>
      </c>
      <c r="D11596" t="s">
        <v>24717</v>
      </c>
      <c r="E11596" t="s">
        <v>33812</v>
      </c>
      <c r="F11596">
        <v>3</v>
      </c>
      <c r="G11596" t="s">
        <v>14</v>
      </c>
      <c r="H11596" t="s">
        <v>24718</v>
      </c>
      <c r="I11596" t="s">
        <v>30540</v>
      </c>
    </row>
    <row r="11597" spans="1:9">
      <c r="A11597" s="1">
        <f ca="1">RAND()</f>
        <v>0.84357927143454936</v>
      </c>
      <c r="B11597" s="1"/>
      <c r="C11597">
        <v>1</v>
      </c>
      <c r="D11597" t="s">
        <v>24707</v>
      </c>
      <c r="E11597" t="s">
        <v>33813</v>
      </c>
      <c r="F11597">
        <v>4</v>
      </c>
      <c r="G11597" t="s">
        <v>14</v>
      </c>
      <c r="H11597" t="s">
        <v>24708</v>
      </c>
      <c r="I11597" t="s">
        <v>30540</v>
      </c>
    </row>
    <row r="11598" spans="1:9">
      <c r="A11598" s="1">
        <f ca="1">RAND()</f>
        <v>0.28544240266761067</v>
      </c>
      <c r="B11598" s="1"/>
      <c r="C11598">
        <v>9</v>
      </c>
      <c r="D11598" t="s">
        <v>24709</v>
      </c>
      <c r="E11598" t="s">
        <v>33813</v>
      </c>
      <c r="F11598">
        <v>4</v>
      </c>
      <c r="G11598" t="s">
        <v>14</v>
      </c>
      <c r="H11598" t="s">
        <v>24710</v>
      </c>
      <c r="I11598" t="s">
        <v>30540</v>
      </c>
    </row>
    <row r="11599" spans="1:9">
      <c r="A11599" s="1">
        <f ca="1">RAND()</f>
        <v>0.70702360921269303</v>
      </c>
      <c r="B11599" s="1"/>
      <c r="C11599">
        <v>11</v>
      </c>
      <c r="D11599" t="s">
        <v>24713</v>
      </c>
      <c r="E11599" t="s">
        <v>33813</v>
      </c>
      <c r="F11599">
        <v>3</v>
      </c>
      <c r="G11599" t="s">
        <v>13</v>
      </c>
      <c r="H11599" t="s">
        <v>24714</v>
      </c>
      <c r="I11599" t="s">
        <v>30540</v>
      </c>
    </row>
    <row r="11600" spans="1:9">
      <c r="A11600" s="1">
        <f ca="1">RAND()</f>
        <v>0.25616102570762556</v>
      </c>
      <c r="B11600" s="1"/>
      <c r="C11600">
        <v>10</v>
      </c>
      <c r="D11600" t="s">
        <v>24711</v>
      </c>
      <c r="E11600" t="s">
        <v>33813</v>
      </c>
      <c r="F11600">
        <v>2</v>
      </c>
      <c r="G11600" t="s">
        <v>14</v>
      </c>
      <c r="H11600" t="s">
        <v>24712</v>
      </c>
      <c r="I11600" t="s">
        <v>30540</v>
      </c>
    </row>
    <row r="11601" spans="1:9">
      <c r="A11601" s="1">
        <f ca="1">RAND()</f>
        <v>0.53295414031663246</v>
      </c>
      <c r="B11601" s="1"/>
      <c r="C11601">
        <v>13</v>
      </c>
      <c r="D11601" t="s">
        <v>24705</v>
      </c>
      <c r="E11601" t="s">
        <v>33814</v>
      </c>
      <c r="F11601">
        <v>4</v>
      </c>
      <c r="G11601" t="s">
        <v>14</v>
      </c>
      <c r="H11601" t="s">
        <v>24706</v>
      </c>
      <c r="I11601" t="s">
        <v>30540</v>
      </c>
    </row>
    <row r="11602" spans="1:9">
      <c r="A11602" s="1">
        <f ca="1">RAND()</f>
        <v>0.27446342673170399</v>
      </c>
      <c r="B11602" s="1"/>
      <c r="C11602">
        <v>7</v>
      </c>
      <c r="D11602" t="s">
        <v>24697</v>
      </c>
      <c r="E11602" t="s">
        <v>33815</v>
      </c>
      <c r="F11602">
        <v>4</v>
      </c>
      <c r="G11602" t="s">
        <v>2</v>
      </c>
      <c r="H11602" t="s">
        <v>24698</v>
      </c>
      <c r="I11602" t="s">
        <v>30540</v>
      </c>
    </row>
    <row r="11603" spans="1:9">
      <c r="A11603" s="1">
        <f ca="1">RAND()</f>
        <v>0.52988709290906955</v>
      </c>
      <c r="B11603" s="1"/>
      <c r="C11603">
        <v>4</v>
      </c>
      <c r="D11603" t="s">
        <v>24695</v>
      </c>
      <c r="E11603" t="s">
        <v>33815</v>
      </c>
      <c r="F11603">
        <v>4</v>
      </c>
      <c r="G11603" t="s">
        <v>762</v>
      </c>
      <c r="H11603" t="s">
        <v>24696</v>
      </c>
      <c r="I11603" t="s">
        <v>30540</v>
      </c>
    </row>
    <row r="11604" spans="1:9">
      <c r="A11604" s="1">
        <f ca="1">RAND()</f>
        <v>0.16370602165100756</v>
      </c>
      <c r="B11604" s="1"/>
      <c r="C11604">
        <v>16</v>
      </c>
      <c r="D11604" t="s">
        <v>24701</v>
      </c>
      <c r="E11604" t="s">
        <v>33815</v>
      </c>
      <c r="F11604">
        <v>4</v>
      </c>
      <c r="G11604" t="s">
        <v>14</v>
      </c>
      <c r="H11604" t="s">
        <v>24702</v>
      </c>
      <c r="I11604" t="s">
        <v>30540</v>
      </c>
    </row>
    <row r="11605" spans="1:9">
      <c r="A11605" s="1">
        <f ca="1">RAND()</f>
        <v>6.2623274901284165E-2</v>
      </c>
      <c r="B11605" s="1"/>
      <c r="C11605">
        <v>10</v>
      </c>
      <c r="D11605" t="s">
        <v>24699</v>
      </c>
      <c r="E11605" t="s">
        <v>33815</v>
      </c>
      <c r="F11605">
        <v>4</v>
      </c>
      <c r="G11605" t="s">
        <v>10</v>
      </c>
      <c r="H11605" t="s">
        <v>24700</v>
      </c>
      <c r="I11605" t="s">
        <v>30540</v>
      </c>
    </row>
    <row r="11606" spans="1:9">
      <c r="A11606" s="1">
        <f ca="1">RAND()</f>
        <v>0.41630721935825687</v>
      </c>
      <c r="B11606" s="1"/>
      <c r="C11606">
        <v>20</v>
      </c>
      <c r="D11606" t="s">
        <v>24703</v>
      </c>
      <c r="E11606" t="s">
        <v>33815</v>
      </c>
      <c r="F11606">
        <v>2</v>
      </c>
      <c r="G11606" t="s">
        <v>774</v>
      </c>
      <c r="H11606" t="s">
        <v>24704</v>
      </c>
      <c r="I11606" t="s">
        <v>30540</v>
      </c>
    </row>
    <row r="11607" spans="1:9">
      <c r="A11607" s="1">
        <f ca="1">RAND()</f>
        <v>9.4553580892186573E-2</v>
      </c>
      <c r="B11607" s="1"/>
      <c r="C11607">
        <v>12</v>
      </c>
      <c r="D11607" t="s">
        <v>24687</v>
      </c>
      <c r="E11607" t="s">
        <v>33816</v>
      </c>
      <c r="F11607">
        <v>4</v>
      </c>
      <c r="G11607" t="s">
        <v>14</v>
      </c>
      <c r="H11607" t="s">
        <v>24688</v>
      </c>
      <c r="I11607" t="s">
        <v>30540</v>
      </c>
    </row>
    <row r="11608" spans="1:9">
      <c r="A11608" s="1">
        <f ca="1">RAND()</f>
        <v>0.20589708527966777</v>
      </c>
      <c r="B11608" s="1"/>
      <c r="C11608">
        <v>3</v>
      </c>
      <c r="D11608" t="s">
        <v>24683</v>
      </c>
      <c r="E11608" t="s">
        <v>33816</v>
      </c>
      <c r="F11608">
        <v>4</v>
      </c>
      <c r="G11608" t="s">
        <v>14</v>
      </c>
      <c r="H11608" t="s">
        <v>24684</v>
      </c>
      <c r="I11608" t="s">
        <v>30540</v>
      </c>
    </row>
    <row r="11609" spans="1:9">
      <c r="A11609" s="1">
        <f ca="1">RAND()</f>
        <v>0.47392746665886043</v>
      </c>
      <c r="B11609" s="1"/>
      <c r="C11609">
        <v>14</v>
      </c>
      <c r="D11609" t="s">
        <v>24691</v>
      </c>
      <c r="E11609" t="s">
        <v>33816</v>
      </c>
      <c r="F11609">
        <v>4</v>
      </c>
      <c r="G11609" t="s">
        <v>14</v>
      </c>
      <c r="H11609" t="s">
        <v>24692</v>
      </c>
      <c r="I11609" t="s">
        <v>30540</v>
      </c>
    </row>
    <row r="11610" spans="1:9">
      <c r="A11610" s="1">
        <f ca="1">RAND()</f>
        <v>0.58107448663548777</v>
      </c>
      <c r="B11610" s="1"/>
      <c r="C11610">
        <v>15</v>
      </c>
      <c r="D11610" t="s">
        <v>24693</v>
      </c>
      <c r="E11610" t="s">
        <v>33816</v>
      </c>
      <c r="F11610">
        <v>4</v>
      </c>
      <c r="G11610" t="s">
        <v>14</v>
      </c>
      <c r="H11610" t="s">
        <v>24694</v>
      </c>
      <c r="I11610" t="s">
        <v>30540</v>
      </c>
    </row>
    <row r="11611" spans="1:9">
      <c r="A11611" s="1">
        <f ca="1">RAND()</f>
        <v>7.6786777815386231E-2</v>
      </c>
      <c r="B11611" s="1"/>
      <c r="C11611">
        <v>7</v>
      </c>
      <c r="D11611" t="s">
        <v>24685</v>
      </c>
      <c r="E11611" t="s">
        <v>33816</v>
      </c>
      <c r="F11611">
        <v>2</v>
      </c>
      <c r="G11611" t="s">
        <v>9</v>
      </c>
      <c r="H11611" t="s">
        <v>24686</v>
      </c>
      <c r="I11611" t="s">
        <v>30540</v>
      </c>
    </row>
    <row r="11612" spans="1:9">
      <c r="A11612" s="1">
        <f ca="1">RAND()</f>
        <v>0.98046215576662121</v>
      </c>
      <c r="B11612" s="1"/>
      <c r="C11612">
        <v>13</v>
      </c>
      <c r="D11612" t="s">
        <v>24689</v>
      </c>
      <c r="E11612" t="s">
        <v>33816</v>
      </c>
      <c r="F11612">
        <v>2</v>
      </c>
      <c r="G11612" t="s">
        <v>0</v>
      </c>
      <c r="H11612" t="s">
        <v>24690</v>
      </c>
      <c r="I11612" t="s">
        <v>30540</v>
      </c>
    </row>
    <row r="11613" spans="1:9">
      <c r="A11613" s="1">
        <f ca="1">RAND()</f>
        <v>0.16424542117195051</v>
      </c>
      <c r="B11613" s="1"/>
      <c r="C11613">
        <v>10</v>
      </c>
      <c r="D11613" t="s">
        <v>24675</v>
      </c>
      <c r="E11613" t="s">
        <v>33817</v>
      </c>
      <c r="F11613">
        <v>4</v>
      </c>
      <c r="G11613" t="s">
        <v>1</v>
      </c>
      <c r="H11613" t="s">
        <v>24676</v>
      </c>
      <c r="I11613" t="s">
        <v>30540</v>
      </c>
    </row>
    <row r="11614" spans="1:9">
      <c r="A11614" s="1">
        <f ca="1">RAND()</f>
        <v>3.271150424434055E-2</v>
      </c>
      <c r="B11614" s="1"/>
      <c r="C11614">
        <v>1</v>
      </c>
      <c r="D11614" t="s">
        <v>24665</v>
      </c>
      <c r="E11614" t="s">
        <v>33817</v>
      </c>
      <c r="F11614">
        <v>4</v>
      </c>
      <c r="G11614" t="s">
        <v>15</v>
      </c>
      <c r="H11614" t="s">
        <v>24666</v>
      </c>
      <c r="I11614" t="s">
        <v>30540</v>
      </c>
    </row>
    <row r="11615" spans="1:9">
      <c r="A11615" s="1">
        <f ca="1">RAND()</f>
        <v>0.70202985471092016</v>
      </c>
      <c r="B11615" s="1"/>
      <c r="C11615">
        <v>3</v>
      </c>
      <c r="D11615" t="s">
        <v>24669</v>
      </c>
      <c r="E11615" t="s">
        <v>33817</v>
      </c>
      <c r="F11615">
        <v>3</v>
      </c>
      <c r="G11615" t="s">
        <v>14</v>
      </c>
      <c r="H11615" t="s">
        <v>24670</v>
      </c>
      <c r="I11615" t="s">
        <v>30540</v>
      </c>
    </row>
    <row r="11616" spans="1:9">
      <c r="A11616" s="1">
        <f ca="1">RAND()</f>
        <v>0.32996223229709054</v>
      </c>
      <c r="B11616" s="1"/>
      <c r="C11616">
        <v>17</v>
      </c>
      <c r="D11616" t="s">
        <v>24681</v>
      </c>
      <c r="E11616" t="s">
        <v>33817</v>
      </c>
      <c r="F11616">
        <v>3</v>
      </c>
      <c r="G11616" t="s">
        <v>2</v>
      </c>
      <c r="H11616" t="s">
        <v>24682</v>
      </c>
      <c r="I11616" t="s">
        <v>30540</v>
      </c>
    </row>
    <row r="11617" spans="1:9">
      <c r="A11617" s="1">
        <f ca="1">RAND()</f>
        <v>0.28916248538571343</v>
      </c>
      <c r="B11617" s="1"/>
      <c r="C11617">
        <v>9</v>
      </c>
      <c r="D11617" t="s">
        <v>24673</v>
      </c>
      <c r="E11617" t="s">
        <v>33817</v>
      </c>
      <c r="F11617">
        <v>2</v>
      </c>
      <c r="G11617" t="s">
        <v>14</v>
      </c>
      <c r="H11617" t="s">
        <v>24674</v>
      </c>
      <c r="I11617" t="s">
        <v>30540</v>
      </c>
    </row>
    <row r="11618" spans="1:9">
      <c r="A11618" s="1">
        <f ca="1">RAND()</f>
        <v>0.21260950737798712</v>
      </c>
      <c r="B11618" s="1"/>
      <c r="C11618">
        <v>2</v>
      </c>
      <c r="D11618" t="s">
        <v>24667</v>
      </c>
      <c r="E11618" t="s">
        <v>33817</v>
      </c>
      <c r="F11618">
        <v>2</v>
      </c>
      <c r="G11618" t="s">
        <v>2</v>
      </c>
      <c r="H11618" t="s">
        <v>24668</v>
      </c>
      <c r="I11618" t="s">
        <v>30540</v>
      </c>
    </row>
    <row r="11619" spans="1:9">
      <c r="A11619" s="1">
        <f ca="1">RAND()</f>
        <v>9.6392371663795551E-2</v>
      </c>
      <c r="B11619" s="1"/>
      <c r="C11619">
        <v>4</v>
      </c>
      <c r="D11619" t="s">
        <v>24671</v>
      </c>
      <c r="E11619" t="s">
        <v>33817</v>
      </c>
      <c r="F11619">
        <v>2</v>
      </c>
      <c r="G11619" t="s">
        <v>9</v>
      </c>
      <c r="H11619" t="s">
        <v>24672</v>
      </c>
      <c r="I11619" t="s">
        <v>30540</v>
      </c>
    </row>
    <row r="11620" spans="1:9">
      <c r="A11620" s="1">
        <f ca="1">RAND()</f>
        <v>0.81938260471763724</v>
      </c>
      <c r="B11620" s="1"/>
      <c r="C11620">
        <v>15</v>
      </c>
      <c r="D11620" t="s">
        <v>24677</v>
      </c>
      <c r="E11620" t="s">
        <v>33817</v>
      </c>
      <c r="F11620">
        <v>2</v>
      </c>
      <c r="G11620" t="s">
        <v>14</v>
      </c>
      <c r="H11620" t="s">
        <v>24678</v>
      </c>
      <c r="I11620" t="s">
        <v>30540</v>
      </c>
    </row>
    <row r="11621" spans="1:9">
      <c r="A11621" s="1">
        <f ca="1">RAND()</f>
        <v>9.3899428962885167E-2</v>
      </c>
      <c r="B11621" s="1"/>
      <c r="C11621">
        <v>16</v>
      </c>
      <c r="D11621" t="s">
        <v>24679</v>
      </c>
      <c r="E11621" t="s">
        <v>33817</v>
      </c>
      <c r="F11621">
        <v>2</v>
      </c>
      <c r="G11621" t="s">
        <v>14</v>
      </c>
      <c r="H11621" t="s">
        <v>24680</v>
      </c>
      <c r="I11621" t="s">
        <v>30540</v>
      </c>
    </row>
    <row r="11622" spans="1:9">
      <c r="A11622" s="1">
        <f ca="1">RAND()</f>
        <v>0.26273058007864325</v>
      </c>
      <c r="B11622" s="1"/>
      <c r="C11622">
        <v>2</v>
      </c>
      <c r="D11622" t="s">
        <v>24653</v>
      </c>
      <c r="E11622" t="s">
        <v>33818</v>
      </c>
      <c r="F11622">
        <v>5</v>
      </c>
      <c r="G11622" t="s">
        <v>2</v>
      </c>
      <c r="H11622" t="s">
        <v>24654</v>
      </c>
      <c r="I11622" t="s">
        <v>30540</v>
      </c>
    </row>
    <row r="11623" spans="1:9">
      <c r="A11623" s="1">
        <f ca="1">RAND()</f>
        <v>0.69587147596941834</v>
      </c>
      <c r="B11623" s="1"/>
      <c r="C11623">
        <v>8</v>
      </c>
      <c r="D11623" t="s">
        <v>24657</v>
      </c>
      <c r="E11623" t="s">
        <v>33818</v>
      </c>
      <c r="F11623">
        <v>5</v>
      </c>
      <c r="G11623" t="s">
        <v>2</v>
      </c>
      <c r="H11623" t="s">
        <v>24658</v>
      </c>
      <c r="I11623" t="s">
        <v>30540</v>
      </c>
    </row>
    <row r="11624" spans="1:9">
      <c r="A11624" s="1">
        <f ca="1">RAND()</f>
        <v>0.18150830473150259</v>
      </c>
      <c r="B11624" s="1"/>
      <c r="C11624">
        <v>13</v>
      </c>
      <c r="D11624" t="s">
        <v>24661</v>
      </c>
      <c r="E11624" t="s">
        <v>33818</v>
      </c>
      <c r="F11624">
        <v>4</v>
      </c>
      <c r="G11624" t="s">
        <v>14</v>
      </c>
      <c r="H11624" t="s">
        <v>24662</v>
      </c>
      <c r="I11624" t="s">
        <v>30540</v>
      </c>
    </row>
    <row r="11625" spans="1:9">
      <c r="A11625" s="1">
        <f ca="1">RAND()</f>
        <v>0.33636229512504656</v>
      </c>
      <c r="B11625" s="1"/>
      <c r="C11625">
        <v>14</v>
      </c>
      <c r="D11625" t="s">
        <v>24663</v>
      </c>
      <c r="E11625" t="s">
        <v>33818</v>
      </c>
      <c r="F11625">
        <v>4</v>
      </c>
      <c r="G11625" t="s">
        <v>14</v>
      </c>
      <c r="H11625" t="s">
        <v>24664</v>
      </c>
      <c r="I11625" t="s">
        <v>30540</v>
      </c>
    </row>
    <row r="11626" spans="1:9">
      <c r="A11626" s="1">
        <f ca="1">RAND()</f>
        <v>0.41829406501865662</v>
      </c>
      <c r="B11626" s="1"/>
      <c r="C11626">
        <v>3</v>
      </c>
      <c r="D11626" t="s">
        <v>24655</v>
      </c>
      <c r="E11626" t="s">
        <v>33818</v>
      </c>
      <c r="F11626">
        <v>3</v>
      </c>
      <c r="G11626" t="s">
        <v>1</v>
      </c>
      <c r="H11626" t="s">
        <v>24656</v>
      </c>
      <c r="I11626" t="s">
        <v>30540</v>
      </c>
    </row>
    <row r="11627" spans="1:9">
      <c r="A11627" s="1">
        <f ca="1">RAND()</f>
        <v>0.1877197198136874</v>
      </c>
      <c r="B11627" s="1"/>
      <c r="C11627">
        <v>10</v>
      </c>
      <c r="D11627" t="s">
        <v>24659</v>
      </c>
      <c r="E11627" t="s">
        <v>33818</v>
      </c>
      <c r="F11627">
        <v>2</v>
      </c>
      <c r="G11627" t="s">
        <v>2</v>
      </c>
      <c r="H11627" t="s">
        <v>24660</v>
      </c>
      <c r="I11627" t="s">
        <v>30540</v>
      </c>
    </row>
    <row r="11628" spans="1:9">
      <c r="A11628" s="1">
        <f ca="1">RAND()</f>
        <v>0.13138192901069423</v>
      </c>
      <c r="B11628" s="1"/>
      <c r="C11628">
        <v>15</v>
      </c>
      <c r="D11628" t="s">
        <v>24651</v>
      </c>
      <c r="E11628" t="s">
        <v>33819</v>
      </c>
      <c r="F11628">
        <v>5</v>
      </c>
      <c r="G11628" t="s">
        <v>10</v>
      </c>
      <c r="H11628" t="s">
        <v>24652</v>
      </c>
      <c r="I11628" t="s">
        <v>30540</v>
      </c>
    </row>
    <row r="11629" spans="1:9">
      <c r="A11629" s="1">
        <f ca="1">RAND()</f>
        <v>0.9591832885703403</v>
      </c>
      <c r="B11629" s="1"/>
      <c r="C11629">
        <v>14</v>
      </c>
      <c r="D11629" t="s">
        <v>24649</v>
      </c>
      <c r="E11629" t="s">
        <v>33819</v>
      </c>
      <c r="F11629">
        <v>5</v>
      </c>
      <c r="G11629" t="s">
        <v>10</v>
      </c>
      <c r="H11629" t="s">
        <v>24650</v>
      </c>
      <c r="I11629" t="s">
        <v>30540</v>
      </c>
    </row>
    <row r="11630" spans="1:9">
      <c r="A11630" s="1">
        <f ca="1">RAND()</f>
        <v>0.97498146784332229</v>
      </c>
      <c r="B11630" s="1"/>
      <c r="C11630">
        <v>13</v>
      </c>
      <c r="D11630" t="s">
        <v>24647</v>
      </c>
      <c r="E11630" t="s">
        <v>33819</v>
      </c>
      <c r="F11630">
        <v>4</v>
      </c>
      <c r="G11630" t="s">
        <v>10</v>
      </c>
      <c r="H11630" t="s">
        <v>24648</v>
      </c>
      <c r="I11630" t="s">
        <v>30540</v>
      </c>
    </row>
    <row r="11631" spans="1:9">
      <c r="A11631" s="1">
        <f ca="1">RAND()</f>
        <v>0.5276742619497502</v>
      </c>
      <c r="B11631" s="1"/>
      <c r="C11631">
        <v>8</v>
      </c>
      <c r="D11631" t="s">
        <v>24645</v>
      </c>
      <c r="E11631" t="s">
        <v>33819</v>
      </c>
      <c r="F11631">
        <v>4</v>
      </c>
      <c r="G11631" t="s">
        <v>10</v>
      </c>
      <c r="H11631" t="s">
        <v>24646</v>
      </c>
      <c r="I11631" t="s">
        <v>30540</v>
      </c>
    </row>
    <row r="11632" spans="1:9">
      <c r="A11632" s="1">
        <f ca="1">RAND()</f>
        <v>1.7276119345374319E-2</v>
      </c>
      <c r="B11632" s="1"/>
      <c r="C11632">
        <v>13</v>
      </c>
      <c r="D11632" t="s">
        <v>24637</v>
      </c>
      <c r="E11632" t="s">
        <v>33820</v>
      </c>
      <c r="F11632">
        <v>4</v>
      </c>
      <c r="G11632" t="s">
        <v>762</v>
      </c>
      <c r="H11632" t="s">
        <v>24638</v>
      </c>
      <c r="I11632" t="s">
        <v>30540</v>
      </c>
    </row>
    <row r="11633" spans="1:9">
      <c r="A11633" s="1">
        <f ca="1">RAND()</f>
        <v>0.27425807572664185</v>
      </c>
      <c r="B11633" s="1"/>
      <c r="C11633">
        <v>12</v>
      </c>
      <c r="D11633" t="s">
        <v>24635</v>
      </c>
      <c r="E11633" t="s">
        <v>33820</v>
      </c>
      <c r="F11633">
        <v>4</v>
      </c>
      <c r="G11633" t="s">
        <v>14</v>
      </c>
      <c r="H11633" t="s">
        <v>24636</v>
      </c>
      <c r="I11633" t="s">
        <v>30540</v>
      </c>
    </row>
    <row r="11634" spans="1:9">
      <c r="A11634" s="1">
        <f ca="1">RAND()</f>
        <v>0.28449476053333012</v>
      </c>
      <c r="B11634" s="1"/>
      <c r="C11634">
        <v>8</v>
      </c>
      <c r="D11634" t="s">
        <v>24631</v>
      </c>
      <c r="E11634" t="s">
        <v>33820</v>
      </c>
      <c r="F11634">
        <v>4</v>
      </c>
      <c r="G11634" t="s">
        <v>15</v>
      </c>
      <c r="H11634" t="s">
        <v>24632</v>
      </c>
      <c r="I11634" t="s">
        <v>30540</v>
      </c>
    </row>
    <row r="11635" spans="1:9">
      <c r="A11635" s="1">
        <f ca="1">RAND()</f>
        <v>0.86489448795846535</v>
      </c>
      <c r="B11635" s="1"/>
      <c r="C11635">
        <v>19</v>
      </c>
      <c r="D11635" t="s">
        <v>24643</v>
      </c>
      <c r="E11635" t="s">
        <v>33820</v>
      </c>
      <c r="F11635">
        <v>4</v>
      </c>
      <c r="G11635" t="s">
        <v>1426</v>
      </c>
      <c r="H11635" t="s">
        <v>24644</v>
      </c>
      <c r="I11635" t="s">
        <v>30540</v>
      </c>
    </row>
    <row r="11636" spans="1:9">
      <c r="A11636" s="1">
        <f ca="1">RAND()</f>
        <v>0.23756071404853096</v>
      </c>
      <c r="B11636" s="1"/>
      <c r="C11636">
        <v>9</v>
      </c>
      <c r="D11636" t="s">
        <v>24633</v>
      </c>
      <c r="E11636" t="s">
        <v>33820</v>
      </c>
      <c r="F11636">
        <v>4</v>
      </c>
      <c r="G11636" t="s">
        <v>14</v>
      </c>
      <c r="H11636" t="s">
        <v>24634</v>
      </c>
      <c r="I11636" t="s">
        <v>30540</v>
      </c>
    </row>
    <row r="11637" spans="1:9">
      <c r="A11637" s="1">
        <f ca="1">RAND()</f>
        <v>0.92689314523493294</v>
      </c>
      <c r="B11637" s="1"/>
      <c r="C11637">
        <v>16</v>
      </c>
      <c r="D11637" t="s">
        <v>24639</v>
      </c>
      <c r="E11637" t="s">
        <v>33820</v>
      </c>
      <c r="F11637">
        <v>4</v>
      </c>
      <c r="G11637" t="s">
        <v>771</v>
      </c>
      <c r="H11637" t="s">
        <v>24640</v>
      </c>
      <c r="I11637" t="s">
        <v>30540</v>
      </c>
    </row>
    <row r="11638" spans="1:9">
      <c r="A11638" s="1">
        <f ca="1">RAND()</f>
        <v>0.65553073782371474</v>
      </c>
      <c r="B11638" s="1"/>
      <c r="C11638">
        <v>17</v>
      </c>
      <c r="D11638" t="s">
        <v>24641</v>
      </c>
      <c r="E11638" t="s">
        <v>33820</v>
      </c>
      <c r="F11638">
        <v>4</v>
      </c>
      <c r="G11638" t="s">
        <v>14</v>
      </c>
      <c r="H11638" t="s">
        <v>24642</v>
      </c>
      <c r="I11638" t="s">
        <v>30540</v>
      </c>
    </row>
    <row r="11639" spans="1:9">
      <c r="A11639" s="1">
        <f ca="1">RAND()</f>
        <v>0.28921951746094465</v>
      </c>
      <c r="B11639" s="1"/>
      <c r="C11639">
        <v>6</v>
      </c>
      <c r="D11639" t="s">
        <v>24621</v>
      </c>
      <c r="E11639" t="s">
        <v>33821</v>
      </c>
      <c r="F11639">
        <v>5</v>
      </c>
      <c r="G11639" t="s">
        <v>14</v>
      </c>
      <c r="H11639" t="s">
        <v>24622</v>
      </c>
      <c r="I11639" t="s">
        <v>30540</v>
      </c>
    </row>
    <row r="11640" spans="1:9">
      <c r="A11640" s="1">
        <f ca="1">RAND()</f>
        <v>0.49152496491029241</v>
      </c>
      <c r="B11640" s="1"/>
      <c r="C11640">
        <v>12</v>
      </c>
      <c r="D11640" t="s">
        <v>24627</v>
      </c>
      <c r="E11640" t="s">
        <v>33821</v>
      </c>
      <c r="F11640">
        <v>5</v>
      </c>
      <c r="G11640" t="s">
        <v>14</v>
      </c>
      <c r="H11640" t="s">
        <v>24628</v>
      </c>
      <c r="I11640" t="s">
        <v>30540</v>
      </c>
    </row>
    <row r="11641" spans="1:9">
      <c r="A11641" s="1">
        <f ca="1">RAND()</f>
        <v>0.29539030359294427</v>
      </c>
      <c r="B11641" s="1"/>
      <c r="C11641">
        <v>11</v>
      </c>
      <c r="D11641" t="s">
        <v>24625</v>
      </c>
      <c r="E11641" t="s">
        <v>33821</v>
      </c>
      <c r="F11641">
        <v>4</v>
      </c>
      <c r="G11641" t="s">
        <v>14</v>
      </c>
      <c r="H11641" t="s">
        <v>24626</v>
      </c>
      <c r="I11641" t="s">
        <v>30540</v>
      </c>
    </row>
    <row r="11642" spans="1:9">
      <c r="A11642" s="1">
        <f ca="1">RAND()</f>
        <v>0.58175922807794445</v>
      </c>
      <c r="B11642" s="1"/>
      <c r="C11642">
        <v>13</v>
      </c>
      <c r="D11642" t="s">
        <v>24629</v>
      </c>
      <c r="E11642" t="s">
        <v>33821</v>
      </c>
      <c r="F11642">
        <v>3</v>
      </c>
      <c r="G11642" t="s">
        <v>14</v>
      </c>
      <c r="H11642" t="s">
        <v>24630</v>
      </c>
      <c r="I11642" t="s">
        <v>30540</v>
      </c>
    </row>
    <row r="11643" spans="1:9">
      <c r="A11643" s="1">
        <f ca="1">RAND()</f>
        <v>0.20665084872570783</v>
      </c>
      <c r="B11643" s="1"/>
      <c r="C11643">
        <v>10</v>
      </c>
      <c r="D11643" t="s">
        <v>24623</v>
      </c>
      <c r="E11643" t="s">
        <v>33821</v>
      </c>
      <c r="F11643">
        <v>3</v>
      </c>
      <c r="G11643" t="s">
        <v>1</v>
      </c>
      <c r="H11643" t="s">
        <v>24624</v>
      </c>
      <c r="I11643" t="s">
        <v>30540</v>
      </c>
    </row>
    <row r="11644" spans="1:9">
      <c r="A11644" s="1">
        <f ca="1">RAND()</f>
        <v>0.82241230333285098</v>
      </c>
      <c r="B11644" s="1"/>
      <c r="C11644">
        <v>6</v>
      </c>
      <c r="D11644" t="s">
        <v>24617</v>
      </c>
      <c r="E11644" t="s">
        <v>33822</v>
      </c>
      <c r="F11644">
        <v>5</v>
      </c>
      <c r="G11644" t="s">
        <v>15</v>
      </c>
      <c r="H11644" t="s">
        <v>24618</v>
      </c>
      <c r="I11644" t="s">
        <v>30540</v>
      </c>
    </row>
    <row r="11645" spans="1:9">
      <c r="A11645" s="1">
        <f ca="1">RAND()</f>
        <v>0.81750354913253764</v>
      </c>
      <c r="B11645" s="1"/>
      <c r="C11645">
        <v>13</v>
      </c>
      <c r="D11645" t="s">
        <v>24619</v>
      </c>
      <c r="E11645" t="s">
        <v>33822</v>
      </c>
      <c r="F11645">
        <v>2</v>
      </c>
      <c r="G11645" t="s">
        <v>14</v>
      </c>
      <c r="H11645" t="s">
        <v>24620</v>
      </c>
      <c r="I11645" t="s">
        <v>30540</v>
      </c>
    </row>
    <row r="11646" spans="1:9">
      <c r="A11646" s="1">
        <f ca="1">RAND()</f>
        <v>0.88375556619314621</v>
      </c>
      <c r="B11646" s="1"/>
      <c r="C11646">
        <v>2</v>
      </c>
      <c r="D11646" t="s">
        <v>24615</v>
      </c>
      <c r="E11646" t="s">
        <v>33822</v>
      </c>
      <c r="F11646">
        <v>2</v>
      </c>
      <c r="G11646" t="s">
        <v>14</v>
      </c>
      <c r="H11646" t="s">
        <v>24616</v>
      </c>
      <c r="I11646" t="s">
        <v>30540</v>
      </c>
    </row>
    <row r="11647" spans="1:9">
      <c r="A11647" s="1">
        <f ca="1">RAND()</f>
        <v>0.64088462212099506</v>
      </c>
      <c r="B11647" s="1"/>
      <c r="C11647">
        <v>6</v>
      </c>
      <c r="D11647" t="s">
        <v>24605</v>
      </c>
      <c r="E11647" t="s">
        <v>33823</v>
      </c>
      <c r="F11647">
        <v>5</v>
      </c>
      <c r="G11647" t="s">
        <v>14</v>
      </c>
      <c r="H11647" t="s">
        <v>24606</v>
      </c>
      <c r="I11647" t="s">
        <v>30540</v>
      </c>
    </row>
    <row r="11648" spans="1:9">
      <c r="A11648" s="1">
        <f ca="1">RAND()</f>
        <v>0.71036348120780457</v>
      </c>
      <c r="B11648" s="1"/>
      <c r="C11648">
        <v>10</v>
      </c>
      <c r="D11648" t="s">
        <v>24607</v>
      </c>
      <c r="E11648" t="s">
        <v>33823</v>
      </c>
      <c r="F11648">
        <v>4</v>
      </c>
      <c r="G11648" t="s">
        <v>14</v>
      </c>
      <c r="H11648" t="s">
        <v>24608</v>
      </c>
      <c r="I11648" t="s">
        <v>30540</v>
      </c>
    </row>
    <row r="11649" spans="1:9">
      <c r="A11649" s="1">
        <f ca="1">RAND()</f>
        <v>0.36532717167940987</v>
      </c>
      <c r="B11649" s="1"/>
      <c r="C11649">
        <v>11</v>
      </c>
      <c r="D11649" t="s">
        <v>24609</v>
      </c>
      <c r="E11649" t="s">
        <v>33823</v>
      </c>
      <c r="F11649">
        <v>4</v>
      </c>
      <c r="G11649" t="s">
        <v>14</v>
      </c>
      <c r="H11649" t="s">
        <v>24610</v>
      </c>
      <c r="I11649" t="s">
        <v>30540</v>
      </c>
    </row>
    <row r="11650" spans="1:9">
      <c r="A11650" s="1">
        <f ca="1">RAND()</f>
        <v>0.93081038170265029</v>
      </c>
      <c r="B11650" s="1"/>
      <c r="C11650">
        <v>16</v>
      </c>
      <c r="D11650" t="s">
        <v>24613</v>
      </c>
      <c r="E11650" t="s">
        <v>33823</v>
      </c>
      <c r="F11650">
        <v>4</v>
      </c>
      <c r="G11650" t="s">
        <v>14</v>
      </c>
      <c r="H11650" t="s">
        <v>24614</v>
      </c>
      <c r="I11650" t="s">
        <v>30540</v>
      </c>
    </row>
    <row r="11651" spans="1:9">
      <c r="A11651" s="1">
        <f ca="1">RAND()</f>
        <v>0.27226613154302937</v>
      </c>
      <c r="B11651" s="1"/>
      <c r="C11651">
        <v>12</v>
      </c>
      <c r="D11651" t="s">
        <v>24611</v>
      </c>
      <c r="E11651" t="s">
        <v>33823</v>
      </c>
      <c r="F11651">
        <v>2</v>
      </c>
      <c r="G11651" t="s">
        <v>13</v>
      </c>
      <c r="H11651" t="s">
        <v>24612</v>
      </c>
      <c r="I11651" t="s">
        <v>30540</v>
      </c>
    </row>
    <row r="11652" spans="1:9">
      <c r="A11652" s="1">
        <f ca="1">RAND()</f>
        <v>0.95180622806260129</v>
      </c>
      <c r="B11652" s="1"/>
      <c r="C11652">
        <v>13</v>
      </c>
      <c r="D11652" t="s">
        <v>24601</v>
      </c>
      <c r="E11652" t="s">
        <v>33824</v>
      </c>
      <c r="F11652">
        <v>5</v>
      </c>
      <c r="G11652" t="s">
        <v>14</v>
      </c>
      <c r="H11652" t="s">
        <v>24602</v>
      </c>
      <c r="I11652" t="s">
        <v>30540</v>
      </c>
    </row>
    <row r="11653" spans="1:9">
      <c r="A11653" s="1">
        <f ca="1">RAND()</f>
        <v>0.19735547093887817</v>
      </c>
      <c r="B11653" s="1"/>
      <c r="C11653">
        <v>2</v>
      </c>
      <c r="D11653" t="s">
        <v>24595</v>
      </c>
      <c r="E11653" t="s">
        <v>33824</v>
      </c>
      <c r="F11653">
        <v>5</v>
      </c>
      <c r="G11653" t="s">
        <v>2</v>
      </c>
      <c r="H11653" t="s">
        <v>24596</v>
      </c>
      <c r="I11653" t="s">
        <v>30540</v>
      </c>
    </row>
    <row r="11654" spans="1:9">
      <c r="A11654" s="1">
        <f ca="1">RAND()</f>
        <v>0.59053417791172425</v>
      </c>
      <c r="B11654" s="1"/>
      <c r="C11654">
        <v>15</v>
      </c>
      <c r="D11654" t="s">
        <v>24603</v>
      </c>
      <c r="E11654" t="s">
        <v>33824</v>
      </c>
      <c r="F11654">
        <v>4</v>
      </c>
      <c r="G11654" t="s">
        <v>14</v>
      </c>
      <c r="H11654" t="s">
        <v>24604</v>
      </c>
      <c r="I11654" t="s">
        <v>30540</v>
      </c>
    </row>
    <row r="11655" spans="1:9">
      <c r="A11655" s="1">
        <f ca="1">RAND()</f>
        <v>0.25680286644004835</v>
      </c>
      <c r="B11655" s="1"/>
      <c r="C11655">
        <v>9</v>
      </c>
      <c r="D11655" t="s">
        <v>24597</v>
      </c>
      <c r="E11655" t="s">
        <v>33824</v>
      </c>
      <c r="F11655">
        <v>2</v>
      </c>
      <c r="G11655" t="s">
        <v>14</v>
      </c>
      <c r="H11655" t="s">
        <v>24598</v>
      </c>
      <c r="I11655" t="s">
        <v>30540</v>
      </c>
    </row>
    <row r="11656" spans="1:9">
      <c r="A11656" s="1">
        <f ca="1">RAND()</f>
        <v>0.6331899256153628</v>
      </c>
      <c r="B11656" s="1"/>
      <c r="C11656">
        <v>12</v>
      </c>
      <c r="D11656" t="s">
        <v>24599</v>
      </c>
      <c r="E11656" t="s">
        <v>33824</v>
      </c>
      <c r="F11656">
        <v>1</v>
      </c>
      <c r="G11656" t="s">
        <v>13</v>
      </c>
      <c r="H11656" t="s">
        <v>24600</v>
      </c>
      <c r="I11656" t="s">
        <v>30540</v>
      </c>
    </row>
    <row r="11657" spans="1:9">
      <c r="A11657" s="1">
        <f ca="1">RAND()</f>
        <v>0.53099223511148363</v>
      </c>
      <c r="B11657" s="1"/>
      <c r="C11657">
        <v>20</v>
      </c>
      <c r="D11657" t="s">
        <v>24593</v>
      </c>
      <c r="E11657" t="s">
        <v>33825</v>
      </c>
      <c r="F11657">
        <v>5</v>
      </c>
      <c r="G11657" t="s">
        <v>2738</v>
      </c>
      <c r="H11657" t="s">
        <v>24594</v>
      </c>
      <c r="I11657" t="s">
        <v>30540</v>
      </c>
    </row>
    <row r="11658" spans="1:9">
      <c r="A11658" s="1">
        <f ca="1">RAND()</f>
        <v>3.8009477459656216E-3</v>
      </c>
      <c r="B11658" s="1"/>
      <c r="C11658">
        <v>1</v>
      </c>
      <c r="D11658" t="s">
        <v>24589</v>
      </c>
      <c r="E11658" t="s">
        <v>33825</v>
      </c>
      <c r="F11658">
        <v>5</v>
      </c>
      <c r="G11658" t="s">
        <v>9</v>
      </c>
      <c r="H11658" t="s">
        <v>24590</v>
      </c>
      <c r="I11658" t="s">
        <v>30540</v>
      </c>
    </row>
    <row r="11659" spans="1:9">
      <c r="A11659" s="1">
        <f ca="1">RAND()</f>
        <v>0.71142482905502347</v>
      </c>
      <c r="B11659" s="1"/>
      <c r="C11659">
        <v>10</v>
      </c>
      <c r="D11659" t="s">
        <v>24591</v>
      </c>
      <c r="E11659" t="s">
        <v>33825</v>
      </c>
      <c r="F11659">
        <v>4</v>
      </c>
      <c r="G11659" t="s">
        <v>1431</v>
      </c>
      <c r="H11659" t="s">
        <v>24592</v>
      </c>
      <c r="I11659" t="s">
        <v>30540</v>
      </c>
    </row>
    <row r="11660" spans="1:9">
      <c r="A11660" s="1">
        <f ca="1">RAND()</f>
        <v>0.12258948143413761</v>
      </c>
      <c r="B11660" s="1"/>
      <c r="C11660">
        <v>4</v>
      </c>
      <c r="D11660" t="s">
        <v>24581</v>
      </c>
      <c r="E11660" t="s">
        <v>33826</v>
      </c>
      <c r="F11660">
        <v>5</v>
      </c>
      <c r="G11660" t="s">
        <v>14</v>
      </c>
      <c r="H11660" t="s">
        <v>24582</v>
      </c>
      <c r="I11660" t="s">
        <v>30540</v>
      </c>
    </row>
    <row r="11661" spans="1:9">
      <c r="A11661" s="1">
        <f ca="1">RAND()</f>
        <v>0.31573678180834985</v>
      </c>
      <c r="B11661" s="1"/>
      <c r="C11661">
        <v>13</v>
      </c>
      <c r="D11661" t="s">
        <v>24585</v>
      </c>
      <c r="E11661" t="s">
        <v>33826</v>
      </c>
      <c r="F11661">
        <v>4</v>
      </c>
      <c r="G11661" t="s">
        <v>14</v>
      </c>
      <c r="H11661" t="s">
        <v>24586</v>
      </c>
      <c r="I11661" t="s">
        <v>30540</v>
      </c>
    </row>
    <row r="11662" spans="1:9">
      <c r="A11662" s="1">
        <f ca="1">RAND()</f>
        <v>0.90268801277188304</v>
      </c>
      <c r="B11662" s="1"/>
      <c r="C11662">
        <v>8</v>
      </c>
      <c r="D11662" t="s">
        <v>24583</v>
      </c>
      <c r="E11662" t="s">
        <v>33826</v>
      </c>
      <c r="F11662">
        <v>4</v>
      </c>
      <c r="G11662" t="s">
        <v>14</v>
      </c>
      <c r="H11662" t="s">
        <v>24584</v>
      </c>
      <c r="I11662" t="s">
        <v>30540</v>
      </c>
    </row>
    <row r="11663" spans="1:9">
      <c r="A11663" s="1">
        <f ca="1">RAND()</f>
        <v>0.15395411840457163</v>
      </c>
      <c r="B11663" s="1"/>
      <c r="C11663">
        <v>16</v>
      </c>
      <c r="D11663" t="s">
        <v>24587</v>
      </c>
      <c r="E11663" t="s">
        <v>33826</v>
      </c>
      <c r="F11663">
        <v>3</v>
      </c>
      <c r="G11663" t="s">
        <v>14</v>
      </c>
      <c r="H11663" t="s">
        <v>24588</v>
      </c>
      <c r="I11663" t="s">
        <v>30540</v>
      </c>
    </row>
    <row r="11664" spans="1:9">
      <c r="A11664" s="1">
        <f ca="1">RAND()</f>
        <v>8.6855466994125718E-3</v>
      </c>
      <c r="B11664" s="1"/>
      <c r="C11664">
        <v>6</v>
      </c>
      <c r="D11664" t="s">
        <v>24573</v>
      </c>
      <c r="E11664" t="s">
        <v>33827</v>
      </c>
      <c r="F11664">
        <v>4</v>
      </c>
      <c r="G11664" t="s">
        <v>9</v>
      </c>
      <c r="H11664" t="s">
        <v>24574</v>
      </c>
      <c r="I11664" t="s">
        <v>30540</v>
      </c>
    </row>
    <row r="11665" spans="1:9">
      <c r="A11665" s="1">
        <f ca="1">RAND()</f>
        <v>0.71571845160286551</v>
      </c>
      <c r="B11665" s="1"/>
      <c r="C11665">
        <v>13</v>
      </c>
      <c r="D11665" t="s">
        <v>24577</v>
      </c>
      <c r="E11665" t="s">
        <v>33827</v>
      </c>
      <c r="F11665">
        <v>4</v>
      </c>
      <c r="G11665" t="s">
        <v>9</v>
      </c>
      <c r="H11665" t="s">
        <v>24578</v>
      </c>
      <c r="I11665" t="s">
        <v>30540</v>
      </c>
    </row>
    <row r="11666" spans="1:9">
      <c r="A11666" s="1">
        <f ca="1">RAND()</f>
        <v>0.10104787856643505</v>
      </c>
      <c r="B11666" s="1"/>
      <c r="C11666">
        <v>16</v>
      </c>
      <c r="D11666" t="s">
        <v>24579</v>
      </c>
      <c r="E11666" t="s">
        <v>33827</v>
      </c>
      <c r="F11666">
        <v>3</v>
      </c>
      <c r="G11666" t="s">
        <v>9</v>
      </c>
      <c r="H11666" t="s">
        <v>24580</v>
      </c>
      <c r="I11666" t="s">
        <v>30540</v>
      </c>
    </row>
    <row r="11667" spans="1:9">
      <c r="A11667" s="1">
        <f ca="1">RAND()</f>
        <v>6.8391326801614416E-2</v>
      </c>
      <c r="B11667" s="1"/>
      <c r="C11667">
        <v>7</v>
      </c>
      <c r="D11667" t="s">
        <v>24575</v>
      </c>
      <c r="E11667" t="s">
        <v>33827</v>
      </c>
      <c r="F11667">
        <v>3</v>
      </c>
      <c r="G11667" t="s">
        <v>9</v>
      </c>
      <c r="H11667" t="s">
        <v>24576</v>
      </c>
      <c r="I11667" t="s">
        <v>30540</v>
      </c>
    </row>
    <row r="11668" spans="1:9">
      <c r="A11668" s="1">
        <f ca="1">RAND()</f>
        <v>0.15293017914116103</v>
      </c>
      <c r="B11668" s="1"/>
      <c r="C11668">
        <v>8</v>
      </c>
      <c r="D11668" t="s">
        <v>24563</v>
      </c>
      <c r="E11668" t="s">
        <v>33828</v>
      </c>
      <c r="F11668">
        <v>5</v>
      </c>
      <c r="G11668" t="s">
        <v>13</v>
      </c>
      <c r="H11668" t="s">
        <v>24564</v>
      </c>
      <c r="I11668" t="s">
        <v>30540</v>
      </c>
    </row>
    <row r="11669" spans="1:9">
      <c r="A11669" s="1">
        <f ca="1">RAND()</f>
        <v>0.73971833164400114</v>
      </c>
      <c r="B11669" s="1"/>
      <c r="C11669">
        <v>13</v>
      </c>
      <c r="D11669" t="s">
        <v>24571</v>
      </c>
      <c r="E11669" t="s">
        <v>33828</v>
      </c>
      <c r="F11669">
        <v>5</v>
      </c>
      <c r="G11669" t="s">
        <v>9</v>
      </c>
      <c r="H11669" t="s">
        <v>24572</v>
      </c>
      <c r="I11669" t="s">
        <v>30540</v>
      </c>
    </row>
    <row r="11670" spans="1:9">
      <c r="A11670" s="1">
        <f ca="1">RAND()</f>
        <v>0.87925843051744601</v>
      </c>
      <c r="B11670" s="1"/>
      <c r="C11670">
        <v>11</v>
      </c>
      <c r="D11670" t="s">
        <v>24569</v>
      </c>
      <c r="E11670" t="s">
        <v>33828</v>
      </c>
      <c r="F11670">
        <v>5</v>
      </c>
      <c r="G11670" t="s">
        <v>9</v>
      </c>
      <c r="H11670" t="s">
        <v>24570</v>
      </c>
      <c r="I11670" t="s">
        <v>30540</v>
      </c>
    </row>
    <row r="11671" spans="1:9">
      <c r="A11671" s="1">
        <f ca="1">RAND()</f>
        <v>9.4011458829819539E-2</v>
      </c>
      <c r="B11671" s="1"/>
      <c r="C11671">
        <v>9</v>
      </c>
      <c r="D11671" t="s">
        <v>24565</v>
      </c>
      <c r="E11671" t="s">
        <v>33828</v>
      </c>
      <c r="F11671">
        <v>4</v>
      </c>
      <c r="G11671" t="s">
        <v>9</v>
      </c>
      <c r="H11671" t="s">
        <v>24566</v>
      </c>
      <c r="I11671" t="s">
        <v>30540</v>
      </c>
    </row>
    <row r="11672" spans="1:9">
      <c r="A11672" s="1">
        <f ca="1">RAND()</f>
        <v>0.72325247962405381</v>
      </c>
      <c r="B11672" s="1"/>
      <c r="C11672">
        <v>10</v>
      </c>
      <c r="D11672" t="s">
        <v>24567</v>
      </c>
      <c r="E11672" t="s">
        <v>33828</v>
      </c>
      <c r="F11672">
        <v>4</v>
      </c>
      <c r="G11672" t="s">
        <v>9</v>
      </c>
      <c r="H11672" t="s">
        <v>24568</v>
      </c>
      <c r="I11672" t="s">
        <v>30540</v>
      </c>
    </row>
    <row r="11673" spans="1:9">
      <c r="A11673" s="1">
        <f ca="1">RAND()</f>
        <v>0.96490847898863108</v>
      </c>
      <c r="B11673" s="1"/>
      <c r="C11673">
        <v>6</v>
      </c>
      <c r="D11673" t="s">
        <v>24561</v>
      </c>
      <c r="E11673" t="s">
        <v>33828</v>
      </c>
      <c r="F11673">
        <v>3</v>
      </c>
      <c r="G11673" t="s">
        <v>9</v>
      </c>
      <c r="H11673" t="s">
        <v>24562</v>
      </c>
      <c r="I11673" t="s">
        <v>30540</v>
      </c>
    </row>
    <row r="11674" spans="1:9">
      <c r="A11674" s="1">
        <f ca="1">RAND()</f>
        <v>0.61012761509606406</v>
      </c>
      <c r="B11674" s="1"/>
      <c r="C11674">
        <v>5</v>
      </c>
      <c r="D11674" t="s">
        <v>24559</v>
      </c>
      <c r="E11674" t="s">
        <v>33829</v>
      </c>
      <c r="F11674">
        <v>2</v>
      </c>
      <c r="G11674" t="s">
        <v>9</v>
      </c>
      <c r="H11674" t="s">
        <v>24560</v>
      </c>
      <c r="I11674" t="s">
        <v>30540</v>
      </c>
    </row>
    <row r="11675" spans="1:9">
      <c r="A11675" s="1">
        <f ca="1">RAND()</f>
        <v>0.2678120998579625</v>
      </c>
      <c r="B11675" s="1"/>
      <c r="C11675">
        <v>20</v>
      </c>
      <c r="D11675" t="s">
        <v>24557</v>
      </c>
      <c r="E11675" t="s">
        <v>33830</v>
      </c>
      <c r="F11675">
        <v>5</v>
      </c>
      <c r="G11675" t="s">
        <v>2738</v>
      </c>
      <c r="H11675" t="s">
        <v>24558</v>
      </c>
      <c r="I11675" t="s">
        <v>30540</v>
      </c>
    </row>
    <row r="11676" spans="1:9">
      <c r="A11676" s="1">
        <f ca="1">RAND()</f>
        <v>0.10258099179463731</v>
      </c>
      <c r="B11676" s="1"/>
      <c r="C11676">
        <v>16</v>
      </c>
      <c r="D11676" t="s">
        <v>24555</v>
      </c>
      <c r="E11676" t="s">
        <v>33830</v>
      </c>
      <c r="F11676">
        <v>4</v>
      </c>
      <c r="G11676" t="s">
        <v>15</v>
      </c>
      <c r="H11676" t="s">
        <v>24556</v>
      </c>
      <c r="I11676" t="s">
        <v>30540</v>
      </c>
    </row>
    <row r="11677" spans="1:9">
      <c r="A11677" s="1">
        <f ca="1">RAND()</f>
        <v>0.81412784006221184</v>
      </c>
      <c r="B11677" s="1"/>
      <c r="C11677">
        <v>12</v>
      </c>
      <c r="D11677" t="s">
        <v>24551</v>
      </c>
      <c r="E11677" t="s">
        <v>33830</v>
      </c>
      <c r="F11677">
        <v>4</v>
      </c>
      <c r="G11677" t="s">
        <v>3107</v>
      </c>
      <c r="H11677" t="s">
        <v>24552</v>
      </c>
      <c r="I11677" t="s">
        <v>30540</v>
      </c>
    </row>
    <row r="11678" spans="1:9">
      <c r="A11678" s="1">
        <f ca="1">RAND()</f>
        <v>2.4915287857067869E-2</v>
      </c>
      <c r="B11678" s="1"/>
      <c r="C11678">
        <v>15</v>
      </c>
      <c r="D11678" t="s">
        <v>24553</v>
      </c>
      <c r="E11678" t="s">
        <v>33830</v>
      </c>
      <c r="F11678">
        <v>3</v>
      </c>
      <c r="G11678" t="s">
        <v>9</v>
      </c>
      <c r="H11678" t="s">
        <v>24554</v>
      </c>
      <c r="I11678" t="s">
        <v>30540</v>
      </c>
    </row>
    <row r="11679" spans="1:9">
      <c r="A11679" s="1">
        <f ca="1">RAND()</f>
        <v>0.33560218581637469</v>
      </c>
      <c r="B11679" s="1"/>
      <c r="C11679">
        <v>10</v>
      </c>
      <c r="D11679" t="s">
        <v>24547</v>
      </c>
      <c r="E11679" t="s">
        <v>33831</v>
      </c>
      <c r="F11679">
        <v>4</v>
      </c>
      <c r="G11679" t="s">
        <v>9</v>
      </c>
      <c r="H11679" t="s">
        <v>24548</v>
      </c>
      <c r="I11679" t="s">
        <v>30540</v>
      </c>
    </row>
    <row r="11680" spans="1:9">
      <c r="A11680" s="1">
        <f ca="1">RAND()</f>
        <v>0.45944729006668006</v>
      </c>
      <c r="B11680" s="1"/>
      <c r="C11680">
        <v>7</v>
      </c>
      <c r="D11680" t="s">
        <v>24545</v>
      </c>
      <c r="E11680" t="s">
        <v>33831</v>
      </c>
      <c r="F11680">
        <v>4</v>
      </c>
      <c r="G11680" t="s">
        <v>9</v>
      </c>
      <c r="H11680" t="s">
        <v>24546</v>
      </c>
      <c r="I11680" t="s">
        <v>30540</v>
      </c>
    </row>
    <row r="11681" spans="1:9">
      <c r="A11681" s="1">
        <f ca="1">RAND()</f>
        <v>0.56279451378486467</v>
      </c>
      <c r="B11681" s="1"/>
      <c r="C11681">
        <v>12</v>
      </c>
      <c r="D11681" t="s">
        <v>24549</v>
      </c>
      <c r="E11681" t="s">
        <v>33831</v>
      </c>
      <c r="F11681">
        <v>1</v>
      </c>
      <c r="G11681" t="s">
        <v>9</v>
      </c>
      <c r="H11681" t="s">
        <v>24550</v>
      </c>
      <c r="I11681" t="s">
        <v>30540</v>
      </c>
    </row>
    <row r="11682" spans="1:9">
      <c r="A11682" s="1">
        <f ca="1">RAND()</f>
        <v>0.95389644987505995</v>
      </c>
      <c r="B11682" s="1"/>
      <c r="C11682">
        <v>5</v>
      </c>
      <c r="D11682" t="s">
        <v>24541</v>
      </c>
      <c r="E11682" t="s">
        <v>33832</v>
      </c>
      <c r="F11682">
        <v>5</v>
      </c>
      <c r="G11682" t="s">
        <v>9</v>
      </c>
      <c r="H11682" t="s">
        <v>24542</v>
      </c>
      <c r="I11682" t="s">
        <v>30540</v>
      </c>
    </row>
    <row r="11683" spans="1:9">
      <c r="A11683" s="1">
        <f ca="1">RAND()</f>
        <v>0.36822236764230964</v>
      </c>
      <c r="B11683" s="1"/>
      <c r="C11683">
        <v>14</v>
      </c>
      <c r="D11683" t="s">
        <v>24543</v>
      </c>
      <c r="E11683" t="s">
        <v>33832</v>
      </c>
      <c r="F11683">
        <v>5</v>
      </c>
      <c r="G11683" t="s">
        <v>9</v>
      </c>
      <c r="H11683" t="s">
        <v>24544</v>
      </c>
      <c r="I11683" t="s">
        <v>30540</v>
      </c>
    </row>
    <row r="11684" spans="1:9">
      <c r="A11684" s="1">
        <f ca="1">RAND()</f>
        <v>0.9525975799797457</v>
      </c>
      <c r="B11684" s="1"/>
      <c r="C11684">
        <v>11</v>
      </c>
      <c r="D11684" t="s">
        <v>24539</v>
      </c>
      <c r="E11684" t="s">
        <v>33833</v>
      </c>
      <c r="F11684">
        <v>4</v>
      </c>
      <c r="G11684" t="s">
        <v>9</v>
      </c>
      <c r="H11684" t="s">
        <v>24540</v>
      </c>
      <c r="I11684" t="s">
        <v>30540</v>
      </c>
    </row>
    <row r="11685" spans="1:9">
      <c r="A11685" s="1">
        <f ca="1">RAND()</f>
        <v>0.46519034757594935</v>
      </c>
      <c r="B11685" s="1"/>
      <c r="C11685">
        <v>8</v>
      </c>
      <c r="D11685" t="s">
        <v>24537</v>
      </c>
      <c r="E11685" t="s">
        <v>33833</v>
      </c>
      <c r="F11685">
        <v>4</v>
      </c>
      <c r="G11685" t="s">
        <v>9</v>
      </c>
      <c r="H11685" t="s">
        <v>24538</v>
      </c>
      <c r="I11685" t="s">
        <v>30540</v>
      </c>
    </row>
    <row r="11686" spans="1:9">
      <c r="A11686" s="1">
        <f ca="1">RAND()</f>
        <v>0.69400089833788248</v>
      </c>
      <c r="B11686" s="1"/>
      <c r="C11686">
        <v>13</v>
      </c>
      <c r="D11686" t="s">
        <v>24531</v>
      </c>
      <c r="E11686" t="s">
        <v>33834</v>
      </c>
      <c r="F11686">
        <v>5</v>
      </c>
      <c r="G11686" t="s">
        <v>9</v>
      </c>
      <c r="H11686" t="s">
        <v>24532</v>
      </c>
      <c r="I11686" t="s">
        <v>30540</v>
      </c>
    </row>
    <row r="11687" spans="1:9">
      <c r="A11687" s="1">
        <f ca="1">RAND()</f>
        <v>0.38027884236821285</v>
      </c>
      <c r="B11687" s="1"/>
      <c r="C11687">
        <v>15</v>
      </c>
      <c r="D11687" t="s">
        <v>24535</v>
      </c>
      <c r="E11687" t="s">
        <v>33834</v>
      </c>
      <c r="F11687">
        <v>5</v>
      </c>
      <c r="G11687" t="s">
        <v>9</v>
      </c>
      <c r="H11687" t="s">
        <v>24536</v>
      </c>
      <c r="I11687" t="s">
        <v>30540</v>
      </c>
    </row>
    <row r="11688" spans="1:9">
      <c r="A11688" s="1">
        <f ca="1">RAND()</f>
        <v>1.7046065568122271E-2</v>
      </c>
      <c r="B11688" s="1"/>
      <c r="C11688">
        <v>14</v>
      </c>
      <c r="D11688" t="s">
        <v>24533</v>
      </c>
      <c r="E11688" t="s">
        <v>33834</v>
      </c>
      <c r="F11688">
        <v>4</v>
      </c>
      <c r="G11688" t="s">
        <v>9</v>
      </c>
      <c r="H11688" t="s">
        <v>24534</v>
      </c>
      <c r="I11688" t="s">
        <v>30540</v>
      </c>
    </row>
    <row r="11689" spans="1:9">
      <c r="A11689" s="1">
        <f ca="1">RAND()</f>
        <v>0.42544771829068262</v>
      </c>
      <c r="B11689" s="1"/>
      <c r="C11689">
        <v>10</v>
      </c>
      <c r="D11689" t="s">
        <v>24529</v>
      </c>
      <c r="E11689" t="s">
        <v>33834</v>
      </c>
      <c r="F11689">
        <v>4</v>
      </c>
      <c r="G11689" t="s">
        <v>9</v>
      </c>
      <c r="H11689" t="s">
        <v>24530</v>
      </c>
      <c r="I11689" t="s">
        <v>30540</v>
      </c>
    </row>
    <row r="11690" spans="1:9">
      <c r="A11690" s="1">
        <f ca="1">RAND()</f>
        <v>5.8905172961211005E-2</v>
      </c>
      <c r="B11690" s="1"/>
      <c r="C11690">
        <v>16</v>
      </c>
      <c r="D11690" t="s">
        <v>24527</v>
      </c>
      <c r="E11690" t="s">
        <v>33835</v>
      </c>
      <c r="F11690">
        <v>4</v>
      </c>
      <c r="G11690" t="s">
        <v>9</v>
      </c>
      <c r="H11690" t="s">
        <v>24528</v>
      </c>
      <c r="I11690" t="s">
        <v>30540</v>
      </c>
    </row>
    <row r="11691" spans="1:9">
      <c r="A11691" s="1">
        <f ca="1">RAND()</f>
        <v>0.42022825626359772</v>
      </c>
      <c r="B11691" s="1"/>
      <c r="C11691">
        <v>13</v>
      </c>
      <c r="D11691" t="s">
        <v>24525</v>
      </c>
      <c r="E11691" t="s">
        <v>33835</v>
      </c>
      <c r="F11691">
        <v>4</v>
      </c>
      <c r="G11691" t="s">
        <v>775</v>
      </c>
      <c r="H11691" t="s">
        <v>24526</v>
      </c>
      <c r="I11691" t="s">
        <v>30540</v>
      </c>
    </row>
    <row r="11692" spans="1:9">
      <c r="A11692" s="1">
        <f ca="1">RAND()</f>
        <v>0.35579262094121156</v>
      </c>
      <c r="B11692" s="1"/>
      <c r="C11692">
        <v>6</v>
      </c>
      <c r="D11692" t="s">
        <v>24523</v>
      </c>
      <c r="E11692" t="s">
        <v>33835</v>
      </c>
      <c r="F11692">
        <v>4</v>
      </c>
      <c r="G11692" t="s">
        <v>771</v>
      </c>
      <c r="H11692" t="s">
        <v>24524</v>
      </c>
      <c r="I11692" t="s">
        <v>30540</v>
      </c>
    </row>
    <row r="11693" spans="1:9">
      <c r="A11693" s="1">
        <f ca="1">RAND()</f>
        <v>0.42625598698309841</v>
      </c>
      <c r="B11693" s="1"/>
      <c r="C11693">
        <v>11</v>
      </c>
      <c r="D11693" t="s">
        <v>24515</v>
      </c>
      <c r="E11693" t="s">
        <v>33836</v>
      </c>
      <c r="F11693">
        <v>4</v>
      </c>
      <c r="G11693" t="s">
        <v>14</v>
      </c>
      <c r="H11693" t="s">
        <v>24516</v>
      </c>
      <c r="I11693" t="s">
        <v>30540</v>
      </c>
    </row>
    <row r="11694" spans="1:9">
      <c r="A11694" s="1">
        <f ca="1">RAND()</f>
        <v>7.2438448708146974E-2</v>
      </c>
      <c r="B11694" s="1"/>
      <c r="C11694">
        <v>14</v>
      </c>
      <c r="D11694" t="s">
        <v>24517</v>
      </c>
      <c r="E11694" t="s">
        <v>33836</v>
      </c>
      <c r="F11694">
        <v>4</v>
      </c>
      <c r="G11694" t="s">
        <v>14</v>
      </c>
      <c r="H11694" t="s">
        <v>24518</v>
      </c>
      <c r="I11694" t="s">
        <v>30540</v>
      </c>
    </row>
    <row r="11695" spans="1:9">
      <c r="A11695" s="1">
        <f ca="1">RAND()</f>
        <v>0.19383291726839891</v>
      </c>
      <c r="B11695" s="1"/>
      <c r="C11695">
        <v>7</v>
      </c>
      <c r="D11695" t="s">
        <v>24513</v>
      </c>
      <c r="E11695" t="s">
        <v>33836</v>
      </c>
      <c r="F11695">
        <v>4</v>
      </c>
      <c r="G11695" t="s">
        <v>14</v>
      </c>
      <c r="H11695" t="s">
        <v>24514</v>
      </c>
      <c r="I11695" t="s">
        <v>30540</v>
      </c>
    </row>
    <row r="11696" spans="1:9">
      <c r="A11696" s="1">
        <f ca="1">RAND()</f>
        <v>0.30525209390570762</v>
      </c>
      <c r="B11696" s="1"/>
      <c r="C11696">
        <v>18</v>
      </c>
      <c r="D11696" t="s">
        <v>24521</v>
      </c>
      <c r="E11696" t="s">
        <v>33836</v>
      </c>
      <c r="F11696">
        <v>4</v>
      </c>
      <c r="G11696" t="s">
        <v>14</v>
      </c>
      <c r="H11696" t="s">
        <v>24522</v>
      </c>
      <c r="I11696" t="s">
        <v>30540</v>
      </c>
    </row>
    <row r="11697" spans="1:9">
      <c r="A11697" s="1">
        <f ca="1">RAND()</f>
        <v>0.29891256820043444</v>
      </c>
      <c r="B11697" s="1"/>
      <c r="C11697">
        <v>15</v>
      </c>
      <c r="D11697" t="s">
        <v>24519</v>
      </c>
      <c r="E11697" t="s">
        <v>33836</v>
      </c>
      <c r="F11697">
        <v>2</v>
      </c>
      <c r="G11697" t="s">
        <v>14</v>
      </c>
      <c r="H11697" t="s">
        <v>24520</v>
      </c>
      <c r="I11697" t="s">
        <v>30540</v>
      </c>
    </row>
    <row r="11698" spans="1:9">
      <c r="A11698" s="1">
        <f ca="1">RAND()</f>
        <v>0.72720367286879861</v>
      </c>
      <c r="B11698" s="1"/>
      <c r="C11698">
        <v>8</v>
      </c>
      <c r="D11698" t="s">
        <v>24505</v>
      </c>
      <c r="E11698" t="s">
        <v>33837</v>
      </c>
      <c r="F11698">
        <v>5</v>
      </c>
      <c r="G11698" t="s">
        <v>14</v>
      </c>
      <c r="H11698" t="s">
        <v>24506</v>
      </c>
      <c r="I11698" t="s">
        <v>30540</v>
      </c>
    </row>
    <row r="11699" spans="1:9">
      <c r="A11699" s="1">
        <f ca="1">RAND()</f>
        <v>0.37742351095212467</v>
      </c>
      <c r="B11699" s="1"/>
      <c r="C11699">
        <v>17</v>
      </c>
      <c r="D11699" t="s">
        <v>24509</v>
      </c>
      <c r="E11699" t="s">
        <v>33837</v>
      </c>
      <c r="F11699">
        <v>4</v>
      </c>
      <c r="G11699" t="s">
        <v>14</v>
      </c>
      <c r="H11699" t="s">
        <v>24510</v>
      </c>
      <c r="I11699" t="s">
        <v>30540</v>
      </c>
    </row>
    <row r="11700" spans="1:9">
      <c r="A11700" s="1">
        <f ca="1">RAND()</f>
        <v>0.51132793059510107</v>
      </c>
      <c r="B11700" s="1"/>
      <c r="C11700">
        <v>6</v>
      </c>
      <c r="D11700" t="s">
        <v>24503</v>
      </c>
      <c r="E11700" t="s">
        <v>33837</v>
      </c>
      <c r="F11700">
        <v>4</v>
      </c>
      <c r="G11700" t="s">
        <v>9</v>
      </c>
      <c r="H11700" t="s">
        <v>24504</v>
      </c>
      <c r="I11700" t="s">
        <v>30540</v>
      </c>
    </row>
    <row r="11701" spans="1:9">
      <c r="A11701" s="1">
        <f ca="1">RAND()</f>
        <v>0.2042423041635828</v>
      </c>
      <c r="B11701" s="1"/>
      <c r="C11701">
        <v>4</v>
      </c>
      <c r="D11701" t="s">
        <v>24501</v>
      </c>
      <c r="E11701" t="s">
        <v>33837</v>
      </c>
      <c r="F11701">
        <v>4</v>
      </c>
      <c r="G11701" t="s">
        <v>9</v>
      </c>
      <c r="H11701" t="s">
        <v>24502</v>
      </c>
      <c r="I11701" t="s">
        <v>30540</v>
      </c>
    </row>
    <row r="11702" spans="1:9">
      <c r="A11702" s="1">
        <f ca="1">RAND()</f>
        <v>0.61866052506130609</v>
      </c>
      <c r="B11702" s="1"/>
      <c r="C11702">
        <v>15</v>
      </c>
      <c r="D11702" t="s">
        <v>24507</v>
      </c>
      <c r="E11702" t="s">
        <v>33837</v>
      </c>
      <c r="F11702">
        <v>4</v>
      </c>
      <c r="G11702" t="s">
        <v>14</v>
      </c>
      <c r="H11702" t="s">
        <v>24508</v>
      </c>
      <c r="I11702" t="s">
        <v>30540</v>
      </c>
    </row>
    <row r="11703" spans="1:9">
      <c r="A11703" s="1">
        <f ca="1">RAND()</f>
        <v>0.19140550599724049</v>
      </c>
      <c r="B11703" s="1"/>
      <c r="C11703">
        <v>18</v>
      </c>
      <c r="D11703" t="s">
        <v>24511</v>
      </c>
      <c r="E11703" t="s">
        <v>33837</v>
      </c>
      <c r="F11703">
        <v>3</v>
      </c>
      <c r="G11703" t="s">
        <v>14</v>
      </c>
      <c r="H11703" t="s">
        <v>24512</v>
      </c>
      <c r="I11703" t="s">
        <v>30540</v>
      </c>
    </row>
    <row r="11704" spans="1:9">
      <c r="A11704" s="1">
        <f ca="1">RAND()</f>
        <v>0.88109622530767062</v>
      </c>
      <c r="B11704" s="1"/>
      <c r="C11704">
        <v>3</v>
      </c>
      <c r="D11704" t="s">
        <v>24491</v>
      </c>
      <c r="E11704" t="s">
        <v>33838</v>
      </c>
      <c r="F11704">
        <v>5</v>
      </c>
      <c r="G11704" t="s">
        <v>14</v>
      </c>
      <c r="H11704" t="s">
        <v>24492</v>
      </c>
      <c r="I11704" t="s">
        <v>30540</v>
      </c>
    </row>
    <row r="11705" spans="1:9">
      <c r="A11705" s="1">
        <f ca="1">RAND()</f>
        <v>0.66028718685059118</v>
      </c>
      <c r="B11705" s="1"/>
      <c r="C11705">
        <v>10</v>
      </c>
      <c r="D11705" t="s">
        <v>24495</v>
      </c>
      <c r="E11705" t="s">
        <v>33838</v>
      </c>
      <c r="F11705">
        <v>5</v>
      </c>
      <c r="G11705" t="s">
        <v>14</v>
      </c>
      <c r="H11705" t="s">
        <v>24496</v>
      </c>
      <c r="I11705" t="s">
        <v>30540</v>
      </c>
    </row>
    <row r="11706" spans="1:9">
      <c r="A11706" s="1">
        <f ca="1">RAND()</f>
        <v>0.28455196323746745</v>
      </c>
      <c r="B11706" s="1"/>
      <c r="C11706">
        <v>12</v>
      </c>
      <c r="D11706" t="s">
        <v>24497</v>
      </c>
      <c r="E11706" t="s">
        <v>33838</v>
      </c>
      <c r="F11706">
        <v>4</v>
      </c>
      <c r="G11706" t="s">
        <v>14</v>
      </c>
      <c r="H11706" t="s">
        <v>24498</v>
      </c>
      <c r="I11706" t="s">
        <v>30540</v>
      </c>
    </row>
    <row r="11707" spans="1:9">
      <c r="A11707" s="1">
        <f ca="1">RAND()</f>
        <v>0.40889309661156803</v>
      </c>
      <c r="B11707" s="1"/>
      <c r="C11707">
        <v>2</v>
      </c>
      <c r="D11707" t="s">
        <v>24489</v>
      </c>
      <c r="E11707" t="s">
        <v>33838</v>
      </c>
      <c r="F11707">
        <v>4</v>
      </c>
      <c r="G11707" t="s">
        <v>14</v>
      </c>
      <c r="H11707" t="s">
        <v>24490</v>
      </c>
      <c r="I11707" t="s">
        <v>30540</v>
      </c>
    </row>
    <row r="11708" spans="1:9">
      <c r="A11708" s="1">
        <f ca="1">RAND()</f>
        <v>8.9614535997041722E-2</v>
      </c>
      <c r="B11708" s="1"/>
      <c r="C11708">
        <v>16</v>
      </c>
      <c r="D11708" t="s">
        <v>24499</v>
      </c>
      <c r="E11708" t="s">
        <v>33838</v>
      </c>
      <c r="F11708">
        <v>4</v>
      </c>
      <c r="G11708" t="s">
        <v>0</v>
      </c>
      <c r="H11708" t="s">
        <v>24500</v>
      </c>
      <c r="I11708" t="s">
        <v>30540</v>
      </c>
    </row>
    <row r="11709" spans="1:9">
      <c r="A11709" s="1">
        <f ca="1">RAND()</f>
        <v>0.26832312054851981</v>
      </c>
      <c r="B11709" s="1"/>
      <c r="C11709">
        <v>9</v>
      </c>
      <c r="D11709" t="s">
        <v>24493</v>
      </c>
      <c r="E11709" t="s">
        <v>33838</v>
      </c>
      <c r="F11709">
        <v>4</v>
      </c>
      <c r="G11709" t="s">
        <v>14</v>
      </c>
      <c r="H11709" t="s">
        <v>24494</v>
      </c>
      <c r="I11709" t="s">
        <v>30540</v>
      </c>
    </row>
    <row r="11710" spans="1:9">
      <c r="A11710" s="1">
        <f ca="1">RAND()</f>
        <v>2.3034249609106383E-2</v>
      </c>
      <c r="B11710" s="1"/>
      <c r="C11710">
        <v>7</v>
      </c>
      <c r="D11710" t="s">
        <v>24485</v>
      </c>
      <c r="E11710" t="s">
        <v>33839</v>
      </c>
      <c r="F11710">
        <v>5</v>
      </c>
      <c r="G11710" t="s">
        <v>14</v>
      </c>
      <c r="H11710" t="s">
        <v>24486</v>
      </c>
      <c r="I11710" t="s">
        <v>30540</v>
      </c>
    </row>
    <row r="11711" spans="1:9">
      <c r="A11711" s="1">
        <f ca="1">RAND()</f>
        <v>0.98559014027249847</v>
      </c>
      <c r="B11711" s="1"/>
      <c r="C11711">
        <v>9</v>
      </c>
      <c r="D11711" t="s">
        <v>24487</v>
      </c>
      <c r="E11711" t="s">
        <v>33839</v>
      </c>
      <c r="F11711">
        <v>4</v>
      </c>
      <c r="G11711" t="s">
        <v>13</v>
      </c>
      <c r="H11711" t="s">
        <v>24488</v>
      </c>
      <c r="I11711" t="s">
        <v>30540</v>
      </c>
    </row>
    <row r="11712" spans="1:9">
      <c r="A11712" s="1">
        <f ca="1">RAND()</f>
        <v>0.44131838916035082</v>
      </c>
      <c r="B11712" s="1"/>
      <c r="C11712">
        <v>8</v>
      </c>
      <c r="D11712" t="s">
        <v>24473</v>
      </c>
      <c r="E11712" t="s">
        <v>33840</v>
      </c>
      <c r="F11712">
        <v>5</v>
      </c>
      <c r="G11712" t="s">
        <v>3732</v>
      </c>
      <c r="H11712" t="s">
        <v>24474</v>
      </c>
      <c r="I11712" t="s">
        <v>30540</v>
      </c>
    </row>
    <row r="11713" spans="1:9">
      <c r="A11713" s="1">
        <f ca="1">RAND()</f>
        <v>2.7305574732244597E-2</v>
      </c>
      <c r="B11713" s="1"/>
      <c r="C11713">
        <v>1</v>
      </c>
      <c r="D11713" t="s">
        <v>24467</v>
      </c>
      <c r="E11713" t="s">
        <v>33840</v>
      </c>
      <c r="F11713">
        <v>5</v>
      </c>
      <c r="G11713" t="s">
        <v>10</v>
      </c>
      <c r="H11713" t="s">
        <v>24468</v>
      </c>
      <c r="I11713" t="s">
        <v>30540</v>
      </c>
    </row>
    <row r="11714" spans="1:9">
      <c r="A11714" s="1">
        <f ca="1">RAND()</f>
        <v>0.18375295851517937</v>
      </c>
      <c r="B11714" s="1"/>
      <c r="C11714">
        <v>16</v>
      </c>
      <c r="D11714" t="s">
        <v>24481</v>
      </c>
      <c r="E11714" t="s">
        <v>33840</v>
      </c>
      <c r="F11714">
        <v>4</v>
      </c>
      <c r="G11714" t="s">
        <v>2</v>
      </c>
      <c r="H11714" t="s">
        <v>24482</v>
      </c>
      <c r="I11714" t="s">
        <v>30540</v>
      </c>
    </row>
    <row r="11715" spans="1:9">
      <c r="A11715" s="1">
        <f ca="1">RAND()</f>
        <v>0.97286008938426705</v>
      </c>
      <c r="B11715" s="1"/>
      <c r="C11715">
        <v>19</v>
      </c>
      <c r="D11715" t="s">
        <v>24483</v>
      </c>
      <c r="E11715" t="s">
        <v>33840</v>
      </c>
      <c r="F11715">
        <v>4</v>
      </c>
      <c r="G11715" t="s">
        <v>14</v>
      </c>
      <c r="H11715" t="s">
        <v>24484</v>
      </c>
      <c r="I11715" t="s">
        <v>30540</v>
      </c>
    </row>
    <row r="11716" spans="1:9">
      <c r="A11716" s="1">
        <f ca="1">RAND()</f>
        <v>0.90535537001912969</v>
      </c>
      <c r="B11716" s="1"/>
      <c r="C11716">
        <v>6</v>
      </c>
      <c r="D11716" t="s">
        <v>24471</v>
      </c>
      <c r="E11716" t="s">
        <v>33840</v>
      </c>
      <c r="F11716">
        <v>4</v>
      </c>
      <c r="G11716" t="s">
        <v>2229</v>
      </c>
      <c r="H11716" t="s">
        <v>24472</v>
      </c>
      <c r="I11716" t="s">
        <v>30540</v>
      </c>
    </row>
    <row r="11717" spans="1:9">
      <c r="A11717" s="1">
        <f ca="1">RAND()</f>
        <v>0.25568711020902624</v>
      </c>
      <c r="B11717" s="1"/>
      <c r="C11717">
        <v>9</v>
      </c>
      <c r="D11717" t="s">
        <v>24475</v>
      </c>
      <c r="E11717" t="s">
        <v>33840</v>
      </c>
      <c r="F11717">
        <v>4</v>
      </c>
      <c r="G11717" t="s">
        <v>774</v>
      </c>
      <c r="H11717" t="s">
        <v>24476</v>
      </c>
      <c r="I11717" t="s">
        <v>30540</v>
      </c>
    </row>
    <row r="11718" spans="1:9">
      <c r="A11718" s="1">
        <f ca="1">RAND()</f>
        <v>0.31313115599034003</v>
      </c>
      <c r="B11718" s="1"/>
      <c r="C11718">
        <v>2</v>
      </c>
      <c r="D11718" t="s">
        <v>24469</v>
      </c>
      <c r="E11718" t="s">
        <v>33840</v>
      </c>
      <c r="F11718">
        <v>4</v>
      </c>
      <c r="G11718" t="s">
        <v>10</v>
      </c>
      <c r="H11718" t="s">
        <v>24470</v>
      </c>
      <c r="I11718" t="s">
        <v>30540</v>
      </c>
    </row>
    <row r="11719" spans="1:9">
      <c r="A11719" s="1">
        <f ca="1">RAND()</f>
        <v>0.80443190929233532</v>
      </c>
      <c r="B11719" s="1"/>
      <c r="C11719">
        <v>14</v>
      </c>
      <c r="D11719" t="s">
        <v>24479</v>
      </c>
      <c r="E11719" t="s">
        <v>33840</v>
      </c>
      <c r="F11719">
        <v>4</v>
      </c>
      <c r="G11719" t="s">
        <v>1</v>
      </c>
      <c r="H11719" t="s">
        <v>24480</v>
      </c>
      <c r="I11719" t="s">
        <v>30540</v>
      </c>
    </row>
    <row r="11720" spans="1:9">
      <c r="A11720" s="1">
        <f ca="1">RAND()</f>
        <v>0.39988446962228497</v>
      </c>
      <c r="B11720" s="1"/>
      <c r="C11720">
        <v>12</v>
      </c>
      <c r="D11720" t="s">
        <v>24477</v>
      </c>
      <c r="E11720" t="s">
        <v>33840</v>
      </c>
      <c r="F11720">
        <v>2</v>
      </c>
      <c r="G11720" t="s">
        <v>13</v>
      </c>
      <c r="H11720" t="s">
        <v>24478</v>
      </c>
      <c r="I11720" t="s">
        <v>30540</v>
      </c>
    </row>
    <row r="11721" spans="1:9">
      <c r="A11721" s="1">
        <f ca="1">RAND()</f>
        <v>0.94759392194245617</v>
      </c>
      <c r="B11721" s="1"/>
      <c r="C11721">
        <v>14</v>
      </c>
      <c r="D11721" t="s">
        <v>24463</v>
      </c>
      <c r="E11721" t="s">
        <v>33841</v>
      </c>
      <c r="F11721">
        <v>5</v>
      </c>
      <c r="G11721" t="s">
        <v>14</v>
      </c>
      <c r="H11721" t="s">
        <v>24464</v>
      </c>
      <c r="I11721" t="s">
        <v>30540</v>
      </c>
    </row>
    <row r="11722" spans="1:9">
      <c r="A11722" s="1">
        <f ca="1">RAND()</f>
        <v>0.79146245781465507</v>
      </c>
      <c r="B11722" s="1"/>
      <c r="C11722">
        <v>17</v>
      </c>
      <c r="D11722" t="s">
        <v>24465</v>
      </c>
      <c r="E11722" t="s">
        <v>33841</v>
      </c>
      <c r="F11722">
        <v>4</v>
      </c>
      <c r="G11722" t="s">
        <v>0</v>
      </c>
      <c r="H11722" t="s">
        <v>24466</v>
      </c>
      <c r="I11722" t="s">
        <v>30540</v>
      </c>
    </row>
    <row r="11723" spans="1:9">
      <c r="A11723" s="1">
        <f ca="1">RAND()</f>
        <v>0.93093562076696934</v>
      </c>
      <c r="B11723" s="1"/>
      <c r="C11723">
        <v>7</v>
      </c>
      <c r="D11723" t="s">
        <v>24457</v>
      </c>
      <c r="E11723" t="s">
        <v>33841</v>
      </c>
      <c r="F11723">
        <v>4</v>
      </c>
      <c r="G11723" t="s">
        <v>14</v>
      </c>
      <c r="H11723" t="s">
        <v>24458</v>
      </c>
      <c r="I11723" t="s">
        <v>30540</v>
      </c>
    </row>
    <row r="11724" spans="1:9">
      <c r="A11724" s="1">
        <f ca="1">RAND()</f>
        <v>0.12813932280551166</v>
      </c>
      <c r="B11724" s="1"/>
      <c r="C11724">
        <v>10</v>
      </c>
      <c r="D11724" t="s">
        <v>24461</v>
      </c>
      <c r="E11724" t="s">
        <v>33841</v>
      </c>
      <c r="F11724">
        <v>3</v>
      </c>
      <c r="G11724" t="s">
        <v>14</v>
      </c>
      <c r="H11724" t="s">
        <v>24462</v>
      </c>
      <c r="I11724" t="s">
        <v>30540</v>
      </c>
    </row>
    <row r="11725" spans="1:9">
      <c r="A11725" s="1">
        <f ca="1">RAND()</f>
        <v>0.37275760782223166</v>
      </c>
      <c r="B11725" s="1"/>
      <c r="C11725">
        <v>8</v>
      </c>
      <c r="D11725" t="s">
        <v>24459</v>
      </c>
      <c r="E11725" t="s">
        <v>33841</v>
      </c>
      <c r="F11725">
        <v>3</v>
      </c>
      <c r="G11725" t="s">
        <v>13</v>
      </c>
      <c r="H11725" t="s">
        <v>24460</v>
      </c>
      <c r="I11725" t="s">
        <v>30540</v>
      </c>
    </row>
    <row r="11726" spans="1:9">
      <c r="A11726" s="1">
        <f ca="1">RAND()</f>
        <v>0.72272827692805897</v>
      </c>
      <c r="B11726" s="1"/>
      <c r="C11726">
        <v>16</v>
      </c>
      <c r="D11726" t="s">
        <v>24455</v>
      </c>
      <c r="E11726" t="s">
        <v>33842</v>
      </c>
      <c r="F11726">
        <v>4</v>
      </c>
      <c r="G11726" t="s">
        <v>14</v>
      </c>
      <c r="H11726" t="s">
        <v>24456</v>
      </c>
      <c r="I11726" t="s">
        <v>30540</v>
      </c>
    </row>
    <row r="11727" spans="1:9">
      <c r="A11727" s="1">
        <f ca="1">RAND()</f>
        <v>0.47324705825729463</v>
      </c>
      <c r="B11727" s="1"/>
      <c r="C11727">
        <v>2</v>
      </c>
      <c r="D11727" t="s">
        <v>24453</v>
      </c>
      <c r="E11727" t="s">
        <v>33842</v>
      </c>
      <c r="F11727">
        <v>4</v>
      </c>
      <c r="G11727" t="s">
        <v>14</v>
      </c>
      <c r="H11727" t="s">
        <v>24454</v>
      </c>
      <c r="I11727" t="s">
        <v>30540</v>
      </c>
    </row>
    <row r="11728" spans="1:9">
      <c r="A11728" s="1">
        <f ca="1">RAND()</f>
        <v>0.74138631961765689</v>
      </c>
      <c r="B11728" s="1"/>
      <c r="C11728">
        <v>7</v>
      </c>
      <c r="D11728" t="s">
        <v>24445</v>
      </c>
      <c r="E11728" t="s">
        <v>33843</v>
      </c>
      <c r="F11728">
        <v>5</v>
      </c>
      <c r="G11728" t="s">
        <v>10</v>
      </c>
      <c r="H11728" t="s">
        <v>24446</v>
      </c>
      <c r="I11728" t="s">
        <v>30540</v>
      </c>
    </row>
    <row r="11729" spans="1:9">
      <c r="A11729" s="1">
        <f ca="1">RAND()</f>
        <v>0.86398269755361878</v>
      </c>
      <c r="B11729" s="1"/>
      <c r="C11729">
        <v>17</v>
      </c>
      <c r="D11729" t="s">
        <v>24451</v>
      </c>
      <c r="E11729" t="s">
        <v>33843</v>
      </c>
      <c r="F11729">
        <v>5</v>
      </c>
      <c r="G11729" t="s">
        <v>14</v>
      </c>
      <c r="H11729" t="s">
        <v>24452</v>
      </c>
      <c r="I11729" t="s">
        <v>30540</v>
      </c>
    </row>
    <row r="11730" spans="1:9">
      <c r="A11730" s="1">
        <f ca="1">RAND()</f>
        <v>0.46876146362120319</v>
      </c>
      <c r="B11730" s="1"/>
      <c r="C11730">
        <v>11</v>
      </c>
      <c r="D11730" t="s">
        <v>24447</v>
      </c>
      <c r="E11730" t="s">
        <v>33843</v>
      </c>
      <c r="F11730">
        <v>5</v>
      </c>
      <c r="G11730" t="s">
        <v>14</v>
      </c>
      <c r="H11730" t="s">
        <v>24448</v>
      </c>
      <c r="I11730" t="s">
        <v>30540</v>
      </c>
    </row>
    <row r="11731" spans="1:9">
      <c r="A11731" s="1">
        <f ca="1">RAND()</f>
        <v>0.42460927758230149</v>
      </c>
      <c r="B11731" s="1"/>
      <c r="C11731">
        <v>1</v>
      </c>
      <c r="D11731" t="s">
        <v>24439</v>
      </c>
      <c r="E11731" t="s">
        <v>33843</v>
      </c>
      <c r="F11731">
        <v>4</v>
      </c>
      <c r="G11731" t="s">
        <v>9</v>
      </c>
      <c r="H11731" t="s">
        <v>24440</v>
      </c>
      <c r="I11731" t="s">
        <v>30540</v>
      </c>
    </row>
    <row r="11732" spans="1:9">
      <c r="A11732" s="1">
        <f ca="1">RAND()</f>
        <v>0.24986481828434937</v>
      </c>
      <c r="B11732" s="1"/>
      <c r="C11732">
        <v>6</v>
      </c>
      <c r="D11732" t="s">
        <v>24443</v>
      </c>
      <c r="E11732" t="s">
        <v>33843</v>
      </c>
      <c r="F11732">
        <v>4</v>
      </c>
      <c r="G11732" t="s">
        <v>2</v>
      </c>
      <c r="H11732" t="s">
        <v>24444</v>
      </c>
      <c r="I11732" t="s">
        <v>30540</v>
      </c>
    </row>
    <row r="11733" spans="1:9">
      <c r="A11733" s="1">
        <f ca="1">RAND()</f>
        <v>0.3244712270089396</v>
      </c>
      <c r="B11733" s="1"/>
      <c r="C11733">
        <v>14</v>
      </c>
      <c r="D11733" t="s">
        <v>24449</v>
      </c>
      <c r="E11733" t="s">
        <v>33843</v>
      </c>
      <c r="F11733">
        <v>4</v>
      </c>
      <c r="G11733" t="s">
        <v>14</v>
      </c>
      <c r="H11733" t="s">
        <v>24450</v>
      </c>
      <c r="I11733" t="s">
        <v>30540</v>
      </c>
    </row>
    <row r="11734" spans="1:9">
      <c r="A11734" s="1">
        <f ca="1">RAND()</f>
        <v>0.20032549203762484</v>
      </c>
      <c r="B11734" s="1"/>
      <c r="C11734">
        <v>3</v>
      </c>
      <c r="D11734" t="s">
        <v>24441</v>
      </c>
      <c r="E11734" t="s">
        <v>33843</v>
      </c>
      <c r="F11734">
        <v>4</v>
      </c>
      <c r="G11734" t="s">
        <v>15</v>
      </c>
      <c r="H11734" t="s">
        <v>24442</v>
      </c>
      <c r="I11734" t="s">
        <v>30540</v>
      </c>
    </row>
    <row r="11735" spans="1:9">
      <c r="A11735" s="1">
        <f ca="1">RAND()</f>
        <v>0.86387860667887961</v>
      </c>
      <c r="B11735" s="1"/>
      <c r="C11735">
        <v>10</v>
      </c>
      <c r="D11735" t="s">
        <v>24431</v>
      </c>
      <c r="E11735" t="s">
        <v>33844</v>
      </c>
      <c r="F11735">
        <v>5</v>
      </c>
      <c r="G11735" t="s">
        <v>14</v>
      </c>
      <c r="H11735" t="s">
        <v>24432</v>
      </c>
      <c r="I11735" t="s">
        <v>30540</v>
      </c>
    </row>
    <row r="11736" spans="1:9">
      <c r="A11736" s="1">
        <f ca="1">RAND()</f>
        <v>0.14717065173811439</v>
      </c>
      <c r="B11736" s="1"/>
      <c r="C11736">
        <v>8</v>
      </c>
      <c r="D11736" t="s">
        <v>24429</v>
      </c>
      <c r="E11736" t="s">
        <v>33844</v>
      </c>
      <c r="F11736">
        <v>5</v>
      </c>
      <c r="G11736" t="s">
        <v>14</v>
      </c>
      <c r="H11736" t="s">
        <v>24430</v>
      </c>
      <c r="I11736" t="s">
        <v>30540</v>
      </c>
    </row>
    <row r="11737" spans="1:9">
      <c r="A11737" s="1">
        <f ca="1">RAND()</f>
        <v>2.7079801495620615E-2</v>
      </c>
      <c r="B11737" s="1"/>
      <c r="C11737">
        <v>5</v>
      </c>
      <c r="D11737" t="s">
        <v>24425</v>
      </c>
      <c r="E11737" t="s">
        <v>33844</v>
      </c>
      <c r="F11737">
        <v>5</v>
      </c>
      <c r="G11737" t="s">
        <v>1</v>
      </c>
      <c r="H11737" t="s">
        <v>24426</v>
      </c>
      <c r="I11737" t="s">
        <v>30540</v>
      </c>
    </row>
    <row r="11738" spans="1:9">
      <c r="A11738" s="1">
        <f ca="1">RAND()</f>
        <v>0.57787979988107796</v>
      </c>
      <c r="B11738" s="1"/>
      <c r="C11738">
        <v>18</v>
      </c>
      <c r="D11738" t="s">
        <v>24435</v>
      </c>
      <c r="E11738" t="s">
        <v>33844</v>
      </c>
      <c r="F11738">
        <v>5</v>
      </c>
      <c r="G11738" t="s">
        <v>14</v>
      </c>
      <c r="H11738" t="s">
        <v>24436</v>
      </c>
      <c r="I11738" t="s">
        <v>30540</v>
      </c>
    </row>
    <row r="11739" spans="1:9">
      <c r="A11739" s="1">
        <f ca="1">RAND()</f>
        <v>0.75176695418241035</v>
      </c>
      <c r="B11739" s="1"/>
      <c r="C11739">
        <v>4</v>
      </c>
      <c r="D11739" t="s">
        <v>24423</v>
      </c>
      <c r="E11739" t="s">
        <v>33844</v>
      </c>
      <c r="F11739">
        <v>4</v>
      </c>
      <c r="G11739" t="s">
        <v>9</v>
      </c>
      <c r="H11739" t="s">
        <v>24424</v>
      </c>
      <c r="I11739" t="s">
        <v>30540</v>
      </c>
    </row>
    <row r="11740" spans="1:9">
      <c r="A11740" s="1">
        <f ca="1">RAND()</f>
        <v>0.12888903195281654</v>
      </c>
      <c r="B11740" s="1"/>
      <c r="C11740">
        <v>16</v>
      </c>
      <c r="D11740" t="s">
        <v>24433</v>
      </c>
      <c r="E11740" t="s">
        <v>33844</v>
      </c>
      <c r="F11740">
        <v>4</v>
      </c>
      <c r="G11740" t="s">
        <v>13</v>
      </c>
      <c r="H11740" t="s">
        <v>24434</v>
      </c>
      <c r="I11740" t="s">
        <v>30540</v>
      </c>
    </row>
    <row r="11741" spans="1:9">
      <c r="A11741" s="1">
        <f ca="1">RAND()</f>
        <v>0.63819298779394995</v>
      </c>
      <c r="B11741" s="1"/>
      <c r="C11741">
        <v>7</v>
      </c>
      <c r="D11741" t="s">
        <v>24427</v>
      </c>
      <c r="E11741" t="s">
        <v>33844</v>
      </c>
      <c r="F11741">
        <v>4</v>
      </c>
      <c r="G11741" t="s">
        <v>14</v>
      </c>
      <c r="H11741" t="s">
        <v>24428</v>
      </c>
      <c r="I11741" t="s">
        <v>30540</v>
      </c>
    </row>
    <row r="11742" spans="1:9">
      <c r="A11742" s="1">
        <f ca="1">RAND()</f>
        <v>0.49514540742650637</v>
      </c>
      <c r="B11742" s="1"/>
      <c r="C11742">
        <v>20</v>
      </c>
      <c r="D11742" t="s">
        <v>24437</v>
      </c>
      <c r="E11742" t="s">
        <v>33844</v>
      </c>
      <c r="F11742">
        <v>4</v>
      </c>
      <c r="G11742" t="s">
        <v>14</v>
      </c>
      <c r="H11742" t="s">
        <v>24438</v>
      </c>
      <c r="I11742" t="s">
        <v>30540</v>
      </c>
    </row>
    <row r="11743" spans="1:9">
      <c r="A11743" s="1">
        <f ca="1">RAND()</f>
        <v>0.98015275996212092</v>
      </c>
      <c r="B11743" s="1"/>
      <c r="C11743">
        <v>16</v>
      </c>
      <c r="D11743" t="s">
        <v>24421</v>
      </c>
      <c r="E11743" t="s">
        <v>33845</v>
      </c>
      <c r="F11743">
        <v>5</v>
      </c>
      <c r="G11743" t="s">
        <v>762</v>
      </c>
      <c r="H11743" t="s">
        <v>24422</v>
      </c>
      <c r="I11743" t="s">
        <v>30540</v>
      </c>
    </row>
    <row r="11744" spans="1:9">
      <c r="A11744" s="1">
        <f ca="1">RAND()</f>
        <v>0.10341965535978959</v>
      </c>
      <c r="B11744" s="1"/>
      <c r="C11744">
        <v>1</v>
      </c>
      <c r="D11744" t="s">
        <v>24409</v>
      </c>
      <c r="E11744" t="s">
        <v>33845</v>
      </c>
      <c r="F11744">
        <v>5</v>
      </c>
      <c r="G11744" t="s">
        <v>10</v>
      </c>
      <c r="H11744" t="s">
        <v>24410</v>
      </c>
      <c r="I11744" t="s">
        <v>30540</v>
      </c>
    </row>
    <row r="11745" spans="1:9">
      <c r="A11745" s="1">
        <f ca="1">RAND()</f>
        <v>0.17857036911355018</v>
      </c>
      <c r="B11745" s="1"/>
      <c r="C11745">
        <v>14</v>
      </c>
      <c r="D11745" t="s">
        <v>24419</v>
      </c>
      <c r="E11745" t="s">
        <v>33845</v>
      </c>
      <c r="F11745">
        <v>4</v>
      </c>
      <c r="G11745" t="s">
        <v>3732</v>
      </c>
      <c r="H11745" t="s">
        <v>24420</v>
      </c>
      <c r="I11745" t="s">
        <v>30540</v>
      </c>
    </row>
    <row r="11746" spans="1:9">
      <c r="A11746" s="1">
        <f ca="1">RAND()</f>
        <v>0.83778519851548894</v>
      </c>
      <c r="B11746" s="1"/>
      <c r="C11746">
        <v>3</v>
      </c>
      <c r="D11746" t="s">
        <v>24413</v>
      </c>
      <c r="E11746" t="s">
        <v>33845</v>
      </c>
      <c r="F11746">
        <v>4</v>
      </c>
      <c r="G11746" t="s">
        <v>14</v>
      </c>
      <c r="H11746" t="s">
        <v>24414</v>
      </c>
      <c r="I11746" t="s">
        <v>30540</v>
      </c>
    </row>
    <row r="11747" spans="1:9">
      <c r="A11747" s="1">
        <f ca="1">RAND()</f>
        <v>0.11585707748857754</v>
      </c>
      <c r="B11747" s="1"/>
      <c r="C11747">
        <v>4</v>
      </c>
      <c r="D11747" t="s">
        <v>24415</v>
      </c>
      <c r="E11747" t="s">
        <v>33845</v>
      </c>
      <c r="F11747">
        <v>4</v>
      </c>
      <c r="G11747" t="s">
        <v>10</v>
      </c>
      <c r="H11747" t="s">
        <v>24416</v>
      </c>
      <c r="I11747" t="s">
        <v>30540</v>
      </c>
    </row>
    <row r="11748" spans="1:9">
      <c r="A11748" s="1">
        <f ca="1">RAND()</f>
        <v>9.3242230314593666E-2</v>
      </c>
      <c r="B11748" s="1"/>
      <c r="C11748">
        <v>2</v>
      </c>
      <c r="D11748" t="s">
        <v>24411</v>
      </c>
      <c r="E11748" t="s">
        <v>33845</v>
      </c>
      <c r="F11748">
        <v>4</v>
      </c>
      <c r="G11748" t="s">
        <v>13</v>
      </c>
      <c r="H11748" t="s">
        <v>24412</v>
      </c>
      <c r="I11748" t="s">
        <v>30540</v>
      </c>
    </row>
    <row r="11749" spans="1:9">
      <c r="A11749" s="1">
        <f ca="1">RAND()</f>
        <v>0.38164141402358764</v>
      </c>
      <c r="B11749" s="1"/>
      <c r="C11749">
        <v>7</v>
      </c>
      <c r="D11749" t="s">
        <v>24417</v>
      </c>
      <c r="E11749" t="s">
        <v>33845</v>
      </c>
      <c r="F11749">
        <v>2</v>
      </c>
      <c r="G11749" t="s">
        <v>3732</v>
      </c>
      <c r="H11749" t="s">
        <v>24418</v>
      </c>
      <c r="I11749" t="s">
        <v>30540</v>
      </c>
    </row>
    <row r="11750" spans="1:9">
      <c r="A11750" s="1">
        <f ca="1">RAND()</f>
        <v>0.4100566389193151</v>
      </c>
      <c r="B11750" s="1"/>
      <c r="C11750">
        <v>13</v>
      </c>
      <c r="D11750" t="s">
        <v>24407</v>
      </c>
      <c r="E11750" t="s">
        <v>33846</v>
      </c>
      <c r="F11750">
        <v>5</v>
      </c>
      <c r="G11750" t="s">
        <v>14</v>
      </c>
      <c r="H11750" t="s">
        <v>24408</v>
      </c>
      <c r="I11750" t="s">
        <v>30540</v>
      </c>
    </row>
    <row r="11751" spans="1:9">
      <c r="A11751" s="1">
        <f ca="1">RAND()</f>
        <v>0.94902943026539943</v>
      </c>
      <c r="B11751" s="1"/>
      <c r="C11751">
        <v>11</v>
      </c>
      <c r="D11751" t="s">
        <v>24403</v>
      </c>
      <c r="E11751" t="s">
        <v>33846</v>
      </c>
      <c r="F11751">
        <v>4</v>
      </c>
      <c r="G11751" t="s">
        <v>14</v>
      </c>
      <c r="H11751" t="s">
        <v>24404</v>
      </c>
      <c r="I11751" t="s">
        <v>30540</v>
      </c>
    </row>
    <row r="11752" spans="1:9">
      <c r="A11752" s="1">
        <f ca="1">RAND()</f>
        <v>0.59905351496517334</v>
      </c>
      <c r="B11752" s="1"/>
      <c r="C11752">
        <v>3</v>
      </c>
      <c r="D11752" t="s">
        <v>24399</v>
      </c>
      <c r="E11752" t="s">
        <v>33846</v>
      </c>
      <c r="F11752">
        <v>4</v>
      </c>
      <c r="G11752" t="s">
        <v>14</v>
      </c>
      <c r="H11752" t="s">
        <v>24400</v>
      </c>
      <c r="I11752" t="s">
        <v>30540</v>
      </c>
    </row>
    <row r="11753" spans="1:9">
      <c r="A11753" s="1">
        <f ca="1">RAND()</f>
        <v>0.31166923880677655</v>
      </c>
      <c r="B11753" s="1"/>
      <c r="C11753">
        <v>8</v>
      </c>
      <c r="D11753" t="s">
        <v>24401</v>
      </c>
      <c r="E11753" t="s">
        <v>33846</v>
      </c>
      <c r="F11753">
        <v>4</v>
      </c>
      <c r="G11753" t="s">
        <v>1</v>
      </c>
      <c r="H11753" t="s">
        <v>24402</v>
      </c>
      <c r="I11753" t="s">
        <v>30540</v>
      </c>
    </row>
    <row r="11754" spans="1:9">
      <c r="A11754" s="1">
        <f ca="1">RAND()</f>
        <v>0.16721827160476477</v>
      </c>
      <c r="B11754" s="1"/>
      <c r="C11754">
        <v>12</v>
      </c>
      <c r="D11754" t="s">
        <v>24405</v>
      </c>
      <c r="E11754" t="s">
        <v>33846</v>
      </c>
      <c r="F11754">
        <v>2</v>
      </c>
      <c r="G11754" t="s">
        <v>14</v>
      </c>
      <c r="H11754" t="s">
        <v>24406</v>
      </c>
      <c r="I11754" t="s">
        <v>30540</v>
      </c>
    </row>
    <row r="11755" spans="1:9">
      <c r="A11755" s="1">
        <f ca="1">RAND()</f>
        <v>0.89961944902003155</v>
      </c>
      <c r="B11755" s="1"/>
      <c r="C11755">
        <v>3</v>
      </c>
      <c r="D11755" t="s">
        <v>24395</v>
      </c>
      <c r="E11755" t="s">
        <v>33847</v>
      </c>
      <c r="F11755">
        <v>4</v>
      </c>
      <c r="G11755" t="s">
        <v>9</v>
      </c>
      <c r="H11755" t="s">
        <v>24396</v>
      </c>
      <c r="I11755" t="s">
        <v>30540</v>
      </c>
    </row>
    <row r="11756" spans="1:9">
      <c r="A11756" s="1">
        <f ca="1">RAND()</f>
        <v>2.7115848562195177E-2</v>
      </c>
      <c r="B11756" s="1"/>
      <c r="C11756">
        <v>10</v>
      </c>
      <c r="D11756" t="s">
        <v>24397</v>
      </c>
      <c r="E11756" t="s">
        <v>33847</v>
      </c>
      <c r="F11756">
        <v>4</v>
      </c>
      <c r="G11756" t="s">
        <v>14</v>
      </c>
      <c r="H11756" t="s">
        <v>24398</v>
      </c>
      <c r="I11756" t="s">
        <v>30540</v>
      </c>
    </row>
    <row r="11757" spans="1:9">
      <c r="A11757" s="1">
        <f ca="1">RAND()</f>
        <v>0.54592241090121163</v>
      </c>
      <c r="B11757" s="1"/>
      <c r="C11757">
        <v>10</v>
      </c>
      <c r="D11757" t="s">
        <v>24393</v>
      </c>
      <c r="E11757" t="s">
        <v>33848</v>
      </c>
      <c r="F11757">
        <v>4</v>
      </c>
      <c r="G11757" t="s">
        <v>14</v>
      </c>
      <c r="H11757" t="s">
        <v>24394</v>
      </c>
      <c r="I11757" t="s">
        <v>30540</v>
      </c>
    </row>
    <row r="11758" spans="1:9">
      <c r="A11758" s="1">
        <f ca="1">RAND()</f>
        <v>0.97897478295565921</v>
      </c>
      <c r="B11758" s="1"/>
      <c r="C11758">
        <v>8</v>
      </c>
      <c r="D11758" t="s">
        <v>24391</v>
      </c>
      <c r="E11758" t="s">
        <v>33848</v>
      </c>
      <c r="F11758">
        <v>4</v>
      </c>
      <c r="G11758" t="s">
        <v>14</v>
      </c>
      <c r="H11758" t="s">
        <v>24392</v>
      </c>
      <c r="I11758" t="s">
        <v>30540</v>
      </c>
    </row>
    <row r="11759" spans="1:9">
      <c r="A11759" s="1">
        <f ca="1">RAND()</f>
        <v>0.14598165915855077</v>
      </c>
      <c r="B11759" s="1"/>
      <c r="C11759">
        <v>10</v>
      </c>
      <c r="D11759" t="s">
        <v>24387</v>
      </c>
      <c r="E11759" t="s">
        <v>33849</v>
      </c>
      <c r="F11759">
        <v>4</v>
      </c>
      <c r="G11759" t="s">
        <v>13</v>
      </c>
      <c r="H11759" t="s">
        <v>24388</v>
      </c>
      <c r="I11759" t="s">
        <v>30540</v>
      </c>
    </row>
    <row r="11760" spans="1:9">
      <c r="A11760" s="1">
        <f ca="1">RAND()</f>
        <v>0.66511473528823584</v>
      </c>
      <c r="B11760" s="1"/>
      <c r="C11760">
        <v>17</v>
      </c>
      <c r="D11760" t="s">
        <v>24389</v>
      </c>
      <c r="E11760" t="s">
        <v>33849</v>
      </c>
      <c r="F11760">
        <v>4</v>
      </c>
      <c r="G11760" t="s">
        <v>14</v>
      </c>
      <c r="H11760" t="s">
        <v>24390</v>
      </c>
      <c r="I11760" t="s">
        <v>30540</v>
      </c>
    </row>
    <row r="11761" spans="1:9">
      <c r="A11761" s="1">
        <f ca="1">RAND()</f>
        <v>0.15961626517613448</v>
      </c>
      <c r="B11761" s="1"/>
      <c r="C11761">
        <v>6</v>
      </c>
      <c r="D11761" t="s">
        <v>24385</v>
      </c>
      <c r="E11761" t="s">
        <v>33849</v>
      </c>
      <c r="F11761">
        <v>4</v>
      </c>
      <c r="G11761" t="s">
        <v>15</v>
      </c>
      <c r="H11761" t="s">
        <v>24386</v>
      </c>
      <c r="I11761" t="s">
        <v>30540</v>
      </c>
    </row>
    <row r="11762" spans="1:9">
      <c r="A11762" s="1">
        <f ca="1">RAND()</f>
        <v>0.74254914896939306</v>
      </c>
      <c r="B11762" s="1"/>
      <c r="C11762">
        <v>13</v>
      </c>
      <c r="D11762" t="s">
        <v>24381</v>
      </c>
      <c r="E11762" t="s">
        <v>33850</v>
      </c>
      <c r="F11762">
        <v>4</v>
      </c>
      <c r="G11762" t="s">
        <v>3732</v>
      </c>
      <c r="H11762" t="s">
        <v>24382</v>
      </c>
      <c r="I11762" t="s">
        <v>30540</v>
      </c>
    </row>
    <row r="11763" spans="1:9">
      <c r="A11763" s="1">
        <f ca="1">RAND()</f>
        <v>0.72716350665942164</v>
      </c>
      <c r="B11763" s="1"/>
      <c r="C11763">
        <v>14</v>
      </c>
      <c r="D11763" t="s">
        <v>24383</v>
      </c>
      <c r="E11763" t="s">
        <v>33850</v>
      </c>
      <c r="F11763">
        <v>4</v>
      </c>
      <c r="G11763" t="s">
        <v>2738</v>
      </c>
      <c r="H11763" t="s">
        <v>24384</v>
      </c>
      <c r="I11763" t="s">
        <v>30540</v>
      </c>
    </row>
    <row r="11764" spans="1:9">
      <c r="A11764" s="1">
        <f ca="1">RAND()</f>
        <v>0.79323996469299574</v>
      </c>
      <c r="B11764" s="1"/>
      <c r="C11764">
        <v>7</v>
      </c>
      <c r="D11764" t="s">
        <v>24379</v>
      </c>
      <c r="E11764" t="s">
        <v>33850</v>
      </c>
      <c r="F11764">
        <v>4</v>
      </c>
      <c r="G11764" t="s">
        <v>762</v>
      </c>
      <c r="H11764" t="s">
        <v>24380</v>
      </c>
      <c r="I11764" t="s">
        <v>30540</v>
      </c>
    </row>
    <row r="11765" spans="1:9">
      <c r="A11765" s="1">
        <f ca="1">RAND()</f>
        <v>0.51639900153062313</v>
      </c>
      <c r="B11765" s="1"/>
      <c r="C11765">
        <v>2</v>
      </c>
      <c r="D11765" t="s">
        <v>24377</v>
      </c>
      <c r="E11765" t="s">
        <v>33850</v>
      </c>
      <c r="F11765">
        <v>3</v>
      </c>
      <c r="G11765" t="s">
        <v>10</v>
      </c>
      <c r="H11765" t="s">
        <v>24378</v>
      </c>
      <c r="I11765" t="s">
        <v>30540</v>
      </c>
    </row>
    <row r="11766" spans="1:9">
      <c r="A11766" s="1">
        <f ca="1">RAND()</f>
        <v>0.50459006513662541</v>
      </c>
      <c r="B11766" s="1"/>
      <c r="C11766">
        <v>4</v>
      </c>
      <c r="D11766" t="s">
        <v>24369</v>
      </c>
      <c r="E11766" t="s">
        <v>33851</v>
      </c>
      <c r="F11766">
        <v>5</v>
      </c>
      <c r="G11766" t="s">
        <v>2</v>
      </c>
      <c r="H11766" t="s">
        <v>24370</v>
      </c>
      <c r="I11766" t="s">
        <v>30540</v>
      </c>
    </row>
    <row r="11767" spans="1:9">
      <c r="A11767" s="1">
        <f ca="1">RAND()</f>
        <v>0.99837537969644319</v>
      </c>
      <c r="B11767" s="1"/>
      <c r="C11767">
        <v>9</v>
      </c>
      <c r="D11767" t="s">
        <v>24371</v>
      </c>
      <c r="E11767" t="s">
        <v>33851</v>
      </c>
      <c r="F11767">
        <v>4</v>
      </c>
      <c r="G11767" t="s">
        <v>0</v>
      </c>
      <c r="H11767" t="s">
        <v>24372</v>
      </c>
      <c r="I11767" t="s">
        <v>30540</v>
      </c>
    </row>
    <row r="11768" spans="1:9">
      <c r="A11768" s="1">
        <f ca="1">RAND()</f>
        <v>6.0058767828538584E-2</v>
      </c>
      <c r="B11768" s="1"/>
      <c r="C11768">
        <v>12</v>
      </c>
      <c r="D11768" t="s">
        <v>24375</v>
      </c>
      <c r="E11768" t="s">
        <v>33851</v>
      </c>
      <c r="F11768">
        <v>4</v>
      </c>
      <c r="G11768" t="s">
        <v>1</v>
      </c>
      <c r="H11768" t="s">
        <v>24376</v>
      </c>
      <c r="I11768" t="s">
        <v>30540</v>
      </c>
    </row>
    <row r="11769" spans="1:9">
      <c r="A11769" s="1">
        <f ca="1">RAND()</f>
        <v>0.43781124660222637</v>
      </c>
      <c r="B11769" s="1"/>
      <c r="C11769">
        <v>10</v>
      </c>
      <c r="D11769" t="s">
        <v>24373</v>
      </c>
      <c r="E11769" t="s">
        <v>33851</v>
      </c>
      <c r="F11769">
        <v>3</v>
      </c>
      <c r="G11769" t="s">
        <v>14</v>
      </c>
      <c r="H11769" t="s">
        <v>24374</v>
      </c>
      <c r="I11769" t="s">
        <v>30540</v>
      </c>
    </row>
    <row r="11770" spans="1:9">
      <c r="A11770" s="1">
        <f ca="1">RAND()</f>
        <v>0.29563989099687116</v>
      </c>
      <c r="B11770" s="1"/>
      <c r="C11770">
        <v>16</v>
      </c>
      <c r="D11770" t="s">
        <v>24365</v>
      </c>
      <c r="E11770" t="s">
        <v>33852</v>
      </c>
      <c r="F11770">
        <v>5</v>
      </c>
      <c r="G11770" t="s">
        <v>2</v>
      </c>
      <c r="H11770" t="s">
        <v>24366</v>
      </c>
      <c r="I11770" t="s">
        <v>30540</v>
      </c>
    </row>
    <row r="11771" spans="1:9">
      <c r="A11771" s="1">
        <f ca="1">RAND()</f>
        <v>5.1306324474897691E-2</v>
      </c>
      <c r="B11771" s="1"/>
      <c r="C11771">
        <v>18</v>
      </c>
      <c r="D11771" t="s">
        <v>24367</v>
      </c>
      <c r="E11771" t="s">
        <v>33852</v>
      </c>
      <c r="F11771">
        <v>5</v>
      </c>
      <c r="G11771" t="s">
        <v>14</v>
      </c>
      <c r="H11771" t="s">
        <v>24368</v>
      </c>
      <c r="I11771" t="s">
        <v>30540</v>
      </c>
    </row>
    <row r="11772" spans="1:9">
      <c r="A11772" s="1">
        <f ca="1">RAND()</f>
        <v>0.15413419986660615</v>
      </c>
      <c r="B11772" s="1"/>
      <c r="C11772">
        <v>9</v>
      </c>
      <c r="D11772" t="s">
        <v>24359</v>
      </c>
      <c r="E11772" t="s">
        <v>33852</v>
      </c>
      <c r="F11772">
        <v>4</v>
      </c>
      <c r="G11772" t="s">
        <v>14</v>
      </c>
      <c r="H11772" t="s">
        <v>24360</v>
      </c>
      <c r="I11772" t="s">
        <v>30540</v>
      </c>
    </row>
    <row r="11773" spans="1:9">
      <c r="A11773" s="1">
        <f ca="1">RAND()</f>
        <v>4.5099596296553357E-2</v>
      </c>
      <c r="B11773" s="1"/>
      <c r="C11773">
        <v>15</v>
      </c>
      <c r="D11773" t="s">
        <v>24363</v>
      </c>
      <c r="E11773" t="s">
        <v>33852</v>
      </c>
      <c r="F11773">
        <v>4</v>
      </c>
      <c r="G11773" t="s">
        <v>2</v>
      </c>
      <c r="H11773" t="s">
        <v>24364</v>
      </c>
      <c r="I11773" t="s">
        <v>30540</v>
      </c>
    </row>
    <row r="11774" spans="1:9">
      <c r="A11774" s="1">
        <f ca="1">RAND()</f>
        <v>0.72652870222918375</v>
      </c>
      <c r="B11774" s="1"/>
      <c r="C11774">
        <v>6</v>
      </c>
      <c r="D11774" t="s">
        <v>24357</v>
      </c>
      <c r="E11774" t="s">
        <v>33852</v>
      </c>
      <c r="F11774">
        <v>4</v>
      </c>
      <c r="G11774" t="s">
        <v>14</v>
      </c>
      <c r="H11774" t="s">
        <v>24358</v>
      </c>
      <c r="I11774" t="s">
        <v>30540</v>
      </c>
    </row>
    <row r="11775" spans="1:9">
      <c r="A11775" s="1">
        <f ca="1">RAND()</f>
        <v>0.63646809085324463</v>
      </c>
      <c r="B11775" s="1"/>
      <c r="C11775">
        <v>13</v>
      </c>
      <c r="D11775" t="s">
        <v>24361</v>
      </c>
      <c r="E11775" t="s">
        <v>33852</v>
      </c>
      <c r="F11775">
        <v>2</v>
      </c>
      <c r="G11775" t="s">
        <v>14</v>
      </c>
      <c r="H11775" t="s">
        <v>24362</v>
      </c>
      <c r="I11775" t="s">
        <v>30540</v>
      </c>
    </row>
    <row r="11776" spans="1:9">
      <c r="A11776" s="1">
        <f ca="1">RAND()</f>
        <v>0.98537297846461602</v>
      </c>
      <c r="B11776" s="1"/>
      <c r="C11776">
        <v>12</v>
      </c>
      <c r="D11776" t="s">
        <v>24353</v>
      </c>
      <c r="E11776" t="s">
        <v>33853</v>
      </c>
      <c r="F11776">
        <v>4</v>
      </c>
      <c r="G11776" t="s">
        <v>14</v>
      </c>
      <c r="H11776" t="s">
        <v>24354</v>
      </c>
      <c r="I11776" t="s">
        <v>30540</v>
      </c>
    </row>
    <row r="11777" spans="1:9">
      <c r="A11777" s="1">
        <f ca="1">RAND()</f>
        <v>0.37799199259889871</v>
      </c>
      <c r="B11777" s="1"/>
      <c r="C11777">
        <v>4</v>
      </c>
      <c r="D11777" t="s">
        <v>24349</v>
      </c>
      <c r="E11777" t="s">
        <v>33853</v>
      </c>
      <c r="F11777">
        <v>4</v>
      </c>
      <c r="G11777" t="s">
        <v>14</v>
      </c>
      <c r="H11777" t="s">
        <v>24350</v>
      </c>
      <c r="I11777" t="s">
        <v>30540</v>
      </c>
    </row>
    <row r="11778" spans="1:9">
      <c r="A11778" s="1">
        <f ca="1">RAND()</f>
        <v>0.70569197841748188</v>
      </c>
      <c r="B11778" s="1"/>
      <c r="C11778">
        <v>11</v>
      </c>
      <c r="D11778" t="s">
        <v>24351</v>
      </c>
      <c r="E11778" t="s">
        <v>33853</v>
      </c>
      <c r="F11778">
        <v>4</v>
      </c>
      <c r="G11778" t="s">
        <v>9</v>
      </c>
      <c r="H11778" t="s">
        <v>24352</v>
      </c>
      <c r="I11778" t="s">
        <v>30540</v>
      </c>
    </row>
    <row r="11779" spans="1:9">
      <c r="A11779" s="1">
        <f ca="1">RAND()</f>
        <v>0.39377061228300814</v>
      </c>
      <c r="B11779" s="1"/>
      <c r="C11779">
        <v>3</v>
      </c>
      <c r="D11779" t="s">
        <v>24347</v>
      </c>
      <c r="E11779" t="s">
        <v>33853</v>
      </c>
      <c r="F11779">
        <v>2</v>
      </c>
      <c r="G11779" t="s">
        <v>14</v>
      </c>
      <c r="H11779" t="s">
        <v>24348</v>
      </c>
      <c r="I11779" t="s">
        <v>30540</v>
      </c>
    </row>
    <row r="11780" spans="1:9">
      <c r="A11780" s="1">
        <f ca="1">RAND()</f>
        <v>0.80059106588640483</v>
      </c>
      <c r="B11780" s="1"/>
      <c r="C11780">
        <v>13</v>
      </c>
      <c r="D11780" t="s">
        <v>24355</v>
      </c>
      <c r="E11780" t="s">
        <v>33853</v>
      </c>
      <c r="F11780">
        <v>2</v>
      </c>
      <c r="G11780" t="s">
        <v>1</v>
      </c>
      <c r="H11780" t="s">
        <v>24356</v>
      </c>
      <c r="I11780" t="s">
        <v>30540</v>
      </c>
    </row>
    <row r="11781" spans="1:9">
      <c r="A11781" s="1">
        <f ca="1">RAND()</f>
        <v>0.55532608991763532</v>
      </c>
      <c r="B11781" s="1"/>
      <c r="C11781">
        <v>12</v>
      </c>
      <c r="D11781" t="s">
        <v>24343</v>
      </c>
      <c r="E11781" t="s">
        <v>33854</v>
      </c>
      <c r="F11781">
        <v>5</v>
      </c>
      <c r="G11781" t="s">
        <v>762</v>
      </c>
      <c r="H11781" t="s">
        <v>24344</v>
      </c>
      <c r="I11781" t="s">
        <v>30540</v>
      </c>
    </row>
    <row r="11782" spans="1:9">
      <c r="A11782" s="1">
        <f ca="1">RAND()</f>
        <v>0.89181200621152146</v>
      </c>
      <c r="B11782" s="1"/>
      <c r="C11782">
        <v>3</v>
      </c>
      <c r="D11782" t="s">
        <v>24341</v>
      </c>
      <c r="E11782" t="s">
        <v>33854</v>
      </c>
      <c r="F11782">
        <v>5</v>
      </c>
      <c r="G11782" t="s">
        <v>14</v>
      </c>
      <c r="H11782" t="s">
        <v>24342</v>
      </c>
      <c r="I11782" t="s">
        <v>30540</v>
      </c>
    </row>
    <row r="11783" spans="1:9">
      <c r="A11783" s="1">
        <f ca="1">RAND()</f>
        <v>0.15130164720142891</v>
      </c>
      <c r="B11783" s="1"/>
      <c r="C11783">
        <v>1</v>
      </c>
      <c r="D11783" t="s">
        <v>24339</v>
      </c>
      <c r="E11783" t="s">
        <v>33854</v>
      </c>
      <c r="F11783">
        <v>4</v>
      </c>
      <c r="G11783" t="s">
        <v>10</v>
      </c>
      <c r="H11783" t="s">
        <v>24340</v>
      </c>
      <c r="I11783" t="s">
        <v>30540</v>
      </c>
    </row>
    <row r="11784" spans="1:9">
      <c r="A11784" s="1">
        <f ca="1">RAND()</f>
        <v>2.8754980687518583E-2</v>
      </c>
      <c r="B11784" s="1"/>
      <c r="C11784">
        <v>16</v>
      </c>
      <c r="D11784" t="s">
        <v>24345</v>
      </c>
      <c r="E11784" t="s">
        <v>33854</v>
      </c>
      <c r="F11784">
        <v>4</v>
      </c>
      <c r="G11784" t="s">
        <v>14</v>
      </c>
      <c r="H11784" t="s">
        <v>24346</v>
      </c>
      <c r="I11784" t="s">
        <v>30540</v>
      </c>
    </row>
    <row r="11785" spans="1:9">
      <c r="A11785" s="1">
        <f ca="1">RAND()</f>
        <v>0.76011309224113799</v>
      </c>
      <c r="B11785" s="1"/>
      <c r="C11785">
        <v>12</v>
      </c>
      <c r="D11785" t="s">
        <v>24333</v>
      </c>
      <c r="E11785" t="s">
        <v>33855</v>
      </c>
      <c r="F11785">
        <v>4</v>
      </c>
      <c r="G11785" t="s">
        <v>14</v>
      </c>
      <c r="H11785" t="s">
        <v>24334</v>
      </c>
      <c r="I11785" t="s">
        <v>30540</v>
      </c>
    </row>
    <row r="11786" spans="1:9">
      <c r="A11786" s="1">
        <f ca="1">RAND()</f>
        <v>0.84748011126008482</v>
      </c>
      <c r="B11786" s="1"/>
      <c r="C11786">
        <v>14</v>
      </c>
      <c r="D11786" t="s">
        <v>24335</v>
      </c>
      <c r="E11786" t="s">
        <v>33855</v>
      </c>
      <c r="F11786">
        <v>3</v>
      </c>
      <c r="G11786" t="s">
        <v>14</v>
      </c>
      <c r="H11786" t="s">
        <v>24336</v>
      </c>
      <c r="I11786" t="s">
        <v>30540</v>
      </c>
    </row>
    <row r="11787" spans="1:9">
      <c r="A11787" s="1">
        <f ca="1">RAND()</f>
        <v>0.10512330206060438</v>
      </c>
      <c r="B11787" s="1"/>
      <c r="C11787">
        <v>19</v>
      </c>
      <c r="D11787" t="s">
        <v>24337</v>
      </c>
      <c r="E11787" t="s">
        <v>33855</v>
      </c>
      <c r="F11787">
        <v>3</v>
      </c>
      <c r="G11787" t="s">
        <v>14</v>
      </c>
      <c r="H11787" t="s">
        <v>24338</v>
      </c>
      <c r="I11787" t="s">
        <v>30540</v>
      </c>
    </row>
    <row r="11788" spans="1:9">
      <c r="A11788" s="1">
        <f ca="1">RAND()</f>
        <v>0.48320706339710939</v>
      </c>
      <c r="B11788" s="1"/>
      <c r="C11788">
        <v>9</v>
      </c>
      <c r="D11788" t="s">
        <v>24323</v>
      </c>
      <c r="E11788" t="s">
        <v>33856</v>
      </c>
      <c r="F11788">
        <v>5</v>
      </c>
      <c r="G11788" t="s">
        <v>14</v>
      </c>
      <c r="H11788" t="s">
        <v>24324</v>
      </c>
      <c r="I11788" t="s">
        <v>30540</v>
      </c>
    </row>
    <row r="11789" spans="1:9">
      <c r="A11789" s="1">
        <f ca="1">RAND()</f>
        <v>0.24047530086322022</v>
      </c>
      <c r="B11789" s="1"/>
      <c r="C11789">
        <v>13</v>
      </c>
      <c r="D11789" t="s">
        <v>24325</v>
      </c>
      <c r="E11789" t="s">
        <v>33856</v>
      </c>
      <c r="F11789">
        <v>4</v>
      </c>
      <c r="G11789" t="s">
        <v>14</v>
      </c>
      <c r="H11789" t="s">
        <v>24326</v>
      </c>
      <c r="I11789" t="s">
        <v>30540</v>
      </c>
    </row>
    <row r="11790" spans="1:9">
      <c r="A11790" s="1">
        <f ca="1">RAND()</f>
        <v>0.93666495943598715</v>
      </c>
      <c r="B11790" s="1"/>
      <c r="C11790">
        <v>18</v>
      </c>
      <c r="D11790" t="s">
        <v>24329</v>
      </c>
      <c r="E11790" t="s">
        <v>33856</v>
      </c>
      <c r="F11790">
        <v>4</v>
      </c>
      <c r="G11790" t="s">
        <v>14</v>
      </c>
      <c r="H11790" t="s">
        <v>24330</v>
      </c>
      <c r="I11790" t="s">
        <v>30540</v>
      </c>
    </row>
    <row r="11791" spans="1:9">
      <c r="A11791" s="1">
        <f ca="1">RAND()</f>
        <v>0.3407960116485711</v>
      </c>
      <c r="B11791" s="1"/>
      <c r="C11791">
        <v>19</v>
      </c>
      <c r="D11791" t="s">
        <v>24331</v>
      </c>
      <c r="E11791" t="s">
        <v>33856</v>
      </c>
      <c r="F11791">
        <v>4</v>
      </c>
      <c r="G11791" t="s">
        <v>14</v>
      </c>
      <c r="H11791" t="s">
        <v>24332</v>
      </c>
      <c r="I11791" t="s">
        <v>30540</v>
      </c>
    </row>
    <row r="11792" spans="1:9">
      <c r="A11792" s="1">
        <f ca="1">RAND()</f>
        <v>0.76293592897365214</v>
      </c>
      <c r="B11792" s="1"/>
      <c r="C11792">
        <v>5</v>
      </c>
      <c r="D11792" t="s">
        <v>24321</v>
      </c>
      <c r="E11792" t="s">
        <v>33856</v>
      </c>
      <c r="F11792">
        <v>4</v>
      </c>
      <c r="G11792" t="s">
        <v>14</v>
      </c>
      <c r="H11792" t="s">
        <v>24322</v>
      </c>
      <c r="I11792" t="s">
        <v>30540</v>
      </c>
    </row>
    <row r="11793" spans="1:9">
      <c r="A11793" s="1">
        <f ca="1">RAND()</f>
        <v>2.9931212425031606E-2</v>
      </c>
      <c r="B11793" s="1"/>
      <c r="C11793">
        <v>16</v>
      </c>
      <c r="D11793" t="s">
        <v>24327</v>
      </c>
      <c r="E11793" t="s">
        <v>33856</v>
      </c>
      <c r="F11793">
        <v>1</v>
      </c>
      <c r="G11793" t="s">
        <v>9</v>
      </c>
      <c r="H11793" t="s">
        <v>24328</v>
      </c>
      <c r="I11793" t="s">
        <v>30540</v>
      </c>
    </row>
    <row r="11794" spans="1:9">
      <c r="A11794" s="1">
        <f ca="1">RAND()</f>
        <v>4.5730107644746276E-2</v>
      </c>
      <c r="B11794" s="1"/>
      <c r="C11794">
        <v>14</v>
      </c>
      <c r="D11794" t="s">
        <v>24319</v>
      </c>
      <c r="E11794" t="s">
        <v>33857</v>
      </c>
      <c r="F11794">
        <v>5</v>
      </c>
      <c r="G11794" t="s">
        <v>14</v>
      </c>
      <c r="H11794" t="s">
        <v>24320</v>
      </c>
      <c r="I11794" t="s">
        <v>30540</v>
      </c>
    </row>
    <row r="11795" spans="1:9">
      <c r="A11795" s="1">
        <f ca="1">RAND()</f>
        <v>0.19611719278573014</v>
      </c>
      <c r="B11795" s="1"/>
      <c r="C11795">
        <v>13</v>
      </c>
      <c r="D11795" t="s">
        <v>24317</v>
      </c>
      <c r="E11795" t="s">
        <v>33857</v>
      </c>
      <c r="F11795">
        <v>4</v>
      </c>
      <c r="G11795" t="s">
        <v>14</v>
      </c>
      <c r="H11795" t="s">
        <v>24318</v>
      </c>
      <c r="I11795" t="s">
        <v>30540</v>
      </c>
    </row>
    <row r="11796" spans="1:9">
      <c r="A11796" s="1">
        <f ca="1">RAND()</f>
        <v>0.31179054870725242</v>
      </c>
      <c r="B11796" s="1"/>
      <c r="C11796">
        <v>12</v>
      </c>
      <c r="D11796" t="s">
        <v>24315</v>
      </c>
      <c r="E11796" t="s">
        <v>33857</v>
      </c>
      <c r="F11796">
        <v>3</v>
      </c>
      <c r="G11796" t="s">
        <v>14</v>
      </c>
      <c r="H11796" t="s">
        <v>24316</v>
      </c>
      <c r="I11796" t="s">
        <v>30540</v>
      </c>
    </row>
    <row r="11797" spans="1:9">
      <c r="A11797" s="1">
        <f ca="1">RAND()</f>
        <v>0.31831289578092692</v>
      </c>
      <c r="B11797" s="1"/>
      <c r="C11797">
        <v>13</v>
      </c>
      <c r="D11797" t="s">
        <v>24313</v>
      </c>
      <c r="E11797" t="s">
        <v>33858</v>
      </c>
      <c r="F11797">
        <v>5</v>
      </c>
      <c r="G11797" t="s">
        <v>14</v>
      </c>
      <c r="H11797" t="s">
        <v>24314</v>
      </c>
      <c r="I11797" t="s">
        <v>30540</v>
      </c>
    </row>
    <row r="11798" spans="1:9">
      <c r="A11798" s="1">
        <f ca="1">RAND()</f>
        <v>0.8211222671728059</v>
      </c>
      <c r="B11798" s="1"/>
      <c r="C11798">
        <v>5</v>
      </c>
      <c r="D11798" t="s">
        <v>24311</v>
      </c>
      <c r="E11798" t="s">
        <v>33858</v>
      </c>
      <c r="F11798">
        <v>4</v>
      </c>
      <c r="G11798" t="s">
        <v>14</v>
      </c>
      <c r="H11798" t="s">
        <v>24312</v>
      </c>
      <c r="I11798" t="s">
        <v>30540</v>
      </c>
    </row>
    <row r="11799" spans="1:9">
      <c r="A11799" s="1">
        <f ca="1">RAND()</f>
        <v>0.88899857833102791</v>
      </c>
      <c r="B11799" s="1"/>
      <c r="C11799">
        <v>20</v>
      </c>
      <c r="D11799" t="s">
        <v>24309</v>
      </c>
      <c r="E11799" t="s">
        <v>33859</v>
      </c>
      <c r="F11799">
        <v>5</v>
      </c>
      <c r="G11799" t="s">
        <v>14</v>
      </c>
      <c r="H11799" t="s">
        <v>24310</v>
      </c>
      <c r="I11799" t="s">
        <v>30540</v>
      </c>
    </row>
    <row r="11800" spans="1:9">
      <c r="A11800" s="1">
        <f ca="1">RAND()</f>
        <v>0.67471312206929768</v>
      </c>
      <c r="B11800" s="1"/>
      <c r="C11800">
        <v>1</v>
      </c>
      <c r="D11800" t="s">
        <v>24307</v>
      </c>
      <c r="E11800" t="s">
        <v>33859</v>
      </c>
      <c r="F11800">
        <v>5</v>
      </c>
      <c r="G11800" t="s">
        <v>10</v>
      </c>
      <c r="H11800" t="s">
        <v>24308</v>
      </c>
      <c r="I11800" t="s">
        <v>30540</v>
      </c>
    </row>
    <row r="11801" spans="1:9">
      <c r="A11801" s="1">
        <f ca="1">RAND()</f>
        <v>0.10039475165471234</v>
      </c>
      <c r="B11801" s="1"/>
      <c r="C11801">
        <v>4</v>
      </c>
      <c r="D11801" t="s">
        <v>24299</v>
      </c>
      <c r="E11801" t="s">
        <v>33860</v>
      </c>
      <c r="F11801">
        <v>5</v>
      </c>
      <c r="G11801" t="s">
        <v>14</v>
      </c>
      <c r="H11801" t="s">
        <v>24300</v>
      </c>
      <c r="I11801" t="s">
        <v>30540</v>
      </c>
    </row>
    <row r="11802" spans="1:9">
      <c r="A11802" s="1">
        <f ca="1">RAND()</f>
        <v>0.3078489775857014</v>
      </c>
      <c r="B11802" s="1"/>
      <c r="C11802">
        <v>6</v>
      </c>
      <c r="D11802" t="s">
        <v>24301</v>
      </c>
      <c r="E11802" t="s">
        <v>33860</v>
      </c>
      <c r="F11802">
        <v>4</v>
      </c>
      <c r="G11802" t="s">
        <v>15</v>
      </c>
      <c r="H11802" t="s">
        <v>24302</v>
      </c>
      <c r="I11802" t="s">
        <v>30540</v>
      </c>
    </row>
    <row r="11803" spans="1:9">
      <c r="A11803" s="1">
        <f ca="1">RAND()</f>
        <v>0.69734609210526732</v>
      </c>
      <c r="B11803" s="1"/>
      <c r="C11803">
        <v>12</v>
      </c>
      <c r="D11803" t="s">
        <v>24303</v>
      </c>
      <c r="E11803" t="s">
        <v>33860</v>
      </c>
      <c r="F11803">
        <v>4</v>
      </c>
      <c r="G11803" t="s">
        <v>14</v>
      </c>
      <c r="H11803" t="s">
        <v>24304</v>
      </c>
      <c r="I11803" t="s">
        <v>30540</v>
      </c>
    </row>
    <row r="11804" spans="1:9">
      <c r="A11804" s="1">
        <f ca="1">RAND()</f>
        <v>0.551524761680252</v>
      </c>
      <c r="B11804" s="1"/>
      <c r="C11804">
        <v>1</v>
      </c>
      <c r="D11804" t="s">
        <v>24297</v>
      </c>
      <c r="E11804" t="s">
        <v>33860</v>
      </c>
      <c r="F11804">
        <v>4</v>
      </c>
      <c r="G11804" t="s">
        <v>0</v>
      </c>
      <c r="H11804" t="s">
        <v>24298</v>
      </c>
      <c r="I11804" t="s">
        <v>30540</v>
      </c>
    </row>
    <row r="11805" spans="1:9">
      <c r="A11805" s="1">
        <f ca="1">RAND()</f>
        <v>0.61938980630144214</v>
      </c>
      <c r="B11805" s="1"/>
      <c r="C11805">
        <v>15</v>
      </c>
      <c r="D11805" t="s">
        <v>24305</v>
      </c>
      <c r="E11805" t="s">
        <v>33860</v>
      </c>
      <c r="F11805">
        <v>4</v>
      </c>
      <c r="G11805" t="s">
        <v>1</v>
      </c>
      <c r="H11805" t="s">
        <v>24306</v>
      </c>
      <c r="I11805" t="s">
        <v>30540</v>
      </c>
    </row>
    <row r="11806" spans="1:9">
      <c r="A11806" s="1">
        <f ca="1">RAND()</f>
        <v>0.13074900218854624</v>
      </c>
      <c r="B11806" s="1"/>
      <c r="C11806">
        <v>12</v>
      </c>
      <c r="D11806" t="s">
        <v>24293</v>
      </c>
      <c r="E11806" t="s">
        <v>33861</v>
      </c>
      <c r="F11806">
        <v>4</v>
      </c>
      <c r="G11806" t="s">
        <v>0</v>
      </c>
      <c r="H11806" t="s">
        <v>24294</v>
      </c>
      <c r="I11806" t="s">
        <v>30540</v>
      </c>
    </row>
    <row r="11807" spans="1:9">
      <c r="A11807" s="1">
        <f ca="1">RAND()</f>
        <v>0.86694309952064597</v>
      </c>
      <c r="B11807" s="1"/>
      <c r="C11807">
        <v>16</v>
      </c>
      <c r="D11807" t="s">
        <v>24295</v>
      </c>
      <c r="E11807" t="s">
        <v>33861</v>
      </c>
      <c r="F11807">
        <v>4</v>
      </c>
      <c r="G11807" t="s">
        <v>14</v>
      </c>
      <c r="H11807" t="s">
        <v>24296</v>
      </c>
      <c r="I11807" t="s">
        <v>30540</v>
      </c>
    </row>
    <row r="11808" spans="1:9">
      <c r="A11808" s="1">
        <f ca="1">RAND()</f>
        <v>0.26729774160640685</v>
      </c>
      <c r="B11808" s="1"/>
      <c r="C11808">
        <v>9</v>
      </c>
      <c r="D11808" t="s">
        <v>24291</v>
      </c>
      <c r="E11808" t="s">
        <v>33861</v>
      </c>
      <c r="F11808">
        <v>4</v>
      </c>
      <c r="G11808" t="s">
        <v>14</v>
      </c>
      <c r="H11808" t="s">
        <v>24292</v>
      </c>
      <c r="I11808" t="s">
        <v>30540</v>
      </c>
    </row>
    <row r="11809" spans="1:9">
      <c r="A11809" s="1">
        <f ca="1">RAND()</f>
        <v>0.95124862679965061</v>
      </c>
      <c r="B11809" s="1"/>
      <c r="C11809">
        <v>6</v>
      </c>
      <c r="D11809" t="s">
        <v>24289</v>
      </c>
      <c r="E11809" t="s">
        <v>33861</v>
      </c>
      <c r="F11809">
        <v>3</v>
      </c>
      <c r="G11809" t="s">
        <v>10</v>
      </c>
      <c r="H11809" t="s">
        <v>24290</v>
      </c>
      <c r="I11809" t="s">
        <v>30540</v>
      </c>
    </row>
    <row r="11810" spans="1:9">
      <c r="A11810" s="1">
        <f ca="1">RAND()</f>
        <v>0.52563802002842586</v>
      </c>
      <c r="B11810" s="1"/>
      <c r="C11810">
        <v>5</v>
      </c>
      <c r="D11810" t="s">
        <v>24287</v>
      </c>
      <c r="E11810" t="s">
        <v>33861</v>
      </c>
      <c r="F11810">
        <v>3</v>
      </c>
      <c r="G11810" t="s">
        <v>14</v>
      </c>
      <c r="H11810" t="s">
        <v>24288</v>
      </c>
      <c r="I11810" t="s">
        <v>30540</v>
      </c>
    </row>
    <row r="11811" spans="1:9">
      <c r="A11811" s="1">
        <f ca="1">RAND()</f>
        <v>0.48399177972186136</v>
      </c>
      <c r="B11811" s="1"/>
      <c r="C11811">
        <v>10</v>
      </c>
      <c r="D11811" t="s">
        <v>24283</v>
      </c>
      <c r="E11811" t="s">
        <v>33862</v>
      </c>
      <c r="F11811">
        <v>5</v>
      </c>
      <c r="G11811" t="s">
        <v>14</v>
      </c>
      <c r="H11811" t="s">
        <v>24284</v>
      </c>
      <c r="I11811" t="s">
        <v>30540</v>
      </c>
    </row>
    <row r="11812" spans="1:9">
      <c r="A11812" s="1">
        <f ca="1">RAND()</f>
        <v>0.59047550989813569</v>
      </c>
      <c r="B11812" s="1"/>
      <c r="C11812">
        <v>9</v>
      </c>
      <c r="D11812" t="s">
        <v>24281</v>
      </c>
      <c r="E11812" t="s">
        <v>33862</v>
      </c>
      <c r="F11812">
        <v>2</v>
      </c>
      <c r="G11812" t="s">
        <v>14</v>
      </c>
      <c r="H11812" t="s">
        <v>24282</v>
      </c>
      <c r="I11812" t="s">
        <v>30540</v>
      </c>
    </row>
    <row r="11813" spans="1:9">
      <c r="A11813" s="1">
        <f ca="1">RAND()</f>
        <v>0.82945248845112518</v>
      </c>
      <c r="B11813" s="1"/>
      <c r="C11813">
        <v>14</v>
      </c>
      <c r="D11813" t="s">
        <v>24285</v>
      </c>
      <c r="E11813" t="s">
        <v>33862</v>
      </c>
      <c r="F11813">
        <v>2</v>
      </c>
      <c r="G11813" t="s">
        <v>14</v>
      </c>
      <c r="H11813" t="s">
        <v>24286</v>
      </c>
      <c r="I11813" t="s">
        <v>30540</v>
      </c>
    </row>
    <row r="11814" spans="1:9">
      <c r="A11814" s="1">
        <f ca="1">RAND()</f>
        <v>0.73304759465544833</v>
      </c>
      <c r="B11814" s="1"/>
      <c r="C11814">
        <v>17</v>
      </c>
      <c r="D11814" t="s">
        <v>24279</v>
      </c>
      <c r="E11814" t="s">
        <v>33863</v>
      </c>
      <c r="F11814">
        <v>4</v>
      </c>
      <c r="G11814" t="s">
        <v>14</v>
      </c>
      <c r="H11814" t="s">
        <v>24280</v>
      </c>
      <c r="I11814" t="s">
        <v>30540</v>
      </c>
    </row>
    <row r="11815" spans="1:9">
      <c r="A11815" s="1">
        <f ca="1">RAND()</f>
        <v>0.71930314367730752</v>
      </c>
      <c r="B11815" s="1"/>
      <c r="C11815">
        <v>9</v>
      </c>
      <c r="D11815" t="s">
        <v>24275</v>
      </c>
      <c r="E11815" t="s">
        <v>33863</v>
      </c>
      <c r="F11815">
        <v>4</v>
      </c>
      <c r="G11815" t="s">
        <v>0</v>
      </c>
      <c r="H11815" t="s">
        <v>24276</v>
      </c>
      <c r="I11815" t="s">
        <v>30540</v>
      </c>
    </row>
    <row r="11816" spans="1:9">
      <c r="A11816" s="1">
        <f ca="1">RAND()</f>
        <v>0.98884654281437068</v>
      </c>
      <c r="B11816" s="1"/>
      <c r="C11816">
        <v>4</v>
      </c>
      <c r="D11816" t="s">
        <v>24273</v>
      </c>
      <c r="E11816" t="s">
        <v>33863</v>
      </c>
      <c r="F11816">
        <v>3</v>
      </c>
      <c r="G11816" t="s">
        <v>14</v>
      </c>
      <c r="H11816" t="s">
        <v>24274</v>
      </c>
      <c r="I11816" t="s">
        <v>30540</v>
      </c>
    </row>
    <row r="11817" spans="1:9">
      <c r="A11817" s="1">
        <f ca="1">RAND()</f>
        <v>0.97008824051163389</v>
      </c>
      <c r="B11817" s="1"/>
      <c r="C11817">
        <v>14</v>
      </c>
      <c r="D11817" t="s">
        <v>24277</v>
      </c>
      <c r="E11817" t="s">
        <v>33863</v>
      </c>
      <c r="F11817">
        <v>2</v>
      </c>
      <c r="G11817" t="s">
        <v>14</v>
      </c>
      <c r="H11817" t="s">
        <v>24278</v>
      </c>
      <c r="I11817" t="s">
        <v>30540</v>
      </c>
    </row>
    <row r="11818" spans="1:9">
      <c r="A11818" s="1">
        <f ca="1">RAND()</f>
        <v>0.57891362711119299</v>
      </c>
      <c r="B11818" s="1"/>
      <c r="C11818">
        <v>10</v>
      </c>
      <c r="D11818" t="s">
        <v>24269</v>
      </c>
      <c r="E11818" t="s">
        <v>33864</v>
      </c>
      <c r="F11818">
        <v>5</v>
      </c>
      <c r="G11818" t="s">
        <v>14</v>
      </c>
      <c r="H11818" t="s">
        <v>24270</v>
      </c>
      <c r="I11818" t="s">
        <v>30540</v>
      </c>
    </row>
    <row r="11819" spans="1:9">
      <c r="A11819" s="1">
        <f ca="1">RAND()</f>
        <v>0.13858595653049777</v>
      </c>
      <c r="B11819" s="1"/>
      <c r="C11819">
        <v>11</v>
      </c>
      <c r="D11819" t="s">
        <v>24271</v>
      </c>
      <c r="E11819" t="s">
        <v>33864</v>
      </c>
      <c r="F11819">
        <v>4</v>
      </c>
      <c r="G11819" t="s">
        <v>14</v>
      </c>
      <c r="H11819" t="s">
        <v>24272</v>
      </c>
      <c r="I11819" t="s">
        <v>30540</v>
      </c>
    </row>
    <row r="11820" spans="1:9">
      <c r="A11820" s="1">
        <f ca="1">RAND()</f>
        <v>0.12318062111831429</v>
      </c>
      <c r="B11820" s="1"/>
      <c r="C11820">
        <v>6</v>
      </c>
      <c r="D11820" t="s">
        <v>24267</v>
      </c>
      <c r="E11820" t="s">
        <v>33864</v>
      </c>
      <c r="F11820">
        <v>1</v>
      </c>
      <c r="G11820" t="s">
        <v>3732</v>
      </c>
      <c r="H11820" t="s">
        <v>24268</v>
      </c>
      <c r="I11820" t="s">
        <v>30540</v>
      </c>
    </row>
    <row r="11821" spans="1:9">
      <c r="A11821" s="1">
        <f ca="1">RAND()</f>
        <v>0.93220365219045775</v>
      </c>
      <c r="B11821" s="1"/>
      <c r="C11821">
        <v>1</v>
      </c>
      <c r="D11821" t="s">
        <v>24265</v>
      </c>
      <c r="E11821" t="s">
        <v>33864</v>
      </c>
      <c r="F11821">
        <v>1</v>
      </c>
      <c r="G11821" t="s">
        <v>775</v>
      </c>
      <c r="H11821" t="s">
        <v>24266</v>
      </c>
      <c r="I11821" t="s">
        <v>30540</v>
      </c>
    </row>
    <row r="11822" spans="1:9">
      <c r="A11822" s="1">
        <f ca="1">RAND()</f>
        <v>0.36754119673187391</v>
      </c>
      <c r="B11822" s="1"/>
      <c r="C11822">
        <v>10</v>
      </c>
      <c r="D11822" t="s">
        <v>24257</v>
      </c>
      <c r="E11822" t="s">
        <v>33865</v>
      </c>
      <c r="F11822">
        <v>5</v>
      </c>
      <c r="G11822" t="s">
        <v>14</v>
      </c>
      <c r="H11822" t="s">
        <v>24258</v>
      </c>
      <c r="I11822" t="s">
        <v>30540</v>
      </c>
    </row>
    <row r="11823" spans="1:9">
      <c r="A11823" s="1">
        <f ca="1">RAND()</f>
        <v>0.80345331886297888</v>
      </c>
      <c r="B11823" s="1"/>
      <c r="C11823">
        <v>16</v>
      </c>
      <c r="D11823" t="s">
        <v>24261</v>
      </c>
      <c r="E11823" t="s">
        <v>33865</v>
      </c>
      <c r="F11823">
        <v>4</v>
      </c>
      <c r="G11823" t="s">
        <v>14</v>
      </c>
      <c r="H11823" t="s">
        <v>24262</v>
      </c>
      <c r="I11823" t="s">
        <v>30540</v>
      </c>
    </row>
    <row r="11824" spans="1:9">
      <c r="A11824" s="1">
        <f ca="1">RAND()</f>
        <v>1.8707349178337718E-2</v>
      </c>
      <c r="B11824" s="1"/>
      <c r="C11824">
        <v>13</v>
      </c>
      <c r="D11824" t="s">
        <v>24259</v>
      </c>
      <c r="E11824" t="s">
        <v>33865</v>
      </c>
      <c r="F11824">
        <v>4</v>
      </c>
      <c r="G11824" t="s">
        <v>14</v>
      </c>
      <c r="H11824" t="s">
        <v>24260</v>
      </c>
      <c r="I11824" t="s">
        <v>30540</v>
      </c>
    </row>
    <row r="11825" spans="1:9">
      <c r="A11825" s="1">
        <f ca="1">RAND()</f>
        <v>0.78948705629670612</v>
      </c>
      <c r="B11825" s="1"/>
      <c r="C11825">
        <v>19</v>
      </c>
      <c r="D11825" t="s">
        <v>24263</v>
      </c>
      <c r="E11825" t="s">
        <v>33865</v>
      </c>
      <c r="F11825">
        <v>4</v>
      </c>
      <c r="G11825" t="s">
        <v>14</v>
      </c>
      <c r="H11825" t="s">
        <v>24264</v>
      </c>
      <c r="I11825" t="s">
        <v>30540</v>
      </c>
    </row>
    <row r="11826" spans="1:9">
      <c r="A11826" s="1">
        <f ca="1">RAND()</f>
        <v>0.55820723236298875</v>
      </c>
      <c r="B11826" s="1"/>
      <c r="C11826">
        <v>1</v>
      </c>
      <c r="D11826" t="s">
        <v>24255</v>
      </c>
      <c r="E11826" t="s">
        <v>33865</v>
      </c>
      <c r="F11826">
        <v>3</v>
      </c>
      <c r="G11826" t="s">
        <v>2</v>
      </c>
      <c r="H11826" t="s">
        <v>24256</v>
      </c>
      <c r="I11826" t="s">
        <v>30540</v>
      </c>
    </row>
    <row r="11827" spans="1:9">
      <c r="A11827" s="1">
        <f ca="1">RAND()</f>
        <v>0.54474616460838921</v>
      </c>
      <c r="B11827" s="1"/>
      <c r="C11827">
        <v>17</v>
      </c>
      <c r="D11827" t="s">
        <v>24251</v>
      </c>
      <c r="E11827" t="s">
        <v>33866</v>
      </c>
      <c r="F11827">
        <v>4</v>
      </c>
      <c r="G11827" t="s">
        <v>14</v>
      </c>
      <c r="H11827" t="s">
        <v>24252</v>
      </c>
      <c r="I11827" t="s">
        <v>30540</v>
      </c>
    </row>
    <row r="11828" spans="1:9">
      <c r="A11828" s="1">
        <f ca="1">RAND()</f>
        <v>0.48269430506526012</v>
      </c>
      <c r="B11828" s="1"/>
      <c r="C11828">
        <v>7</v>
      </c>
      <c r="D11828" t="s">
        <v>24249</v>
      </c>
      <c r="E11828" t="s">
        <v>33866</v>
      </c>
      <c r="F11828">
        <v>4</v>
      </c>
      <c r="G11828" t="s">
        <v>14</v>
      </c>
      <c r="H11828" t="s">
        <v>24250</v>
      </c>
      <c r="I11828" t="s">
        <v>30540</v>
      </c>
    </row>
    <row r="11829" spans="1:9">
      <c r="A11829" s="1">
        <f ca="1">RAND()</f>
        <v>0.84376561332359301</v>
      </c>
      <c r="B11829" s="1"/>
      <c r="C11829">
        <v>18</v>
      </c>
      <c r="D11829" t="s">
        <v>24253</v>
      </c>
      <c r="E11829" t="s">
        <v>33866</v>
      </c>
      <c r="F11829">
        <v>4</v>
      </c>
      <c r="G11829" t="s">
        <v>14</v>
      </c>
      <c r="H11829" t="s">
        <v>24254</v>
      </c>
      <c r="I11829" t="s">
        <v>30540</v>
      </c>
    </row>
    <row r="11830" spans="1:9">
      <c r="A11830" s="1">
        <f ca="1">RAND()</f>
        <v>0.97649348492983445</v>
      </c>
      <c r="B11830" s="1"/>
      <c r="C11830">
        <v>2</v>
      </c>
      <c r="D11830" t="s">
        <v>24247</v>
      </c>
      <c r="E11830" t="s">
        <v>33866</v>
      </c>
      <c r="F11830">
        <v>4</v>
      </c>
      <c r="G11830" t="s">
        <v>9</v>
      </c>
      <c r="H11830" t="s">
        <v>24248</v>
      </c>
      <c r="I11830" t="s">
        <v>30540</v>
      </c>
    </row>
    <row r="11831" spans="1:9">
      <c r="A11831" s="1">
        <f ca="1">RAND()</f>
        <v>0.6262216851208765</v>
      </c>
      <c r="B11831" s="1"/>
      <c r="C11831">
        <v>14</v>
      </c>
      <c r="D11831" t="s">
        <v>24245</v>
      </c>
      <c r="E11831" t="s">
        <v>33867</v>
      </c>
      <c r="F11831">
        <v>4</v>
      </c>
      <c r="G11831" t="s">
        <v>14</v>
      </c>
      <c r="H11831" t="s">
        <v>24246</v>
      </c>
      <c r="I11831" t="s">
        <v>30540</v>
      </c>
    </row>
    <row r="11832" spans="1:9">
      <c r="A11832" s="1">
        <f ca="1">RAND()</f>
        <v>0.10751932847984669</v>
      </c>
      <c r="B11832" s="1"/>
      <c r="C11832">
        <v>6</v>
      </c>
      <c r="D11832" t="s">
        <v>24235</v>
      </c>
      <c r="E11832" t="s">
        <v>33867</v>
      </c>
      <c r="F11832">
        <v>4</v>
      </c>
      <c r="G11832" t="s">
        <v>14</v>
      </c>
      <c r="H11832" t="s">
        <v>24236</v>
      </c>
      <c r="I11832" t="s">
        <v>30540</v>
      </c>
    </row>
    <row r="11833" spans="1:9">
      <c r="A11833" s="1">
        <f ca="1">RAND()</f>
        <v>0.60264455557834351</v>
      </c>
      <c r="B11833" s="1"/>
      <c r="C11833">
        <v>10</v>
      </c>
      <c r="D11833" t="s">
        <v>24239</v>
      </c>
      <c r="E11833" t="s">
        <v>33867</v>
      </c>
      <c r="F11833">
        <v>4</v>
      </c>
      <c r="G11833" t="s">
        <v>1</v>
      </c>
      <c r="H11833" t="s">
        <v>24240</v>
      </c>
      <c r="I11833" t="s">
        <v>30540</v>
      </c>
    </row>
    <row r="11834" spans="1:9">
      <c r="A11834" s="1">
        <f ca="1">RAND()</f>
        <v>0.38051477488764385</v>
      </c>
      <c r="B11834" s="1"/>
      <c r="C11834">
        <v>11</v>
      </c>
      <c r="D11834" t="s">
        <v>24241</v>
      </c>
      <c r="E11834" t="s">
        <v>33867</v>
      </c>
      <c r="F11834">
        <v>4</v>
      </c>
      <c r="G11834" t="s">
        <v>0</v>
      </c>
      <c r="H11834" t="s">
        <v>24242</v>
      </c>
      <c r="I11834" t="s">
        <v>30540</v>
      </c>
    </row>
    <row r="11835" spans="1:9">
      <c r="A11835" s="1">
        <f ca="1">RAND()</f>
        <v>0.11051177992019001</v>
      </c>
      <c r="B11835" s="1"/>
      <c r="C11835">
        <v>13</v>
      </c>
      <c r="D11835" t="s">
        <v>24243</v>
      </c>
      <c r="E11835" t="s">
        <v>33867</v>
      </c>
      <c r="F11835">
        <v>3</v>
      </c>
      <c r="G11835" t="s">
        <v>14</v>
      </c>
      <c r="H11835" t="s">
        <v>24244</v>
      </c>
      <c r="I11835" t="s">
        <v>30540</v>
      </c>
    </row>
    <row r="11836" spans="1:9">
      <c r="A11836" s="1">
        <f ca="1">RAND()</f>
        <v>0.32325130576661376</v>
      </c>
      <c r="B11836" s="1"/>
      <c r="C11836">
        <v>7</v>
      </c>
      <c r="D11836" t="s">
        <v>24237</v>
      </c>
      <c r="E11836" t="s">
        <v>33867</v>
      </c>
      <c r="F11836">
        <v>3</v>
      </c>
      <c r="G11836" t="s">
        <v>14</v>
      </c>
      <c r="H11836" t="s">
        <v>24238</v>
      </c>
      <c r="I11836" t="s">
        <v>30540</v>
      </c>
    </row>
    <row r="11837" spans="1:9">
      <c r="A11837" s="1">
        <f ca="1">RAND()</f>
        <v>7.7965997883351346E-2</v>
      </c>
      <c r="B11837" s="1"/>
      <c r="C11837">
        <v>9</v>
      </c>
      <c r="D11837" t="s">
        <v>24229</v>
      </c>
      <c r="E11837" t="s">
        <v>33868</v>
      </c>
      <c r="F11837">
        <v>4</v>
      </c>
      <c r="G11837" t="s">
        <v>14</v>
      </c>
      <c r="H11837" t="s">
        <v>24230</v>
      </c>
      <c r="I11837" t="s">
        <v>30540</v>
      </c>
    </row>
    <row r="11838" spans="1:9">
      <c r="A11838" s="1">
        <f ca="1">RAND()</f>
        <v>0.4124910817725983</v>
      </c>
      <c r="B11838" s="1"/>
      <c r="C11838">
        <v>11</v>
      </c>
      <c r="D11838" t="s">
        <v>24231</v>
      </c>
      <c r="E11838" t="s">
        <v>33868</v>
      </c>
      <c r="F11838">
        <v>4</v>
      </c>
      <c r="G11838" t="s">
        <v>10</v>
      </c>
      <c r="H11838" t="s">
        <v>24232</v>
      </c>
      <c r="I11838" t="s">
        <v>30540</v>
      </c>
    </row>
    <row r="11839" spans="1:9">
      <c r="A11839" s="1">
        <f ca="1">RAND()</f>
        <v>0.47320569371936716</v>
      </c>
      <c r="B11839" s="1"/>
      <c r="C11839">
        <v>1</v>
      </c>
      <c r="D11839" t="s">
        <v>24227</v>
      </c>
      <c r="E11839" t="s">
        <v>33868</v>
      </c>
      <c r="F11839">
        <v>4</v>
      </c>
      <c r="G11839" t="s">
        <v>10</v>
      </c>
      <c r="H11839" t="s">
        <v>24228</v>
      </c>
      <c r="I11839" t="s">
        <v>30540</v>
      </c>
    </row>
    <row r="11840" spans="1:9">
      <c r="A11840" s="1">
        <f ca="1">RAND()</f>
        <v>0.33977905200810299</v>
      </c>
      <c r="B11840" s="1"/>
      <c r="C11840">
        <v>15</v>
      </c>
      <c r="D11840" t="s">
        <v>24233</v>
      </c>
      <c r="E11840" t="s">
        <v>33868</v>
      </c>
      <c r="F11840">
        <v>2</v>
      </c>
      <c r="G11840" t="s">
        <v>14</v>
      </c>
      <c r="H11840" t="s">
        <v>24234</v>
      </c>
      <c r="I11840" t="s">
        <v>30540</v>
      </c>
    </row>
    <row r="11841" spans="1:9">
      <c r="A11841" s="1">
        <f ca="1">RAND()</f>
        <v>0.91351670853472833</v>
      </c>
      <c r="B11841" s="1"/>
      <c r="C11841">
        <v>7</v>
      </c>
      <c r="D11841" t="s">
        <v>24223</v>
      </c>
      <c r="E11841" t="s">
        <v>33869</v>
      </c>
      <c r="F11841">
        <v>5</v>
      </c>
      <c r="G11841" t="s">
        <v>14</v>
      </c>
      <c r="H11841" t="s">
        <v>24224</v>
      </c>
      <c r="I11841" t="s">
        <v>30540</v>
      </c>
    </row>
    <row r="11842" spans="1:9">
      <c r="A11842" s="1">
        <f ca="1">RAND()</f>
        <v>0.13618216019080565</v>
      </c>
      <c r="B11842" s="1"/>
      <c r="C11842">
        <v>13</v>
      </c>
      <c r="D11842" t="s">
        <v>24225</v>
      </c>
      <c r="E11842" t="s">
        <v>33869</v>
      </c>
      <c r="F11842">
        <v>5</v>
      </c>
      <c r="G11842" t="s">
        <v>9</v>
      </c>
      <c r="H11842" t="s">
        <v>24226</v>
      </c>
      <c r="I11842" t="s">
        <v>30540</v>
      </c>
    </row>
    <row r="11843" spans="1:9">
      <c r="A11843" s="1">
        <f ca="1">RAND()</f>
        <v>0.443129079385011</v>
      </c>
      <c r="B11843" s="1"/>
      <c r="C11843">
        <v>4</v>
      </c>
      <c r="D11843" t="s">
        <v>24221</v>
      </c>
      <c r="E11843" t="s">
        <v>33869</v>
      </c>
      <c r="F11843">
        <v>4</v>
      </c>
      <c r="G11843" t="s">
        <v>14</v>
      </c>
      <c r="H11843" t="s">
        <v>24222</v>
      </c>
      <c r="I11843" t="s">
        <v>30540</v>
      </c>
    </row>
    <row r="11844" spans="1:9">
      <c r="A11844" s="1">
        <f ca="1">RAND()</f>
        <v>0.70683619296519939</v>
      </c>
      <c r="B11844" s="1"/>
      <c r="C11844">
        <v>1</v>
      </c>
      <c r="D11844" t="s">
        <v>24219</v>
      </c>
      <c r="E11844" t="s">
        <v>33869</v>
      </c>
      <c r="F11844">
        <v>4</v>
      </c>
      <c r="G11844" t="s">
        <v>2</v>
      </c>
      <c r="H11844" t="s">
        <v>24220</v>
      </c>
      <c r="I11844" t="s">
        <v>30540</v>
      </c>
    </row>
    <row r="11845" spans="1:9">
      <c r="A11845" s="1">
        <f ca="1">RAND()</f>
        <v>0.32546213275591684</v>
      </c>
      <c r="B11845" s="1"/>
      <c r="C11845">
        <v>7</v>
      </c>
      <c r="D11845" t="s">
        <v>24215</v>
      </c>
      <c r="E11845" t="s">
        <v>33870</v>
      </c>
      <c r="F11845">
        <v>4</v>
      </c>
      <c r="G11845" t="s">
        <v>14</v>
      </c>
      <c r="H11845" t="s">
        <v>24216</v>
      </c>
      <c r="I11845" t="s">
        <v>30540</v>
      </c>
    </row>
    <row r="11846" spans="1:9">
      <c r="A11846" s="1">
        <f ca="1">RAND()</f>
        <v>0.90182260024935301</v>
      </c>
      <c r="B11846" s="1"/>
      <c r="C11846">
        <v>11</v>
      </c>
      <c r="D11846" t="s">
        <v>24217</v>
      </c>
      <c r="E11846" t="s">
        <v>33870</v>
      </c>
      <c r="F11846">
        <v>2</v>
      </c>
      <c r="G11846" t="s">
        <v>14</v>
      </c>
      <c r="H11846" t="s">
        <v>24218</v>
      </c>
      <c r="I11846" t="s">
        <v>30540</v>
      </c>
    </row>
    <row r="11847" spans="1:9">
      <c r="A11847" s="1">
        <f ca="1">RAND()</f>
        <v>0.75350174422099347</v>
      </c>
      <c r="B11847" s="1"/>
      <c r="C11847">
        <v>15</v>
      </c>
      <c r="D11847" t="s">
        <v>24213</v>
      </c>
      <c r="E11847" t="s">
        <v>33871</v>
      </c>
      <c r="F11847">
        <v>2</v>
      </c>
      <c r="G11847" t="s">
        <v>10</v>
      </c>
      <c r="H11847" t="s">
        <v>24214</v>
      </c>
      <c r="I11847" t="s">
        <v>30540</v>
      </c>
    </row>
    <row r="11848" spans="1:9">
      <c r="A11848" s="1">
        <f ca="1">RAND()</f>
        <v>0.19558274454120328</v>
      </c>
      <c r="B11848" s="1"/>
      <c r="C11848">
        <v>6</v>
      </c>
      <c r="D11848" t="s">
        <v>24209</v>
      </c>
      <c r="E11848" t="s">
        <v>33872</v>
      </c>
      <c r="F11848">
        <v>4</v>
      </c>
      <c r="G11848" t="s">
        <v>14</v>
      </c>
      <c r="H11848" t="s">
        <v>24210</v>
      </c>
      <c r="I11848" t="s">
        <v>30540</v>
      </c>
    </row>
    <row r="11849" spans="1:9">
      <c r="A11849" s="1">
        <f ca="1">RAND()</f>
        <v>0.93476575703584353</v>
      </c>
      <c r="B11849" s="1"/>
      <c r="C11849">
        <v>15</v>
      </c>
      <c r="D11849" t="s">
        <v>24211</v>
      </c>
      <c r="E11849" t="s">
        <v>33872</v>
      </c>
      <c r="F11849">
        <v>2</v>
      </c>
      <c r="G11849" t="s">
        <v>14</v>
      </c>
      <c r="H11849" t="s">
        <v>24212</v>
      </c>
      <c r="I11849" t="s">
        <v>30540</v>
      </c>
    </row>
    <row r="11850" spans="1:9">
      <c r="A11850" s="1">
        <f ca="1">RAND()</f>
        <v>0.40206416537908241</v>
      </c>
      <c r="B11850" s="1"/>
      <c r="C11850">
        <v>20</v>
      </c>
      <c r="D11850" t="s">
        <v>24207</v>
      </c>
      <c r="E11850" t="s">
        <v>33873</v>
      </c>
      <c r="F11850">
        <v>5</v>
      </c>
      <c r="G11850" t="s">
        <v>14</v>
      </c>
      <c r="H11850" t="s">
        <v>24208</v>
      </c>
      <c r="I11850" t="s">
        <v>30540</v>
      </c>
    </row>
    <row r="11851" spans="1:9">
      <c r="A11851" s="1">
        <f ca="1">RAND()</f>
        <v>2.5863597335209487E-3</v>
      </c>
      <c r="B11851" s="1"/>
      <c r="C11851">
        <v>1</v>
      </c>
      <c r="D11851" t="s">
        <v>24199</v>
      </c>
      <c r="E11851" t="s">
        <v>33873</v>
      </c>
      <c r="F11851">
        <v>5</v>
      </c>
      <c r="G11851" t="s">
        <v>1431</v>
      </c>
      <c r="H11851" t="s">
        <v>24200</v>
      </c>
      <c r="I11851" t="s">
        <v>30540</v>
      </c>
    </row>
    <row r="11852" spans="1:9">
      <c r="A11852" s="1">
        <f ca="1">RAND()</f>
        <v>0.24617742759129979</v>
      </c>
      <c r="B11852" s="1"/>
      <c r="C11852">
        <v>12</v>
      </c>
      <c r="D11852" t="s">
        <v>24201</v>
      </c>
      <c r="E11852" t="s">
        <v>33873</v>
      </c>
      <c r="F11852">
        <v>5</v>
      </c>
      <c r="G11852" t="s">
        <v>14</v>
      </c>
      <c r="H11852" t="s">
        <v>24202</v>
      </c>
      <c r="I11852" t="s">
        <v>30540</v>
      </c>
    </row>
    <row r="11853" spans="1:9">
      <c r="A11853" s="1">
        <f ca="1">RAND()</f>
        <v>0.30920237639377224</v>
      </c>
      <c r="B11853" s="1"/>
      <c r="C11853">
        <v>14</v>
      </c>
      <c r="D11853" t="s">
        <v>24203</v>
      </c>
      <c r="E11853" t="s">
        <v>33873</v>
      </c>
      <c r="F11853">
        <v>4</v>
      </c>
      <c r="G11853" t="s">
        <v>762</v>
      </c>
      <c r="H11853" t="s">
        <v>24204</v>
      </c>
      <c r="I11853" t="s">
        <v>30540</v>
      </c>
    </row>
    <row r="11854" spans="1:9">
      <c r="A11854" s="1">
        <f ca="1">RAND()</f>
        <v>0.7246800093548732</v>
      </c>
      <c r="B11854" s="1"/>
      <c r="C11854">
        <v>18</v>
      </c>
      <c r="D11854" t="s">
        <v>24205</v>
      </c>
      <c r="E11854" t="s">
        <v>33873</v>
      </c>
      <c r="F11854">
        <v>4</v>
      </c>
      <c r="G11854" t="s">
        <v>771</v>
      </c>
      <c r="H11854" t="s">
        <v>24206</v>
      </c>
      <c r="I11854" t="s">
        <v>30540</v>
      </c>
    </row>
    <row r="11855" spans="1:9">
      <c r="A11855" s="1">
        <f ca="1">RAND()</f>
        <v>0.41141092029298421</v>
      </c>
      <c r="B11855" s="1"/>
      <c r="C11855">
        <v>13</v>
      </c>
      <c r="D11855" t="s">
        <v>24193</v>
      </c>
      <c r="E11855" t="s">
        <v>33874</v>
      </c>
      <c r="F11855">
        <v>5</v>
      </c>
      <c r="G11855" t="s">
        <v>14</v>
      </c>
      <c r="H11855" t="s">
        <v>24194</v>
      </c>
      <c r="I11855" t="s">
        <v>30540</v>
      </c>
    </row>
    <row r="11856" spans="1:9">
      <c r="A11856" s="1">
        <f ca="1">RAND()</f>
        <v>0.53730821360219849</v>
      </c>
      <c r="B11856" s="1"/>
      <c r="C11856">
        <v>17</v>
      </c>
      <c r="D11856" t="s">
        <v>24197</v>
      </c>
      <c r="E11856" t="s">
        <v>33874</v>
      </c>
      <c r="F11856">
        <v>4</v>
      </c>
      <c r="G11856" t="s">
        <v>14</v>
      </c>
      <c r="H11856" t="s">
        <v>24198</v>
      </c>
      <c r="I11856" t="s">
        <v>30540</v>
      </c>
    </row>
    <row r="11857" spans="1:9">
      <c r="A11857" s="1">
        <f ca="1">RAND()</f>
        <v>0.85014771636156539</v>
      </c>
      <c r="B11857" s="1"/>
      <c r="C11857">
        <v>8</v>
      </c>
      <c r="D11857" t="s">
        <v>24191</v>
      </c>
      <c r="E11857" t="s">
        <v>33874</v>
      </c>
      <c r="F11857">
        <v>4</v>
      </c>
      <c r="G11857" t="s">
        <v>14</v>
      </c>
      <c r="H11857" t="s">
        <v>24192</v>
      </c>
      <c r="I11857" t="s">
        <v>30540</v>
      </c>
    </row>
    <row r="11858" spans="1:9">
      <c r="A11858" s="1">
        <f ca="1">RAND()</f>
        <v>0.77390435351373976</v>
      </c>
      <c r="B11858" s="1"/>
      <c r="C11858">
        <v>7</v>
      </c>
      <c r="D11858" t="s">
        <v>24189</v>
      </c>
      <c r="E11858" t="s">
        <v>33874</v>
      </c>
      <c r="F11858">
        <v>4</v>
      </c>
      <c r="G11858" t="s">
        <v>14</v>
      </c>
      <c r="H11858" t="s">
        <v>24190</v>
      </c>
      <c r="I11858" t="s">
        <v>30540</v>
      </c>
    </row>
    <row r="11859" spans="1:9">
      <c r="A11859" s="1">
        <f ca="1">RAND()</f>
        <v>0.37784005215014382</v>
      </c>
      <c r="B11859" s="1"/>
      <c r="C11859">
        <v>3</v>
      </c>
      <c r="D11859" t="s">
        <v>24187</v>
      </c>
      <c r="E11859" t="s">
        <v>33874</v>
      </c>
      <c r="F11859">
        <v>4</v>
      </c>
      <c r="G11859" t="s">
        <v>14</v>
      </c>
      <c r="H11859" t="s">
        <v>24188</v>
      </c>
      <c r="I11859" t="s">
        <v>30540</v>
      </c>
    </row>
    <row r="11860" spans="1:9">
      <c r="A11860" s="1">
        <f ca="1">RAND()</f>
        <v>0.65737609151592635</v>
      </c>
      <c r="B11860" s="1"/>
      <c r="C11860">
        <v>16</v>
      </c>
      <c r="D11860" t="s">
        <v>24195</v>
      </c>
      <c r="E11860" t="s">
        <v>33874</v>
      </c>
      <c r="F11860">
        <v>3</v>
      </c>
      <c r="G11860" t="s">
        <v>0</v>
      </c>
      <c r="H11860" t="s">
        <v>24196</v>
      </c>
      <c r="I11860" t="s">
        <v>30540</v>
      </c>
    </row>
    <row r="11861" spans="1:9">
      <c r="A11861" s="1">
        <f ca="1">RAND()</f>
        <v>0.55058247499057789</v>
      </c>
      <c r="B11861" s="1"/>
      <c r="C11861">
        <v>17</v>
      </c>
      <c r="D11861" t="s">
        <v>24183</v>
      </c>
      <c r="E11861" t="s">
        <v>33875</v>
      </c>
      <c r="F11861">
        <v>5</v>
      </c>
      <c r="G11861" t="s">
        <v>14</v>
      </c>
      <c r="H11861" t="s">
        <v>24184</v>
      </c>
      <c r="I11861" t="s">
        <v>30540</v>
      </c>
    </row>
    <row r="11862" spans="1:9">
      <c r="A11862" s="1">
        <f ca="1">RAND()</f>
        <v>0.40749891632820601</v>
      </c>
      <c r="B11862" s="1"/>
      <c r="C11862">
        <v>3</v>
      </c>
      <c r="D11862" t="s">
        <v>24179</v>
      </c>
      <c r="E11862" t="s">
        <v>33875</v>
      </c>
      <c r="F11862">
        <v>4</v>
      </c>
      <c r="G11862" t="s">
        <v>14</v>
      </c>
      <c r="H11862" t="s">
        <v>24180</v>
      </c>
      <c r="I11862" t="s">
        <v>30540</v>
      </c>
    </row>
    <row r="11863" spans="1:9">
      <c r="A11863" s="1">
        <f ca="1">RAND()</f>
        <v>0.98996000667385742</v>
      </c>
      <c r="B11863" s="1"/>
      <c r="C11863">
        <v>16</v>
      </c>
      <c r="D11863" t="s">
        <v>24181</v>
      </c>
      <c r="E11863" t="s">
        <v>33875</v>
      </c>
      <c r="F11863">
        <v>3</v>
      </c>
      <c r="G11863" t="s">
        <v>14</v>
      </c>
      <c r="H11863" t="s">
        <v>24182</v>
      </c>
      <c r="I11863" t="s">
        <v>30540</v>
      </c>
    </row>
    <row r="11864" spans="1:9">
      <c r="A11864" s="1">
        <f ca="1">RAND()</f>
        <v>0.2334151199191028</v>
      </c>
      <c r="B11864" s="1"/>
      <c r="C11864">
        <v>19</v>
      </c>
      <c r="D11864" t="s">
        <v>24185</v>
      </c>
      <c r="E11864" t="s">
        <v>33875</v>
      </c>
      <c r="F11864">
        <v>2</v>
      </c>
      <c r="G11864" t="s">
        <v>14</v>
      </c>
      <c r="H11864" t="s">
        <v>24186</v>
      </c>
      <c r="I11864" t="s">
        <v>30540</v>
      </c>
    </row>
    <row r="11865" spans="1:9">
      <c r="A11865" s="1">
        <f ca="1">RAND()</f>
        <v>0.23806171153532962</v>
      </c>
      <c r="B11865" s="1"/>
      <c r="C11865">
        <v>2</v>
      </c>
      <c r="D11865" t="s">
        <v>24171</v>
      </c>
      <c r="E11865" t="s">
        <v>33876</v>
      </c>
      <c r="F11865">
        <v>5</v>
      </c>
      <c r="G11865" t="s">
        <v>14</v>
      </c>
      <c r="H11865" t="s">
        <v>24172</v>
      </c>
      <c r="I11865" t="s">
        <v>30540</v>
      </c>
    </row>
    <row r="11866" spans="1:9">
      <c r="A11866" s="1">
        <f ca="1">RAND()</f>
        <v>0.61214745034354379</v>
      </c>
      <c r="B11866" s="1"/>
      <c r="C11866">
        <v>6</v>
      </c>
      <c r="D11866" t="s">
        <v>24173</v>
      </c>
      <c r="E11866" t="s">
        <v>33876</v>
      </c>
      <c r="F11866">
        <v>4</v>
      </c>
      <c r="G11866" t="s">
        <v>14</v>
      </c>
      <c r="H11866" t="s">
        <v>24174</v>
      </c>
      <c r="I11866" t="s">
        <v>30540</v>
      </c>
    </row>
    <row r="11867" spans="1:9">
      <c r="A11867" s="1">
        <f ca="1">RAND()</f>
        <v>0.99356999773454435</v>
      </c>
      <c r="B11867" s="1"/>
      <c r="C11867">
        <v>14</v>
      </c>
      <c r="D11867" t="s">
        <v>24177</v>
      </c>
      <c r="E11867" t="s">
        <v>33876</v>
      </c>
      <c r="F11867">
        <v>4</v>
      </c>
      <c r="G11867" t="s">
        <v>14</v>
      </c>
      <c r="H11867" t="s">
        <v>24178</v>
      </c>
      <c r="I11867" t="s">
        <v>30540</v>
      </c>
    </row>
    <row r="11868" spans="1:9">
      <c r="A11868" s="1">
        <f ca="1">RAND()</f>
        <v>7.6973862480870459E-2</v>
      </c>
      <c r="B11868" s="1"/>
      <c r="C11868">
        <v>13</v>
      </c>
      <c r="D11868" t="s">
        <v>24175</v>
      </c>
      <c r="E11868" t="s">
        <v>33876</v>
      </c>
      <c r="F11868">
        <v>4</v>
      </c>
      <c r="G11868" t="s">
        <v>14</v>
      </c>
      <c r="H11868" t="s">
        <v>24176</v>
      </c>
      <c r="I11868" t="s">
        <v>30540</v>
      </c>
    </row>
    <row r="11869" spans="1:9">
      <c r="A11869" s="1">
        <f ca="1">RAND()</f>
        <v>0.11888144028344361</v>
      </c>
      <c r="B11869" s="1"/>
      <c r="C11869">
        <v>4</v>
      </c>
      <c r="D11869" t="s">
        <v>24165</v>
      </c>
      <c r="E11869" t="s">
        <v>33877</v>
      </c>
      <c r="F11869">
        <v>5</v>
      </c>
      <c r="G11869" t="s">
        <v>14</v>
      </c>
      <c r="H11869" t="s">
        <v>24166</v>
      </c>
      <c r="I11869" t="s">
        <v>30540</v>
      </c>
    </row>
    <row r="11870" spans="1:9">
      <c r="A11870" s="1">
        <f ca="1">RAND()</f>
        <v>0.46515500079102368</v>
      </c>
      <c r="B11870" s="1"/>
      <c r="C11870">
        <v>16</v>
      </c>
      <c r="D11870" t="s">
        <v>24169</v>
      </c>
      <c r="E11870" t="s">
        <v>33877</v>
      </c>
      <c r="F11870">
        <v>4</v>
      </c>
      <c r="G11870" t="s">
        <v>14</v>
      </c>
      <c r="H11870" t="s">
        <v>24170</v>
      </c>
      <c r="I11870" t="s">
        <v>30540</v>
      </c>
    </row>
    <row r="11871" spans="1:9">
      <c r="A11871" s="1">
        <f ca="1">RAND()</f>
        <v>0.88405155740722718</v>
      </c>
      <c r="B11871" s="1"/>
      <c r="C11871">
        <v>9</v>
      </c>
      <c r="D11871" t="s">
        <v>24167</v>
      </c>
      <c r="E11871" t="s">
        <v>33877</v>
      </c>
      <c r="F11871">
        <v>3</v>
      </c>
      <c r="G11871" t="s">
        <v>14</v>
      </c>
      <c r="H11871" t="s">
        <v>24168</v>
      </c>
      <c r="I11871" t="s">
        <v>30540</v>
      </c>
    </row>
    <row r="11872" spans="1:9">
      <c r="A11872" s="1">
        <f ca="1">RAND()</f>
        <v>0.83746237857543016</v>
      </c>
      <c r="B11872" s="1"/>
      <c r="C11872">
        <v>17</v>
      </c>
      <c r="D11872" t="s">
        <v>24163</v>
      </c>
      <c r="E11872" t="s">
        <v>33878</v>
      </c>
      <c r="F11872">
        <v>4</v>
      </c>
      <c r="G11872" t="s">
        <v>14</v>
      </c>
      <c r="H11872" t="s">
        <v>24164</v>
      </c>
      <c r="I11872" t="s">
        <v>30540</v>
      </c>
    </row>
    <row r="11873" spans="1:9">
      <c r="A11873" s="1">
        <f ca="1">RAND()</f>
        <v>0.98480933030878004</v>
      </c>
      <c r="B11873" s="1"/>
      <c r="C11873">
        <v>13</v>
      </c>
      <c r="D11873" t="s">
        <v>24161</v>
      </c>
      <c r="E11873" t="s">
        <v>33878</v>
      </c>
      <c r="F11873">
        <v>4</v>
      </c>
      <c r="G11873" t="s">
        <v>2738</v>
      </c>
      <c r="H11873" t="s">
        <v>24162</v>
      </c>
      <c r="I11873" t="s">
        <v>30540</v>
      </c>
    </row>
    <row r="11874" spans="1:9">
      <c r="A11874" s="1">
        <f ca="1">RAND()</f>
        <v>0.2490688437574623</v>
      </c>
      <c r="B11874" s="1"/>
      <c r="C11874">
        <v>7</v>
      </c>
      <c r="D11874" t="s">
        <v>24159</v>
      </c>
      <c r="E11874" t="s">
        <v>33878</v>
      </c>
      <c r="F11874">
        <v>2</v>
      </c>
      <c r="G11874" t="s">
        <v>0</v>
      </c>
      <c r="H11874" t="s">
        <v>24160</v>
      </c>
      <c r="I11874" t="s">
        <v>30540</v>
      </c>
    </row>
    <row r="11875" spans="1:9">
      <c r="A11875" s="1">
        <f ca="1">RAND()</f>
        <v>0.48545358218705248</v>
      </c>
      <c r="B11875" s="1"/>
      <c r="C11875">
        <v>3</v>
      </c>
      <c r="D11875" t="s">
        <v>24157</v>
      </c>
      <c r="E11875" t="s">
        <v>33878</v>
      </c>
      <c r="F11875">
        <v>2</v>
      </c>
      <c r="G11875" t="s">
        <v>10</v>
      </c>
      <c r="H11875" t="s">
        <v>24158</v>
      </c>
      <c r="I11875" t="s">
        <v>30540</v>
      </c>
    </row>
    <row r="11876" spans="1:9">
      <c r="A11876" s="1">
        <f ca="1">RAND()</f>
        <v>0.50767976606668264</v>
      </c>
      <c r="B11876" s="1"/>
      <c r="C11876">
        <v>6</v>
      </c>
      <c r="D11876" t="s">
        <v>24153</v>
      </c>
      <c r="E11876" t="s">
        <v>33879</v>
      </c>
      <c r="F11876">
        <v>4</v>
      </c>
      <c r="G11876" t="s">
        <v>9</v>
      </c>
      <c r="H11876" t="s">
        <v>24154</v>
      </c>
      <c r="I11876" t="s">
        <v>30540</v>
      </c>
    </row>
    <row r="11877" spans="1:9">
      <c r="A11877" s="1">
        <f ca="1">RAND()</f>
        <v>0.78885769405249451</v>
      </c>
      <c r="B11877" s="1"/>
      <c r="C11877">
        <v>8</v>
      </c>
      <c r="D11877" t="s">
        <v>24155</v>
      </c>
      <c r="E11877" t="s">
        <v>33879</v>
      </c>
      <c r="F11877">
        <v>3</v>
      </c>
      <c r="G11877" t="s">
        <v>10</v>
      </c>
      <c r="H11877" t="s">
        <v>24156</v>
      </c>
      <c r="I11877" t="s">
        <v>30540</v>
      </c>
    </row>
    <row r="11878" spans="1:9">
      <c r="A11878" s="1">
        <f ca="1">RAND()</f>
        <v>0.98664763240821163</v>
      </c>
      <c r="B11878" s="1"/>
      <c r="C11878">
        <v>14</v>
      </c>
      <c r="D11878" t="s">
        <v>24147</v>
      </c>
      <c r="E11878" t="s">
        <v>33880</v>
      </c>
      <c r="F11878">
        <v>5</v>
      </c>
      <c r="G11878" t="s">
        <v>14</v>
      </c>
      <c r="H11878" t="s">
        <v>24148</v>
      </c>
      <c r="I11878" t="s">
        <v>30540</v>
      </c>
    </row>
    <row r="11879" spans="1:9">
      <c r="A11879" s="1">
        <f ca="1">RAND()</f>
        <v>0.78015098158939911</v>
      </c>
      <c r="B11879" s="1"/>
      <c r="C11879">
        <v>18</v>
      </c>
      <c r="D11879" t="s">
        <v>24151</v>
      </c>
      <c r="E11879" t="s">
        <v>33880</v>
      </c>
      <c r="F11879">
        <v>4</v>
      </c>
      <c r="G11879" t="s">
        <v>14</v>
      </c>
      <c r="H11879" t="s">
        <v>24152</v>
      </c>
      <c r="I11879" t="s">
        <v>30540</v>
      </c>
    </row>
    <row r="11880" spans="1:9">
      <c r="A11880" s="1">
        <f ca="1">RAND()</f>
        <v>0.75169148321437662</v>
      </c>
      <c r="B11880" s="1"/>
      <c r="C11880">
        <v>3</v>
      </c>
      <c r="D11880" t="s">
        <v>24143</v>
      </c>
      <c r="E11880" t="s">
        <v>33880</v>
      </c>
      <c r="F11880">
        <v>4</v>
      </c>
      <c r="G11880" t="s">
        <v>9</v>
      </c>
      <c r="H11880" t="s">
        <v>24144</v>
      </c>
      <c r="I11880" t="s">
        <v>30540</v>
      </c>
    </row>
    <row r="11881" spans="1:9">
      <c r="A11881" s="1">
        <f ca="1">RAND()</f>
        <v>0.22074104948695228</v>
      </c>
      <c r="B11881" s="1"/>
      <c r="C11881">
        <v>12</v>
      </c>
      <c r="D11881" t="s">
        <v>24145</v>
      </c>
      <c r="E11881" t="s">
        <v>33880</v>
      </c>
      <c r="F11881">
        <v>4</v>
      </c>
      <c r="G11881" t="s">
        <v>14</v>
      </c>
      <c r="H11881" t="s">
        <v>24146</v>
      </c>
      <c r="I11881" t="s">
        <v>30540</v>
      </c>
    </row>
    <row r="11882" spans="1:9">
      <c r="A11882" s="1">
        <f ca="1">RAND()</f>
        <v>0.18601378889330278</v>
      </c>
      <c r="B11882" s="1"/>
      <c r="C11882">
        <v>17</v>
      </c>
      <c r="D11882" t="s">
        <v>24149</v>
      </c>
      <c r="E11882" t="s">
        <v>33880</v>
      </c>
      <c r="F11882">
        <v>2</v>
      </c>
      <c r="G11882" t="s">
        <v>14</v>
      </c>
      <c r="H11882" t="s">
        <v>24150</v>
      </c>
      <c r="I11882" t="s">
        <v>30540</v>
      </c>
    </row>
    <row r="11883" spans="1:9">
      <c r="A11883" s="1">
        <f ca="1">RAND()</f>
        <v>0.51820177343009977</v>
      </c>
      <c r="B11883" s="1"/>
      <c r="C11883">
        <v>14</v>
      </c>
      <c r="D11883" t="s">
        <v>24141</v>
      </c>
      <c r="E11883" t="s">
        <v>33881</v>
      </c>
      <c r="F11883">
        <v>5</v>
      </c>
      <c r="G11883" t="s">
        <v>13</v>
      </c>
      <c r="H11883" t="s">
        <v>24142</v>
      </c>
      <c r="I11883" t="s">
        <v>30540</v>
      </c>
    </row>
    <row r="11884" spans="1:9">
      <c r="A11884" s="1">
        <f ca="1">RAND()</f>
        <v>0.45235745523218718</v>
      </c>
      <c r="B11884" s="1"/>
      <c r="C11884">
        <v>11</v>
      </c>
      <c r="D11884" t="s">
        <v>24137</v>
      </c>
      <c r="E11884" t="s">
        <v>33881</v>
      </c>
      <c r="F11884">
        <v>4</v>
      </c>
      <c r="G11884" t="s">
        <v>14</v>
      </c>
      <c r="H11884" t="s">
        <v>24138</v>
      </c>
      <c r="I11884" t="s">
        <v>30540</v>
      </c>
    </row>
    <row r="11885" spans="1:9">
      <c r="A11885" s="1">
        <f ca="1">RAND()</f>
        <v>0.10786922766547291</v>
      </c>
      <c r="B11885" s="1"/>
      <c r="C11885">
        <v>13</v>
      </c>
      <c r="D11885" t="s">
        <v>24139</v>
      </c>
      <c r="E11885" t="s">
        <v>33881</v>
      </c>
      <c r="F11885">
        <v>4</v>
      </c>
      <c r="G11885" t="s">
        <v>2</v>
      </c>
      <c r="H11885" t="s">
        <v>24140</v>
      </c>
      <c r="I11885" t="s">
        <v>30540</v>
      </c>
    </row>
    <row r="11886" spans="1:9">
      <c r="A11886" s="1">
        <f ca="1">RAND()</f>
        <v>0.61407167824280684</v>
      </c>
      <c r="B11886" s="1"/>
      <c r="C11886">
        <v>10</v>
      </c>
      <c r="D11886" t="s">
        <v>24135</v>
      </c>
      <c r="E11886" t="s">
        <v>33881</v>
      </c>
      <c r="F11886">
        <v>4</v>
      </c>
      <c r="G11886" t="s">
        <v>14</v>
      </c>
      <c r="H11886" t="s">
        <v>24136</v>
      </c>
      <c r="I11886" t="s">
        <v>30540</v>
      </c>
    </row>
    <row r="11887" spans="1:9">
      <c r="A11887" s="1">
        <f ca="1">RAND()</f>
        <v>0.15314918678376255</v>
      </c>
      <c r="B11887" s="1"/>
      <c r="C11887">
        <v>7</v>
      </c>
      <c r="D11887" t="s">
        <v>24129</v>
      </c>
      <c r="E11887" t="s">
        <v>33882</v>
      </c>
      <c r="F11887">
        <v>4</v>
      </c>
      <c r="G11887" t="s">
        <v>14</v>
      </c>
      <c r="H11887" t="s">
        <v>24130</v>
      </c>
      <c r="I11887" t="s">
        <v>30540</v>
      </c>
    </row>
    <row r="11888" spans="1:9">
      <c r="A11888" s="1">
        <f ca="1">RAND()</f>
        <v>0.61177114586149683</v>
      </c>
      <c r="B11888" s="1"/>
      <c r="C11888">
        <v>15</v>
      </c>
      <c r="D11888" t="s">
        <v>24133</v>
      </c>
      <c r="E11888" t="s">
        <v>33882</v>
      </c>
      <c r="F11888">
        <v>4</v>
      </c>
      <c r="G11888" t="s">
        <v>14</v>
      </c>
      <c r="H11888" t="s">
        <v>24134</v>
      </c>
      <c r="I11888" t="s">
        <v>30540</v>
      </c>
    </row>
    <row r="11889" spans="1:9">
      <c r="A11889" s="1">
        <f ca="1">RAND()</f>
        <v>0.59873685075293825</v>
      </c>
      <c r="B11889" s="1"/>
      <c r="C11889">
        <v>9</v>
      </c>
      <c r="D11889" t="s">
        <v>24131</v>
      </c>
      <c r="E11889" t="s">
        <v>33882</v>
      </c>
      <c r="F11889">
        <v>1</v>
      </c>
      <c r="G11889" t="s">
        <v>14</v>
      </c>
      <c r="H11889" t="s">
        <v>24132</v>
      </c>
      <c r="I11889" t="s">
        <v>30540</v>
      </c>
    </row>
    <row r="11890" spans="1:9">
      <c r="A11890" s="1">
        <f ca="1">RAND()</f>
        <v>0.42119324667005531</v>
      </c>
      <c r="B11890" s="1"/>
      <c r="C11890">
        <v>8</v>
      </c>
      <c r="D11890" t="s">
        <v>24123</v>
      </c>
      <c r="E11890" t="s">
        <v>33883</v>
      </c>
      <c r="F11890">
        <v>5</v>
      </c>
      <c r="G11890" t="s">
        <v>10</v>
      </c>
      <c r="H11890" t="s">
        <v>24124</v>
      </c>
      <c r="I11890" t="s">
        <v>30540</v>
      </c>
    </row>
    <row r="11891" spans="1:9">
      <c r="A11891" s="1">
        <f ca="1">RAND()</f>
        <v>0.52458001315811709</v>
      </c>
      <c r="B11891" s="1"/>
      <c r="C11891">
        <v>16</v>
      </c>
      <c r="D11891" t="s">
        <v>24125</v>
      </c>
      <c r="E11891" t="s">
        <v>33883</v>
      </c>
      <c r="F11891">
        <v>4</v>
      </c>
      <c r="G11891" t="s">
        <v>14</v>
      </c>
      <c r="H11891" t="s">
        <v>24126</v>
      </c>
      <c r="I11891" t="s">
        <v>30540</v>
      </c>
    </row>
    <row r="11892" spans="1:9">
      <c r="A11892" s="1">
        <f ca="1">RAND()</f>
        <v>9.177752699241859E-2</v>
      </c>
      <c r="B11892" s="1"/>
      <c r="C11892">
        <v>18</v>
      </c>
      <c r="D11892" t="s">
        <v>24127</v>
      </c>
      <c r="E11892" t="s">
        <v>33883</v>
      </c>
      <c r="F11892">
        <v>4</v>
      </c>
      <c r="G11892" t="s">
        <v>769</v>
      </c>
      <c r="H11892" t="s">
        <v>24128</v>
      </c>
      <c r="I11892" t="s">
        <v>30540</v>
      </c>
    </row>
    <row r="11893" spans="1:9">
      <c r="A11893" s="1">
        <f ca="1">RAND()</f>
        <v>9.7319931733403808E-2</v>
      </c>
      <c r="B11893" s="1"/>
      <c r="C11893">
        <v>6</v>
      </c>
      <c r="D11893" t="s">
        <v>24113</v>
      </c>
      <c r="E11893" t="s">
        <v>33884</v>
      </c>
      <c r="F11893">
        <v>5</v>
      </c>
      <c r="G11893" t="s">
        <v>14</v>
      </c>
      <c r="H11893" t="s">
        <v>24114</v>
      </c>
      <c r="I11893" t="s">
        <v>30540</v>
      </c>
    </row>
    <row r="11894" spans="1:9">
      <c r="A11894" s="1">
        <f ca="1">RAND()</f>
        <v>0.58869303297081566</v>
      </c>
      <c r="B11894" s="1"/>
      <c r="C11894">
        <v>12</v>
      </c>
      <c r="D11894" t="s">
        <v>24115</v>
      </c>
      <c r="E11894" t="s">
        <v>33884</v>
      </c>
      <c r="F11894">
        <v>5</v>
      </c>
      <c r="G11894" t="s">
        <v>14</v>
      </c>
      <c r="H11894" t="s">
        <v>24116</v>
      </c>
      <c r="I11894" t="s">
        <v>30540</v>
      </c>
    </row>
    <row r="11895" spans="1:9">
      <c r="A11895" s="1">
        <f ca="1">RAND()</f>
        <v>0.92084395736488489</v>
      </c>
      <c r="B11895" s="1"/>
      <c r="C11895">
        <v>16</v>
      </c>
      <c r="D11895" t="s">
        <v>24121</v>
      </c>
      <c r="E11895" t="s">
        <v>33884</v>
      </c>
      <c r="F11895">
        <v>5</v>
      </c>
      <c r="G11895" t="s">
        <v>0</v>
      </c>
      <c r="H11895" t="s">
        <v>24122</v>
      </c>
      <c r="I11895" t="s">
        <v>30540</v>
      </c>
    </row>
    <row r="11896" spans="1:9">
      <c r="A11896" s="1">
        <f ca="1">RAND()</f>
        <v>0.65881111991950525</v>
      </c>
      <c r="B11896" s="1"/>
      <c r="C11896">
        <v>14</v>
      </c>
      <c r="D11896" t="s">
        <v>24119</v>
      </c>
      <c r="E11896" t="s">
        <v>33884</v>
      </c>
      <c r="F11896">
        <v>4</v>
      </c>
      <c r="G11896" t="s">
        <v>1</v>
      </c>
      <c r="H11896" t="s">
        <v>24120</v>
      </c>
      <c r="I11896" t="s">
        <v>30540</v>
      </c>
    </row>
    <row r="11897" spans="1:9">
      <c r="A11897" s="1">
        <f ca="1">RAND()</f>
        <v>9.7693273169210726E-2</v>
      </c>
      <c r="B11897" s="1"/>
      <c r="C11897">
        <v>13</v>
      </c>
      <c r="D11897" t="s">
        <v>24117</v>
      </c>
      <c r="E11897" t="s">
        <v>33884</v>
      </c>
      <c r="F11897">
        <v>4</v>
      </c>
      <c r="G11897" t="s">
        <v>14</v>
      </c>
      <c r="H11897" t="s">
        <v>24118</v>
      </c>
      <c r="I11897" t="s">
        <v>30540</v>
      </c>
    </row>
    <row r="11898" spans="1:9">
      <c r="A11898" s="1">
        <f ca="1">RAND()</f>
        <v>0.91573036971340649</v>
      </c>
      <c r="B11898" s="1"/>
      <c r="C11898">
        <v>4</v>
      </c>
      <c r="D11898" t="s">
        <v>24105</v>
      </c>
      <c r="E11898" t="s">
        <v>33885</v>
      </c>
      <c r="F11898">
        <v>4</v>
      </c>
      <c r="G11898" t="s">
        <v>14</v>
      </c>
      <c r="H11898" t="s">
        <v>24106</v>
      </c>
      <c r="I11898" t="s">
        <v>30540</v>
      </c>
    </row>
    <row r="11899" spans="1:9">
      <c r="A11899" s="1">
        <f ca="1">RAND()</f>
        <v>0.84762488607142183</v>
      </c>
      <c r="B11899" s="1"/>
      <c r="C11899">
        <v>10</v>
      </c>
      <c r="D11899" t="s">
        <v>24107</v>
      </c>
      <c r="E11899" t="s">
        <v>33885</v>
      </c>
      <c r="F11899">
        <v>4</v>
      </c>
      <c r="G11899" t="s">
        <v>14</v>
      </c>
      <c r="H11899" t="s">
        <v>24108</v>
      </c>
      <c r="I11899" t="s">
        <v>30540</v>
      </c>
    </row>
    <row r="11900" spans="1:9">
      <c r="A11900" s="1">
        <f ca="1">RAND()</f>
        <v>4.9865974941089242E-2</v>
      </c>
      <c r="B11900" s="1"/>
      <c r="C11900">
        <v>12</v>
      </c>
      <c r="D11900" t="s">
        <v>24109</v>
      </c>
      <c r="E11900" t="s">
        <v>33885</v>
      </c>
      <c r="F11900">
        <v>4</v>
      </c>
      <c r="G11900" t="s">
        <v>14</v>
      </c>
      <c r="H11900" t="s">
        <v>24110</v>
      </c>
      <c r="I11900" t="s">
        <v>30540</v>
      </c>
    </row>
    <row r="11901" spans="1:9">
      <c r="A11901" s="1">
        <f ca="1">RAND()</f>
        <v>0.86231146225170685</v>
      </c>
      <c r="B11901" s="1"/>
      <c r="C11901">
        <v>20</v>
      </c>
      <c r="D11901" t="s">
        <v>24111</v>
      </c>
      <c r="E11901" t="s">
        <v>33885</v>
      </c>
      <c r="F11901">
        <v>4</v>
      </c>
      <c r="G11901" t="s">
        <v>1</v>
      </c>
      <c r="H11901" t="s">
        <v>24112</v>
      </c>
      <c r="I11901" t="s">
        <v>30540</v>
      </c>
    </row>
    <row r="11902" spans="1:9">
      <c r="A11902" s="1">
        <f ca="1">RAND()</f>
        <v>8.1226786718794353E-2</v>
      </c>
      <c r="B11902" s="1"/>
      <c r="C11902">
        <v>14</v>
      </c>
      <c r="D11902" t="s">
        <v>24103</v>
      </c>
      <c r="E11902" t="s">
        <v>33886</v>
      </c>
      <c r="F11902">
        <v>4</v>
      </c>
      <c r="G11902" t="s">
        <v>14</v>
      </c>
      <c r="H11902" t="s">
        <v>24104</v>
      </c>
      <c r="I11902" t="s">
        <v>30540</v>
      </c>
    </row>
    <row r="11903" spans="1:9">
      <c r="A11903" s="1">
        <f ca="1">RAND()</f>
        <v>0.97031125028446941</v>
      </c>
      <c r="B11903" s="1"/>
      <c r="C11903">
        <v>10</v>
      </c>
      <c r="D11903" t="s">
        <v>24101</v>
      </c>
      <c r="E11903" t="s">
        <v>33886</v>
      </c>
      <c r="F11903">
        <v>4</v>
      </c>
      <c r="G11903" t="s">
        <v>14</v>
      </c>
      <c r="H11903" t="s">
        <v>24102</v>
      </c>
      <c r="I11903" t="s">
        <v>30540</v>
      </c>
    </row>
    <row r="11904" spans="1:9">
      <c r="A11904" s="1">
        <f ca="1">RAND()</f>
        <v>0.71291915440472253</v>
      </c>
      <c r="B11904" s="1"/>
      <c r="C11904">
        <v>7</v>
      </c>
      <c r="D11904" t="s">
        <v>24099</v>
      </c>
      <c r="E11904" t="s">
        <v>33886</v>
      </c>
      <c r="F11904">
        <v>4</v>
      </c>
      <c r="G11904" t="s">
        <v>15</v>
      </c>
      <c r="H11904" t="s">
        <v>24100</v>
      </c>
      <c r="I11904" t="s">
        <v>30540</v>
      </c>
    </row>
    <row r="11905" spans="1:9">
      <c r="A11905" s="1">
        <f ca="1">RAND()</f>
        <v>0.25417941217434803</v>
      </c>
      <c r="B11905" s="1"/>
      <c r="C11905">
        <v>5</v>
      </c>
      <c r="D11905" t="s">
        <v>24097</v>
      </c>
      <c r="E11905" t="s">
        <v>33886</v>
      </c>
      <c r="F11905">
        <v>2</v>
      </c>
      <c r="G11905" t="s">
        <v>14</v>
      </c>
      <c r="H11905" t="s">
        <v>24098</v>
      </c>
      <c r="I11905" t="s">
        <v>30540</v>
      </c>
    </row>
    <row r="11906" spans="1:9">
      <c r="A11906" s="1">
        <f ca="1">RAND()</f>
        <v>0.73549719184982265</v>
      </c>
      <c r="B11906" s="1"/>
      <c r="C11906">
        <v>9</v>
      </c>
      <c r="D11906" t="s">
        <v>24089</v>
      </c>
      <c r="E11906" t="s">
        <v>33887</v>
      </c>
      <c r="F11906">
        <v>5</v>
      </c>
      <c r="G11906" t="s">
        <v>9</v>
      </c>
      <c r="H11906" t="s">
        <v>24090</v>
      </c>
      <c r="I11906" t="s">
        <v>30540</v>
      </c>
    </row>
    <row r="11907" spans="1:9">
      <c r="A11907" s="1">
        <f ca="1">RAND()</f>
        <v>0.21187785947971371</v>
      </c>
      <c r="B11907" s="1"/>
      <c r="C11907">
        <v>17</v>
      </c>
      <c r="D11907" t="s">
        <v>24095</v>
      </c>
      <c r="E11907" t="s">
        <v>33887</v>
      </c>
      <c r="F11907">
        <v>4</v>
      </c>
      <c r="G11907" t="s">
        <v>0</v>
      </c>
      <c r="H11907" t="s">
        <v>24096</v>
      </c>
      <c r="I11907" t="s">
        <v>30540</v>
      </c>
    </row>
    <row r="11908" spans="1:9">
      <c r="A11908" s="1">
        <f ca="1">RAND()</f>
        <v>0.15279378331659366</v>
      </c>
      <c r="B11908" s="1"/>
      <c r="C11908">
        <v>2</v>
      </c>
      <c r="D11908" t="s">
        <v>24085</v>
      </c>
      <c r="E11908" t="s">
        <v>33887</v>
      </c>
      <c r="F11908">
        <v>4</v>
      </c>
      <c r="G11908" t="s">
        <v>9</v>
      </c>
      <c r="H11908" t="s">
        <v>24086</v>
      </c>
      <c r="I11908" t="s">
        <v>30540</v>
      </c>
    </row>
    <row r="11909" spans="1:9">
      <c r="A11909" s="1">
        <f ca="1">RAND()</f>
        <v>0.61360654730565845</v>
      </c>
      <c r="B11909" s="1"/>
      <c r="C11909">
        <v>1</v>
      </c>
      <c r="D11909" t="s">
        <v>24083</v>
      </c>
      <c r="E11909" t="s">
        <v>33887</v>
      </c>
      <c r="F11909">
        <v>4</v>
      </c>
      <c r="G11909" t="s">
        <v>2</v>
      </c>
      <c r="H11909" t="s">
        <v>24084</v>
      </c>
      <c r="I11909" t="s">
        <v>30540</v>
      </c>
    </row>
    <row r="11910" spans="1:9">
      <c r="A11910" s="1">
        <f ca="1">RAND()</f>
        <v>0.80848390487611133</v>
      </c>
      <c r="B11910" s="1"/>
      <c r="C11910">
        <v>10</v>
      </c>
      <c r="D11910" t="s">
        <v>24091</v>
      </c>
      <c r="E11910" t="s">
        <v>33887</v>
      </c>
      <c r="F11910">
        <v>4</v>
      </c>
      <c r="G11910" t="s">
        <v>14</v>
      </c>
      <c r="H11910" t="s">
        <v>24092</v>
      </c>
      <c r="I11910" t="s">
        <v>30540</v>
      </c>
    </row>
    <row r="11911" spans="1:9">
      <c r="A11911" s="1">
        <f ca="1">RAND()</f>
        <v>9.9405409838694281E-2</v>
      </c>
      <c r="B11911" s="1"/>
      <c r="C11911">
        <v>13</v>
      </c>
      <c r="D11911" t="s">
        <v>24093</v>
      </c>
      <c r="E11911" t="s">
        <v>33887</v>
      </c>
      <c r="F11911">
        <v>4</v>
      </c>
      <c r="G11911" t="s">
        <v>14</v>
      </c>
      <c r="H11911" t="s">
        <v>24094</v>
      </c>
      <c r="I11911" t="s">
        <v>30540</v>
      </c>
    </row>
    <row r="11912" spans="1:9">
      <c r="A11912" s="1">
        <f ca="1">RAND()</f>
        <v>0.450794682591665</v>
      </c>
      <c r="B11912" s="1"/>
      <c r="C11912">
        <v>5</v>
      </c>
      <c r="D11912" t="s">
        <v>24087</v>
      </c>
      <c r="E11912" t="s">
        <v>33887</v>
      </c>
      <c r="F11912">
        <v>4</v>
      </c>
      <c r="G11912" t="s">
        <v>14</v>
      </c>
      <c r="H11912" t="s">
        <v>24088</v>
      </c>
      <c r="I11912" t="s">
        <v>30540</v>
      </c>
    </row>
    <row r="11913" spans="1:9">
      <c r="A11913" s="1">
        <f ca="1">RAND()</f>
        <v>3.4459182051959081E-2</v>
      </c>
      <c r="B11913" s="1"/>
      <c r="C11913">
        <v>18</v>
      </c>
      <c r="D11913" t="s">
        <v>24081</v>
      </c>
      <c r="E11913" t="s">
        <v>33888</v>
      </c>
      <c r="F11913">
        <v>5</v>
      </c>
      <c r="G11913" t="s">
        <v>10</v>
      </c>
      <c r="H11913" t="s">
        <v>24082</v>
      </c>
      <c r="I11913" t="s">
        <v>30540</v>
      </c>
    </row>
    <row r="11914" spans="1:9">
      <c r="A11914" s="1">
        <f ca="1">RAND()</f>
        <v>0.25079795917113545</v>
      </c>
      <c r="B11914" s="1"/>
      <c r="C11914">
        <v>5</v>
      </c>
      <c r="D11914" t="s">
        <v>24077</v>
      </c>
      <c r="E11914" t="s">
        <v>33888</v>
      </c>
      <c r="F11914">
        <v>4</v>
      </c>
      <c r="G11914" t="s">
        <v>2</v>
      </c>
      <c r="H11914" t="s">
        <v>24078</v>
      </c>
      <c r="I11914" t="s">
        <v>30540</v>
      </c>
    </row>
    <row r="11915" spans="1:9">
      <c r="A11915" s="1">
        <f ca="1">RAND()</f>
        <v>4.0152400410484401E-2</v>
      </c>
      <c r="B11915" s="1"/>
      <c r="C11915">
        <v>17</v>
      </c>
      <c r="D11915" t="s">
        <v>24079</v>
      </c>
      <c r="E11915" t="s">
        <v>33888</v>
      </c>
      <c r="F11915">
        <v>4</v>
      </c>
      <c r="G11915" t="s">
        <v>14</v>
      </c>
      <c r="H11915" t="s">
        <v>24080</v>
      </c>
      <c r="I11915" t="s">
        <v>30540</v>
      </c>
    </row>
    <row r="11916" spans="1:9">
      <c r="A11916" s="1">
        <f ca="1">RAND()</f>
        <v>0.95755123152424815</v>
      </c>
      <c r="B11916" s="1"/>
      <c r="C11916">
        <v>1</v>
      </c>
      <c r="D11916" t="s">
        <v>24075</v>
      </c>
      <c r="E11916" t="s">
        <v>33888</v>
      </c>
      <c r="F11916">
        <v>4</v>
      </c>
      <c r="G11916" t="s">
        <v>10</v>
      </c>
      <c r="H11916" t="s">
        <v>24076</v>
      </c>
      <c r="I11916" t="s">
        <v>30540</v>
      </c>
    </row>
    <row r="11917" spans="1:9">
      <c r="A11917" s="1">
        <f ca="1">RAND()</f>
        <v>0.81230055877554053</v>
      </c>
      <c r="B11917" s="1"/>
      <c r="C11917">
        <v>18</v>
      </c>
      <c r="D11917" t="s">
        <v>24071</v>
      </c>
      <c r="E11917" t="s">
        <v>33889</v>
      </c>
      <c r="F11917">
        <v>5</v>
      </c>
      <c r="G11917" t="s">
        <v>14</v>
      </c>
      <c r="H11917" t="s">
        <v>24072</v>
      </c>
      <c r="I11917" t="s">
        <v>30540</v>
      </c>
    </row>
    <row r="11918" spans="1:9">
      <c r="A11918" s="1">
        <f ca="1">RAND()</f>
        <v>0.44881810510525733</v>
      </c>
      <c r="B11918" s="1"/>
      <c r="C11918">
        <v>6</v>
      </c>
      <c r="D11918" t="s">
        <v>24067</v>
      </c>
      <c r="E11918" t="s">
        <v>33889</v>
      </c>
      <c r="F11918">
        <v>4</v>
      </c>
      <c r="G11918" t="s">
        <v>14</v>
      </c>
      <c r="H11918" t="s">
        <v>24068</v>
      </c>
      <c r="I11918" t="s">
        <v>30540</v>
      </c>
    </row>
    <row r="11919" spans="1:9">
      <c r="A11919" s="1">
        <f ca="1">RAND()</f>
        <v>0.30513124843730544</v>
      </c>
      <c r="B11919" s="1"/>
      <c r="C11919">
        <v>20</v>
      </c>
      <c r="D11919" t="s">
        <v>24073</v>
      </c>
      <c r="E11919" t="s">
        <v>33889</v>
      </c>
      <c r="F11919">
        <v>4</v>
      </c>
      <c r="G11919" t="s">
        <v>14</v>
      </c>
      <c r="H11919" t="s">
        <v>24074</v>
      </c>
      <c r="I11919" t="s">
        <v>30540</v>
      </c>
    </row>
    <row r="11920" spans="1:9">
      <c r="A11920" s="1">
        <f ca="1">RAND()</f>
        <v>0.7646470356630205</v>
      </c>
      <c r="B11920" s="1"/>
      <c r="C11920">
        <v>15</v>
      </c>
      <c r="D11920" t="s">
        <v>24069</v>
      </c>
      <c r="E11920" t="s">
        <v>33889</v>
      </c>
      <c r="F11920">
        <v>3</v>
      </c>
      <c r="G11920" t="s">
        <v>14</v>
      </c>
      <c r="H11920" t="s">
        <v>24070</v>
      </c>
      <c r="I11920" t="s">
        <v>30540</v>
      </c>
    </row>
    <row r="11921" spans="1:9">
      <c r="A11921" s="1">
        <f ca="1">RAND()</f>
        <v>0.79618150030484702</v>
      </c>
      <c r="B11921" s="1"/>
      <c r="C11921">
        <v>13</v>
      </c>
      <c r="D11921" t="s">
        <v>24059</v>
      </c>
      <c r="E11921" t="s">
        <v>33890</v>
      </c>
      <c r="F11921">
        <v>5</v>
      </c>
      <c r="G11921" t="s">
        <v>14</v>
      </c>
      <c r="H11921" t="s">
        <v>24060</v>
      </c>
      <c r="I11921" t="s">
        <v>30540</v>
      </c>
    </row>
    <row r="11922" spans="1:9">
      <c r="A11922" s="1">
        <f ca="1">RAND()</f>
        <v>0.13916991475245843</v>
      </c>
      <c r="B11922" s="1"/>
      <c r="C11922">
        <v>8</v>
      </c>
      <c r="D11922" t="s">
        <v>24057</v>
      </c>
      <c r="E11922" t="s">
        <v>33890</v>
      </c>
      <c r="F11922">
        <v>4</v>
      </c>
      <c r="G11922" t="s">
        <v>0</v>
      </c>
      <c r="H11922" t="s">
        <v>24058</v>
      </c>
      <c r="I11922" t="s">
        <v>30540</v>
      </c>
    </row>
    <row r="11923" spans="1:9">
      <c r="A11923" s="1">
        <f ca="1">RAND()</f>
        <v>0.99740891777419227</v>
      </c>
      <c r="B11923" s="1"/>
      <c r="C11923">
        <v>17</v>
      </c>
      <c r="D11923" t="s">
        <v>24063</v>
      </c>
      <c r="E11923" t="s">
        <v>33890</v>
      </c>
      <c r="F11923">
        <v>4</v>
      </c>
      <c r="G11923" t="s">
        <v>14</v>
      </c>
      <c r="H11923" t="s">
        <v>24064</v>
      </c>
      <c r="I11923" t="s">
        <v>30540</v>
      </c>
    </row>
    <row r="11924" spans="1:9">
      <c r="A11924" s="1">
        <f ca="1">RAND()</f>
        <v>0.43607772317980409</v>
      </c>
      <c r="B11924" s="1"/>
      <c r="C11924">
        <v>18</v>
      </c>
      <c r="D11924" t="s">
        <v>24065</v>
      </c>
      <c r="E11924" t="s">
        <v>33890</v>
      </c>
      <c r="F11924">
        <v>3</v>
      </c>
      <c r="G11924" t="s">
        <v>14</v>
      </c>
      <c r="H11924" t="s">
        <v>24066</v>
      </c>
      <c r="I11924" t="s">
        <v>30540</v>
      </c>
    </row>
    <row r="11925" spans="1:9">
      <c r="A11925" s="1">
        <f ca="1">RAND()</f>
        <v>0.13799393909746693</v>
      </c>
      <c r="B11925" s="1"/>
      <c r="C11925">
        <v>16</v>
      </c>
      <c r="D11925" t="s">
        <v>24061</v>
      </c>
      <c r="E11925" t="s">
        <v>33890</v>
      </c>
      <c r="F11925">
        <v>2</v>
      </c>
      <c r="G11925" t="s">
        <v>2</v>
      </c>
      <c r="H11925" t="s">
        <v>24062</v>
      </c>
      <c r="I11925" t="s">
        <v>30540</v>
      </c>
    </row>
    <row r="11926" spans="1:9">
      <c r="A11926" s="1">
        <f ca="1">RAND()</f>
        <v>0.44108426091982744</v>
      </c>
      <c r="B11926" s="1"/>
      <c r="C11926">
        <v>4</v>
      </c>
      <c r="D11926" t="s">
        <v>24047</v>
      </c>
      <c r="E11926" t="s">
        <v>33891</v>
      </c>
      <c r="F11926">
        <v>4</v>
      </c>
      <c r="G11926" t="s">
        <v>9</v>
      </c>
      <c r="H11926" t="s">
        <v>24048</v>
      </c>
      <c r="I11926" t="s">
        <v>30540</v>
      </c>
    </row>
    <row r="11927" spans="1:9">
      <c r="A11927" s="1">
        <f ca="1">RAND()</f>
        <v>0.91709025979503078</v>
      </c>
      <c r="B11927" s="1"/>
      <c r="C11927">
        <v>14</v>
      </c>
      <c r="D11927" t="s">
        <v>24053</v>
      </c>
      <c r="E11927" t="s">
        <v>33891</v>
      </c>
      <c r="F11927">
        <v>4</v>
      </c>
      <c r="G11927" t="s">
        <v>14</v>
      </c>
      <c r="H11927" t="s">
        <v>24054</v>
      </c>
      <c r="I11927" t="s">
        <v>30540</v>
      </c>
    </row>
    <row r="11928" spans="1:9">
      <c r="A11928" s="1">
        <f ca="1">RAND()</f>
        <v>0.97510359863952278</v>
      </c>
      <c r="B11928" s="1"/>
      <c r="C11928">
        <v>10</v>
      </c>
      <c r="D11928" t="s">
        <v>24051</v>
      </c>
      <c r="E11928" t="s">
        <v>33891</v>
      </c>
      <c r="F11928">
        <v>4</v>
      </c>
      <c r="G11928" t="s">
        <v>2</v>
      </c>
      <c r="H11928" t="s">
        <v>24052</v>
      </c>
      <c r="I11928" t="s">
        <v>30540</v>
      </c>
    </row>
    <row r="11929" spans="1:9">
      <c r="A11929" s="1">
        <f ca="1">RAND()</f>
        <v>0.71747087151019606</v>
      </c>
      <c r="B11929" s="1"/>
      <c r="C11929">
        <v>6</v>
      </c>
      <c r="D11929" t="s">
        <v>24049</v>
      </c>
      <c r="E11929" t="s">
        <v>33891</v>
      </c>
      <c r="F11929">
        <v>3</v>
      </c>
      <c r="G11929" t="s">
        <v>14</v>
      </c>
      <c r="H11929" t="s">
        <v>24050</v>
      </c>
      <c r="I11929" t="s">
        <v>30540</v>
      </c>
    </row>
    <row r="11930" spans="1:9">
      <c r="A11930" s="1">
        <f ca="1">RAND()</f>
        <v>0.33439404333528822</v>
      </c>
      <c r="B11930" s="1"/>
      <c r="C11930">
        <v>15</v>
      </c>
      <c r="D11930" t="s">
        <v>24055</v>
      </c>
      <c r="E11930" t="s">
        <v>33891</v>
      </c>
      <c r="F11930">
        <v>1</v>
      </c>
      <c r="G11930" t="s">
        <v>14</v>
      </c>
      <c r="H11930" t="s">
        <v>24056</v>
      </c>
      <c r="I11930" t="s">
        <v>30540</v>
      </c>
    </row>
    <row r="11931" spans="1:9">
      <c r="A11931" s="1">
        <f ca="1">RAND()</f>
        <v>0.17579871450387219</v>
      </c>
      <c r="B11931" s="1"/>
      <c r="C11931">
        <v>1</v>
      </c>
      <c r="D11931" t="s">
        <v>24035</v>
      </c>
      <c r="E11931" t="s">
        <v>33892</v>
      </c>
      <c r="F11931">
        <v>5</v>
      </c>
      <c r="G11931" t="s">
        <v>9</v>
      </c>
      <c r="H11931" t="s">
        <v>24036</v>
      </c>
      <c r="I11931" t="s">
        <v>30540</v>
      </c>
    </row>
    <row r="11932" spans="1:9">
      <c r="A11932" s="1">
        <f ca="1">RAND()</f>
        <v>0.23297232535737467</v>
      </c>
      <c r="B11932" s="1"/>
      <c r="C11932">
        <v>17</v>
      </c>
      <c r="D11932" t="s">
        <v>24043</v>
      </c>
      <c r="E11932" t="s">
        <v>33892</v>
      </c>
      <c r="F11932">
        <v>5</v>
      </c>
      <c r="G11932" t="s">
        <v>10</v>
      </c>
      <c r="H11932" t="s">
        <v>24044</v>
      </c>
      <c r="I11932" t="s">
        <v>30540</v>
      </c>
    </row>
    <row r="11933" spans="1:9">
      <c r="A11933" s="1">
        <f ca="1">RAND()</f>
        <v>8.5240615414090004E-2</v>
      </c>
      <c r="B11933" s="1"/>
      <c r="C11933">
        <v>18</v>
      </c>
      <c r="D11933" t="s">
        <v>24045</v>
      </c>
      <c r="E11933" t="s">
        <v>33892</v>
      </c>
      <c r="F11933">
        <v>5</v>
      </c>
      <c r="G11933" t="s">
        <v>10</v>
      </c>
      <c r="H11933" t="s">
        <v>24046</v>
      </c>
      <c r="I11933" t="s">
        <v>30540</v>
      </c>
    </row>
    <row r="11934" spans="1:9">
      <c r="A11934" s="1">
        <f ca="1">RAND()</f>
        <v>0.2340613417612033</v>
      </c>
      <c r="B11934" s="1"/>
      <c r="C11934">
        <v>3</v>
      </c>
      <c r="D11934" t="s">
        <v>24037</v>
      </c>
      <c r="E11934" t="s">
        <v>33892</v>
      </c>
      <c r="F11934">
        <v>4</v>
      </c>
      <c r="G11934" t="s">
        <v>10</v>
      </c>
      <c r="H11934" t="s">
        <v>24038</v>
      </c>
      <c r="I11934" t="s">
        <v>30540</v>
      </c>
    </row>
    <row r="11935" spans="1:9">
      <c r="A11935" s="1">
        <f ca="1">RAND()</f>
        <v>0.59848877430695113</v>
      </c>
      <c r="B11935" s="1"/>
      <c r="C11935">
        <v>11</v>
      </c>
      <c r="D11935" t="s">
        <v>24041</v>
      </c>
      <c r="E11935" t="s">
        <v>33892</v>
      </c>
      <c r="F11935">
        <v>4</v>
      </c>
      <c r="G11935" t="s">
        <v>14</v>
      </c>
      <c r="H11935" t="s">
        <v>24042</v>
      </c>
      <c r="I11935" t="s">
        <v>30540</v>
      </c>
    </row>
    <row r="11936" spans="1:9">
      <c r="A11936" s="1">
        <f ca="1">RAND()</f>
        <v>0.9927901448817551</v>
      </c>
      <c r="B11936" s="1"/>
      <c r="C11936">
        <v>4</v>
      </c>
      <c r="D11936" t="s">
        <v>24039</v>
      </c>
      <c r="E11936" t="s">
        <v>33892</v>
      </c>
      <c r="F11936">
        <v>3</v>
      </c>
      <c r="G11936" t="s">
        <v>2</v>
      </c>
      <c r="H11936" t="s">
        <v>24040</v>
      </c>
      <c r="I11936" t="s">
        <v>30540</v>
      </c>
    </row>
    <row r="11937" spans="1:9">
      <c r="A11937" s="1">
        <f ca="1">RAND()</f>
        <v>0.76926387556268372</v>
      </c>
      <c r="B11937" s="1"/>
      <c r="C11937">
        <v>9</v>
      </c>
      <c r="D11937" t="s">
        <v>24031</v>
      </c>
      <c r="E11937" t="s">
        <v>33893</v>
      </c>
      <c r="F11937">
        <v>4</v>
      </c>
      <c r="G11937" t="s">
        <v>14</v>
      </c>
      <c r="H11937" t="s">
        <v>24032</v>
      </c>
      <c r="I11937" t="s">
        <v>30540</v>
      </c>
    </row>
    <row r="11938" spans="1:9">
      <c r="A11938" s="1">
        <f ca="1">RAND()</f>
        <v>3.3674215744499469E-2</v>
      </c>
      <c r="B11938" s="1"/>
      <c r="C11938">
        <v>11</v>
      </c>
      <c r="D11938" t="s">
        <v>24033</v>
      </c>
      <c r="E11938" t="s">
        <v>33893</v>
      </c>
      <c r="F11938">
        <v>2</v>
      </c>
      <c r="G11938" t="s">
        <v>14</v>
      </c>
      <c r="H11938" t="s">
        <v>24034</v>
      </c>
      <c r="I11938" t="s">
        <v>30540</v>
      </c>
    </row>
    <row r="11939" spans="1:9">
      <c r="A11939" s="1">
        <f ca="1">RAND()</f>
        <v>0.94112867351922314</v>
      </c>
      <c r="B11939" s="1"/>
      <c r="C11939">
        <v>12</v>
      </c>
      <c r="D11939" t="s">
        <v>24025</v>
      </c>
      <c r="E11939" t="s">
        <v>33894</v>
      </c>
      <c r="F11939">
        <v>5</v>
      </c>
      <c r="G11939" t="s">
        <v>14</v>
      </c>
      <c r="H11939" t="s">
        <v>24026</v>
      </c>
      <c r="I11939" t="s">
        <v>30540</v>
      </c>
    </row>
    <row r="11940" spans="1:9">
      <c r="A11940" s="1">
        <f ca="1">RAND()</f>
        <v>2.7682513731705494E-2</v>
      </c>
      <c r="B11940" s="1"/>
      <c r="C11940">
        <v>3</v>
      </c>
      <c r="D11940" t="s">
        <v>24021</v>
      </c>
      <c r="E11940" t="s">
        <v>33894</v>
      </c>
      <c r="F11940">
        <v>5</v>
      </c>
      <c r="G11940" t="s">
        <v>10</v>
      </c>
      <c r="H11940" t="s">
        <v>24022</v>
      </c>
      <c r="I11940" t="s">
        <v>30540</v>
      </c>
    </row>
    <row r="11941" spans="1:9">
      <c r="A11941" s="1">
        <f ca="1">RAND()</f>
        <v>0.61432247095864179</v>
      </c>
      <c r="B11941" s="1"/>
      <c r="C11941">
        <v>16</v>
      </c>
      <c r="D11941" t="s">
        <v>24029</v>
      </c>
      <c r="E11941" t="s">
        <v>33894</v>
      </c>
      <c r="F11941">
        <v>4</v>
      </c>
      <c r="G11941" t="s">
        <v>14</v>
      </c>
      <c r="H11941" t="s">
        <v>24030</v>
      </c>
      <c r="I11941" t="s">
        <v>30540</v>
      </c>
    </row>
    <row r="11942" spans="1:9">
      <c r="A11942" s="1">
        <f ca="1">RAND()</f>
        <v>0.99210314031460245</v>
      </c>
      <c r="B11942" s="1"/>
      <c r="C11942">
        <v>14</v>
      </c>
      <c r="D11942" t="s">
        <v>24027</v>
      </c>
      <c r="E11942" t="s">
        <v>33894</v>
      </c>
      <c r="F11942">
        <v>4</v>
      </c>
      <c r="G11942" t="s">
        <v>9</v>
      </c>
      <c r="H11942" t="s">
        <v>24028</v>
      </c>
      <c r="I11942" t="s">
        <v>30540</v>
      </c>
    </row>
    <row r="11943" spans="1:9">
      <c r="A11943" s="1">
        <f ca="1">RAND()</f>
        <v>0.78259744945855336</v>
      </c>
      <c r="B11943" s="1"/>
      <c r="C11943">
        <v>5</v>
      </c>
      <c r="D11943" t="s">
        <v>24023</v>
      </c>
      <c r="E11943" t="s">
        <v>33894</v>
      </c>
      <c r="F11943">
        <v>3</v>
      </c>
      <c r="G11943" t="s">
        <v>14</v>
      </c>
      <c r="H11943" t="s">
        <v>24024</v>
      </c>
      <c r="I11943" t="s">
        <v>30540</v>
      </c>
    </row>
    <row r="11944" spans="1:9">
      <c r="A11944" s="1">
        <f ca="1">RAND()</f>
        <v>0.41063332742864822</v>
      </c>
      <c r="B11944" s="1"/>
      <c r="C11944">
        <v>2</v>
      </c>
      <c r="D11944" t="s">
        <v>24011</v>
      </c>
      <c r="E11944" t="s">
        <v>33895</v>
      </c>
      <c r="F11944">
        <v>4</v>
      </c>
      <c r="G11944" t="s">
        <v>10</v>
      </c>
      <c r="H11944" t="s">
        <v>24012</v>
      </c>
      <c r="I11944" t="s">
        <v>30540</v>
      </c>
    </row>
    <row r="11945" spans="1:9">
      <c r="A11945" s="1">
        <f ca="1">RAND()</f>
        <v>0.49899318843945983</v>
      </c>
      <c r="B11945" s="1"/>
      <c r="C11945">
        <v>6</v>
      </c>
      <c r="D11945" t="s">
        <v>24013</v>
      </c>
      <c r="E11945" t="s">
        <v>33895</v>
      </c>
      <c r="F11945">
        <v>4</v>
      </c>
      <c r="G11945" t="s">
        <v>14</v>
      </c>
      <c r="H11945" t="s">
        <v>24014</v>
      </c>
      <c r="I11945" t="s">
        <v>30540</v>
      </c>
    </row>
    <row r="11946" spans="1:9">
      <c r="A11946" s="1">
        <f ca="1">RAND()</f>
        <v>0.39553716146262186</v>
      </c>
      <c r="B11946" s="1"/>
      <c r="C11946">
        <v>8</v>
      </c>
      <c r="D11946" t="s">
        <v>24015</v>
      </c>
      <c r="E11946" t="s">
        <v>33895</v>
      </c>
      <c r="F11946">
        <v>4</v>
      </c>
      <c r="G11946" t="s">
        <v>14</v>
      </c>
      <c r="H11946" t="s">
        <v>24016</v>
      </c>
      <c r="I11946" t="s">
        <v>30540</v>
      </c>
    </row>
    <row r="11947" spans="1:9">
      <c r="A11947" s="1">
        <f ca="1">RAND()</f>
        <v>0.17022731176441097</v>
      </c>
      <c r="B11947" s="1"/>
      <c r="C11947">
        <v>16</v>
      </c>
      <c r="D11947" t="s">
        <v>24019</v>
      </c>
      <c r="E11947" t="s">
        <v>33895</v>
      </c>
      <c r="F11947">
        <v>4</v>
      </c>
      <c r="G11947" t="s">
        <v>14</v>
      </c>
      <c r="H11947" t="s">
        <v>24020</v>
      </c>
      <c r="I11947" t="s">
        <v>30540</v>
      </c>
    </row>
    <row r="11948" spans="1:9">
      <c r="A11948" s="1">
        <f ca="1">RAND()</f>
        <v>0.12581851218886386</v>
      </c>
      <c r="B11948" s="1"/>
      <c r="C11948">
        <v>15</v>
      </c>
      <c r="D11948" t="s">
        <v>24017</v>
      </c>
      <c r="E11948" t="s">
        <v>33895</v>
      </c>
      <c r="F11948">
        <v>4</v>
      </c>
      <c r="G11948" t="s">
        <v>14</v>
      </c>
      <c r="H11948" t="s">
        <v>24018</v>
      </c>
      <c r="I11948" t="s">
        <v>30540</v>
      </c>
    </row>
    <row r="11949" spans="1:9">
      <c r="A11949" s="1">
        <f ca="1">RAND()</f>
        <v>2.8794513951332368E-2</v>
      </c>
      <c r="B11949" s="1"/>
      <c r="C11949">
        <v>12</v>
      </c>
      <c r="D11949" t="s">
        <v>24009</v>
      </c>
      <c r="E11949" t="s">
        <v>33896</v>
      </c>
      <c r="F11949">
        <v>5</v>
      </c>
      <c r="G11949" t="s">
        <v>14</v>
      </c>
      <c r="H11949" t="s">
        <v>24010</v>
      </c>
      <c r="I11949" t="s">
        <v>30540</v>
      </c>
    </row>
    <row r="11950" spans="1:9">
      <c r="A11950" s="1">
        <f ca="1">RAND()</f>
        <v>0.82694971704297737</v>
      </c>
      <c r="B11950" s="1"/>
      <c r="C11950">
        <v>8</v>
      </c>
      <c r="D11950" t="s">
        <v>24005</v>
      </c>
      <c r="E11950" t="s">
        <v>33896</v>
      </c>
      <c r="F11950">
        <v>4</v>
      </c>
      <c r="G11950" t="s">
        <v>14</v>
      </c>
      <c r="H11950" t="s">
        <v>24006</v>
      </c>
      <c r="I11950" t="s">
        <v>30540</v>
      </c>
    </row>
    <row r="11951" spans="1:9">
      <c r="A11951" s="1">
        <f ca="1">RAND()</f>
        <v>0.27829100165495901</v>
      </c>
      <c r="B11951" s="1"/>
      <c r="C11951">
        <v>11</v>
      </c>
      <c r="D11951" t="s">
        <v>24007</v>
      </c>
      <c r="E11951" t="s">
        <v>33896</v>
      </c>
      <c r="F11951">
        <v>4</v>
      </c>
      <c r="G11951" t="s">
        <v>15</v>
      </c>
      <c r="H11951" t="s">
        <v>24008</v>
      </c>
      <c r="I11951" t="s">
        <v>30540</v>
      </c>
    </row>
    <row r="11952" spans="1:9">
      <c r="A11952" s="1">
        <f ca="1">RAND()</f>
        <v>0.53206627859451794</v>
      </c>
      <c r="B11952" s="1"/>
      <c r="C11952">
        <v>2</v>
      </c>
      <c r="D11952" t="s">
        <v>24001</v>
      </c>
      <c r="E11952" t="s">
        <v>33897</v>
      </c>
      <c r="F11952">
        <v>3</v>
      </c>
      <c r="G11952" t="s">
        <v>10</v>
      </c>
      <c r="H11952" t="s">
        <v>24002</v>
      </c>
      <c r="I11952" t="s">
        <v>30540</v>
      </c>
    </row>
    <row r="11953" spans="1:9">
      <c r="A11953" s="1">
        <f ca="1">RAND()</f>
        <v>0.59661194153160957</v>
      </c>
      <c r="B11953" s="1"/>
      <c r="C11953">
        <v>15</v>
      </c>
      <c r="D11953" t="s">
        <v>24003</v>
      </c>
      <c r="E11953" t="s">
        <v>33897</v>
      </c>
      <c r="F11953">
        <v>2</v>
      </c>
      <c r="G11953" t="s">
        <v>14</v>
      </c>
      <c r="H11953" t="s">
        <v>24004</v>
      </c>
      <c r="I11953" t="s">
        <v>30540</v>
      </c>
    </row>
    <row r="11954" spans="1:9">
      <c r="A11954" s="1">
        <f ca="1">RAND()</f>
        <v>0.34641337407251793</v>
      </c>
      <c r="B11954" s="1"/>
      <c r="C11954">
        <v>2</v>
      </c>
      <c r="D11954" t="s">
        <v>23993</v>
      </c>
      <c r="E11954" t="s">
        <v>33898</v>
      </c>
      <c r="F11954">
        <v>4</v>
      </c>
      <c r="G11954" t="s">
        <v>2</v>
      </c>
      <c r="H11954" t="s">
        <v>23994</v>
      </c>
      <c r="I11954" t="s">
        <v>30540</v>
      </c>
    </row>
    <row r="11955" spans="1:9">
      <c r="A11955" s="1">
        <f ca="1">RAND()</f>
        <v>0.91219887085534357</v>
      </c>
      <c r="B11955" s="1"/>
      <c r="C11955">
        <v>8</v>
      </c>
      <c r="D11955" t="s">
        <v>23997</v>
      </c>
      <c r="E11955" t="s">
        <v>33898</v>
      </c>
      <c r="F11955">
        <v>4</v>
      </c>
      <c r="G11955" t="s">
        <v>14</v>
      </c>
      <c r="H11955" t="s">
        <v>23998</v>
      </c>
      <c r="I11955" t="s">
        <v>30540</v>
      </c>
    </row>
    <row r="11956" spans="1:9">
      <c r="A11956" s="1">
        <f ca="1">RAND()</f>
        <v>0.93603350459261403</v>
      </c>
      <c r="B11956" s="1"/>
      <c r="C11956">
        <v>6</v>
      </c>
      <c r="D11956" t="s">
        <v>23995</v>
      </c>
      <c r="E11956" t="s">
        <v>33898</v>
      </c>
      <c r="F11956">
        <v>3</v>
      </c>
      <c r="G11956" t="s">
        <v>14</v>
      </c>
      <c r="H11956" t="s">
        <v>23996</v>
      </c>
      <c r="I11956" t="s">
        <v>30540</v>
      </c>
    </row>
    <row r="11957" spans="1:9">
      <c r="A11957" s="1">
        <f ca="1">RAND()</f>
        <v>0.53229978145131496</v>
      </c>
      <c r="B11957" s="1"/>
      <c r="C11957">
        <v>14</v>
      </c>
      <c r="D11957" t="s">
        <v>23999</v>
      </c>
      <c r="E11957" t="s">
        <v>33898</v>
      </c>
      <c r="F11957">
        <v>3</v>
      </c>
      <c r="G11957" t="s">
        <v>0</v>
      </c>
      <c r="H11957" t="s">
        <v>24000</v>
      </c>
      <c r="I11957" t="s">
        <v>30540</v>
      </c>
    </row>
    <row r="11958" spans="1:9">
      <c r="A11958" s="1">
        <f ca="1">RAND()</f>
        <v>0.91216102352340511</v>
      </c>
      <c r="B11958" s="1"/>
      <c r="C11958">
        <v>2</v>
      </c>
      <c r="D11958" t="s">
        <v>23987</v>
      </c>
      <c r="E11958" t="s">
        <v>33899</v>
      </c>
      <c r="F11958">
        <v>4</v>
      </c>
      <c r="G11958" t="s">
        <v>15</v>
      </c>
      <c r="H11958" t="s">
        <v>23988</v>
      </c>
      <c r="I11958" t="s">
        <v>30540</v>
      </c>
    </row>
    <row r="11959" spans="1:9">
      <c r="A11959" s="1">
        <f ca="1">RAND()</f>
        <v>0.50084365112746598</v>
      </c>
      <c r="B11959" s="1"/>
      <c r="C11959">
        <v>10</v>
      </c>
      <c r="D11959" t="s">
        <v>23989</v>
      </c>
      <c r="E11959" t="s">
        <v>33899</v>
      </c>
      <c r="F11959">
        <v>4</v>
      </c>
      <c r="G11959" t="s">
        <v>0</v>
      </c>
      <c r="H11959" t="s">
        <v>23990</v>
      </c>
      <c r="I11959" t="s">
        <v>30540</v>
      </c>
    </row>
    <row r="11960" spans="1:9">
      <c r="A11960" s="1">
        <f ca="1">RAND()</f>
        <v>0.33903259840822675</v>
      </c>
      <c r="B11960" s="1"/>
      <c r="C11960">
        <v>16</v>
      </c>
      <c r="D11960" t="s">
        <v>23991</v>
      </c>
      <c r="E11960" t="s">
        <v>33899</v>
      </c>
      <c r="F11960">
        <v>2</v>
      </c>
      <c r="G11960" t="s">
        <v>14</v>
      </c>
      <c r="H11960" t="s">
        <v>23992</v>
      </c>
      <c r="I11960" t="s">
        <v>30540</v>
      </c>
    </row>
    <row r="11961" spans="1:9">
      <c r="A11961" s="1">
        <f ca="1">RAND()</f>
        <v>0.7060483487911996</v>
      </c>
      <c r="B11961" s="1"/>
      <c r="C11961">
        <v>13</v>
      </c>
      <c r="D11961" t="s">
        <v>23983</v>
      </c>
      <c r="E11961" t="s">
        <v>33900</v>
      </c>
      <c r="F11961">
        <v>4</v>
      </c>
      <c r="G11961" t="s">
        <v>14</v>
      </c>
      <c r="H11961" t="s">
        <v>23984</v>
      </c>
      <c r="I11961" t="s">
        <v>30540</v>
      </c>
    </row>
    <row r="11962" spans="1:9">
      <c r="A11962" s="1">
        <f ca="1">RAND()</f>
        <v>7.1525114142876767E-2</v>
      </c>
      <c r="B11962" s="1"/>
      <c r="C11962">
        <v>8</v>
      </c>
      <c r="D11962" t="s">
        <v>23977</v>
      </c>
      <c r="E11962" t="s">
        <v>33900</v>
      </c>
      <c r="F11962">
        <v>4</v>
      </c>
      <c r="G11962" t="s">
        <v>10</v>
      </c>
      <c r="H11962" t="s">
        <v>23978</v>
      </c>
      <c r="I11962" t="s">
        <v>30540</v>
      </c>
    </row>
    <row r="11963" spans="1:9">
      <c r="A11963" s="1">
        <f ca="1">RAND()</f>
        <v>0.64765629260451218</v>
      </c>
      <c r="B11963" s="1"/>
      <c r="C11963">
        <v>12</v>
      </c>
      <c r="D11963" t="s">
        <v>23981</v>
      </c>
      <c r="E11963" t="s">
        <v>33900</v>
      </c>
      <c r="F11963">
        <v>4</v>
      </c>
      <c r="G11963" t="s">
        <v>14</v>
      </c>
      <c r="H11963" t="s">
        <v>23982</v>
      </c>
      <c r="I11963" t="s">
        <v>30540</v>
      </c>
    </row>
    <row r="11964" spans="1:9">
      <c r="A11964" s="1">
        <f ca="1">RAND()</f>
        <v>0.8104978152267216</v>
      </c>
      <c r="B11964" s="1"/>
      <c r="C11964">
        <v>15</v>
      </c>
      <c r="D11964" t="s">
        <v>23985</v>
      </c>
      <c r="E11964" t="s">
        <v>33900</v>
      </c>
      <c r="F11964">
        <v>4</v>
      </c>
      <c r="G11964" t="s">
        <v>2</v>
      </c>
      <c r="H11964" t="s">
        <v>23986</v>
      </c>
      <c r="I11964" t="s">
        <v>30540</v>
      </c>
    </row>
    <row r="11965" spans="1:9">
      <c r="A11965" s="1">
        <f ca="1">RAND()</f>
        <v>4.189147941647442E-2</v>
      </c>
      <c r="B11965" s="1"/>
      <c r="C11965">
        <v>11</v>
      </c>
      <c r="D11965" t="s">
        <v>23979</v>
      </c>
      <c r="E11965" t="s">
        <v>33900</v>
      </c>
      <c r="F11965">
        <v>3</v>
      </c>
      <c r="G11965" t="s">
        <v>14</v>
      </c>
      <c r="H11965" t="s">
        <v>23980</v>
      </c>
      <c r="I11965" t="s">
        <v>30540</v>
      </c>
    </row>
    <row r="11966" spans="1:9">
      <c r="A11966" s="1">
        <f ca="1">RAND()</f>
        <v>0.70684162643982429</v>
      </c>
      <c r="B11966" s="1"/>
      <c r="C11966">
        <v>12</v>
      </c>
      <c r="D11966" t="s">
        <v>23971</v>
      </c>
      <c r="E11966" t="s">
        <v>33901</v>
      </c>
      <c r="F11966">
        <v>4</v>
      </c>
      <c r="G11966" t="s">
        <v>14</v>
      </c>
      <c r="H11966" t="s">
        <v>23972</v>
      </c>
      <c r="I11966" t="s">
        <v>30540</v>
      </c>
    </row>
    <row r="11967" spans="1:9">
      <c r="A11967" s="1">
        <f ca="1">RAND()</f>
        <v>0.11186602140622404</v>
      </c>
      <c r="B11967" s="1"/>
      <c r="C11967">
        <v>2</v>
      </c>
      <c r="D11967" t="s">
        <v>23965</v>
      </c>
      <c r="E11967" t="s">
        <v>33901</v>
      </c>
      <c r="F11967">
        <v>4</v>
      </c>
      <c r="G11967" t="s">
        <v>9</v>
      </c>
      <c r="H11967" t="s">
        <v>23966</v>
      </c>
      <c r="I11967" t="s">
        <v>30540</v>
      </c>
    </row>
    <row r="11968" spans="1:9">
      <c r="A11968" s="1">
        <f ca="1">RAND()</f>
        <v>0.26024313255342857</v>
      </c>
      <c r="B11968" s="1"/>
      <c r="C11968">
        <v>19</v>
      </c>
      <c r="D11968" t="s">
        <v>23975</v>
      </c>
      <c r="E11968" t="s">
        <v>33901</v>
      </c>
      <c r="F11968">
        <v>4</v>
      </c>
      <c r="G11968" t="s">
        <v>14</v>
      </c>
      <c r="H11968" t="s">
        <v>23976</v>
      </c>
      <c r="I11968" t="s">
        <v>30540</v>
      </c>
    </row>
    <row r="11969" spans="1:9">
      <c r="A11969" s="1">
        <f ca="1">RAND()</f>
        <v>5.5084326714764487E-2</v>
      </c>
      <c r="B11969" s="1"/>
      <c r="C11969">
        <v>15</v>
      </c>
      <c r="D11969" t="s">
        <v>23973</v>
      </c>
      <c r="E11969" t="s">
        <v>33901</v>
      </c>
      <c r="F11969">
        <v>3</v>
      </c>
      <c r="G11969" t="s">
        <v>14</v>
      </c>
      <c r="H11969" t="s">
        <v>23974</v>
      </c>
      <c r="I11969" t="s">
        <v>30540</v>
      </c>
    </row>
    <row r="11970" spans="1:9">
      <c r="A11970" s="1">
        <f ca="1">RAND()</f>
        <v>0.61894271368277076</v>
      </c>
      <c r="B11970" s="1"/>
      <c r="C11970">
        <v>10</v>
      </c>
      <c r="D11970" t="s">
        <v>23969</v>
      </c>
      <c r="E11970" t="s">
        <v>33901</v>
      </c>
      <c r="F11970">
        <v>3</v>
      </c>
      <c r="G11970" t="s">
        <v>9</v>
      </c>
      <c r="H11970" t="s">
        <v>23970</v>
      </c>
      <c r="I11970" t="s">
        <v>30540</v>
      </c>
    </row>
    <row r="11971" spans="1:9">
      <c r="A11971" s="1">
        <f ca="1">RAND()</f>
        <v>0.18120690021571395</v>
      </c>
      <c r="B11971" s="1"/>
      <c r="C11971">
        <v>7</v>
      </c>
      <c r="D11971" t="s">
        <v>23967</v>
      </c>
      <c r="E11971" t="s">
        <v>33901</v>
      </c>
      <c r="F11971">
        <v>2</v>
      </c>
      <c r="G11971" t="s">
        <v>14</v>
      </c>
      <c r="H11971" t="s">
        <v>23968</v>
      </c>
      <c r="I11971" t="s">
        <v>30540</v>
      </c>
    </row>
    <row r="11972" spans="1:9">
      <c r="A11972" s="1">
        <f ca="1">RAND()</f>
        <v>0.51190498506651427</v>
      </c>
      <c r="B11972" s="1"/>
      <c r="C11972">
        <v>7</v>
      </c>
      <c r="D11972" t="s">
        <v>23961</v>
      </c>
      <c r="E11972" t="s">
        <v>33902</v>
      </c>
      <c r="F11972">
        <v>5</v>
      </c>
      <c r="G11972" t="s">
        <v>770</v>
      </c>
      <c r="H11972" t="s">
        <v>23962</v>
      </c>
      <c r="I11972" t="s">
        <v>30540</v>
      </c>
    </row>
    <row r="11973" spans="1:9">
      <c r="A11973" s="1">
        <f ca="1">RAND()</f>
        <v>0.92301007960507786</v>
      </c>
      <c r="B11973" s="1"/>
      <c r="C11973">
        <v>2</v>
      </c>
      <c r="D11973" t="s">
        <v>23959</v>
      </c>
      <c r="E11973" t="s">
        <v>33902</v>
      </c>
      <c r="F11973">
        <v>4</v>
      </c>
      <c r="G11973" t="s">
        <v>10</v>
      </c>
      <c r="H11973" t="s">
        <v>23960</v>
      </c>
      <c r="I11973" t="s">
        <v>30540</v>
      </c>
    </row>
    <row r="11974" spans="1:9">
      <c r="A11974" s="1">
        <f ca="1">RAND()</f>
        <v>4.0255519340978596E-2</v>
      </c>
      <c r="B11974" s="1"/>
      <c r="C11974">
        <v>10</v>
      </c>
      <c r="D11974" t="s">
        <v>23963</v>
      </c>
      <c r="E11974" t="s">
        <v>33902</v>
      </c>
      <c r="F11974">
        <v>1</v>
      </c>
      <c r="G11974" t="s">
        <v>762</v>
      </c>
      <c r="H11974" t="s">
        <v>23964</v>
      </c>
      <c r="I11974" t="s">
        <v>30540</v>
      </c>
    </row>
    <row r="11975" spans="1:9">
      <c r="A11975" s="1">
        <f ca="1">RAND()</f>
        <v>0.59887750336252821</v>
      </c>
      <c r="B11975" s="1"/>
      <c r="C11975">
        <v>18</v>
      </c>
      <c r="D11975" t="s">
        <v>23955</v>
      </c>
      <c r="E11975" t="s">
        <v>33903</v>
      </c>
      <c r="F11975">
        <v>5</v>
      </c>
      <c r="G11975" t="s">
        <v>14</v>
      </c>
      <c r="H11975" t="s">
        <v>23956</v>
      </c>
      <c r="I11975" t="s">
        <v>30540</v>
      </c>
    </row>
    <row r="11976" spans="1:9">
      <c r="A11976" s="1">
        <f ca="1">RAND()</f>
        <v>0.50023581901617997</v>
      </c>
      <c r="B11976" s="1"/>
      <c r="C11976">
        <v>4</v>
      </c>
      <c r="D11976" t="s">
        <v>23953</v>
      </c>
      <c r="E11976" t="s">
        <v>33903</v>
      </c>
      <c r="F11976">
        <v>5</v>
      </c>
      <c r="G11976" t="s">
        <v>14</v>
      </c>
      <c r="H11976" t="s">
        <v>23954</v>
      </c>
      <c r="I11976" t="s">
        <v>30540</v>
      </c>
    </row>
    <row r="11977" spans="1:9">
      <c r="A11977" s="1">
        <f ca="1">RAND()</f>
        <v>0.50621740560360351</v>
      </c>
      <c r="B11977" s="1"/>
      <c r="C11977">
        <v>19</v>
      </c>
      <c r="D11977" t="s">
        <v>23957</v>
      </c>
      <c r="E11977" t="s">
        <v>33903</v>
      </c>
      <c r="F11977">
        <v>4</v>
      </c>
      <c r="G11977" t="s">
        <v>14</v>
      </c>
      <c r="H11977" t="s">
        <v>23958</v>
      </c>
      <c r="I11977" t="s">
        <v>30540</v>
      </c>
    </row>
    <row r="11978" spans="1:9">
      <c r="A11978" s="1">
        <f ca="1">RAND()</f>
        <v>0.82496377179972402</v>
      </c>
      <c r="B11978" s="1"/>
      <c r="C11978">
        <v>7</v>
      </c>
      <c r="D11978" t="s">
        <v>23949</v>
      </c>
      <c r="E11978" t="s">
        <v>33904</v>
      </c>
      <c r="F11978">
        <v>4</v>
      </c>
      <c r="G11978" t="s">
        <v>14</v>
      </c>
      <c r="H11978" t="s">
        <v>23950</v>
      </c>
      <c r="I11978" t="s">
        <v>30540</v>
      </c>
    </row>
    <row r="11979" spans="1:9">
      <c r="A11979" s="1">
        <f ca="1">RAND()</f>
        <v>0.84171236539761629</v>
      </c>
      <c r="B11979" s="1"/>
      <c r="C11979">
        <v>14</v>
      </c>
      <c r="D11979" t="s">
        <v>23951</v>
      </c>
      <c r="E11979" t="s">
        <v>33904</v>
      </c>
      <c r="F11979">
        <v>4</v>
      </c>
      <c r="G11979" t="s">
        <v>14</v>
      </c>
      <c r="H11979" t="s">
        <v>23952</v>
      </c>
      <c r="I11979" t="s">
        <v>30540</v>
      </c>
    </row>
    <row r="11980" spans="1:9">
      <c r="A11980" s="1">
        <f ca="1">RAND()</f>
        <v>0.54538435487350068</v>
      </c>
      <c r="B11980" s="1"/>
      <c r="C11980">
        <v>5</v>
      </c>
      <c r="D11980" t="s">
        <v>23947</v>
      </c>
      <c r="E11980" t="s">
        <v>33904</v>
      </c>
      <c r="F11980">
        <v>2</v>
      </c>
      <c r="G11980" t="s">
        <v>14</v>
      </c>
      <c r="H11980" t="s">
        <v>23948</v>
      </c>
      <c r="I11980" t="s">
        <v>30540</v>
      </c>
    </row>
    <row r="11981" spans="1:9">
      <c r="A11981" s="1">
        <f ca="1">RAND()</f>
        <v>0.34159808290665783</v>
      </c>
      <c r="B11981" s="1"/>
      <c r="C11981">
        <v>16</v>
      </c>
      <c r="D11981" t="s">
        <v>23943</v>
      </c>
      <c r="E11981" t="s">
        <v>33905</v>
      </c>
      <c r="F11981">
        <v>5</v>
      </c>
      <c r="G11981" t="s">
        <v>14</v>
      </c>
      <c r="H11981" t="s">
        <v>23944</v>
      </c>
      <c r="I11981" t="s">
        <v>30540</v>
      </c>
    </row>
    <row r="11982" spans="1:9">
      <c r="A11982" s="1">
        <f ca="1">RAND()</f>
        <v>0.80426091434273206</v>
      </c>
      <c r="B11982" s="1"/>
      <c r="C11982">
        <v>15</v>
      </c>
      <c r="D11982" t="s">
        <v>23941</v>
      </c>
      <c r="E11982" t="s">
        <v>33905</v>
      </c>
      <c r="F11982">
        <v>4</v>
      </c>
      <c r="G11982" t="s">
        <v>1</v>
      </c>
      <c r="H11982" t="s">
        <v>23942</v>
      </c>
      <c r="I11982" t="s">
        <v>30540</v>
      </c>
    </row>
    <row r="11983" spans="1:9">
      <c r="A11983" s="1">
        <f ca="1">RAND()</f>
        <v>0.10470111551455252</v>
      </c>
      <c r="B11983" s="1"/>
      <c r="C11983">
        <v>18</v>
      </c>
      <c r="D11983" t="s">
        <v>23945</v>
      </c>
      <c r="E11983" t="s">
        <v>33905</v>
      </c>
      <c r="F11983">
        <v>4</v>
      </c>
      <c r="G11983" t="s">
        <v>14</v>
      </c>
      <c r="H11983" t="s">
        <v>23946</v>
      </c>
      <c r="I11983" t="s">
        <v>30540</v>
      </c>
    </row>
    <row r="11984" spans="1:9">
      <c r="A11984" s="1">
        <f ca="1">RAND()</f>
        <v>0.558746140393513</v>
      </c>
      <c r="B11984" s="1"/>
      <c r="C11984">
        <v>5</v>
      </c>
      <c r="D11984" t="s">
        <v>23939</v>
      </c>
      <c r="E11984" t="s">
        <v>33905</v>
      </c>
      <c r="F11984">
        <v>2</v>
      </c>
      <c r="G11984" t="s">
        <v>14</v>
      </c>
      <c r="H11984" t="s">
        <v>23940</v>
      </c>
      <c r="I11984" t="s">
        <v>30540</v>
      </c>
    </row>
    <row r="11985" spans="1:9">
      <c r="A11985" s="1">
        <f ca="1">RAND()</f>
        <v>0.68446712661685771</v>
      </c>
      <c r="B11985" s="1"/>
      <c r="C11985">
        <v>14</v>
      </c>
      <c r="D11985" t="s">
        <v>23935</v>
      </c>
      <c r="E11985" t="s">
        <v>33906</v>
      </c>
      <c r="F11985">
        <v>5</v>
      </c>
      <c r="G11985" t="s">
        <v>2</v>
      </c>
      <c r="H11985" t="s">
        <v>23936</v>
      </c>
      <c r="I11985" t="s">
        <v>30540</v>
      </c>
    </row>
    <row r="11986" spans="1:9">
      <c r="A11986" s="1">
        <f ca="1">RAND()</f>
        <v>0.19027750586059411</v>
      </c>
      <c r="B11986" s="1"/>
      <c r="C11986">
        <v>3</v>
      </c>
      <c r="D11986" t="s">
        <v>23929</v>
      </c>
      <c r="E11986" t="s">
        <v>33906</v>
      </c>
      <c r="F11986">
        <v>4</v>
      </c>
      <c r="G11986" t="s">
        <v>1431</v>
      </c>
      <c r="H11986" t="s">
        <v>23930</v>
      </c>
      <c r="I11986" t="s">
        <v>30540</v>
      </c>
    </row>
    <row r="11987" spans="1:9">
      <c r="A11987" s="1">
        <f ca="1">RAND()</f>
        <v>0.75362157758687176</v>
      </c>
      <c r="B11987" s="1"/>
      <c r="C11987">
        <v>1</v>
      </c>
      <c r="D11987" t="s">
        <v>23927</v>
      </c>
      <c r="E11987" t="s">
        <v>33906</v>
      </c>
      <c r="F11987">
        <v>4</v>
      </c>
      <c r="G11987" t="s">
        <v>15</v>
      </c>
      <c r="H11987" t="s">
        <v>23928</v>
      </c>
      <c r="I11987" t="s">
        <v>30540</v>
      </c>
    </row>
    <row r="11988" spans="1:9">
      <c r="A11988" s="1">
        <f ca="1">RAND()</f>
        <v>0.85538897440314954</v>
      </c>
      <c r="B11988" s="1"/>
      <c r="C11988">
        <v>7</v>
      </c>
      <c r="D11988" t="s">
        <v>23931</v>
      </c>
      <c r="E11988" t="s">
        <v>33906</v>
      </c>
      <c r="F11988">
        <v>3</v>
      </c>
      <c r="G11988" t="s">
        <v>10</v>
      </c>
      <c r="H11988" t="s">
        <v>23932</v>
      </c>
      <c r="I11988" t="s">
        <v>30540</v>
      </c>
    </row>
    <row r="11989" spans="1:9">
      <c r="A11989" s="1">
        <f ca="1">RAND()</f>
        <v>0.77389953632450581</v>
      </c>
      <c r="B11989" s="1"/>
      <c r="C11989">
        <v>12</v>
      </c>
      <c r="D11989" t="s">
        <v>23933</v>
      </c>
      <c r="E11989" t="s">
        <v>33906</v>
      </c>
      <c r="F11989">
        <v>2</v>
      </c>
      <c r="G11989" t="s">
        <v>762</v>
      </c>
      <c r="H11989" t="s">
        <v>23934</v>
      </c>
      <c r="I11989" t="s">
        <v>30540</v>
      </c>
    </row>
    <row r="11990" spans="1:9">
      <c r="A11990" s="1">
        <f ca="1">RAND()</f>
        <v>0.22368812840652141</v>
      </c>
      <c r="B11990" s="1"/>
      <c r="C11990">
        <v>18</v>
      </c>
      <c r="D11990" t="s">
        <v>23937</v>
      </c>
      <c r="E11990" t="s">
        <v>33906</v>
      </c>
      <c r="F11990">
        <v>2</v>
      </c>
      <c r="G11990" t="s">
        <v>3107</v>
      </c>
      <c r="H11990" t="s">
        <v>23938</v>
      </c>
      <c r="I11990" t="s">
        <v>30540</v>
      </c>
    </row>
    <row r="11991" spans="1:9">
      <c r="A11991" s="1">
        <f ca="1">RAND()</f>
        <v>0.49679208571592604</v>
      </c>
      <c r="B11991" s="1"/>
      <c r="C11991">
        <v>17</v>
      </c>
      <c r="D11991" t="s">
        <v>23925</v>
      </c>
      <c r="E11991" t="s">
        <v>33907</v>
      </c>
      <c r="F11991">
        <v>4</v>
      </c>
      <c r="G11991" t="s">
        <v>14</v>
      </c>
      <c r="H11991" t="s">
        <v>23926</v>
      </c>
      <c r="I11991" t="s">
        <v>30540</v>
      </c>
    </row>
    <row r="11992" spans="1:9">
      <c r="A11992" s="1">
        <f ca="1">RAND()</f>
        <v>0.47520519404664252</v>
      </c>
      <c r="B11992" s="1"/>
      <c r="C11992">
        <v>5</v>
      </c>
      <c r="D11992" t="s">
        <v>23917</v>
      </c>
      <c r="E11992" t="s">
        <v>33907</v>
      </c>
      <c r="F11992">
        <v>4</v>
      </c>
      <c r="G11992" t="s">
        <v>14</v>
      </c>
      <c r="H11992" t="s">
        <v>23918</v>
      </c>
      <c r="I11992" t="s">
        <v>30540</v>
      </c>
    </row>
    <row r="11993" spans="1:9">
      <c r="A11993" s="1">
        <f ca="1">RAND()</f>
        <v>8.7814295134105103E-2</v>
      </c>
      <c r="B11993" s="1"/>
      <c r="C11993">
        <v>9</v>
      </c>
      <c r="D11993" t="s">
        <v>23921</v>
      </c>
      <c r="E11993" t="s">
        <v>33907</v>
      </c>
      <c r="F11993">
        <v>2</v>
      </c>
      <c r="G11993" t="s">
        <v>13</v>
      </c>
      <c r="H11993" t="s">
        <v>23922</v>
      </c>
      <c r="I11993" t="s">
        <v>30540</v>
      </c>
    </row>
    <row r="11994" spans="1:9">
      <c r="A11994" s="1">
        <f ca="1">RAND()</f>
        <v>0.37873896716767586</v>
      </c>
      <c r="B11994" s="1"/>
      <c r="C11994">
        <v>13</v>
      </c>
      <c r="D11994" t="s">
        <v>23923</v>
      </c>
      <c r="E11994" t="s">
        <v>33907</v>
      </c>
      <c r="F11994">
        <v>2</v>
      </c>
      <c r="G11994" t="s">
        <v>14</v>
      </c>
      <c r="H11994" t="s">
        <v>23924</v>
      </c>
      <c r="I11994" t="s">
        <v>30540</v>
      </c>
    </row>
    <row r="11995" spans="1:9">
      <c r="A11995" s="1">
        <f ca="1">RAND()</f>
        <v>2.7803862325127549E-3</v>
      </c>
      <c r="B11995" s="1"/>
      <c r="C11995">
        <v>7</v>
      </c>
      <c r="D11995" t="s">
        <v>23919</v>
      </c>
      <c r="E11995" t="s">
        <v>33907</v>
      </c>
      <c r="F11995">
        <v>0</v>
      </c>
      <c r="G11995" t="s">
        <v>9</v>
      </c>
      <c r="H11995" t="s">
        <v>23920</v>
      </c>
      <c r="I11995" t="s">
        <v>30540</v>
      </c>
    </row>
    <row r="11996" spans="1:9">
      <c r="A11996" s="1">
        <f ca="1">RAND()</f>
        <v>0.80862007212896381</v>
      </c>
      <c r="B11996" s="1"/>
      <c r="C11996">
        <v>18</v>
      </c>
      <c r="D11996" t="s">
        <v>23915</v>
      </c>
      <c r="E11996" t="s">
        <v>33908</v>
      </c>
      <c r="F11996">
        <v>5</v>
      </c>
      <c r="G11996" t="s">
        <v>14</v>
      </c>
      <c r="H11996" t="s">
        <v>23916</v>
      </c>
      <c r="I11996" t="s">
        <v>30540</v>
      </c>
    </row>
    <row r="11997" spans="1:9">
      <c r="A11997" s="1">
        <f ca="1">RAND()</f>
        <v>7.1773762755585446E-2</v>
      </c>
      <c r="B11997" s="1"/>
      <c r="C11997">
        <v>14</v>
      </c>
      <c r="D11997" t="s">
        <v>23913</v>
      </c>
      <c r="E11997" t="s">
        <v>33908</v>
      </c>
      <c r="F11997">
        <v>5</v>
      </c>
      <c r="G11997" t="s">
        <v>14</v>
      </c>
      <c r="H11997" t="s">
        <v>23914</v>
      </c>
      <c r="I11997" t="s">
        <v>30540</v>
      </c>
    </row>
    <row r="11998" spans="1:9">
      <c r="A11998" s="1">
        <f ca="1">RAND()</f>
        <v>0.38911450535317849</v>
      </c>
      <c r="B11998" s="1"/>
      <c r="C11998">
        <v>10</v>
      </c>
      <c r="D11998" t="s">
        <v>23909</v>
      </c>
      <c r="E11998" t="s">
        <v>33908</v>
      </c>
      <c r="F11998">
        <v>4</v>
      </c>
      <c r="G11998" t="s">
        <v>9</v>
      </c>
      <c r="H11998" t="s">
        <v>23910</v>
      </c>
      <c r="I11998" t="s">
        <v>30540</v>
      </c>
    </row>
    <row r="11999" spans="1:9">
      <c r="A11999" s="1">
        <f ca="1">RAND()</f>
        <v>0.978474269757726</v>
      </c>
      <c r="B11999" s="1"/>
      <c r="C11999">
        <v>9</v>
      </c>
      <c r="D11999" t="s">
        <v>23907</v>
      </c>
      <c r="E11999" t="s">
        <v>33908</v>
      </c>
      <c r="F11999">
        <v>4</v>
      </c>
      <c r="G11999" t="s">
        <v>0</v>
      </c>
      <c r="H11999" t="s">
        <v>23908</v>
      </c>
      <c r="I11999" t="s">
        <v>30540</v>
      </c>
    </row>
    <row r="12000" spans="1:9">
      <c r="A12000" s="1">
        <f ca="1">RAND()</f>
        <v>0.80671918775815865</v>
      </c>
      <c r="B12000" s="1"/>
      <c r="C12000">
        <v>1</v>
      </c>
      <c r="D12000" t="s">
        <v>23903</v>
      </c>
      <c r="E12000" t="s">
        <v>33908</v>
      </c>
      <c r="F12000">
        <v>4</v>
      </c>
      <c r="G12000" t="s">
        <v>1</v>
      </c>
      <c r="H12000" t="s">
        <v>23904</v>
      </c>
      <c r="I12000" t="s">
        <v>30540</v>
      </c>
    </row>
    <row r="12001" spans="1:9">
      <c r="A12001" s="1">
        <f ca="1">RAND()</f>
        <v>0.98964628547692401</v>
      </c>
      <c r="B12001" s="1"/>
      <c r="C12001">
        <v>3</v>
      </c>
      <c r="D12001" t="s">
        <v>23905</v>
      </c>
      <c r="E12001" t="s">
        <v>33908</v>
      </c>
      <c r="F12001">
        <v>4</v>
      </c>
      <c r="G12001" t="s">
        <v>14</v>
      </c>
      <c r="H12001" t="s">
        <v>23906</v>
      </c>
      <c r="I12001" t="s">
        <v>30540</v>
      </c>
    </row>
    <row r="12002" spans="1:9">
      <c r="A12002" s="1">
        <f ca="1">RAND()</f>
        <v>0.70177665401327749</v>
      </c>
      <c r="B12002" s="1"/>
      <c r="C12002">
        <v>13</v>
      </c>
      <c r="D12002" t="s">
        <v>23911</v>
      </c>
      <c r="E12002" t="s">
        <v>33908</v>
      </c>
      <c r="F12002">
        <v>2</v>
      </c>
      <c r="G12002" t="s">
        <v>14</v>
      </c>
      <c r="H12002" t="s">
        <v>23912</v>
      </c>
      <c r="I12002" t="s">
        <v>30540</v>
      </c>
    </row>
    <row r="12003" spans="1:9">
      <c r="A12003" s="1">
        <f ca="1">RAND()</f>
        <v>0.54440034392466097</v>
      </c>
      <c r="B12003" s="1"/>
      <c r="C12003">
        <v>19</v>
      </c>
      <c r="D12003" t="s">
        <v>23901</v>
      </c>
      <c r="E12003" t="s">
        <v>33909</v>
      </c>
      <c r="F12003">
        <v>5</v>
      </c>
      <c r="G12003" t="s">
        <v>14</v>
      </c>
      <c r="H12003" t="s">
        <v>23902</v>
      </c>
      <c r="I12003" t="s">
        <v>30540</v>
      </c>
    </row>
    <row r="12004" spans="1:9">
      <c r="A12004" s="1">
        <f ca="1">RAND()</f>
        <v>0.18216650047898408</v>
      </c>
      <c r="B12004" s="1"/>
      <c r="C12004">
        <v>13</v>
      </c>
      <c r="D12004" t="s">
        <v>23897</v>
      </c>
      <c r="E12004" t="s">
        <v>33909</v>
      </c>
      <c r="F12004">
        <v>5</v>
      </c>
      <c r="G12004" t="s">
        <v>14</v>
      </c>
      <c r="H12004" t="s">
        <v>23898</v>
      </c>
      <c r="I12004" t="s">
        <v>30540</v>
      </c>
    </row>
    <row r="12005" spans="1:9">
      <c r="A12005" s="1">
        <f ca="1">RAND()</f>
        <v>0.28263887752053329</v>
      </c>
      <c r="B12005" s="1"/>
      <c r="C12005">
        <v>8</v>
      </c>
      <c r="D12005" t="s">
        <v>23893</v>
      </c>
      <c r="E12005" t="s">
        <v>33909</v>
      </c>
      <c r="F12005">
        <v>4</v>
      </c>
      <c r="G12005" t="s">
        <v>14</v>
      </c>
      <c r="H12005" t="s">
        <v>23894</v>
      </c>
      <c r="I12005" t="s">
        <v>30540</v>
      </c>
    </row>
    <row r="12006" spans="1:9">
      <c r="A12006" s="1">
        <f ca="1">RAND()</f>
        <v>0.52823474625137357</v>
      </c>
      <c r="B12006" s="1"/>
      <c r="C12006">
        <v>18</v>
      </c>
      <c r="D12006" t="s">
        <v>23899</v>
      </c>
      <c r="E12006" t="s">
        <v>33909</v>
      </c>
      <c r="F12006">
        <v>4</v>
      </c>
      <c r="G12006" t="s">
        <v>2</v>
      </c>
      <c r="H12006" t="s">
        <v>23900</v>
      </c>
      <c r="I12006" t="s">
        <v>30540</v>
      </c>
    </row>
    <row r="12007" spans="1:9">
      <c r="A12007" s="1">
        <f ca="1">RAND()</f>
        <v>0.15010564055390263</v>
      </c>
      <c r="B12007" s="1"/>
      <c r="C12007">
        <v>11</v>
      </c>
      <c r="D12007" t="s">
        <v>23895</v>
      </c>
      <c r="E12007" t="s">
        <v>33909</v>
      </c>
      <c r="F12007">
        <v>4</v>
      </c>
      <c r="G12007" t="s">
        <v>2</v>
      </c>
      <c r="H12007" t="s">
        <v>23896</v>
      </c>
      <c r="I12007" t="s">
        <v>30540</v>
      </c>
    </row>
    <row r="12008" spans="1:9">
      <c r="A12008" s="1">
        <f ca="1">RAND()</f>
        <v>3.7106185945402381E-2</v>
      </c>
      <c r="B12008" s="1"/>
      <c r="C12008">
        <v>14</v>
      </c>
      <c r="D12008" t="s">
        <v>23889</v>
      </c>
      <c r="E12008" t="s">
        <v>33910</v>
      </c>
      <c r="F12008">
        <v>4</v>
      </c>
      <c r="G12008" t="s">
        <v>9</v>
      </c>
      <c r="H12008" t="s">
        <v>23890</v>
      </c>
      <c r="I12008" t="s">
        <v>30540</v>
      </c>
    </row>
    <row r="12009" spans="1:9">
      <c r="A12009" s="1">
        <f ca="1">RAND()</f>
        <v>0.41401125520457549</v>
      </c>
      <c r="B12009" s="1"/>
      <c r="C12009">
        <v>11</v>
      </c>
      <c r="D12009" t="s">
        <v>23887</v>
      </c>
      <c r="E12009" t="s">
        <v>33910</v>
      </c>
      <c r="F12009">
        <v>4</v>
      </c>
      <c r="G12009" t="s">
        <v>14</v>
      </c>
      <c r="H12009" t="s">
        <v>23888</v>
      </c>
      <c r="I12009" t="s">
        <v>30540</v>
      </c>
    </row>
    <row r="12010" spans="1:9">
      <c r="A12010" s="1">
        <f ca="1">RAND()</f>
        <v>0.74489140501531437</v>
      </c>
      <c r="B12010" s="1"/>
      <c r="C12010">
        <v>16</v>
      </c>
      <c r="D12010" t="s">
        <v>23891</v>
      </c>
      <c r="E12010" t="s">
        <v>33910</v>
      </c>
      <c r="F12010">
        <v>2</v>
      </c>
      <c r="G12010" t="s">
        <v>14</v>
      </c>
      <c r="H12010" t="s">
        <v>23892</v>
      </c>
      <c r="I12010" t="s">
        <v>30540</v>
      </c>
    </row>
    <row r="12011" spans="1:9">
      <c r="A12011" s="1">
        <f ca="1">RAND()</f>
        <v>0.11060969512350149</v>
      </c>
      <c r="B12011" s="1"/>
      <c r="C12011">
        <v>20</v>
      </c>
      <c r="D12011" t="s">
        <v>23885</v>
      </c>
      <c r="E12011" t="s">
        <v>33911</v>
      </c>
      <c r="F12011">
        <v>4</v>
      </c>
      <c r="G12011" t="s">
        <v>14</v>
      </c>
      <c r="H12011" t="s">
        <v>23886</v>
      </c>
      <c r="I12011" t="s">
        <v>30540</v>
      </c>
    </row>
    <row r="12012" spans="1:9">
      <c r="A12012" s="1">
        <f ca="1">RAND()</f>
        <v>4.7883676134676034E-2</v>
      </c>
      <c r="B12012" s="1"/>
      <c r="C12012">
        <v>3</v>
      </c>
      <c r="D12012" t="s">
        <v>23877</v>
      </c>
      <c r="E12012" t="s">
        <v>33911</v>
      </c>
      <c r="F12012">
        <v>4</v>
      </c>
      <c r="G12012" t="s">
        <v>3732</v>
      </c>
      <c r="H12012" t="s">
        <v>23878</v>
      </c>
      <c r="I12012" t="s">
        <v>30540</v>
      </c>
    </row>
    <row r="12013" spans="1:9">
      <c r="A12013" s="1">
        <f ca="1">RAND()</f>
        <v>9.7396933140944109E-3</v>
      </c>
      <c r="B12013" s="1"/>
      <c r="C12013">
        <v>19</v>
      </c>
      <c r="D12013" t="s">
        <v>23883</v>
      </c>
      <c r="E12013" t="s">
        <v>33911</v>
      </c>
      <c r="F12013">
        <v>4</v>
      </c>
      <c r="G12013" t="s">
        <v>0</v>
      </c>
      <c r="H12013" t="s">
        <v>23884</v>
      </c>
      <c r="I12013" t="s">
        <v>30540</v>
      </c>
    </row>
    <row r="12014" spans="1:9">
      <c r="A12014" s="1">
        <f ca="1">RAND()</f>
        <v>8.668163572862797E-2</v>
      </c>
      <c r="B12014" s="1"/>
      <c r="C12014">
        <v>5</v>
      </c>
      <c r="D12014" t="s">
        <v>23879</v>
      </c>
      <c r="E12014" t="s">
        <v>33911</v>
      </c>
      <c r="F12014">
        <v>4</v>
      </c>
      <c r="G12014" t="s">
        <v>762</v>
      </c>
      <c r="H12014" t="s">
        <v>23880</v>
      </c>
      <c r="I12014" t="s">
        <v>30540</v>
      </c>
    </row>
    <row r="12015" spans="1:9">
      <c r="A12015" s="1">
        <f ca="1">RAND()</f>
        <v>5.216907264731141E-2</v>
      </c>
      <c r="B12015" s="1"/>
      <c r="C12015">
        <v>10</v>
      </c>
      <c r="D12015" t="s">
        <v>23881</v>
      </c>
      <c r="E12015" t="s">
        <v>33911</v>
      </c>
      <c r="F12015">
        <v>3</v>
      </c>
      <c r="G12015" t="s">
        <v>10</v>
      </c>
      <c r="H12015" t="s">
        <v>23882</v>
      </c>
      <c r="I12015" t="s">
        <v>30540</v>
      </c>
    </row>
    <row r="12016" spans="1:9">
      <c r="A12016" s="1">
        <f ca="1">RAND()</f>
        <v>3.3693391463574307E-2</v>
      </c>
      <c r="B12016" s="1"/>
      <c r="C12016">
        <v>1</v>
      </c>
      <c r="D12016" t="s">
        <v>23875</v>
      </c>
      <c r="E12016" t="s">
        <v>33911</v>
      </c>
      <c r="F12016">
        <v>3</v>
      </c>
      <c r="G12016" t="s">
        <v>775</v>
      </c>
      <c r="H12016" t="s">
        <v>23876</v>
      </c>
      <c r="I12016" t="s">
        <v>30540</v>
      </c>
    </row>
    <row r="12017" spans="1:9">
      <c r="A12017" s="1">
        <f ca="1">RAND()</f>
        <v>0.25185326645639772</v>
      </c>
      <c r="B12017" s="1"/>
      <c r="C12017">
        <v>12</v>
      </c>
      <c r="D12017" t="s">
        <v>23873</v>
      </c>
      <c r="E12017" t="s">
        <v>33912</v>
      </c>
      <c r="F12017">
        <v>4</v>
      </c>
      <c r="G12017" t="s">
        <v>0</v>
      </c>
      <c r="H12017" t="s">
        <v>23874</v>
      </c>
      <c r="I12017" t="s">
        <v>30540</v>
      </c>
    </row>
    <row r="12018" spans="1:9">
      <c r="A12018" s="1">
        <f ca="1">RAND()</f>
        <v>0.59515517611001256</v>
      </c>
      <c r="B12018" s="1"/>
      <c r="C12018">
        <v>10</v>
      </c>
      <c r="D12018" t="s">
        <v>23871</v>
      </c>
      <c r="E12018" t="s">
        <v>33912</v>
      </c>
      <c r="F12018">
        <v>4</v>
      </c>
      <c r="G12018" t="s">
        <v>14</v>
      </c>
      <c r="H12018" t="s">
        <v>23872</v>
      </c>
      <c r="I12018" t="s">
        <v>30540</v>
      </c>
    </row>
    <row r="12019" spans="1:9">
      <c r="A12019" s="1">
        <f ca="1">RAND()</f>
        <v>0.70465752412321203</v>
      </c>
      <c r="B12019" s="1"/>
      <c r="C12019">
        <v>7</v>
      </c>
      <c r="D12019" t="s">
        <v>23869</v>
      </c>
      <c r="E12019" t="s">
        <v>33912</v>
      </c>
      <c r="F12019">
        <v>4</v>
      </c>
      <c r="G12019" t="s">
        <v>14</v>
      </c>
      <c r="H12019" t="s">
        <v>23870</v>
      </c>
      <c r="I12019" t="s">
        <v>30540</v>
      </c>
    </row>
    <row r="12020" spans="1:9">
      <c r="A12020" s="1">
        <f ca="1">RAND()</f>
        <v>0.54824883306548433</v>
      </c>
      <c r="B12020" s="1"/>
      <c r="C12020">
        <v>5</v>
      </c>
      <c r="D12020" t="s">
        <v>23867</v>
      </c>
      <c r="E12020" t="s">
        <v>33912</v>
      </c>
      <c r="F12020">
        <v>4</v>
      </c>
      <c r="G12020" t="s">
        <v>9</v>
      </c>
      <c r="H12020" t="s">
        <v>23868</v>
      </c>
      <c r="I12020" t="s">
        <v>30540</v>
      </c>
    </row>
    <row r="12021" spans="1:9">
      <c r="A12021" s="1">
        <f ca="1">RAND()</f>
        <v>0.59002452892188284</v>
      </c>
      <c r="B12021" s="1"/>
      <c r="C12021">
        <v>8</v>
      </c>
      <c r="D12021" t="s">
        <v>23857</v>
      </c>
      <c r="E12021" t="s">
        <v>33913</v>
      </c>
      <c r="F12021">
        <v>5</v>
      </c>
      <c r="G12021" t="s">
        <v>14</v>
      </c>
      <c r="H12021" t="s">
        <v>23858</v>
      </c>
      <c r="I12021" t="s">
        <v>30540</v>
      </c>
    </row>
    <row r="12022" spans="1:9">
      <c r="A12022" s="1">
        <f ca="1">RAND()</f>
        <v>0.36928348528047727</v>
      </c>
      <c r="B12022" s="1"/>
      <c r="C12022">
        <v>14</v>
      </c>
      <c r="D12022" t="s">
        <v>23861</v>
      </c>
      <c r="E12022" t="s">
        <v>33913</v>
      </c>
      <c r="F12022">
        <v>5</v>
      </c>
      <c r="G12022" t="s">
        <v>14</v>
      </c>
      <c r="H12022" t="s">
        <v>23862</v>
      </c>
      <c r="I12022" t="s">
        <v>30540</v>
      </c>
    </row>
    <row r="12023" spans="1:9">
      <c r="A12023" s="1">
        <f ca="1">RAND()</f>
        <v>0.86155659465897283</v>
      </c>
      <c r="B12023" s="1"/>
      <c r="C12023">
        <v>16</v>
      </c>
      <c r="D12023" t="s">
        <v>23863</v>
      </c>
      <c r="E12023" t="s">
        <v>33913</v>
      </c>
      <c r="F12023">
        <v>4</v>
      </c>
      <c r="G12023" t="s">
        <v>0</v>
      </c>
      <c r="H12023" t="s">
        <v>23864</v>
      </c>
      <c r="I12023" t="s">
        <v>30540</v>
      </c>
    </row>
    <row r="12024" spans="1:9">
      <c r="A12024" s="1">
        <f ca="1">RAND()</f>
        <v>0.60269116757529906</v>
      </c>
      <c r="B12024" s="1"/>
      <c r="C12024">
        <v>17</v>
      </c>
      <c r="D12024" t="s">
        <v>23865</v>
      </c>
      <c r="E12024" t="s">
        <v>33913</v>
      </c>
      <c r="F12024">
        <v>3</v>
      </c>
      <c r="G12024" t="s">
        <v>14</v>
      </c>
      <c r="H12024" t="s">
        <v>23866</v>
      </c>
      <c r="I12024" t="s">
        <v>30540</v>
      </c>
    </row>
    <row r="12025" spans="1:9">
      <c r="A12025" s="1">
        <f ca="1">RAND()</f>
        <v>0.31527746635394227</v>
      </c>
      <c r="B12025" s="1"/>
      <c r="C12025">
        <v>11</v>
      </c>
      <c r="D12025" t="s">
        <v>23859</v>
      </c>
      <c r="E12025" t="s">
        <v>33913</v>
      </c>
      <c r="F12025">
        <v>2</v>
      </c>
      <c r="G12025" t="s">
        <v>14</v>
      </c>
      <c r="H12025" t="s">
        <v>23860</v>
      </c>
      <c r="I12025" t="s">
        <v>30540</v>
      </c>
    </row>
    <row r="12026" spans="1:9">
      <c r="A12026" s="1">
        <f ca="1">RAND()</f>
        <v>0.68832341440224121</v>
      </c>
      <c r="B12026" s="1"/>
      <c r="C12026">
        <v>8</v>
      </c>
      <c r="D12026" t="s">
        <v>23851</v>
      </c>
      <c r="E12026" t="s">
        <v>33914</v>
      </c>
      <c r="F12026">
        <v>5</v>
      </c>
      <c r="G12026" t="s">
        <v>1</v>
      </c>
      <c r="H12026" t="s">
        <v>23852</v>
      </c>
      <c r="I12026" t="s">
        <v>30540</v>
      </c>
    </row>
    <row r="12027" spans="1:9">
      <c r="A12027" s="1">
        <f ca="1">RAND()</f>
        <v>0.51836717557333123</v>
      </c>
      <c r="B12027" s="1"/>
      <c r="C12027">
        <v>14</v>
      </c>
      <c r="D12027" t="s">
        <v>23855</v>
      </c>
      <c r="E12027" t="s">
        <v>33914</v>
      </c>
      <c r="F12027">
        <v>5</v>
      </c>
      <c r="G12027" t="s">
        <v>14</v>
      </c>
      <c r="H12027" t="s">
        <v>23856</v>
      </c>
      <c r="I12027" t="s">
        <v>30540</v>
      </c>
    </row>
    <row r="12028" spans="1:9">
      <c r="A12028" s="1">
        <f ca="1">RAND()</f>
        <v>0.63798936934657924</v>
      </c>
      <c r="B12028" s="1"/>
      <c r="C12028">
        <v>13</v>
      </c>
      <c r="D12028" t="s">
        <v>23853</v>
      </c>
      <c r="E12028" t="s">
        <v>33914</v>
      </c>
      <c r="F12028">
        <v>4</v>
      </c>
      <c r="G12028" t="s">
        <v>14</v>
      </c>
      <c r="H12028" t="s">
        <v>23854</v>
      </c>
      <c r="I12028" t="s">
        <v>30540</v>
      </c>
    </row>
    <row r="12029" spans="1:9">
      <c r="A12029" s="1">
        <f ca="1">RAND()</f>
        <v>0.39369586934424905</v>
      </c>
      <c r="B12029" s="1"/>
      <c r="C12029">
        <v>18</v>
      </c>
      <c r="D12029" t="s">
        <v>23847</v>
      </c>
      <c r="E12029" t="s">
        <v>33915</v>
      </c>
      <c r="F12029">
        <v>5</v>
      </c>
      <c r="G12029" t="s">
        <v>14</v>
      </c>
      <c r="H12029" t="s">
        <v>23848</v>
      </c>
      <c r="I12029" t="s">
        <v>30540</v>
      </c>
    </row>
    <row r="12030" spans="1:9">
      <c r="A12030" s="1">
        <f ca="1">RAND()</f>
        <v>0.43181795558877756</v>
      </c>
      <c r="B12030" s="1"/>
      <c r="C12030">
        <v>19</v>
      </c>
      <c r="D12030" t="s">
        <v>23849</v>
      </c>
      <c r="E12030" t="s">
        <v>33915</v>
      </c>
      <c r="F12030">
        <v>5</v>
      </c>
      <c r="G12030" t="s">
        <v>14</v>
      </c>
      <c r="H12030" t="s">
        <v>23850</v>
      </c>
      <c r="I12030" t="s">
        <v>30540</v>
      </c>
    </row>
    <row r="12031" spans="1:9">
      <c r="A12031" s="1">
        <f ca="1">RAND()</f>
        <v>0.43841122720428172</v>
      </c>
      <c r="B12031" s="1"/>
      <c r="C12031">
        <v>12</v>
      </c>
      <c r="D12031" t="s">
        <v>23845</v>
      </c>
      <c r="E12031" t="s">
        <v>33915</v>
      </c>
      <c r="F12031">
        <v>4</v>
      </c>
      <c r="G12031" t="s">
        <v>9</v>
      </c>
      <c r="H12031" t="s">
        <v>23846</v>
      </c>
      <c r="I12031" t="s">
        <v>30540</v>
      </c>
    </row>
    <row r="12032" spans="1:9">
      <c r="A12032" s="1">
        <f ca="1">RAND()</f>
        <v>0.26830244539158665</v>
      </c>
      <c r="B12032" s="1"/>
      <c r="C12032">
        <v>6</v>
      </c>
      <c r="D12032" t="s">
        <v>23843</v>
      </c>
      <c r="E12032" t="s">
        <v>33915</v>
      </c>
      <c r="F12032">
        <v>4</v>
      </c>
      <c r="G12032" t="s">
        <v>14</v>
      </c>
      <c r="H12032" t="s">
        <v>23844</v>
      </c>
      <c r="I12032" t="s">
        <v>30540</v>
      </c>
    </row>
    <row r="12033" spans="1:9">
      <c r="A12033" s="1">
        <f ca="1">RAND()</f>
        <v>0.48807250806047231</v>
      </c>
      <c r="B12033" s="1"/>
      <c r="C12033">
        <v>10</v>
      </c>
      <c r="D12033" t="s">
        <v>23839</v>
      </c>
      <c r="E12033" t="s">
        <v>33916</v>
      </c>
      <c r="F12033">
        <v>5</v>
      </c>
      <c r="G12033" t="s">
        <v>14</v>
      </c>
      <c r="H12033" t="s">
        <v>23840</v>
      </c>
      <c r="I12033" t="s">
        <v>30540</v>
      </c>
    </row>
    <row r="12034" spans="1:9">
      <c r="A12034" s="1">
        <f ca="1">RAND()</f>
        <v>0.96248116195758371</v>
      </c>
      <c r="B12034" s="1"/>
      <c r="C12034">
        <v>8</v>
      </c>
      <c r="D12034" t="s">
        <v>23837</v>
      </c>
      <c r="E12034" t="s">
        <v>33916</v>
      </c>
      <c r="F12034">
        <v>4</v>
      </c>
      <c r="G12034" t="s">
        <v>14</v>
      </c>
      <c r="H12034" t="s">
        <v>23838</v>
      </c>
      <c r="I12034" t="s">
        <v>30540</v>
      </c>
    </row>
    <row r="12035" spans="1:9">
      <c r="A12035" s="1">
        <f ca="1">RAND()</f>
        <v>0.90635958303201325</v>
      </c>
      <c r="B12035" s="1"/>
      <c r="C12035">
        <v>18</v>
      </c>
      <c r="D12035" t="s">
        <v>23841</v>
      </c>
      <c r="E12035" t="s">
        <v>33916</v>
      </c>
      <c r="F12035">
        <v>4</v>
      </c>
      <c r="G12035" t="s">
        <v>14</v>
      </c>
      <c r="H12035" t="s">
        <v>23842</v>
      </c>
      <c r="I12035" t="s">
        <v>30540</v>
      </c>
    </row>
    <row r="12036" spans="1:9">
      <c r="A12036" s="1">
        <f ca="1">RAND()</f>
        <v>0.74393763267419277</v>
      </c>
      <c r="B12036" s="1"/>
      <c r="C12036">
        <v>12</v>
      </c>
      <c r="D12036" t="s">
        <v>23833</v>
      </c>
      <c r="E12036" t="s">
        <v>33917</v>
      </c>
      <c r="F12036">
        <v>5</v>
      </c>
      <c r="G12036" t="s">
        <v>1</v>
      </c>
      <c r="H12036" t="s">
        <v>23834</v>
      </c>
      <c r="I12036" t="s">
        <v>30540</v>
      </c>
    </row>
    <row r="12037" spans="1:9">
      <c r="A12037" s="1">
        <f ca="1">RAND()</f>
        <v>0.96092920739141796</v>
      </c>
      <c r="B12037" s="1"/>
      <c r="C12037">
        <v>3</v>
      </c>
      <c r="D12037" t="s">
        <v>23829</v>
      </c>
      <c r="E12037" t="s">
        <v>33917</v>
      </c>
      <c r="F12037">
        <v>4</v>
      </c>
      <c r="G12037" t="s">
        <v>14</v>
      </c>
      <c r="H12037" t="s">
        <v>23830</v>
      </c>
      <c r="I12037" t="s">
        <v>30540</v>
      </c>
    </row>
    <row r="12038" spans="1:9">
      <c r="A12038" s="1">
        <f ca="1">RAND()</f>
        <v>0.94879394731019873</v>
      </c>
      <c r="B12038" s="1"/>
      <c r="C12038">
        <v>10</v>
      </c>
      <c r="D12038" t="s">
        <v>23831</v>
      </c>
      <c r="E12038" t="s">
        <v>33917</v>
      </c>
      <c r="F12038">
        <v>3</v>
      </c>
      <c r="G12038" t="s">
        <v>14</v>
      </c>
      <c r="H12038" t="s">
        <v>23832</v>
      </c>
      <c r="I12038" t="s">
        <v>30540</v>
      </c>
    </row>
    <row r="12039" spans="1:9">
      <c r="A12039" s="1">
        <f ca="1">RAND()</f>
        <v>0.56594289640098172</v>
      </c>
      <c r="B12039" s="1"/>
      <c r="C12039">
        <v>14</v>
      </c>
      <c r="D12039" t="s">
        <v>23835</v>
      </c>
      <c r="E12039" t="s">
        <v>33917</v>
      </c>
      <c r="F12039">
        <v>2</v>
      </c>
      <c r="G12039" t="s">
        <v>14</v>
      </c>
      <c r="H12039" t="s">
        <v>23836</v>
      </c>
      <c r="I12039" t="s">
        <v>30540</v>
      </c>
    </row>
    <row r="12040" spans="1:9">
      <c r="A12040" s="1">
        <f ca="1">RAND()</f>
        <v>0.59689505448540592</v>
      </c>
      <c r="B12040" s="1"/>
      <c r="C12040">
        <v>8</v>
      </c>
      <c r="D12040" t="s">
        <v>23825</v>
      </c>
      <c r="E12040" t="s">
        <v>33918</v>
      </c>
      <c r="F12040">
        <v>4</v>
      </c>
      <c r="G12040" t="s">
        <v>14</v>
      </c>
      <c r="H12040" t="s">
        <v>23826</v>
      </c>
      <c r="I12040" t="s">
        <v>30540</v>
      </c>
    </row>
    <row r="12041" spans="1:9">
      <c r="A12041" s="1">
        <f ca="1">RAND()</f>
        <v>1.0181533688270905E-2</v>
      </c>
      <c r="B12041" s="1"/>
      <c r="C12041">
        <v>10</v>
      </c>
      <c r="D12041" t="s">
        <v>23827</v>
      </c>
      <c r="E12041" t="s">
        <v>33918</v>
      </c>
      <c r="F12041">
        <v>4</v>
      </c>
      <c r="G12041" t="s">
        <v>14</v>
      </c>
      <c r="H12041" t="s">
        <v>23828</v>
      </c>
      <c r="I12041" t="s">
        <v>30540</v>
      </c>
    </row>
    <row r="12042" spans="1:9">
      <c r="A12042" s="1">
        <f ca="1">RAND()</f>
        <v>0.89911093947576615</v>
      </c>
      <c r="B12042" s="1"/>
      <c r="C12042">
        <v>12</v>
      </c>
      <c r="D12042" t="s">
        <v>23821</v>
      </c>
      <c r="E12042" t="s">
        <v>33919</v>
      </c>
      <c r="F12042">
        <v>4</v>
      </c>
      <c r="G12042" t="s">
        <v>14</v>
      </c>
      <c r="H12042" t="s">
        <v>23822</v>
      </c>
      <c r="I12042" t="s">
        <v>30540</v>
      </c>
    </row>
    <row r="12043" spans="1:9">
      <c r="A12043" s="1">
        <f ca="1">RAND()</f>
        <v>0.27389363380848508</v>
      </c>
      <c r="B12043" s="1"/>
      <c r="C12043">
        <v>5</v>
      </c>
      <c r="D12043" t="s">
        <v>23819</v>
      </c>
      <c r="E12043" t="s">
        <v>33919</v>
      </c>
      <c r="F12043">
        <v>4</v>
      </c>
      <c r="G12043" t="s">
        <v>14</v>
      </c>
      <c r="H12043" t="s">
        <v>23820</v>
      </c>
      <c r="I12043" t="s">
        <v>30540</v>
      </c>
    </row>
    <row r="12044" spans="1:9">
      <c r="A12044" s="1">
        <f ca="1">RAND()</f>
        <v>7.0052580732562042E-2</v>
      </c>
      <c r="B12044" s="1"/>
      <c r="C12044">
        <v>17</v>
      </c>
      <c r="D12044" t="s">
        <v>23823</v>
      </c>
      <c r="E12044" t="s">
        <v>33919</v>
      </c>
      <c r="F12044">
        <v>2</v>
      </c>
      <c r="G12044" t="s">
        <v>14</v>
      </c>
      <c r="H12044" t="s">
        <v>23824</v>
      </c>
      <c r="I12044" t="s">
        <v>30540</v>
      </c>
    </row>
    <row r="12045" spans="1:9">
      <c r="A12045" s="1">
        <f ca="1">RAND()</f>
        <v>6.4266958040584909E-2</v>
      </c>
      <c r="B12045" s="1"/>
      <c r="C12045">
        <v>20</v>
      </c>
      <c r="D12045" t="s">
        <v>23817</v>
      </c>
      <c r="E12045" t="s">
        <v>33920</v>
      </c>
      <c r="F12045">
        <v>5</v>
      </c>
      <c r="G12045" t="s">
        <v>2229</v>
      </c>
      <c r="H12045" t="s">
        <v>23818</v>
      </c>
      <c r="I12045" t="s">
        <v>30540</v>
      </c>
    </row>
    <row r="12046" spans="1:9">
      <c r="A12046" s="1">
        <f ca="1">RAND()</f>
        <v>0.97656860183570215</v>
      </c>
      <c r="B12046" s="1"/>
      <c r="C12046">
        <v>17</v>
      </c>
      <c r="D12046" t="s">
        <v>23815</v>
      </c>
      <c r="E12046" t="s">
        <v>33920</v>
      </c>
      <c r="F12046">
        <v>5</v>
      </c>
      <c r="G12046" t="s">
        <v>762</v>
      </c>
      <c r="H12046" t="s">
        <v>23816</v>
      </c>
      <c r="I12046" t="s">
        <v>30540</v>
      </c>
    </row>
    <row r="12047" spans="1:9">
      <c r="A12047" s="1">
        <f ca="1">RAND()</f>
        <v>0.82032259723692436</v>
      </c>
      <c r="B12047" s="1"/>
      <c r="C12047">
        <v>1</v>
      </c>
      <c r="D12047" t="s">
        <v>23805</v>
      </c>
      <c r="E12047" t="s">
        <v>33920</v>
      </c>
      <c r="F12047">
        <v>5</v>
      </c>
      <c r="G12047" t="s">
        <v>14</v>
      </c>
      <c r="H12047" t="s">
        <v>23806</v>
      </c>
      <c r="I12047" t="s">
        <v>30540</v>
      </c>
    </row>
    <row r="12048" spans="1:9">
      <c r="A12048" s="1">
        <f ca="1">RAND()</f>
        <v>0.10542350637011921</v>
      </c>
      <c r="B12048" s="1"/>
      <c r="C12048">
        <v>7</v>
      </c>
      <c r="D12048" t="s">
        <v>23811</v>
      </c>
      <c r="E12048" t="s">
        <v>33920</v>
      </c>
      <c r="F12048">
        <v>4</v>
      </c>
      <c r="G12048" t="s">
        <v>2</v>
      </c>
      <c r="H12048" t="s">
        <v>23812</v>
      </c>
      <c r="I12048" t="s">
        <v>30540</v>
      </c>
    </row>
    <row r="12049" spans="1:9">
      <c r="A12049" s="1">
        <f ca="1">RAND()</f>
        <v>0.18419706702008654</v>
      </c>
      <c r="B12049" s="1"/>
      <c r="C12049">
        <v>6</v>
      </c>
      <c r="D12049" t="s">
        <v>23809</v>
      </c>
      <c r="E12049" t="s">
        <v>33920</v>
      </c>
      <c r="F12049">
        <v>4</v>
      </c>
      <c r="G12049" t="s">
        <v>1</v>
      </c>
      <c r="H12049" t="s">
        <v>23810</v>
      </c>
      <c r="I12049" t="s">
        <v>30540</v>
      </c>
    </row>
    <row r="12050" spans="1:9">
      <c r="A12050" s="1">
        <f ca="1">RAND()</f>
        <v>0.93695262570610172</v>
      </c>
      <c r="B12050" s="1"/>
      <c r="C12050">
        <v>10</v>
      </c>
      <c r="D12050" t="s">
        <v>23813</v>
      </c>
      <c r="E12050" t="s">
        <v>33920</v>
      </c>
      <c r="F12050">
        <v>4</v>
      </c>
      <c r="G12050" t="s">
        <v>766</v>
      </c>
      <c r="H12050" t="s">
        <v>23814</v>
      </c>
      <c r="I12050" t="s">
        <v>30540</v>
      </c>
    </row>
    <row r="12051" spans="1:9">
      <c r="A12051" s="1">
        <f ca="1">RAND()</f>
        <v>0.94507884576117629</v>
      </c>
      <c r="B12051" s="1"/>
      <c r="C12051">
        <v>3</v>
      </c>
      <c r="D12051" t="s">
        <v>23807</v>
      </c>
      <c r="E12051" t="s">
        <v>33920</v>
      </c>
      <c r="F12051">
        <v>3</v>
      </c>
      <c r="G12051" t="s">
        <v>762</v>
      </c>
      <c r="H12051" t="s">
        <v>23808</v>
      </c>
      <c r="I12051" t="s">
        <v>30540</v>
      </c>
    </row>
    <row r="12052" spans="1:9">
      <c r="A12052" s="1">
        <f ca="1">RAND()</f>
        <v>0.25215732507197131</v>
      </c>
      <c r="B12052" s="1"/>
      <c r="C12052">
        <v>9</v>
      </c>
      <c r="D12052" t="s">
        <v>23801</v>
      </c>
      <c r="E12052" t="s">
        <v>33921</v>
      </c>
      <c r="F12052">
        <v>5</v>
      </c>
      <c r="G12052" t="s">
        <v>14</v>
      </c>
      <c r="H12052" t="s">
        <v>23802</v>
      </c>
      <c r="I12052" t="s">
        <v>30540</v>
      </c>
    </row>
    <row r="12053" spans="1:9">
      <c r="A12053" s="1">
        <f ca="1">RAND()</f>
        <v>0.31921377061579659</v>
      </c>
      <c r="B12053" s="1"/>
      <c r="C12053">
        <v>10</v>
      </c>
      <c r="D12053" t="s">
        <v>23803</v>
      </c>
      <c r="E12053" t="s">
        <v>33921</v>
      </c>
      <c r="F12053">
        <v>1</v>
      </c>
      <c r="G12053" t="s">
        <v>14</v>
      </c>
      <c r="H12053" t="s">
        <v>23804</v>
      </c>
      <c r="I12053" t="s">
        <v>30540</v>
      </c>
    </row>
    <row r="12054" spans="1:9">
      <c r="A12054" s="1">
        <f ca="1">RAND()</f>
        <v>0.87857730467586426</v>
      </c>
      <c r="B12054" s="1"/>
      <c r="C12054">
        <v>2</v>
      </c>
      <c r="D12054" t="s">
        <v>23795</v>
      </c>
      <c r="E12054" t="s">
        <v>33922</v>
      </c>
      <c r="F12054">
        <v>5</v>
      </c>
      <c r="G12054" t="s">
        <v>14</v>
      </c>
      <c r="H12054" t="s">
        <v>23796</v>
      </c>
      <c r="I12054" t="s">
        <v>30540</v>
      </c>
    </row>
    <row r="12055" spans="1:9">
      <c r="A12055" s="1">
        <f ca="1">RAND()</f>
        <v>0.12929008511515072</v>
      </c>
      <c r="B12055" s="1"/>
      <c r="C12055">
        <v>5</v>
      </c>
      <c r="D12055" t="s">
        <v>23797</v>
      </c>
      <c r="E12055" t="s">
        <v>33922</v>
      </c>
      <c r="F12055">
        <v>4</v>
      </c>
      <c r="G12055" t="s">
        <v>14</v>
      </c>
      <c r="H12055" t="s">
        <v>23798</v>
      </c>
      <c r="I12055" t="s">
        <v>30540</v>
      </c>
    </row>
    <row r="12056" spans="1:9">
      <c r="A12056" s="1">
        <f ca="1">RAND()</f>
        <v>0.63782179243827797</v>
      </c>
      <c r="B12056" s="1"/>
      <c r="C12056">
        <v>9</v>
      </c>
      <c r="D12056" t="s">
        <v>23799</v>
      </c>
      <c r="E12056" t="s">
        <v>33922</v>
      </c>
      <c r="F12056">
        <v>4</v>
      </c>
      <c r="G12056" t="s">
        <v>2</v>
      </c>
      <c r="H12056" t="s">
        <v>23800</v>
      </c>
      <c r="I12056" t="s">
        <v>30540</v>
      </c>
    </row>
    <row r="12057" spans="1:9">
      <c r="A12057" s="1">
        <f ca="1">RAND()</f>
        <v>0.12901987502656531</v>
      </c>
      <c r="B12057" s="1"/>
      <c r="C12057">
        <v>17</v>
      </c>
      <c r="D12057" t="s">
        <v>23793</v>
      </c>
      <c r="E12057" t="s">
        <v>33923</v>
      </c>
      <c r="F12057">
        <v>4</v>
      </c>
      <c r="G12057" t="s">
        <v>14</v>
      </c>
      <c r="H12057" t="s">
        <v>23794</v>
      </c>
      <c r="I12057" t="s">
        <v>30540</v>
      </c>
    </row>
    <row r="12058" spans="1:9">
      <c r="A12058" s="1">
        <f ca="1">RAND()</f>
        <v>0.90067459331006516</v>
      </c>
      <c r="B12058" s="1"/>
      <c r="C12058">
        <v>2</v>
      </c>
      <c r="D12058" t="s">
        <v>23787</v>
      </c>
      <c r="E12058" t="s">
        <v>33923</v>
      </c>
      <c r="F12058">
        <v>4</v>
      </c>
      <c r="G12058" t="s">
        <v>15</v>
      </c>
      <c r="H12058" t="s">
        <v>23788</v>
      </c>
      <c r="I12058" t="s">
        <v>30540</v>
      </c>
    </row>
    <row r="12059" spans="1:9">
      <c r="A12059" s="1">
        <f ca="1">RAND()</f>
        <v>2.0480705068374738E-2</v>
      </c>
      <c r="B12059" s="1"/>
      <c r="C12059">
        <v>13</v>
      </c>
      <c r="D12059" t="s">
        <v>23791</v>
      </c>
      <c r="E12059" t="s">
        <v>33923</v>
      </c>
      <c r="F12059">
        <v>4</v>
      </c>
      <c r="G12059" t="s">
        <v>14</v>
      </c>
      <c r="H12059" t="s">
        <v>23792</v>
      </c>
      <c r="I12059" t="s">
        <v>30540</v>
      </c>
    </row>
    <row r="12060" spans="1:9">
      <c r="A12060" s="1">
        <f ca="1">RAND()</f>
        <v>0.35336745966481187</v>
      </c>
      <c r="B12060" s="1"/>
      <c r="C12060">
        <v>4</v>
      </c>
      <c r="D12060" t="s">
        <v>23789</v>
      </c>
      <c r="E12060" t="s">
        <v>33923</v>
      </c>
      <c r="F12060">
        <v>3</v>
      </c>
      <c r="G12060" t="s">
        <v>14</v>
      </c>
      <c r="H12060" t="s">
        <v>23790</v>
      </c>
      <c r="I12060" t="s">
        <v>30540</v>
      </c>
    </row>
    <row r="12061" spans="1:9">
      <c r="A12061" s="1">
        <f ca="1">RAND()</f>
        <v>0.20561976939086424</v>
      </c>
      <c r="B12061" s="1"/>
      <c r="C12061">
        <v>17</v>
      </c>
      <c r="D12061" t="s">
        <v>23785</v>
      </c>
      <c r="E12061" t="s">
        <v>33924</v>
      </c>
      <c r="F12061">
        <v>5</v>
      </c>
      <c r="G12061" t="s">
        <v>14</v>
      </c>
      <c r="H12061" t="s">
        <v>23786</v>
      </c>
      <c r="I12061" t="s">
        <v>30540</v>
      </c>
    </row>
    <row r="12062" spans="1:9">
      <c r="A12062" s="1">
        <f ca="1">RAND()</f>
        <v>0.42614775722442744</v>
      </c>
      <c r="B12062" s="1"/>
      <c r="C12062">
        <v>8</v>
      </c>
      <c r="D12062" t="s">
        <v>23777</v>
      </c>
      <c r="E12062" t="s">
        <v>33924</v>
      </c>
      <c r="F12062">
        <v>5</v>
      </c>
      <c r="G12062" t="s">
        <v>14</v>
      </c>
      <c r="H12062" t="s">
        <v>23778</v>
      </c>
      <c r="I12062" t="s">
        <v>30540</v>
      </c>
    </row>
    <row r="12063" spans="1:9">
      <c r="A12063" s="1">
        <f ca="1">RAND()</f>
        <v>0.20688351554886297</v>
      </c>
      <c r="B12063" s="1"/>
      <c r="C12063">
        <v>13</v>
      </c>
      <c r="D12063" t="s">
        <v>23781</v>
      </c>
      <c r="E12063" t="s">
        <v>33924</v>
      </c>
      <c r="F12063">
        <v>4</v>
      </c>
      <c r="G12063" t="s">
        <v>9</v>
      </c>
      <c r="H12063" t="s">
        <v>23782</v>
      </c>
      <c r="I12063" t="s">
        <v>30540</v>
      </c>
    </row>
    <row r="12064" spans="1:9">
      <c r="A12064" s="1">
        <f ca="1">RAND()</f>
        <v>0.95631360726786807</v>
      </c>
      <c r="B12064" s="1"/>
      <c r="C12064">
        <v>16</v>
      </c>
      <c r="D12064" t="s">
        <v>23783</v>
      </c>
      <c r="E12064" t="s">
        <v>33924</v>
      </c>
      <c r="F12064">
        <v>4</v>
      </c>
      <c r="G12064" t="s">
        <v>14</v>
      </c>
      <c r="H12064" t="s">
        <v>23784</v>
      </c>
      <c r="I12064" t="s">
        <v>30540</v>
      </c>
    </row>
    <row r="12065" spans="1:9">
      <c r="A12065" s="1">
        <f ca="1">RAND()</f>
        <v>0.67877245229748862</v>
      </c>
      <c r="B12065" s="1"/>
      <c r="C12065">
        <v>10</v>
      </c>
      <c r="D12065" t="s">
        <v>23779</v>
      </c>
      <c r="E12065" t="s">
        <v>33924</v>
      </c>
      <c r="F12065">
        <v>4</v>
      </c>
      <c r="G12065" t="s">
        <v>0</v>
      </c>
      <c r="H12065" t="s">
        <v>23780</v>
      </c>
      <c r="I12065" t="s">
        <v>30540</v>
      </c>
    </row>
    <row r="12066" spans="1:9">
      <c r="A12066" s="1">
        <f ca="1">RAND()</f>
        <v>8.7584194925730552E-3</v>
      </c>
      <c r="B12066" s="1"/>
      <c r="C12066">
        <v>8</v>
      </c>
      <c r="D12066" t="s">
        <v>23771</v>
      </c>
      <c r="E12066" t="s">
        <v>33925</v>
      </c>
      <c r="F12066">
        <v>4</v>
      </c>
      <c r="G12066" t="s">
        <v>762</v>
      </c>
      <c r="H12066" t="s">
        <v>23772</v>
      </c>
      <c r="I12066" t="s">
        <v>30540</v>
      </c>
    </row>
    <row r="12067" spans="1:9">
      <c r="A12067" s="1">
        <f ca="1">RAND()</f>
        <v>0.51894402475107515</v>
      </c>
      <c r="B12067" s="1"/>
      <c r="C12067">
        <v>4</v>
      </c>
      <c r="D12067" t="s">
        <v>23769</v>
      </c>
      <c r="E12067" t="s">
        <v>33925</v>
      </c>
      <c r="F12067">
        <v>4</v>
      </c>
      <c r="G12067" t="s">
        <v>10</v>
      </c>
      <c r="H12067" t="s">
        <v>23770</v>
      </c>
      <c r="I12067" t="s">
        <v>30540</v>
      </c>
    </row>
    <row r="12068" spans="1:9">
      <c r="A12068" s="1">
        <f ca="1">RAND()</f>
        <v>7.4575869885321611E-3</v>
      </c>
      <c r="B12068" s="1"/>
      <c r="C12068">
        <v>18</v>
      </c>
      <c r="D12068" t="s">
        <v>23773</v>
      </c>
      <c r="E12068" t="s">
        <v>33925</v>
      </c>
      <c r="F12068">
        <v>4</v>
      </c>
      <c r="G12068" t="s">
        <v>2738</v>
      </c>
      <c r="H12068" t="s">
        <v>23774</v>
      </c>
      <c r="I12068" t="s">
        <v>30540</v>
      </c>
    </row>
    <row r="12069" spans="1:9">
      <c r="A12069" s="1">
        <f ca="1">RAND()</f>
        <v>0.28923060262610023</v>
      </c>
      <c r="B12069" s="1"/>
      <c r="C12069">
        <v>1</v>
      </c>
      <c r="D12069" t="s">
        <v>23767</v>
      </c>
      <c r="E12069" t="s">
        <v>33925</v>
      </c>
      <c r="F12069">
        <v>3</v>
      </c>
      <c r="G12069" t="s">
        <v>1431</v>
      </c>
      <c r="H12069" t="s">
        <v>23768</v>
      </c>
      <c r="I12069" t="s">
        <v>30540</v>
      </c>
    </row>
    <row r="12070" spans="1:9">
      <c r="A12070" s="1">
        <f ca="1">RAND()</f>
        <v>0.94376476746176319</v>
      </c>
      <c r="B12070" s="1"/>
      <c r="C12070">
        <v>20</v>
      </c>
      <c r="D12070" t="s">
        <v>23775</v>
      </c>
      <c r="E12070" t="s">
        <v>33925</v>
      </c>
      <c r="F12070">
        <v>3</v>
      </c>
      <c r="G12070" t="s">
        <v>2</v>
      </c>
      <c r="H12070" t="s">
        <v>23776</v>
      </c>
      <c r="I12070" t="s">
        <v>30540</v>
      </c>
    </row>
    <row r="12071" spans="1:9">
      <c r="A12071" s="1">
        <f ca="1">RAND()</f>
        <v>0.98801602321263438</v>
      </c>
      <c r="B12071" s="1"/>
      <c r="C12071">
        <v>6</v>
      </c>
      <c r="D12071" t="s">
        <v>23763</v>
      </c>
      <c r="E12071" t="s">
        <v>33926</v>
      </c>
      <c r="F12071">
        <v>4</v>
      </c>
      <c r="G12071" t="s">
        <v>13</v>
      </c>
      <c r="H12071" t="s">
        <v>23764</v>
      </c>
      <c r="I12071" t="s">
        <v>30540</v>
      </c>
    </row>
    <row r="12072" spans="1:9">
      <c r="A12072" s="1">
        <f ca="1">RAND()</f>
        <v>0.12366414586791774</v>
      </c>
      <c r="B12072" s="1"/>
      <c r="C12072">
        <v>15</v>
      </c>
      <c r="D12072" t="s">
        <v>23765</v>
      </c>
      <c r="E12072" t="s">
        <v>33926</v>
      </c>
      <c r="F12072">
        <v>3</v>
      </c>
      <c r="G12072" t="s">
        <v>14</v>
      </c>
      <c r="H12072" t="s">
        <v>23766</v>
      </c>
      <c r="I12072" t="s">
        <v>30540</v>
      </c>
    </row>
    <row r="12073" spans="1:9">
      <c r="A12073" s="1">
        <f ca="1">RAND()</f>
        <v>0.79999946199726057</v>
      </c>
      <c r="B12073" s="1"/>
      <c r="C12073">
        <v>12</v>
      </c>
      <c r="D12073" t="s">
        <v>23761</v>
      </c>
      <c r="E12073" t="s">
        <v>33927</v>
      </c>
      <c r="F12073">
        <v>4</v>
      </c>
      <c r="G12073" t="s">
        <v>14</v>
      </c>
      <c r="H12073" t="s">
        <v>23762</v>
      </c>
      <c r="I12073" t="s">
        <v>30540</v>
      </c>
    </row>
    <row r="12074" spans="1:9">
      <c r="A12074" s="1">
        <f ca="1">RAND()</f>
        <v>0.36274860806027931</v>
      </c>
      <c r="B12074" s="1"/>
      <c r="C12074">
        <v>7</v>
      </c>
      <c r="D12074" t="s">
        <v>23759</v>
      </c>
      <c r="E12074" t="s">
        <v>33927</v>
      </c>
      <c r="F12074">
        <v>1</v>
      </c>
      <c r="G12074" t="s">
        <v>14</v>
      </c>
      <c r="H12074" t="s">
        <v>23760</v>
      </c>
      <c r="I12074" t="s">
        <v>30540</v>
      </c>
    </row>
    <row r="12075" spans="1:9">
      <c r="A12075" s="1">
        <f ca="1">RAND()</f>
        <v>3.7262202203434569E-2</v>
      </c>
      <c r="B12075" s="1"/>
      <c r="C12075">
        <v>15</v>
      </c>
      <c r="D12075" t="s">
        <v>23755</v>
      </c>
      <c r="E12075" t="s">
        <v>33928</v>
      </c>
      <c r="F12075">
        <v>5</v>
      </c>
      <c r="G12075" t="s">
        <v>14</v>
      </c>
      <c r="H12075" t="s">
        <v>23756</v>
      </c>
      <c r="I12075" t="s">
        <v>30540</v>
      </c>
    </row>
    <row r="12076" spans="1:9">
      <c r="A12076" s="1">
        <f ca="1">RAND()</f>
        <v>0.15715540817898754</v>
      </c>
      <c r="B12076" s="1"/>
      <c r="C12076">
        <v>11</v>
      </c>
      <c r="D12076" t="s">
        <v>23753</v>
      </c>
      <c r="E12076" t="s">
        <v>33928</v>
      </c>
      <c r="F12076">
        <v>4</v>
      </c>
      <c r="G12076" t="s">
        <v>2</v>
      </c>
      <c r="H12076" t="s">
        <v>23754</v>
      </c>
      <c r="I12076" t="s">
        <v>30540</v>
      </c>
    </row>
    <row r="12077" spans="1:9">
      <c r="A12077" s="1">
        <f ca="1">RAND()</f>
        <v>0.30303551566632903</v>
      </c>
      <c r="B12077" s="1"/>
      <c r="C12077">
        <v>16</v>
      </c>
      <c r="D12077" t="s">
        <v>23757</v>
      </c>
      <c r="E12077" t="s">
        <v>33928</v>
      </c>
      <c r="F12077">
        <v>4</v>
      </c>
      <c r="G12077" t="s">
        <v>14</v>
      </c>
      <c r="H12077" t="s">
        <v>23758</v>
      </c>
      <c r="I12077" t="s">
        <v>30540</v>
      </c>
    </row>
    <row r="12078" spans="1:9">
      <c r="A12078" s="1">
        <f ca="1">RAND()</f>
        <v>0.88402181846246175</v>
      </c>
      <c r="B12078" s="1"/>
      <c r="C12078">
        <v>9</v>
      </c>
      <c r="D12078" t="s">
        <v>23747</v>
      </c>
      <c r="E12078" t="s">
        <v>33929</v>
      </c>
      <c r="F12078">
        <v>4</v>
      </c>
      <c r="G12078" t="s">
        <v>14</v>
      </c>
      <c r="H12078" t="s">
        <v>23748</v>
      </c>
      <c r="I12078" t="s">
        <v>30540</v>
      </c>
    </row>
    <row r="12079" spans="1:9">
      <c r="A12079" s="1">
        <f ca="1">RAND()</f>
        <v>0.37388054596188902</v>
      </c>
      <c r="B12079" s="1"/>
      <c r="C12079">
        <v>19</v>
      </c>
      <c r="D12079" t="s">
        <v>23751</v>
      </c>
      <c r="E12079" t="s">
        <v>33929</v>
      </c>
      <c r="F12079">
        <v>4</v>
      </c>
      <c r="G12079" t="s">
        <v>14</v>
      </c>
      <c r="H12079" t="s">
        <v>23752</v>
      </c>
      <c r="I12079" t="s">
        <v>30540</v>
      </c>
    </row>
    <row r="12080" spans="1:9">
      <c r="A12080" s="1">
        <f ca="1">RAND()</f>
        <v>8.7657330619850371E-2</v>
      </c>
      <c r="B12080" s="1"/>
      <c r="C12080">
        <v>15</v>
      </c>
      <c r="D12080" t="s">
        <v>23749</v>
      </c>
      <c r="E12080" t="s">
        <v>33929</v>
      </c>
      <c r="F12080">
        <v>4</v>
      </c>
      <c r="G12080" t="s">
        <v>14</v>
      </c>
      <c r="H12080" t="s">
        <v>23750</v>
      </c>
      <c r="I12080" t="s">
        <v>30540</v>
      </c>
    </row>
    <row r="12081" spans="1:9">
      <c r="A12081" s="1">
        <f ca="1">RAND()</f>
        <v>0.87322530445157531</v>
      </c>
      <c r="B12081" s="1"/>
      <c r="C12081">
        <v>18</v>
      </c>
      <c r="D12081" t="s">
        <v>23745</v>
      </c>
      <c r="E12081" t="s">
        <v>33930</v>
      </c>
      <c r="F12081">
        <v>5</v>
      </c>
      <c r="G12081" t="s">
        <v>14</v>
      </c>
      <c r="H12081" t="s">
        <v>23746</v>
      </c>
      <c r="I12081" t="s">
        <v>30540</v>
      </c>
    </row>
    <row r="12082" spans="1:9">
      <c r="A12082" s="1">
        <f ca="1">RAND()</f>
        <v>0.12257435270498962</v>
      </c>
      <c r="B12082" s="1"/>
      <c r="C12082">
        <v>3</v>
      </c>
      <c r="D12082" t="s">
        <v>23741</v>
      </c>
      <c r="E12082" t="s">
        <v>33930</v>
      </c>
      <c r="F12082">
        <v>5</v>
      </c>
      <c r="G12082" t="s">
        <v>10</v>
      </c>
      <c r="H12082" t="s">
        <v>23742</v>
      </c>
      <c r="I12082" t="s">
        <v>30540</v>
      </c>
    </row>
    <row r="12083" spans="1:9">
      <c r="A12083" s="1">
        <f ca="1">RAND()</f>
        <v>0.13870470975520233</v>
      </c>
      <c r="B12083" s="1"/>
      <c r="C12083">
        <v>11</v>
      </c>
      <c r="D12083" t="s">
        <v>23743</v>
      </c>
      <c r="E12083" t="s">
        <v>33930</v>
      </c>
      <c r="F12083">
        <v>3</v>
      </c>
      <c r="G12083" t="s">
        <v>3732</v>
      </c>
      <c r="H12083" t="s">
        <v>23744</v>
      </c>
      <c r="I12083" t="s">
        <v>30540</v>
      </c>
    </row>
    <row r="12084" spans="1:9">
      <c r="A12084" s="1">
        <f ca="1">RAND()</f>
        <v>0.53447606507092893</v>
      </c>
      <c r="B12084" s="1"/>
      <c r="C12084">
        <v>4</v>
      </c>
      <c r="D12084" t="s">
        <v>23735</v>
      </c>
      <c r="E12084" t="s">
        <v>33931</v>
      </c>
      <c r="F12084">
        <v>5</v>
      </c>
      <c r="G12084" t="s">
        <v>14</v>
      </c>
      <c r="H12084" t="s">
        <v>23736</v>
      </c>
      <c r="I12084" t="s">
        <v>30540</v>
      </c>
    </row>
    <row r="12085" spans="1:9">
      <c r="A12085" s="1">
        <f ca="1">RAND()</f>
        <v>0.93337857385705292</v>
      </c>
      <c r="B12085" s="1"/>
      <c r="C12085">
        <v>10</v>
      </c>
      <c r="D12085" t="s">
        <v>23737</v>
      </c>
      <c r="E12085" t="s">
        <v>33931</v>
      </c>
      <c r="F12085">
        <v>2</v>
      </c>
      <c r="G12085" t="s">
        <v>14</v>
      </c>
      <c r="H12085" t="s">
        <v>23738</v>
      </c>
      <c r="I12085" t="s">
        <v>30540</v>
      </c>
    </row>
    <row r="12086" spans="1:9">
      <c r="A12086" s="1">
        <f ca="1">RAND()</f>
        <v>1.6186707103899911E-2</v>
      </c>
      <c r="B12086" s="1"/>
      <c r="C12086">
        <v>11</v>
      </c>
      <c r="D12086" t="s">
        <v>23739</v>
      </c>
      <c r="E12086" t="s">
        <v>33931</v>
      </c>
      <c r="F12086">
        <v>1</v>
      </c>
      <c r="G12086" t="s">
        <v>10</v>
      </c>
      <c r="H12086" t="s">
        <v>23740</v>
      </c>
      <c r="I12086" t="s">
        <v>30540</v>
      </c>
    </row>
    <row r="12087" spans="1:9">
      <c r="A12087" s="1">
        <f ca="1">RAND()</f>
        <v>0.70083595154141032</v>
      </c>
      <c r="B12087" s="1"/>
      <c r="C12087">
        <v>2</v>
      </c>
      <c r="D12087" t="s">
        <v>23729</v>
      </c>
      <c r="E12087" t="s">
        <v>33932</v>
      </c>
      <c r="F12087">
        <v>4</v>
      </c>
      <c r="G12087" t="s">
        <v>9</v>
      </c>
      <c r="H12087" t="s">
        <v>23730</v>
      </c>
      <c r="I12087" t="s">
        <v>30540</v>
      </c>
    </row>
    <row r="12088" spans="1:9">
      <c r="A12088" s="1">
        <f ca="1">RAND()</f>
        <v>0.50916492445335138</v>
      </c>
      <c r="B12088" s="1"/>
      <c r="C12088">
        <v>15</v>
      </c>
      <c r="D12088" t="s">
        <v>23733</v>
      </c>
      <c r="E12088" t="s">
        <v>33932</v>
      </c>
      <c r="F12088">
        <v>4</v>
      </c>
      <c r="G12088" t="s">
        <v>14</v>
      </c>
      <c r="H12088" t="s">
        <v>23734</v>
      </c>
      <c r="I12088" t="s">
        <v>30540</v>
      </c>
    </row>
    <row r="12089" spans="1:9">
      <c r="A12089" s="1">
        <f ca="1">RAND()</f>
        <v>0.44521945416242503</v>
      </c>
      <c r="B12089" s="1"/>
      <c r="C12089">
        <v>10</v>
      </c>
      <c r="D12089" t="s">
        <v>23731</v>
      </c>
      <c r="E12089" t="s">
        <v>33932</v>
      </c>
      <c r="F12089">
        <v>3</v>
      </c>
      <c r="G12089" t="s">
        <v>14</v>
      </c>
      <c r="H12089" t="s">
        <v>23732</v>
      </c>
      <c r="I12089" t="s">
        <v>30540</v>
      </c>
    </row>
    <row r="12090" spans="1:9">
      <c r="A12090" s="1">
        <f ca="1">RAND()</f>
        <v>0.17754429523909077</v>
      </c>
      <c r="B12090" s="1"/>
      <c r="C12090">
        <v>9</v>
      </c>
      <c r="D12090" t="s">
        <v>23725</v>
      </c>
      <c r="E12090" t="s">
        <v>33933</v>
      </c>
      <c r="F12090">
        <v>4</v>
      </c>
      <c r="G12090" t="s">
        <v>10</v>
      </c>
      <c r="H12090" t="s">
        <v>23726</v>
      </c>
      <c r="I12090" t="s">
        <v>30540</v>
      </c>
    </row>
    <row r="12091" spans="1:9">
      <c r="A12091" s="1">
        <f ca="1">RAND()</f>
        <v>0.8723049717080269</v>
      </c>
      <c r="B12091" s="1"/>
      <c r="C12091">
        <v>8</v>
      </c>
      <c r="D12091" t="s">
        <v>23723</v>
      </c>
      <c r="E12091" t="s">
        <v>33933</v>
      </c>
      <c r="F12091">
        <v>4</v>
      </c>
      <c r="G12091" t="s">
        <v>10</v>
      </c>
      <c r="H12091" t="s">
        <v>23724</v>
      </c>
      <c r="I12091" t="s">
        <v>30540</v>
      </c>
    </row>
    <row r="12092" spans="1:9">
      <c r="A12092" s="1">
        <f ca="1">RAND()</f>
        <v>0.87126576130248368</v>
      </c>
      <c r="B12092" s="1"/>
      <c r="C12092">
        <v>14</v>
      </c>
      <c r="D12092" t="s">
        <v>23727</v>
      </c>
      <c r="E12092" t="s">
        <v>33933</v>
      </c>
      <c r="F12092">
        <v>4</v>
      </c>
      <c r="G12092" t="s">
        <v>10</v>
      </c>
      <c r="H12092" t="s">
        <v>23728</v>
      </c>
      <c r="I12092" t="s">
        <v>30540</v>
      </c>
    </row>
    <row r="12093" spans="1:9">
      <c r="A12093" s="1">
        <f ca="1">RAND()</f>
        <v>0.33481111624029158</v>
      </c>
      <c r="B12093" s="1"/>
      <c r="C12093">
        <v>18</v>
      </c>
      <c r="D12093" t="s">
        <v>23721</v>
      </c>
      <c r="E12093" t="s">
        <v>33934</v>
      </c>
      <c r="F12093">
        <v>5</v>
      </c>
      <c r="G12093" t="s">
        <v>14</v>
      </c>
      <c r="H12093" t="s">
        <v>23722</v>
      </c>
      <c r="I12093" t="s">
        <v>30540</v>
      </c>
    </row>
    <row r="12094" spans="1:9">
      <c r="A12094" s="1">
        <f ca="1">RAND()</f>
        <v>0.60580417213159465</v>
      </c>
      <c r="B12094" s="1"/>
      <c r="C12094">
        <v>8</v>
      </c>
      <c r="D12094" t="s">
        <v>23717</v>
      </c>
      <c r="E12094" t="s">
        <v>33934</v>
      </c>
      <c r="F12094">
        <v>4</v>
      </c>
      <c r="G12094" t="s">
        <v>9</v>
      </c>
      <c r="H12094" t="s">
        <v>23718</v>
      </c>
      <c r="I12094" t="s">
        <v>30540</v>
      </c>
    </row>
    <row r="12095" spans="1:9">
      <c r="A12095" s="1">
        <f ca="1">RAND()</f>
        <v>0.94818658336092088</v>
      </c>
      <c r="B12095" s="1"/>
      <c r="C12095">
        <v>3</v>
      </c>
      <c r="D12095" t="s">
        <v>23711</v>
      </c>
      <c r="E12095" t="s">
        <v>33934</v>
      </c>
      <c r="F12095">
        <v>4</v>
      </c>
      <c r="G12095" t="s">
        <v>9</v>
      </c>
      <c r="H12095" t="s">
        <v>23712</v>
      </c>
      <c r="I12095" t="s">
        <v>30540</v>
      </c>
    </row>
    <row r="12096" spans="1:9">
      <c r="A12096" s="1">
        <f ca="1">RAND()</f>
        <v>0.24286578681036797</v>
      </c>
      <c r="B12096" s="1"/>
      <c r="C12096">
        <v>7</v>
      </c>
      <c r="D12096" t="s">
        <v>23715</v>
      </c>
      <c r="E12096" t="s">
        <v>33934</v>
      </c>
      <c r="F12096">
        <v>4</v>
      </c>
      <c r="G12096" t="s">
        <v>14</v>
      </c>
      <c r="H12096" t="s">
        <v>23716</v>
      </c>
      <c r="I12096" t="s">
        <v>30540</v>
      </c>
    </row>
    <row r="12097" spans="1:9">
      <c r="A12097" s="1">
        <f ca="1">RAND()</f>
        <v>0.68905107151002343</v>
      </c>
      <c r="B12097" s="1"/>
      <c r="C12097">
        <v>4</v>
      </c>
      <c r="D12097" t="s">
        <v>23713</v>
      </c>
      <c r="E12097" t="s">
        <v>33934</v>
      </c>
      <c r="F12097">
        <v>4</v>
      </c>
      <c r="G12097" t="s">
        <v>0</v>
      </c>
      <c r="H12097" t="s">
        <v>23714</v>
      </c>
      <c r="I12097" t="s">
        <v>30540</v>
      </c>
    </row>
    <row r="12098" spans="1:9">
      <c r="A12098" s="1">
        <f ca="1">RAND()</f>
        <v>0.69830318610337894</v>
      </c>
      <c r="B12098" s="1"/>
      <c r="C12098">
        <v>17</v>
      </c>
      <c r="D12098" t="s">
        <v>23719</v>
      </c>
      <c r="E12098" t="s">
        <v>33934</v>
      </c>
      <c r="F12098">
        <v>2</v>
      </c>
      <c r="G12098" t="s">
        <v>14</v>
      </c>
      <c r="H12098" t="s">
        <v>23720</v>
      </c>
      <c r="I12098" t="s">
        <v>30540</v>
      </c>
    </row>
    <row r="12099" spans="1:9">
      <c r="A12099" s="1">
        <f ca="1">RAND()</f>
        <v>0.43083828483468156</v>
      </c>
      <c r="B12099" s="1"/>
      <c r="C12099">
        <v>2</v>
      </c>
      <c r="D12099" t="s">
        <v>23703</v>
      </c>
      <c r="E12099" t="s">
        <v>33935</v>
      </c>
      <c r="F12099">
        <v>4</v>
      </c>
      <c r="G12099" t="s">
        <v>14</v>
      </c>
      <c r="H12099" t="s">
        <v>23704</v>
      </c>
      <c r="I12099" t="s">
        <v>30540</v>
      </c>
    </row>
    <row r="12100" spans="1:9">
      <c r="A12100" s="1">
        <f ca="1">RAND()</f>
        <v>0.65672770068982933</v>
      </c>
      <c r="B12100" s="1"/>
      <c r="C12100">
        <v>13</v>
      </c>
      <c r="D12100" t="s">
        <v>23709</v>
      </c>
      <c r="E12100" t="s">
        <v>33935</v>
      </c>
      <c r="F12100">
        <v>4</v>
      </c>
      <c r="G12100" t="s">
        <v>15</v>
      </c>
      <c r="H12100" t="s">
        <v>23710</v>
      </c>
      <c r="I12100" t="s">
        <v>30540</v>
      </c>
    </row>
    <row r="12101" spans="1:9">
      <c r="A12101" s="1">
        <f ca="1">RAND()</f>
        <v>0.94795157185011913</v>
      </c>
      <c r="B12101" s="1"/>
      <c r="C12101">
        <v>11</v>
      </c>
      <c r="D12101" t="s">
        <v>23707</v>
      </c>
      <c r="E12101" t="s">
        <v>33935</v>
      </c>
      <c r="F12101">
        <v>4</v>
      </c>
      <c r="G12101" t="s">
        <v>14</v>
      </c>
      <c r="H12101" t="s">
        <v>23708</v>
      </c>
      <c r="I12101" t="s">
        <v>30540</v>
      </c>
    </row>
    <row r="12102" spans="1:9">
      <c r="A12102" s="1">
        <f ca="1">RAND()</f>
        <v>0.23409452174376111</v>
      </c>
      <c r="B12102" s="1"/>
      <c r="C12102">
        <v>3</v>
      </c>
      <c r="D12102" t="s">
        <v>23705</v>
      </c>
      <c r="E12102" t="s">
        <v>33935</v>
      </c>
      <c r="F12102">
        <v>4</v>
      </c>
      <c r="G12102" t="s">
        <v>14</v>
      </c>
      <c r="H12102" t="s">
        <v>23706</v>
      </c>
      <c r="I12102" t="s">
        <v>30540</v>
      </c>
    </row>
    <row r="12103" spans="1:9">
      <c r="A12103" s="1">
        <f ca="1">RAND()</f>
        <v>0.14212888385712263</v>
      </c>
      <c r="B12103" s="1"/>
      <c r="C12103">
        <v>16</v>
      </c>
      <c r="D12103" t="s">
        <v>23700</v>
      </c>
      <c r="E12103" t="s">
        <v>33936</v>
      </c>
      <c r="F12103">
        <v>5</v>
      </c>
      <c r="G12103" t="s">
        <v>14</v>
      </c>
      <c r="H12103" t="s">
        <v>23701</v>
      </c>
      <c r="I12103" t="s">
        <v>30540</v>
      </c>
    </row>
    <row r="12104" spans="1:9">
      <c r="A12104" s="1">
        <f ca="1">RAND()</f>
        <v>0.15159811582536964</v>
      </c>
      <c r="B12104" s="1"/>
      <c r="C12104">
        <v>19</v>
      </c>
      <c r="D12104" t="s">
        <v>20222</v>
      </c>
      <c r="E12104" t="s">
        <v>33936</v>
      </c>
      <c r="F12104">
        <v>5</v>
      </c>
      <c r="G12104" t="s">
        <v>14</v>
      </c>
      <c r="H12104" t="s">
        <v>23702</v>
      </c>
      <c r="I12104" t="s">
        <v>30540</v>
      </c>
    </row>
    <row r="12105" spans="1:9">
      <c r="A12105" s="1">
        <f ca="1">RAND()</f>
        <v>0.2522481017279613</v>
      </c>
      <c r="B12105" s="1"/>
      <c r="C12105">
        <v>14</v>
      </c>
      <c r="D12105" t="s">
        <v>23698</v>
      </c>
      <c r="E12105" t="s">
        <v>33936</v>
      </c>
      <c r="F12105">
        <v>4</v>
      </c>
      <c r="G12105" t="s">
        <v>14</v>
      </c>
      <c r="H12105" t="s">
        <v>23699</v>
      </c>
      <c r="I12105" t="s">
        <v>30540</v>
      </c>
    </row>
    <row r="12106" spans="1:9">
      <c r="A12106" s="1">
        <f ca="1">RAND()</f>
        <v>0.5011631653320241</v>
      </c>
      <c r="B12106" s="1"/>
      <c r="C12106">
        <v>4</v>
      </c>
      <c r="D12106" t="s">
        <v>23694</v>
      </c>
      <c r="E12106" t="s">
        <v>33937</v>
      </c>
      <c r="F12106">
        <v>4</v>
      </c>
      <c r="G12106" t="s">
        <v>10</v>
      </c>
      <c r="H12106" t="s">
        <v>23695</v>
      </c>
      <c r="I12106" t="s">
        <v>30540</v>
      </c>
    </row>
    <row r="12107" spans="1:9">
      <c r="A12107" s="1">
        <f ca="1">RAND()</f>
        <v>0.75370723884912494</v>
      </c>
      <c r="B12107" s="1"/>
      <c r="C12107">
        <v>14</v>
      </c>
      <c r="D12107" t="s">
        <v>23696</v>
      </c>
      <c r="E12107" t="s">
        <v>33937</v>
      </c>
      <c r="F12107">
        <v>4</v>
      </c>
      <c r="G12107" t="s">
        <v>14</v>
      </c>
      <c r="H12107" t="s">
        <v>23697</v>
      </c>
      <c r="I12107" t="s">
        <v>30540</v>
      </c>
    </row>
    <row r="12108" spans="1:9">
      <c r="A12108" s="1">
        <f ca="1">RAND()</f>
        <v>1.4136220380080777E-2</v>
      </c>
      <c r="B12108" s="1"/>
      <c r="C12108">
        <v>5</v>
      </c>
      <c r="D12108" t="s">
        <v>23684</v>
      </c>
      <c r="E12108" t="s">
        <v>33938</v>
      </c>
      <c r="F12108">
        <v>5</v>
      </c>
      <c r="G12108" t="s">
        <v>14</v>
      </c>
      <c r="H12108" t="s">
        <v>23685</v>
      </c>
      <c r="I12108" t="s">
        <v>30540</v>
      </c>
    </row>
    <row r="12109" spans="1:9">
      <c r="A12109" s="1">
        <f ca="1">RAND()</f>
        <v>0.42732277486781989</v>
      </c>
      <c r="B12109" s="1"/>
      <c r="C12109">
        <v>9</v>
      </c>
      <c r="D12109" t="s">
        <v>23686</v>
      </c>
      <c r="E12109" t="s">
        <v>33938</v>
      </c>
      <c r="F12109">
        <v>5</v>
      </c>
      <c r="G12109" t="s">
        <v>14</v>
      </c>
      <c r="H12109" t="s">
        <v>23687</v>
      </c>
      <c r="I12109" t="s">
        <v>30540</v>
      </c>
    </row>
    <row r="12110" spans="1:9">
      <c r="A12110" s="1">
        <f ca="1">RAND()</f>
        <v>0.38797360498029987</v>
      </c>
      <c r="B12110" s="1"/>
      <c r="C12110">
        <v>13</v>
      </c>
      <c r="D12110" t="s">
        <v>23688</v>
      </c>
      <c r="E12110" t="s">
        <v>33938</v>
      </c>
      <c r="F12110">
        <v>4</v>
      </c>
      <c r="G12110" t="s">
        <v>9</v>
      </c>
      <c r="H12110" t="s">
        <v>23689</v>
      </c>
      <c r="I12110" t="s">
        <v>30540</v>
      </c>
    </row>
    <row r="12111" spans="1:9">
      <c r="A12111" s="1">
        <f ca="1">RAND()</f>
        <v>0.18742711511646437</v>
      </c>
      <c r="B12111" s="1"/>
      <c r="C12111">
        <v>17</v>
      </c>
      <c r="D12111" t="s">
        <v>23690</v>
      </c>
      <c r="E12111" t="s">
        <v>33938</v>
      </c>
      <c r="F12111">
        <v>4</v>
      </c>
      <c r="G12111" t="s">
        <v>9</v>
      </c>
      <c r="H12111" t="s">
        <v>23691</v>
      </c>
      <c r="I12111" t="s">
        <v>30540</v>
      </c>
    </row>
    <row r="12112" spans="1:9">
      <c r="A12112" s="1">
        <f ca="1">RAND()</f>
        <v>0.13201301047382563</v>
      </c>
      <c r="B12112" s="1"/>
      <c r="C12112">
        <v>19</v>
      </c>
      <c r="D12112" t="s">
        <v>23692</v>
      </c>
      <c r="E12112" t="s">
        <v>33938</v>
      </c>
      <c r="F12112">
        <v>4</v>
      </c>
      <c r="G12112" t="s">
        <v>14</v>
      </c>
      <c r="H12112" t="s">
        <v>23693</v>
      </c>
      <c r="I12112" t="s">
        <v>30540</v>
      </c>
    </row>
    <row r="12113" spans="1:9">
      <c r="A12113" s="1">
        <f ca="1">RAND()</f>
        <v>0.36797263068576291</v>
      </c>
      <c r="B12113" s="1"/>
      <c r="C12113">
        <v>8</v>
      </c>
      <c r="D12113" t="s">
        <v>23676</v>
      </c>
      <c r="E12113" t="s">
        <v>33939</v>
      </c>
      <c r="F12113">
        <v>4</v>
      </c>
      <c r="G12113" t="s">
        <v>9</v>
      </c>
      <c r="H12113" t="s">
        <v>23677</v>
      </c>
      <c r="I12113" t="s">
        <v>30540</v>
      </c>
    </row>
    <row r="12114" spans="1:9">
      <c r="A12114" s="1">
        <f ca="1">RAND()</f>
        <v>0.51660509211254924</v>
      </c>
      <c r="B12114" s="1"/>
      <c r="C12114">
        <v>14</v>
      </c>
      <c r="D12114" t="s">
        <v>23678</v>
      </c>
      <c r="E12114" t="s">
        <v>33939</v>
      </c>
      <c r="F12114">
        <v>4</v>
      </c>
      <c r="G12114" t="s">
        <v>14</v>
      </c>
      <c r="H12114" t="s">
        <v>23679</v>
      </c>
      <c r="I12114" t="s">
        <v>30540</v>
      </c>
    </row>
    <row r="12115" spans="1:9">
      <c r="A12115" s="1">
        <f ca="1">RAND()</f>
        <v>0.53833288517476408</v>
      </c>
      <c r="B12115" s="1"/>
      <c r="C12115">
        <v>17</v>
      </c>
      <c r="D12115" t="s">
        <v>23682</v>
      </c>
      <c r="E12115" t="s">
        <v>33939</v>
      </c>
      <c r="F12115">
        <v>4</v>
      </c>
      <c r="G12115" t="s">
        <v>1</v>
      </c>
      <c r="H12115" t="s">
        <v>23683</v>
      </c>
      <c r="I12115" t="s">
        <v>30540</v>
      </c>
    </row>
    <row r="12116" spans="1:9">
      <c r="A12116" s="1">
        <f ca="1">RAND()</f>
        <v>0.20331626500938604</v>
      </c>
      <c r="B12116" s="1"/>
      <c r="C12116">
        <v>15</v>
      </c>
      <c r="D12116" t="s">
        <v>23680</v>
      </c>
      <c r="E12116" t="s">
        <v>33939</v>
      </c>
      <c r="F12116">
        <v>3</v>
      </c>
      <c r="G12116" t="s">
        <v>2738</v>
      </c>
      <c r="H12116" t="s">
        <v>23681</v>
      </c>
      <c r="I12116" t="s">
        <v>30540</v>
      </c>
    </row>
    <row r="12117" spans="1:9">
      <c r="A12117" s="1">
        <f ca="1">RAND()</f>
        <v>0.38935652918503194</v>
      </c>
      <c r="B12117" s="1"/>
      <c r="C12117">
        <v>6</v>
      </c>
      <c r="D12117" t="s">
        <v>23674</v>
      </c>
      <c r="E12117" t="s">
        <v>33939</v>
      </c>
      <c r="F12117">
        <v>2</v>
      </c>
      <c r="G12117" t="s">
        <v>3732</v>
      </c>
      <c r="H12117" t="s">
        <v>23675</v>
      </c>
      <c r="I12117" t="s">
        <v>30540</v>
      </c>
    </row>
    <row r="12118" spans="1:9">
      <c r="A12118" s="1">
        <f ca="1">RAND()</f>
        <v>0.74532266071448638</v>
      </c>
      <c r="B12118" s="1"/>
      <c r="C12118">
        <v>9</v>
      </c>
      <c r="D12118" t="s">
        <v>23672</v>
      </c>
      <c r="E12118" t="s">
        <v>33940</v>
      </c>
      <c r="F12118">
        <v>4</v>
      </c>
      <c r="G12118" t="s">
        <v>10</v>
      </c>
      <c r="H12118" t="s">
        <v>23673</v>
      </c>
      <c r="I12118" t="s">
        <v>30540</v>
      </c>
    </row>
    <row r="12119" spans="1:9">
      <c r="A12119" s="1">
        <f ca="1">RAND()</f>
        <v>0.85715646729821027</v>
      </c>
      <c r="B12119" s="1"/>
      <c r="C12119">
        <v>14</v>
      </c>
      <c r="D12119" t="s">
        <v>23670</v>
      </c>
      <c r="E12119" t="s">
        <v>33941</v>
      </c>
      <c r="F12119">
        <v>5</v>
      </c>
      <c r="G12119" t="s">
        <v>10</v>
      </c>
      <c r="H12119" t="s">
        <v>23671</v>
      </c>
      <c r="I12119" t="s">
        <v>30540</v>
      </c>
    </row>
    <row r="12120" spans="1:9">
      <c r="A12120" s="1">
        <f ca="1">RAND()</f>
        <v>0.34107207194427247</v>
      </c>
      <c r="B12120" s="1"/>
      <c r="C12120">
        <v>6</v>
      </c>
      <c r="D12120" t="s">
        <v>23664</v>
      </c>
      <c r="E12120" t="s">
        <v>33941</v>
      </c>
      <c r="F12120">
        <v>4</v>
      </c>
      <c r="G12120" t="s">
        <v>10</v>
      </c>
      <c r="H12120" t="s">
        <v>23665</v>
      </c>
      <c r="I12120" t="s">
        <v>30540</v>
      </c>
    </row>
    <row r="12121" spans="1:9">
      <c r="A12121" s="1">
        <f ca="1">RAND()</f>
        <v>0.26146420658262004</v>
      </c>
      <c r="B12121" s="1"/>
      <c r="C12121">
        <v>1</v>
      </c>
      <c r="D12121" t="s">
        <v>23662</v>
      </c>
      <c r="E12121" t="s">
        <v>33941</v>
      </c>
      <c r="F12121">
        <v>4</v>
      </c>
      <c r="G12121" t="s">
        <v>0</v>
      </c>
      <c r="H12121" t="s">
        <v>23663</v>
      </c>
      <c r="I12121" t="s">
        <v>30540</v>
      </c>
    </row>
    <row r="12122" spans="1:9">
      <c r="A12122" s="1">
        <f ca="1">RAND()</f>
        <v>0.91440964081453691</v>
      </c>
      <c r="B12122" s="1"/>
      <c r="C12122">
        <v>13</v>
      </c>
      <c r="D12122" t="s">
        <v>23668</v>
      </c>
      <c r="E12122" t="s">
        <v>33941</v>
      </c>
      <c r="F12122">
        <v>4</v>
      </c>
      <c r="G12122" t="s">
        <v>10</v>
      </c>
      <c r="H12122" t="s">
        <v>23669</v>
      </c>
      <c r="I12122" t="s">
        <v>30540</v>
      </c>
    </row>
    <row r="12123" spans="1:9">
      <c r="A12123" s="1">
        <f ca="1">RAND()</f>
        <v>0.49466580151925588</v>
      </c>
      <c r="B12123" s="1"/>
      <c r="C12123">
        <v>11</v>
      </c>
      <c r="D12123" t="s">
        <v>23666</v>
      </c>
      <c r="E12123" t="s">
        <v>33941</v>
      </c>
      <c r="F12123">
        <v>2</v>
      </c>
      <c r="G12123" t="s">
        <v>10</v>
      </c>
      <c r="H12123" t="s">
        <v>23667</v>
      </c>
      <c r="I12123" t="s">
        <v>30540</v>
      </c>
    </row>
    <row r="12124" spans="1:9">
      <c r="A12124" s="1">
        <f ca="1">RAND()</f>
        <v>0.80345525734921142</v>
      </c>
      <c r="B12124" s="1"/>
      <c r="C12124">
        <v>18</v>
      </c>
      <c r="D12124" t="s">
        <v>23660</v>
      </c>
      <c r="E12124" t="s">
        <v>33942</v>
      </c>
      <c r="F12124">
        <v>5</v>
      </c>
      <c r="G12124" t="s">
        <v>14</v>
      </c>
      <c r="H12124" t="s">
        <v>23661</v>
      </c>
      <c r="I12124" t="s">
        <v>30540</v>
      </c>
    </row>
    <row r="12125" spans="1:9">
      <c r="A12125" s="1">
        <f ca="1">RAND()</f>
        <v>0.18513011252729805</v>
      </c>
      <c r="B12125" s="1"/>
      <c r="C12125">
        <v>15</v>
      </c>
      <c r="D12125" t="s">
        <v>23656</v>
      </c>
      <c r="E12125" t="s">
        <v>33942</v>
      </c>
      <c r="F12125">
        <v>4</v>
      </c>
      <c r="G12125" t="s">
        <v>14</v>
      </c>
      <c r="H12125" t="s">
        <v>23657</v>
      </c>
      <c r="I12125" t="s">
        <v>30540</v>
      </c>
    </row>
    <row r="12126" spans="1:9">
      <c r="A12126" s="1">
        <f ca="1">RAND()</f>
        <v>0.62753226126676864</v>
      </c>
      <c r="B12126" s="1"/>
      <c r="C12126">
        <v>7</v>
      </c>
      <c r="D12126" t="s">
        <v>23650</v>
      </c>
      <c r="E12126" t="s">
        <v>33942</v>
      </c>
      <c r="F12126">
        <v>4</v>
      </c>
      <c r="G12126" t="s">
        <v>14</v>
      </c>
      <c r="H12126" t="s">
        <v>23651</v>
      </c>
      <c r="I12126" t="s">
        <v>30540</v>
      </c>
    </row>
    <row r="12127" spans="1:9">
      <c r="A12127" s="1">
        <f ca="1">RAND()</f>
        <v>0.37990716015055515</v>
      </c>
      <c r="B12127" s="1"/>
      <c r="C12127">
        <v>10</v>
      </c>
      <c r="D12127" t="s">
        <v>23652</v>
      </c>
      <c r="E12127" t="s">
        <v>33942</v>
      </c>
      <c r="F12127">
        <v>4</v>
      </c>
      <c r="G12127" t="s">
        <v>15</v>
      </c>
      <c r="H12127" t="s">
        <v>23653</v>
      </c>
      <c r="I12127" t="s">
        <v>30540</v>
      </c>
    </row>
    <row r="12128" spans="1:9">
      <c r="A12128" s="1">
        <f ca="1">RAND()</f>
        <v>0.60547862159783861</v>
      </c>
      <c r="B12128" s="1"/>
      <c r="C12128">
        <v>13</v>
      </c>
      <c r="D12128" t="s">
        <v>23654</v>
      </c>
      <c r="E12128" t="s">
        <v>33942</v>
      </c>
      <c r="F12128">
        <v>1</v>
      </c>
      <c r="G12128" t="s">
        <v>2</v>
      </c>
      <c r="H12128" t="s">
        <v>23655</v>
      </c>
      <c r="I12128" t="s">
        <v>30540</v>
      </c>
    </row>
    <row r="12129" spans="1:9">
      <c r="A12129" s="1">
        <f ca="1">RAND()</f>
        <v>0.72590415118468998</v>
      </c>
      <c r="B12129" s="1"/>
      <c r="C12129">
        <v>16</v>
      </c>
      <c r="D12129" t="s">
        <v>23658</v>
      </c>
      <c r="E12129" t="s">
        <v>33942</v>
      </c>
      <c r="F12129">
        <v>1</v>
      </c>
      <c r="G12129" t="s">
        <v>2</v>
      </c>
      <c r="H12129" t="s">
        <v>23659</v>
      </c>
      <c r="I12129" t="s">
        <v>30540</v>
      </c>
    </row>
    <row r="12130" spans="1:9">
      <c r="A12130" s="1">
        <f ca="1">RAND()</f>
        <v>0.73935319156829071</v>
      </c>
      <c r="B12130" s="1"/>
      <c r="C12130">
        <v>10</v>
      </c>
      <c r="D12130" t="s">
        <v>23648</v>
      </c>
      <c r="E12130" t="s">
        <v>33943</v>
      </c>
      <c r="F12130">
        <v>4</v>
      </c>
      <c r="G12130" t="s">
        <v>14</v>
      </c>
      <c r="H12130" t="s">
        <v>23649</v>
      </c>
      <c r="I12130" t="s">
        <v>30540</v>
      </c>
    </row>
    <row r="12131" spans="1:9">
      <c r="A12131" s="1">
        <f ca="1">RAND()</f>
        <v>0.83187610585111604</v>
      </c>
      <c r="B12131" s="1"/>
      <c r="C12131">
        <v>7</v>
      </c>
      <c r="D12131" t="s">
        <v>23646</v>
      </c>
      <c r="E12131" t="s">
        <v>33943</v>
      </c>
      <c r="F12131">
        <v>3</v>
      </c>
      <c r="G12131" t="s">
        <v>14</v>
      </c>
      <c r="H12131" t="s">
        <v>23647</v>
      </c>
      <c r="I12131" t="s">
        <v>30540</v>
      </c>
    </row>
    <row r="12132" spans="1:9">
      <c r="A12132" s="1">
        <f ca="1">RAND()</f>
        <v>0.97270676417654001</v>
      </c>
      <c r="B12132" s="1"/>
      <c r="C12132">
        <v>19</v>
      </c>
      <c r="D12132" t="s">
        <v>23644</v>
      </c>
      <c r="E12132" t="s">
        <v>33944</v>
      </c>
      <c r="F12132">
        <v>5</v>
      </c>
      <c r="G12132" t="s">
        <v>2738</v>
      </c>
      <c r="H12132" t="s">
        <v>23645</v>
      </c>
      <c r="I12132" t="s">
        <v>30540</v>
      </c>
    </row>
    <row r="12133" spans="1:9">
      <c r="A12133" s="1">
        <f ca="1">RAND()</f>
        <v>0.25855010964297154</v>
      </c>
      <c r="B12133" s="1"/>
      <c r="C12133">
        <v>12</v>
      </c>
      <c r="D12133" t="s">
        <v>23640</v>
      </c>
      <c r="E12133" t="s">
        <v>33945</v>
      </c>
      <c r="F12133">
        <v>4</v>
      </c>
      <c r="G12133" t="s">
        <v>13</v>
      </c>
      <c r="H12133" t="s">
        <v>23641</v>
      </c>
      <c r="I12133" t="s">
        <v>30540</v>
      </c>
    </row>
    <row r="12134" spans="1:9">
      <c r="A12134" s="1">
        <f ca="1">RAND()</f>
        <v>0.68065039860996457</v>
      </c>
      <c r="B12134" s="1"/>
      <c r="C12134">
        <v>13</v>
      </c>
      <c r="D12134" t="s">
        <v>23642</v>
      </c>
      <c r="E12134" t="s">
        <v>33945</v>
      </c>
      <c r="F12134">
        <v>4</v>
      </c>
      <c r="G12134" t="s">
        <v>0</v>
      </c>
      <c r="H12134" t="s">
        <v>23643</v>
      </c>
      <c r="I12134" t="s">
        <v>30540</v>
      </c>
    </row>
    <row r="12135" spans="1:9">
      <c r="A12135" s="1">
        <f ca="1">RAND()</f>
        <v>0.21417496497675781</v>
      </c>
      <c r="B12135" s="1"/>
      <c r="C12135">
        <v>3</v>
      </c>
      <c r="D12135" t="s">
        <v>23636</v>
      </c>
      <c r="E12135" t="s">
        <v>33945</v>
      </c>
      <c r="F12135">
        <v>4</v>
      </c>
      <c r="G12135" t="s">
        <v>9</v>
      </c>
      <c r="H12135" t="s">
        <v>23637</v>
      </c>
      <c r="I12135" t="s">
        <v>30540</v>
      </c>
    </row>
    <row r="12136" spans="1:9">
      <c r="A12136" s="1">
        <f ca="1">RAND()</f>
        <v>0.73518623859584686</v>
      </c>
      <c r="B12136" s="1"/>
      <c r="C12136">
        <v>6</v>
      </c>
      <c r="D12136" t="s">
        <v>23638</v>
      </c>
      <c r="E12136" t="s">
        <v>33945</v>
      </c>
      <c r="F12136">
        <v>4</v>
      </c>
      <c r="G12136" t="s">
        <v>14</v>
      </c>
      <c r="H12136" t="s">
        <v>23639</v>
      </c>
      <c r="I12136" t="s">
        <v>30540</v>
      </c>
    </row>
    <row r="12137" spans="1:9">
      <c r="A12137" s="1">
        <f ca="1">RAND()</f>
        <v>0.97379257829791033</v>
      </c>
      <c r="B12137" s="1"/>
      <c r="C12137">
        <v>6</v>
      </c>
      <c r="D12137" t="s">
        <v>23626</v>
      </c>
      <c r="E12137" t="s">
        <v>33946</v>
      </c>
      <c r="F12137">
        <v>5</v>
      </c>
      <c r="G12137" t="s">
        <v>14</v>
      </c>
      <c r="H12137" t="s">
        <v>23627</v>
      </c>
      <c r="I12137" t="s">
        <v>30540</v>
      </c>
    </row>
    <row r="12138" spans="1:9">
      <c r="A12138" s="1">
        <f ca="1">RAND()</f>
        <v>0.45894133291211525</v>
      </c>
      <c r="B12138" s="1"/>
      <c r="C12138">
        <v>11</v>
      </c>
      <c r="D12138" t="s">
        <v>23632</v>
      </c>
      <c r="E12138" t="s">
        <v>33946</v>
      </c>
      <c r="F12138">
        <v>4</v>
      </c>
      <c r="G12138" t="s">
        <v>14</v>
      </c>
      <c r="H12138" t="s">
        <v>23633</v>
      </c>
      <c r="I12138" t="s">
        <v>30540</v>
      </c>
    </row>
    <row r="12139" spans="1:9">
      <c r="A12139" s="1">
        <f ca="1">RAND()</f>
        <v>0.53907200282469003</v>
      </c>
      <c r="B12139" s="1"/>
      <c r="C12139">
        <v>7</v>
      </c>
      <c r="D12139" t="s">
        <v>23628</v>
      </c>
      <c r="E12139" t="s">
        <v>33946</v>
      </c>
      <c r="F12139">
        <v>4</v>
      </c>
      <c r="G12139" t="s">
        <v>14</v>
      </c>
      <c r="H12139" t="s">
        <v>23629</v>
      </c>
      <c r="I12139" t="s">
        <v>30540</v>
      </c>
    </row>
    <row r="12140" spans="1:9">
      <c r="A12140" s="1">
        <f ca="1">RAND()</f>
        <v>0.79632982657327267</v>
      </c>
      <c r="B12140" s="1"/>
      <c r="C12140">
        <v>9</v>
      </c>
      <c r="D12140" t="s">
        <v>23630</v>
      </c>
      <c r="E12140" t="s">
        <v>33946</v>
      </c>
      <c r="F12140">
        <v>4</v>
      </c>
      <c r="G12140" t="s">
        <v>1</v>
      </c>
      <c r="H12140" t="s">
        <v>23631</v>
      </c>
      <c r="I12140" t="s">
        <v>30540</v>
      </c>
    </row>
    <row r="12141" spans="1:9">
      <c r="A12141" s="1">
        <f ca="1">RAND()</f>
        <v>0.36312471157626558</v>
      </c>
      <c r="B12141" s="1"/>
      <c r="C12141">
        <v>12</v>
      </c>
      <c r="D12141" t="s">
        <v>23634</v>
      </c>
      <c r="E12141" t="s">
        <v>33946</v>
      </c>
      <c r="F12141">
        <v>3</v>
      </c>
      <c r="G12141" t="s">
        <v>14</v>
      </c>
      <c r="H12141" t="s">
        <v>23635</v>
      </c>
      <c r="I12141" t="s">
        <v>30540</v>
      </c>
    </row>
    <row r="12142" spans="1:9">
      <c r="A12142" s="1">
        <f ca="1">RAND()</f>
        <v>0.16578824544518378</v>
      </c>
      <c r="B12142" s="1"/>
      <c r="C12142">
        <v>11</v>
      </c>
      <c r="D12142" t="s">
        <v>23620</v>
      </c>
      <c r="E12142" t="s">
        <v>33947</v>
      </c>
      <c r="F12142">
        <v>5</v>
      </c>
      <c r="G12142" t="s">
        <v>14</v>
      </c>
      <c r="H12142" t="s">
        <v>23621</v>
      </c>
      <c r="I12142" t="s">
        <v>30540</v>
      </c>
    </row>
    <row r="12143" spans="1:9">
      <c r="A12143" s="1">
        <f ca="1">RAND()</f>
        <v>0.41065147357393095</v>
      </c>
      <c r="B12143" s="1"/>
      <c r="C12143">
        <v>8</v>
      </c>
      <c r="D12143" t="s">
        <v>23618</v>
      </c>
      <c r="E12143" t="s">
        <v>33947</v>
      </c>
      <c r="F12143">
        <v>5</v>
      </c>
      <c r="G12143" t="s">
        <v>14</v>
      </c>
      <c r="H12143" t="s">
        <v>23619</v>
      </c>
      <c r="I12143" t="s">
        <v>30540</v>
      </c>
    </row>
    <row r="12144" spans="1:9">
      <c r="A12144" s="1">
        <f ca="1">RAND()</f>
        <v>0.83988060502153528</v>
      </c>
      <c r="B12144" s="1"/>
      <c r="C12144">
        <v>15</v>
      </c>
      <c r="D12144" t="s">
        <v>23624</v>
      </c>
      <c r="E12144" t="s">
        <v>33947</v>
      </c>
      <c r="F12144">
        <v>4</v>
      </c>
      <c r="G12144" t="s">
        <v>13</v>
      </c>
      <c r="H12144" t="s">
        <v>23625</v>
      </c>
      <c r="I12144" t="s">
        <v>30540</v>
      </c>
    </row>
    <row r="12145" spans="1:9">
      <c r="A12145" s="1">
        <f ca="1">RAND()</f>
        <v>0.32457701788625171</v>
      </c>
      <c r="B12145" s="1"/>
      <c r="C12145">
        <v>13</v>
      </c>
      <c r="D12145" t="s">
        <v>23622</v>
      </c>
      <c r="E12145" t="s">
        <v>33947</v>
      </c>
      <c r="F12145">
        <v>1</v>
      </c>
      <c r="G12145" t="s">
        <v>14</v>
      </c>
      <c r="H12145" t="s">
        <v>23623</v>
      </c>
      <c r="I12145" t="s">
        <v>30540</v>
      </c>
    </row>
    <row r="12146" spans="1:9">
      <c r="A12146" s="1">
        <f ca="1">RAND()</f>
        <v>0.82364728227328121</v>
      </c>
      <c r="B12146" s="1"/>
      <c r="C12146">
        <v>11</v>
      </c>
      <c r="D12146" t="s">
        <v>23614</v>
      </c>
      <c r="E12146" t="s">
        <v>33948</v>
      </c>
      <c r="F12146">
        <v>4</v>
      </c>
      <c r="G12146" t="s">
        <v>14</v>
      </c>
      <c r="H12146" t="s">
        <v>23615</v>
      </c>
      <c r="I12146" t="s">
        <v>30540</v>
      </c>
    </row>
    <row r="12147" spans="1:9">
      <c r="A12147" s="1">
        <f ca="1">RAND()</f>
        <v>0.35809277033714315</v>
      </c>
      <c r="B12147" s="1"/>
      <c r="C12147">
        <v>16</v>
      </c>
      <c r="D12147" t="s">
        <v>23616</v>
      </c>
      <c r="E12147" t="s">
        <v>33948</v>
      </c>
      <c r="F12147">
        <v>4</v>
      </c>
      <c r="G12147" t="s">
        <v>10</v>
      </c>
      <c r="H12147" t="s">
        <v>23617</v>
      </c>
      <c r="I12147" t="s">
        <v>30540</v>
      </c>
    </row>
    <row r="12148" spans="1:9">
      <c r="A12148" s="1">
        <f ca="1">RAND()</f>
        <v>0.53775774054291414</v>
      </c>
      <c r="B12148" s="1"/>
      <c r="C12148">
        <v>7</v>
      </c>
      <c r="D12148" t="s">
        <v>23612</v>
      </c>
      <c r="E12148" t="s">
        <v>33948</v>
      </c>
      <c r="F12148">
        <v>4</v>
      </c>
      <c r="G12148" t="s">
        <v>14</v>
      </c>
      <c r="H12148" t="s">
        <v>23613</v>
      </c>
      <c r="I12148" t="s">
        <v>30540</v>
      </c>
    </row>
    <row r="12149" spans="1:9">
      <c r="A12149" s="1">
        <f ca="1">RAND()</f>
        <v>0.91306232973874657</v>
      </c>
      <c r="B12149" s="1"/>
      <c r="C12149">
        <v>12</v>
      </c>
      <c r="D12149" t="s">
        <v>23606</v>
      </c>
      <c r="E12149" t="s">
        <v>33949</v>
      </c>
      <c r="F12149">
        <v>4</v>
      </c>
      <c r="G12149" t="s">
        <v>14</v>
      </c>
      <c r="H12149" t="s">
        <v>23607</v>
      </c>
      <c r="I12149" t="s">
        <v>30540</v>
      </c>
    </row>
    <row r="12150" spans="1:9">
      <c r="A12150" s="1">
        <f ca="1">RAND()</f>
        <v>0.77024087770492744</v>
      </c>
      <c r="B12150" s="1"/>
      <c r="C12150">
        <v>19</v>
      </c>
      <c r="D12150" t="s">
        <v>23610</v>
      </c>
      <c r="E12150" t="s">
        <v>33949</v>
      </c>
      <c r="F12150">
        <v>4</v>
      </c>
      <c r="G12150" t="s">
        <v>14</v>
      </c>
      <c r="H12150" t="s">
        <v>23611</v>
      </c>
      <c r="I12150" t="s">
        <v>30540</v>
      </c>
    </row>
    <row r="12151" spans="1:9">
      <c r="A12151" s="1">
        <f ca="1">RAND()</f>
        <v>7.6897092038965886E-2</v>
      </c>
      <c r="B12151" s="1"/>
      <c r="C12151">
        <v>14</v>
      </c>
      <c r="D12151" t="s">
        <v>23608</v>
      </c>
      <c r="E12151" t="s">
        <v>33949</v>
      </c>
      <c r="F12151">
        <v>2</v>
      </c>
      <c r="G12151" t="s">
        <v>10</v>
      </c>
      <c r="H12151" t="s">
        <v>23609</v>
      </c>
      <c r="I12151" t="s">
        <v>30540</v>
      </c>
    </row>
    <row r="12152" spans="1:9">
      <c r="A12152" s="1">
        <f ca="1">RAND()</f>
        <v>0.8219385536025331</v>
      </c>
      <c r="B12152" s="1"/>
      <c r="C12152">
        <v>4</v>
      </c>
      <c r="D12152" t="s">
        <v>23602</v>
      </c>
      <c r="E12152" t="s">
        <v>33950</v>
      </c>
      <c r="F12152">
        <v>4</v>
      </c>
      <c r="G12152" t="s">
        <v>14</v>
      </c>
      <c r="H12152" t="s">
        <v>23603</v>
      </c>
      <c r="I12152" t="s">
        <v>30540</v>
      </c>
    </row>
    <row r="12153" spans="1:9">
      <c r="A12153" s="1">
        <f ca="1">RAND()</f>
        <v>0.71923842917883107</v>
      </c>
      <c r="B12153" s="1"/>
      <c r="C12153">
        <v>2</v>
      </c>
      <c r="D12153" t="s">
        <v>23600</v>
      </c>
      <c r="E12153" t="s">
        <v>33950</v>
      </c>
      <c r="F12153">
        <v>2</v>
      </c>
      <c r="G12153" t="s">
        <v>1</v>
      </c>
      <c r="H12153" t="s">
        <v>23601</v>
      </c>
      <c r="I12153" t="s">
        <v>30540</v>
      </c>
    </row>
    <row r="12154" spans="1:9">
      <c r="A12154" s="1">
        <f ca="1">RAND()</f>
        <v>0.25917213765655067</v>
      </c>
      <c r="B12154" s="1"/>
      <c r="C12154">
        <v>16</v>
      </c>
      <c r="D12154" t="s">
        <v>23604</v>
      </c>
      <c r="E12154" t="s">
        <v>33950</v>
      </c>
      <c r="F12154">
        <v>2</v>
      </c>
      <c r="G12154" t="s">
        <v>14</v>
      </c>
      <c r="H12154" t="s">
        <v>23605</v>
      </c>
      <c r="I12154" t="s">
        <v>30540</v>
      </c>
    </row>
    <row r="12155" spans="1:9">
      <c r="A12155" s="1">
        <f ca="1">RAND()</f>
        <v>0.89097503856419757</v>
      </c>
      <c r="B12155" s="1"/>
      <c r="C12155">
        <v>6</v>
      </c>
      <c r="D12155" t="s">
        <v>23596</v>
      </c>
      <c r="E12155" t="s">
        <v>33951</v>
      </c>
      <c r="F12155">
        <v>5</v>
      </c>
      <c r="G12155" t="s">
        <v>14</v>
      </c>
      <c r="H12155" t="s">
        <v>23597</v>
      </c>
      <c r="I12155" t="s">
        <v>30540</v>
      </c>
    </row>
    <row r="12156" spans="1:9">
      <c r="A12156" s="1">
        <f ca="1">RAND()</f>
        <v>0.14280825004853104</v>
      </c>
      <c r="B12156" s="1"/>
      <c r="C12156">
        <v>11</v>
      </c>
      <c r="D12156" t="s">
        <v>23598</v>
      </c>
      <c r="E12156" t="s">
        <v>33951</v>
      </c>
      <c r="F12156">
        <v>4</v>
      </c>
      <c r="G12156" t="s">
        <v>14</v>
      </c>
      <c r="H12156" t="s">
        <v>23599</v>
      </c>
      <c r="I12156" t="s">
        <v>30540</v>
      </c>
    </row>
    <row r="12157" spans="1:9">
      <c r="A12157" s="1">
        <f ca="1">RAND()</f>
        <v>0.50986515588682757</v>
      </c>
      <c r="B12157" s="1"/>
      <c r="C12157">
        <v>3</v>
      </c>
      <c r="D12157" t="s">
        <v>23592</v>
      </c>
      <c r="E12157" t="s">
        <v>33952</v>
      </c>
      <c r="F12157">
        <v>4</v>
      </c>
      <c r="G12157" t="s">
        <v>14</v>
      </c>
      <c r="H12157" t="s">
        <v>23593</v>
      </c>
      <c r="I12157" t="s">
        <v>30540</v>
      </c>
    </row>
    <row r="12158" spans="1:9">
      <c r="A12158" s="1">
        <f ca="1">RAND()</f>
        <v>0.68696879707549185</v>
      </c>
      <c r="B12158" s="1"/>
      <c r="C12158">
        <v>6</v>
      </c>
      <c r="D12158" t="s">
        <v>23594</v>
      </c>
      <c r="E12158" t="s">
        <v>33952</v>
      </c>
      <c r="F12158">
        <v>2</v>
      </c>
      <c r="G12158" t="s">
        <v>15</v>
      </c>
      <c r="H12158" t="s">
        <v>23595</v>
      </c>
      <c r="I12158" t="s">
        <v>30540</v>
      </c>
    </row>
    <row r="12159" spans="1:9">
      <c r="A12159" s="1">
        <f ca="1">RAND()</f>
        <v>0.55733404266370046</v>
      </c>
      <c r="B12159" s="1"/>
      <c r="C12159">
        <v>7</v>
      </c>
      <c r="D12159" t="s">
        <v>23584</v>
      </c>
      <c r="E12159" t="s">
        <v>33953</v>
      </c>
      <c r="F12159">
        <v>5</v>
      </c>
      <c r="G12159" t="s">
        <v>14</v>
      </c>
      <c r="H12159" t="s">
        <v>23585</v>
      </c>
      <c r="I12159" t="s">
        <v>30540</v>
      </c>
    </row>
    <row r="12160" spans="1:9">
      <c r="A12160" s="1">
        <f ca="1">RAND()</f>
        <v>0.98637004324570465</v>
      </c>
      <c r="B12160" s="1"/>
      <c r="C12160">
        <v>6</v>
      </c>
      <c r="D12160" t="s">
        <v>23582</v>
      </c>
      <c r="E12160" t="s">
        <v>33953</v>
      </c>
      <c r="F12160">
        <v>5</v>
      </c>
      <c r="G12160" t="s">
        <v>14</v>
      </c>
      <c r="H12160" t="s">
        <v>23583</v>
      </c>
      <c r="I12160" t="s">
        <v>30540</v>
      </c>
    </row>
    <row r="12161" spans="1:9">
      <c r="A12161" s="1">
        <f ca="1">RAND()</f>
        <v>5.309907604555153E-2</v>
      </c>
      <c r="B12161" s="1"/>
      <c r="C12161">
        <v>8</v>
      </c>
      <c r="D12161" t="s">
        <v>23586</v>
      </c>
      <c r="E12161" t="s">
        <v>33953</v>
      </c>
      <c r="F12161">
        <v>5</v>
      </c>
      <c r="G12161" t="s">
        <v>1</v>
      </c>
      <c r="H12161" t="s">
        <v>23587</v>
      </c>
      <c r="I12161" t="s">
        <v>30540</v>
      </c>
    </row>
    <row r="12162" spans="1:9">
      <c r="A12162" s="1">
        <f ca="1">RAND()</f>
        <v>0.1745474208329918</v>
      </c>
      <c r="B12162" s="1"/>
      <c r="C12162">
        <v>17</v>
      </c>
      <c r="D12162" t="s">
        <v>23590</v>
      </c>
      <c r="E12162" t="s">
        <v>33953</v>
      </c>
      <c r="F12162">
        <v>4</v>
      </c>
      <c r="G12162" t="s">
        <v>14</v>
      </c>
      <c r="H12162" t="s">
        <v>23591</v>
      </c>
      <c r="I12162" t="s">
        <v>30540</v>
      </c>
    </row>
    <row r="12163" spans="1:9">
      <c r="A12163" s="1">
        <f ca="1">RAND()</f>
        <v>7.745699408324902E-2</v>
      </c>
      <c r="B12163" s="1"/>
      <c r="C12163">
        <v>5</v>
      </c>
      <c r="D12163" t="s">
        <v>23580</v>
      </c>
      <c r="E12163" t="s">
        <v>33953</v>
      </c>
      <c r="F12163">
        <v>4</v>
      </c>
      <c r="G12163" t="s">
        <v>14</v>
      </c>
      <c r="H12163" t="s">
        <v>23581</v>
      </c>
      <c r="I12163" t="s">
        <v>30540</v>
      </c>
    </row>
    <row r="12164" spans="1:9">
      <c r="A12164" s="1">
        <f ca="1">RAND()</f>
        <v>3.4993953002365741E-2</v>
      </c>
      <c r="B12164" s="1"/>
      <c r="C12164">
        <v>13</v>
      </c>
      <c r="D12164" t="s">
        <v>23588</v>
      </c>
      <c r="E12164" t="s">
        <v>33953</v>
      </c>
      <c r="F12164">
        <v>2</v>
      </c>
      <c r="G12164" t="s">
        <v>15</v>
      </c>
      <c r="H12164" t="s">
        <v>23589</v>
      </c>
      <c r="I12164" t="s">
        <v>30540</v>
      </c>
    </row>
    <row r="12165" spans="1:9">
      <c r="A12165" s="1">
        <f ca="1">RAND()</f>
        <v>0.16866316735374853</v>
      </c>
      <c r="B12165" s="1"/>
      <c r="C12165">
        <v>7</v>
      </c>
      <c r="D12165" t="s">
        <v>23574</v>
      </c>
      <c r="E12165" t="s">
        <v>33954</v>
      </c>
      <c r="F12165">
        <v>4</v>
      </c>
      <c r="G12165" t="s">
        <v>14</v>
      </c>
      <c r="H12165" t="s">
        <v>23575</v>
      </c>
      <c r="I12165" t="s">
        <v>30540</v>
      </c>
    </row>
    <row r="12166" spans="1:9">
      <c r="A12166" s="1">
        <f ca="1">RAND()</f>
        <v>0.67859796603765898</v>
      </c>
      <c r="B12166" s="1"/>
      <c r="C12166">
        <v>5</v>
      </c>
      <c r="D12166" t="s">
        <v>23572</v>
      </c>
      <c r="E12166" t="s">
        <v>33954</v>
      </c>
      <c r="F12166">
        <v>4</v>
      </c>
      <c r="G12166" t="s">
        <v>14</v>
      </c>
      <c r="H12166" t="s">
        <v>23573</v>
      </c>
      <c r="I12166" t="s">
        <v>30540</v>
      </c>
    </row>
    <row r="12167" spans="1:9">
      <c r="A12167" s="1">
        <f ca="1">RAND()</f>
        <v>0.49749441065488287</v>
      </c>
      <c r="B12167" s="1"/>
      <c r="C12167">
        <v>19</v>
      </c>
      <c r="D12167" t="s">
        <v>23578</v>
      </c>
      <c r="E12167" t="s">
        <v>33954</v>
      </c>
      <c r="F12167">
        <v>4</v>
      </c>
      <c r="G12167" t="s">
        <v>14</v>
      </c>
      <c r="H12167" t="s">
        <v>23579</v>
      </c>
      <c r="I12167" t="s">
        <v>30540</v>
      </c>
    </row>
    <row r="12168" spans="1:9">
      <c r="A12168" s="1">
        <f ca="1">RAND()</f>
        <v>0.20961028454918063</v>
      </c>
      <c r="B12168" s="1"/>
      <c r="C12168">
        <v>13</v>
      </c>
      <c r="D12168" t="s">
        <v>23576</v>
      </c>
      <c r="E12168" t="s">
        <v>33954</v>
      </c>
      <c r="F12168">
        <v>4</v>
      </c>
      <c r="G12168" t="s">
        <v>14</v>
      </c>
      <c r="H12168" t="s">
        <v>23577</v>
      </c>
      <c r="I12168" t="s">
        <v>30540</v>
      </c>
    </row>
    <row r="12169" spans="1:9">
      <c r="A12169" s="1">
        <f ca="1">RAND()</f>
        <v>0.47577308013838382</v>
      </c>
      <c r="B12169" s="1"/>
      <c r="C12169">
        <v>1</v>
      </c>
      <c r="D12169" t="s">
        <v>23564</v>
      </c>
      <c r="E12169" t="s">
        <v>33955</v>
      </c>
      <c r="F12169">
        <v>5</v>
      </c>
      <c r="G12169" t="s">
        <v>13</v>
      </c>
      <c r="H12169" t="s">
        <v>23565</v>
      </c>
      <c r="I12169" t="s">
        <v>30540</v>
      </c>
    </row>
    <row r="12170" spans="1:9">
      <c r="A12170" s="1">
        <f ca="1">RAND()</f>
        <v>0.58339320134115702</v>
      </c>
      <c r="B12170" s="1"/>
      <c r="C12170">
        <v>3</v>
      </c>
      <c r="D12170" t="s">
        <v>23566</v>
      </c>
      <c r="E12170" t="s">
        <v>33955</v>
      </c>
      <c r="F12170">
        <v>4</v>
      </c>
      <c r="G12170" t="s">
        <v>2</v>
      </c>
      <c r="H12170" t="s">
        <v>23567</v>
      </c>
      <c r="I12170" t="s">
        <v>30540</v>
      </c>
    </row>
    <row r="12171" spans="1:9">
      <c r="A12171" s="1">
        <f ca="1">RAND()</f>
        <v>0.79257497579764047</v>
      </c>
      <c r="B12171" s="1"/>
      <c r="C12171">
        <v>16</v>
      </c>
      <c r="D12171" t="s">
        <v>23570</v>
      </c>
      <c r="E12171" t="s">
        <v>33955</v>
      </c>
      <c r="F12171">
        <v>3</v>
      </c>
      <c r="G12171" t="s">
        <v>14</v>
      </c>
      <c r="H12171" t="s">
        <v>23571</v>
      </c>
      <c r="I12171" t="s">
        <v>30540</v>
      </c>
    </row>
    <row r="12172" spans="1:9">
      <c r="A12172" s="1">
        <f ca="1">RAND()</f>
        <v>0.94688774228159145</v>
      </c>
      <c r="B12172" s="1"/>
      <c r="C12172">
        <v>8</v>
      </c>
      <c r="D12172" t="s">
        <v>23568</v>
      </c>
      <c r="E12172" t="s">
        <v>33955</v>
      </c>
      <c r="F12172">
        <v>2</v>
      </c>
      <c r="G12172" t="s">
        <v>14</v>
      </c>
      <c r="H12172" t="s">
        <v>23569</v>
      </c>
      <c r="I12172" t="s">
        <v>30540</v>
      </c>
    </row>
    <row r="12173" spans="1:9">
      <c r="A12173" s="1">
        <f ca="1">RAND()</f>
        <v>0.65475619375708694</v>
      </c>
      <c r="B12173" s="1"/>
      <c r="C12173">
        <v>6</v>
      </c>
      <c r="D12173" t="s">
        <v>23560</v>
      </c>
      <c r="E12173" t="s">
        <v>33956</v>
      </c>
      <c r="F12173">
        <v>4</v>
      </c>
      <c r="G12173" t="s">
        <v>2</v>
      </c>
      <c r="H12173" t="s">
        <v>23561</v>
      </c>
      <c r="I12173" t="s">
        <v>30540</v>
      </c>
    </row>
    <row r="12174" spans="1:9">
      <c r="A12174" s="1">
        <f ca="1">RAND()</f>
        <v>0.2681952170128542</v>
      </c>
      <c r="B12174" s="1"/>
      <c r="C12174">
        <v>16</v>
      </c>
      <c r="D12174" t="s">
        <v>23562</v>
      </c>
      <c r="E12174" t="s">
        <v>33956</v>
      </c>
      <c r="F12174">
        <v>4</v>
      </c>
      <c r="G12174" t="s">
        <v>14</v>
      </c>
      <c r="H12174" t="s">
        <v>23563</v>
      </c>
      <c r="I12174" t="s">
        <v>30540</v>
      </c>
    </row>
    <row r="12175" spans="1:9">
      <c r="A12175" s="1">
        <f ca="1">RAND()</f>
        <v>0.3066091013580341</v>
      </c>
      <c r="B12175" s="1"/>
      <c r="C12175">
        <v>18</v>
      </c>
      <c r="D12175" t="s">
        <v>23558</v>
      </c>
      <c r="E12175" t="s">
        <v>33957</v>
      </c>
      <c r="F12175">
        <v>4</v>
      </c>
      <c r="G12175" t="s">
        <v>14</v>
      </c>
      <c r="H12175" t="s">
        <v>23559</v>
      </c>
      <c r="I12175" t="s">
        <v>30540</v>
      </c>
    </row>
    <row r="12176" spans="1:9">
      <c r="A12176" s="1">
        <f ca="1">RAND()</f>
        <v>0.72220277654204545</v>
      </c>
      <c r="B12176" s="1"/>
      <c r="C12176">
        <v>4</v>
      </c>
      <c r="D12176" t="s">
        <v>23554</v>
      </c>
      <c r="E12176" t="s">
        <v>33957</v>
      </c>
      <c r="F12176">
        <v>4</v>
      </c>
      <c r="G12176" t="s">
        <v>14</v>
      </c>
      <c r="H12176" t="s">
        <v>23555</v>
      </c>
      <c r="I12176" t="s">
        <v>30540</v>
      </c>
    </row>
    <row r="12177" spans="1:9">
      <c r="A12177" s="1">
        <f ca="1">RAND()</f>
        <v>0.80614967209978461</v>
      </c>
      <c r="B12177" s="1"/>
      <c r="C12177">
        <v>17</v>
      </c>
      <c r="D12177" t="s">
        <v>23556</v>
      </c>
      <c r="E12177" t="s">
        <v>33957</v>
      </c>
      <c r="F12177">
        <v>3</v>
      </c>
      <c r="G12177" t="s">
        <v>10</v>
      </c>
      <c r="H12177" t="s">
        <v>23557</v>
      </c>
      <c r="I12177" t="s">
        <v>30540</v>
      </c>
    </row>
    <row r="12178" spans="1:9">
      <c r="A12178" s="1">
        <f ca="1">RAND()</f>
        <v>0.13477639052120904</v>
      </c>
      <c r="B12178" s="1"/>
      <c r="C12178">
        <v>10</v>
      </c>
      <c r="D12178" t="s">
        <v>23552</v>
      </c>
      <c r="E12178" t="s">
        <v>33958</v>
      </c>
      <c r="F12178">
        <v>5</v>
      </c>
      <c r="G12178" t="s">
        <v>0</v>
      </c>
      <c r="H12178" t="s">
        <v>23553</v>
      </c>
      <c r="I12178" t="s">
        <v>30540</v>
      </c>
    </row>
    <row r="12179" spans="1:9">
      <c r="A12179" s="1">
        <f ca="1">RAND()</f>
        <v>0.88552737740428145</v>
      </c>
      <c r="B12179" s="1"/>
      <c r="C12179">
        <v>7</v>
      </c>
      <c r="D12179" t="s">
        <v>23550</v>
      </c>
      <c r="E12179" t="s">
        <v>33958</v>
      </c>
      <c r="F12179">
        <v>4</v>
      </c>
      <c r="G12179" t="s">
        <v>0</v>
      </c>
      <c r="H12179" t="s">
        <v>23551</v>
      </c>
      <c r="I12179" t="s">
        <v>30540</v>
      </c>
    </row>
    <row r="12180" spans="1:9">
      <c r="A12180" s="1">
        <f ca="1">RAND()</f>
        <v>0.2686080528553989</v>
      </c>
      <c r="B12180" s="1"/>
      <c r="C12180">
        <v>16</v>
      </c>
      <c r="D12180" t="s">
        <v>23548</v>
      </c>
      <c r="E12180" t="s">
        <v>33959</v>
      </c>
      <c r="F12180">
        <v>4</v>
      </c>
      <c r="G12180" t="s">
        <v>14</v>
      </c>
      <c r="H12180" t="s">
        <v>23549</v>
      </c>
      <c r="I12180" t="s">
        <v>30540</v>
      </c>
    </row>
    <row r="12181" spans="1:9">
      <c r="A12181" s="1">
        <f ca="1">RAND()</f>
        <v>0.9371753622454535</v>
      </c>
      <c r="B12181" s="1"/>
      <c r="C12181">
        <v>6</v>
      </c>
      <c r="D12181" t="s">
        <v>23542</v>
      </c>
      <c r="E12181" t="s">
        <v>33960</v>
      </c>
      <c r="F12181">
        <v>5</v>
      </c>
      <c r="G12181" t="s">
        <v>14</v>
      </c>
      <c r="H12181" t="s">
        <v>23543</v>
      </c>
      <c r="I12181" t="s">
        <v>30540</v>
      </c>
    </row>
    <row r="12182" spans="1:9">
      <c r="A12182" s="1">
        <f ca="1">RAND()</f>
        <v>3.4021881250657415E-2</v>
      </c>
      <c r="B12182" s="1"/>
      <c r="C12182">
        <v>4</v>
      </c>
      <c r="D12182" t="s">
        <v>23540</v>
      </c>
      <c r="E12182" t="s">
        <v>33960</v>
      </c>
      <c r="F12182">
        <v>4</v>
      </c>
      <c r="G12182" t="s">
        <v>15</v>
      </c>
      <c r="H12182" t="s">
        <v>23541</v>
      </c>
      <c r="I12182" t="s">
        <v>30540</v>
      </c>
    </row>
    <row r="12183" spans="1:9">
      <c r="A12183" s="1">
        <f ca="1">RAND()</f>
        <v>0.97542809815001219</v>
      </c>
      <c r="B12183" s="1"/>
      <c r="C12183">
        <v>10</v>
      </c>
      <c r="D12183" t="s">
        <v>23544</v>
      </c>
      <c r="E12183" t="s">
        <v>33960</v>
      </c>
      <c r="F12183">
        <v>4</v>
      </c>
      <c r="G12183" t="s">
        <v>14</v>
      </c>
      <c r="H12183" t="s">
        <v>23545</v>
      </c>
      <c r="I12183" t="s">
        <v>30540</v>
      </c>
    </row>
    <row r="12184" spans="1:9">
      <c r="A12184" s="1">
        <f ca="1">RAND()</f>
        <v>0.61015737377921209</v>
      </c>
      <c r="B12184" s="1"/>
      <c r="C12184">
        <v>16</v>
      </c>
      <c r="D12184" t="s">
        <v>23546</v>
      </c>
      <c r="E12184" t="s">
        <v>33960</v>
      </c>
      <c r="F12184">
        <v>1</v>
      </c>
      <c r="G12184" t="s">
        <v>15</v>
      </c>
      <c r="H12184" t="s">
        <v>23547</v>
      </c>
      <c r="I12184" t="s">
        <v>30540</v>
      </c>
    </row>
    <row r="12185" spans="1:9">
      <c r="A12185" s="1">
        <f ca="1">RAND()</f>
        <v>0.54081554244406871</v>
      </c>
      <c r="B12185" s="1"/>
      <c r="C12185">
        <v>12</v>
      </c>
      <c r="D12185" t="s">
        <v>23534</v>
      </c>
      <c r="E12185" t="s">
        <v>33961</v>
      </c>
      <c r="F12185">
        <v>5</v>
      </c>
      <c r="G12185" t="s">
        <v>14</v>
      </c>
      <c r="H12185" t="s">
        <v>23535</v>
      </c>
      <c r="I12185" t="s">
        <v>30540</v>
      </c>
    </row>
    <row r="12186" spans="1:9">
      <c r="A12186" s="1">
        <f ca="1">RAND()</f>
        <v>0.34422082488360606</v>
      </c>
      <c r="B12186" s="1"/>
      <c r="C12186">
        <v>7</v>
      </c>
      <c r="D12186" t="s">
        <v>23532</v>
      </c>
      <c r="E12186" t="s">
        <v>33961</v>
      </c>
      <c r="F12186">
        <v>4</v>
      </c>
      <c r="G12186" t="s">
        <v>14</v>
      </c>
      <c r="H12186" t="s">
        <v>23533</v>
      </c>
      <c r="I12186" t="s">
        <v>30540</v>
      </c>
    </row>
    <row r="12187" spans="1:9">
      <c r="A12187" s="1">
        <f ca="1">RAND()</f>
        <v>0.89829332780078086</v>
      </c>
      <c r="B12187" s="1"/>
      <c r="C12187">
        <v>19</v>
      </c>
      <c r="D12187" t="s">
        <v>23538</v>
      </c>
      <c r="E12187" t="s">
        <v>33961</v>
      </c>
      <c r="F12187">
        <v>4</v>
      </c>
      <c r="G12187" t="s">
        <v>14</v>
      </c>
      <c r="H12187" t="s">
        <v>23539</v>
      </c>
      <c r="I12187" t="s">
        <v>30540</v>
      </c>
    </row>
    <row r="12188" spans="1:9">
      <c r="A12188" s="1">
        <f ca="1">RAND()</f>
        <v>0.72067967200865701</v>
      </c>
      <c r="B12188" s="1"/>
      <c r="C12188">
        <v>17</v>
      </c>
      <c r="D12188" t="s">
        <v>23536</v>
      </c>
      <c r="E12188" t="s">
        <v>33961</v>
      </c>
      <c r="F12188">
        <v>3</v>
      </c>
      <c r="G12188" t="s">
        <v>14</v>
      </c>
      <c r="H12188" t="s">
        <v>23537</v>
      </c>
      <c r="I12188" t="s">
        <v>30540</v>
      </c>
    </row>
    <row r="12189" spans="1:9">
      <c r="A12189" s="1">
        <f ca="1">RAND()</f>
        <v>0.63265245650542412</v>
      </c>
      <c r="B12189" s="1"/>
      <c r="C12189">
        <v>4</v>
      </c>
      <c r="D12189" t="s">
        <v>23522</v>
      </c>
      <c r="E12189" t="s">
        <v>33962</v>
      </c>
      <c r="F12189">
        <v>5</v>
      </c>
      <c r="G12189" t="s">
        <v>2738</v>
      </c>
      <c r="H12189" t="s">
        <v>23523</v>
      </c>
      <c r="I12189" t="s">
        <v>30540</v>
      </c>
    </row>
    <row r="12190" spans="1:9">
      <c r="A12190" s="1">
        <f ca="1">RAND()</f>
        <v>0.21787870067394344</v>
      </c>
      <c r="B12190" s="1"/>
      <c r="C12190">
        <v>19</v>
      </c>
      <c r="D12190" t="s">
        <v>23530</v>
      </c>
      <c r="E12190" t="s">
        <v>33962</v>
      </c>
      <c r="F12190">
        <v>5</v>
      </c>
      <c r="G12190" t="s">
        <v>15</v>
      </c>
      <c r="H12190" t="s">
        <v>23531</v>
      </c>
      <c r="I12190" t="s">
        <v>30540</v>
      </c>
    </row>
    <row r="12191" spans="1:9">
      <c r="A12191" s="1">
        <f ca="1">RAND()</f>
        <v>0.59938355247403718</v>
      </c>
      <c r="B12191" s="1"/>
      <c r="C12191">
        <v>5</v>
      </c>
      <c r="D12191" t="s">
        <v>23524</v>
      </c>
      <c r="E12191" t="s">
        <v>33962</v>
      </c>
      <c r="F12191">
        <v>4</v>
      </c>
      <c r="G12191" t="s">
        <v>2229</v>
      </c>
      <c r="H12191" t="s">
        <v>23525</v>
      </c>
      <c r="I12191" t="s">
        <v>30540</v>
      </c>
    </row>
    <row r="12192" spans="1:9">
      <c r="A12192" s="1">
        <f ca="1">RAND()</f>
        <v>0.17432178914388763</v>
      </c>
      <c r="B12192" s="1"/>
      <c r="C12192">
        <v>18</v>
      </c>
      <c r="D12192" t="s">
        <v>23528</v>
      </c>
      <c r="E12192" t="s">
        <v>33962</v>
      </c>
      <c r="F12192">
        <v>4</v>
      </c>
      <c r="G12192" t="s">
        <v>2229</v>
      </c>
      <c r="H12192" t="s">
        <v>23529</v>
      </c>
      <c r="I12192" t="s">
        <v>30540</v>
      </c>
    </row>
    <row r="12193" spans="1:9">
      <c r="A12193" s="1">
        <f ca="1">RAND()</f>
        <v>0.65078019818467703</v>
      </c>
      <c r="B12193" s="1"/>
      <c r="C12193">
        <v>10</v>
      </c>
      <c r="D12193" t="s">
        <v>23526</v>
      </c>
      <c r="E12193" t="s">
        <v>33962</v>
      </c>
      <c r="F12193">
        <v>4</v>
      </c>
      <c r="G12193" t="s">
        <v>1431</v>
      </c>
      <c r="H12193" t="s">
        <v>23527</v>
      </c>
      <c r="I12193" t="s">
        <v>30540</v>
      </c>
    </row>
    <row r="12194" spans="1:9">
      <c r="A12194" s="1">
        <f ca="1">RAND()</f>
        <v>0.33795340579264244</v>
      </c>
      <c r="B12194" s="1"/>
      <c r="C12194">
        <v>15</v>
      </c>
      <c r="D12194" t="s">
        <v>23514</v>
      </c>
      <c r="E12194" t="s">
        <v>33963</v>
      </c>
      <c r="F12194">
        <v>5</v>
      </c>
      <c r="G12194" t="s">
        <v>0</v>
      </c>
      <c r="H12194" t="s">
        <v>23515</v>
      </c>
      <c r="I12194" t="s">
        <v>30540</v>
      </c>
    </row>
    <row r="12195" spans="1:9">
      <c r="A12195" s="1">
        <f ca="1">RAND()</f>
        <v>0.37254473481171924</v>
      </c>
      <c r="B12195" s="1"/>
      <c r="C12195">
        <v>6</v>
      </c>
      <c r="D12195" t="s">
        <v>23506</v>
      </c>
      <c r="E12195" t="s">
        <v>33963</v>
      </c>
      <c r="F12195">
        <v>4</v>
      </c>
      <c r="G12195" t="s">
        <v>15</v>
      </c>
      <c r="H12195" t="s">
        <v>23507</v>
      </c>
      <c r="I12195" t="s">
        <v>30540</v>
      </c>
    </row>
    <row r="12196" spans="1:9">
      <c r="A12196" s="1">
        <f ca="1">RAND()</f>
        <v>0.72464529075527773</v>
      </c>
      <c r="B12196" s="1"/>
      <c r="C12196">
        <v>3</v>
      </c>
      <c r="D12196" t="s">
        <v>23504</v>
      </c>
      <c r="E12196" t="s">
        <v>33963</v>
      </c>
      <c r="F12196">
        <v>4</v>
      </c>
      <c r="G12196" t="s">
        <v>10</v>
      </c>
      <c r="H12196" t="s">
        <v>23505</v>
      </c>
      <c r="I12196" t="s">
        <v>30540</v>
      </c>
    </row>
    <row r="12197" spans="1:9">
      <c r="A12197" s="1">
        <f ca="1">RAND()</f>
        <v>0.64934298692091841</v>
      </c>
      <c r="B12197" s="1"/>
      <c r="C12197">
        <v>18</v>
      </c>
      <c r="D12197" t="s">
        <v>23516</v>
      </c>
      <c r="E12197" t="s">
        <v>33963</v>
      </c>
      <c r="F12197">
        <v>4</v>
      </c>
      <c r="G12197" t="s">
        <v>14</v>
      </c>
      <c r="H12197" t="s">
        <v>23517</v>
      </c>
      <c r="I12197" t="s">
        <v>30540</v>
      </c>
    </row>
    <row r="12198" spans="1:9">
      <c r="A12198" s="1">
        <f ca="1">RAND()</f>
        <v>0.33850955347141443</v>
      </c>
      <c r="B12198" s="1"/>
      <c r="C12198">
        <v>19</v>
      </c>
      <c r="D12198" t="s">
        <v>23518</v>
      </c>
      <c r="E12198" t="s">
        <v>33963</v>
      </c>
      <c r="F12198">
        <v>4</v>
      </c>
      <c r="G12198" t="s">
        <v>10</v>
      </c>
      <c r="H12198" t="s">
        <v>23519</v>
      </c>
      <c r="I12198" t="s">
        <v>30540</v>
      </c>
    </row>
    <row r="12199" spans="1:9">
      <c r="A12199" s="1">
        <f ca="1">RAND()</f>
        <v>0.6203744587039699</v>
      </c>
      <c r="B12199" s="1"/>
      <c r="C12199">
        <v>8</v>
      </c>
      <c r="D12199" t="s">
        <v>23508</v>
      </c>
      <c r="E12199" t="s">
        <v>33963</v>
      </c>
      <c r="F12199">
        <v>4</v>
      </c>
      <c r="G12199" t="s">
        <v>0</v>
      </c>
      <c r="H12199" t="s">
        <v>23509</v>
      </c>
      <c r="I12199" t="s">
        <v>30540</v>
      </c>
    </row>
    <row r="12200" spans="1:9">
      <c r="A12200" s="1">
        <f ca="1">RAND()</f>
        <v>0.66528201629071981</v>
      </c>
      <c r="B12200" s="1"/>
      <c r="C12200">
        <v>9</v>
      </c>
      <c r="D12200" t="s">
        <v>23510</v>
      </c>
      <c r="E12200" t="s">
        <v>33963</v>
      </c>
      <c r="F12200">
        <v>4</v>
      </c>
      <c r="G12200" t="s">
        <v>14</v>
      </c>
      <c r="H12200" t="s">
        <v>23511</v>
      </c>
      <c r="I12200" t="s">
        <v>30540</v>
      </c>
    </row>
    <row r="12201" spans="1:9">
      <c r="A12201" s="1">
        <f ca="1">RAND()</f>
        <v>0.50559593930998548</v>
      </c>
      <c r="B12201" s="1"/>
      <c r="C12201">
        <v>11</v>
      </c>
      <c r="D12201" t="s">
        <v>23512</v>
      </c>
      <c r="E12201" t="s">
        <v>33963</v>
      </c>
      <c r="F12201">
        <v>3</v>
      </c>
      <c r="G12201" t="s">
        <v>15</v>
      </c>
      <c r="H12201" t="s">
        <v>23513</v>
      </c>
      <c r="I12201" t="s">
        <v>30540</v>
      </c>
    </row>
    <row r="12202" spans="1:9">
      <c r="A12202" s="1">
        <f ca="1">RAND()</f>
        <v>6.2728015716885355E-2</v>
      </c>
      <c r="B12202" s="1"/>
      <c r="C12202">
        <v>20</v>
      </c>
      <c r="D12202" t="s">
        <v>23520</v>
      </c>
      <c r="E12202" t="s">
        <v>33963</v>
      </c>
      <c r="F12202">
        <v>2</v>
      </c>
      <c r="G12202" t="s">
        <v>14</v>
      </c>
      <c r="H12202" t="s">
        <v>23521</v>
      </c>
      <c r="I12202" t="s">
        <v>30540</v>
      </c>
    </row>
    <row r="12203" spans="1:9">
      <c r="A12203" s="1">
        <f ca="1">RAND()</f>
        <v>0.42997559824932918</v>
      </c>
      <c r="B12203" s="1"/>
      <c r="C12203">
        <v>18</v>
      </c>
      <c r="D12203" t="s">
        <v>23502</v>
      </c>
      <c r="E12203" t="s">
        <v>33964</v>
      </c>
      <c r="F12203">
        <v>4</v>
      </c>
      <c r="G12203" t="s">
        <v>14</v>
      </c>
      <c r="H12203" t="s">
        <v>23503</v>
      </c>
      <c r="I12203" t="s">
        <v>30540</v>
      </c>
    </row>
    <row r="12204" spans="1:9">
      <c r="A12204" s="1">
        <f ca="1">RAND()</f>
        <v>0.99878094966838693</v>
      </c>
      <c r="B12204" s="1"/>
      <c r="C12204">
        <v>13</v>
      </c>
      <c r="D12204" t="s">
        <v>23500</v>
      </c>
      <c r="E12204" t="s">
        <v>33964</v>
      </c>
      <c r="F12204">
        <v>4</v>
      </c>
      <c r="G12204" t="s">
        <v>14</v>
      </c>
      <c r="H12204" t="s">
        <v>23501</v>
      </c>
      <c r="I12204" t="s">
        <v>30540</v>
      </c>
    </row>
    <row r="12205" spans="1:9">
      <c r="A12205" s="1">
        <f ca="1">RAND()</f>
        <v>0.91053086744870348</v>
      </c>
      <c r="B12205" s="1"/>
      <c r="C12205">
        <v>11</v>
      </c>
      <c r="D12205" t="s">
        <v>23498</v>
      </c>
      <c r="E12205" t="s">
        <v>33964</v>
      </c>
      <c r="F12205">
        <v>4</v>
      </c>
      <c r="G12205" t="s">
        <v>14</v>
      </c>
      <c r="H12205" t="s">
        <v>23499</v>
      </c>
      <c r="I12205" t="s">
        <v>30540</v>
      </c>
    </row>
    <row r="12206" spans="1:9">
      <c r="A12206" s="1">
        <f ca="1">RAND()</f>
        <v>0.46803276387091908</v>
      </c>
      <c r="B12206" s="1"/>
      <c r="C12206">
        <v>10</v>
      </c>
      <c r="D12206" t="s">
        <v>23492</v>
      </c>
      <c r="E12206" t="s">
        <v>33965</v>
      </c>
      <c r="F12206">
        <v>5</v>
      </c>
      <c r="G12206" t="s">
        <v>14</v>
      </c>
      <c r="H12206" t="s">
        <v>23493</v>
      </c>
      <c r="I12206" t="s">
        <v>30540</v>
      </c>
    </row>
    <row r="12207" spans="1:9">
      <c r="A12207" s="1">
        <f ca="1">RAND()</f>
        <v>0.8130160301417223</v>
      </c>
      <c r="B12207" s="1"/>
      <c r="C12207">
        <v>11</v>
      </c>
      <c r="D12207" t="s">
        <v>23494</v>
      </c>
      <c r="E12207" t="s">
        <v>33965</v>
      </c>
      <c r="F12207">
        <v>4</v>
      </c>
      <c r="G12207" t="s">
        <v>14</v>
      </c>
      <c r="H12207" t="s">
        <v>23495</v>
      </c>
      <c r="I12207" t="s">
        <v>30540</v>
      </c>
    </row>
    <row r="12208" spans="1:9">
      <c r="A12208" s="1">
        <f ca="1">RAND()</f>
        <v>0.57021175839026761</v>
      </c>
      <c r="B12208" s="1"/>
      <c r="C12208">
        <v>1</v>
      </c>
      <c r="D12208" t="s">
        <v>23490</v>
      </c>
      <c r="E12208" t="s">
        <v>33965</v>
      </c>
      <c r="F12208">
        <v>4</v>
      </c>
      <c r="G12208" t="s">
        <v>2</v>
      </c>
      <c r="H12208" t="s">
        <v>23491</v>
      </c>
      <c r="I12208" t="s">
        <v>30540</v>
      </c>
    </row>
    <row r="12209" spans="1:9">
      <c r="A12209" s="1">
        <f ca="1">RAND()</f>
        <v>0.20745483697006939</v>
      </c>
      <c r="B12209" s="1"/>
      <c r="C12209">
        <v>15</v>
      </c>
      <c r="D12209" t="s">
        <v>23496</v>
      </c>
      <c r="E12209" t="s">
        <v>33965</v>
      </c>
      <c r="F12209">
        <v>2</v>
      </c>
      <c r="G12209" t="s">
        <v>14</v>
      </c>
      <c r="H12209" t="s">
        <v>23497</v>
      </c>
      <c r="I12209" t="s">
        <v>30540</v>
      </c>
    </row>
    <row r="12210" spans="1:9">
      <c r="A12210" s="1">
        <f ca="1">RAND()</f>
        <v>0.97342048229610223</v>
      </c>
      <c r="B12210" s="1"/>
      <c r="C12210">
        <v>15</v>
      </c>
      <c r="D12210" t="s">
        <v>23488</v>
      </c>
      <c r="E12210" t="s">
        <v>33966</v>
      </c>
      <c r="F12210">
        <v>4</v>
      </c>
      <c r="G12210" t="s">
        <v>14</v>
      </c>
      <c r="H12210" t="s">
        <v>23489</v>
      </c>
      <c r="I12210" t="s">
        <v>30540</v>
      </c>
    </row>
    <row r="12211" spans="1:9">
      <c r="A12211" s="1">
        <f ca="1">RAND()</f>
        <v>0.48027186993486826</v>
      </c>
      <c r="B12211" s="1"/>
      <c r="C12211">
        <v>8</v>
      </c>
      <c r="D12211" t="s">
        <v>23482</v>
      </c>
      <c r="E12211" t="s">
        <v>33966</v>
      </c>
      <c r="F12211">
        <v>4</v>
      </c>
      <c r="G12211" t="s">
        <v>10</v>
      </c>
      <c r="H12211" t="s">
        <v>23483</v>
      </c>
      <c r="I12211" t="s">
        <v>30540</v>
      </c>
    </row>
    <row r="12212" spans="1:9">
      <c r="A12212" s="1">
        <f ca="1">RAND()</f>
        <v>0.48190015461703029</v>
      </c>
      <c r="B12212" s="1"/>
      <c r="C12212">
        <v>11</v>
      </c>
      <c r="D12212" t="s">
        <v>23484</v>
      </c>
      <c r="E12212" t="s">
        <v>33966</v>
      </c>
      <c r="F12212">
        <v>4</v>
      </c>
      <c r="G12212" t="s">
        <v>1</v>
      </c>
      <c r="H12212" t="s">
        <v>23485</v>
      </c>
      <c r="I12212" t="s">
        <v>30540</v>
      </c>
    </row>
    <row r="12213" spans="1:9">
      <c r="A12213" s="1">
        <f ca="1">RAND()</f>
        <v>0.36808201164857124</v>
      </c>
      <c r="B12213" s="1"/>
      <c r="C12213">
        <v>13</v>
      </c>
      <c r="D12213" t="s">
        <v>23486</v>
      </c>
      <c r="E12213" t="s">
        <v>33966</v>
      </c>
      <c r="F12213">
        <v>3</v>
      </c>
      <c r="G12213" t="s">
        <v>14</v>
      </c>
      <c r="H12213" t="s">
        <v>23487</v>
      </c>
      <c r="I12213" t="s">
        <v>30540</v>
      </c>
    </row>
    <row r="12214" spans="1:9">
      <c r="A12214" s="1">
        <f ca="1">RAND()</f>
        <v>0.55194767972515479</v>
      </c>
      <c r="B12214" s="1"/>
      <c r="C12214">
        <v>8</v>
      </c>
      <c r="D12214" t="s">
        <v>23478</v>
      </c>
      <c r="E12214" t="s">
        <v>33967</v>
      </c>
      <c r="F12214">
        <v>4</v>
      </c>
      <c r="G12214" t="s">
        <v>1295</v>
      </c>
      <c r="H12214" t="s">
        <v>23479</v>
      </c>
      <c r="I12214" t="s">
        <v>30540</v>
      </c>
    </row>
    <row r="12215" spans="1:9">
      <c r="A12215" s="1">
        <f ca="1">RAND()</f>
        <v>0.47972797050397387</v>
      </c>
      <c r="B12215" s="1"/>
      <c r="C12215">
        <v>7</v>
      </c>
      <c r="D12215" t="s">
        <v>23476</v>
      </c>
      <c r="E12215" t="s">
        <v>33967</v>
      </c>
      <c r="F12215">
        <v>4</v>
      </c>
      <c r="G12215" t="s">
        <v>769</v>
      </c>
      <c r="H12215" t="s">
        <v>23477</v>
      </c>
      <c r="I12215" t="s">
        <v>30540</v>
      </c>
    </row>
    <row r="12216" spans="1:9">
      <c r="A12216" s="1">
        <f ca="1">RAND()</f>
        <v>9.9265108986315909E-2</v>
      </c>
      <c r="B12216" s="1"/>
      <c r="C12216">
        <v>12</v>
      </c>
      <c r="D12216" t="s">
        <v>23480</v>
      </c>
      <c r="E12216" t="s">
        <v>33967</v>
      </c>
      <c r="F12216">
        <v>2</v>
      </c>
      <c r="G12216" t="s">
        <v>766</v>
      </c>
      <c r="H12216" t="s">
        <v>23481</v>
      </c>
      <c r="I12216" t="s">
        <v>30540</v>
      </c>
    </row>
    <row r="12217" spans="1:9">
      <c r="A12217" s="1">
        <f ca="1">RAND()</f>
        <v>0.46672323603868027</v>
      </c>
      <c r="B12217" s="1"/>
      <c r="C12217">
        <v>6</v>
      </c>
      <c r="D12217" t="s">
        <v>23468</v>
      </c>
      <c r="E12217" t="s">
        <v>33968</v>
      </c>
      <c r="F12217">
        <v>5</v>
      </c>
      <c r="G12217" t="s">
        <v>14</v>
      </c>
      <c r="H12217" t="s">
        <v>23469</v>
      </c>
      <c r="I12217" t="s">
        <v>30540</v>
      </c>
    </row>
    <row r="12218" spans="1:9">
      <c r="A12218" s="1">
        <f ca="1">RAND()</f>
        <v>0.25322555998539076</v>
      </c>
      <c r="B12218" s="1"/>
      <c r="C12218">
        <v>1</v>
      </c>
      <c r="D12218" t="s">
        <v>23464</v>
      </c>
      <c r="E12218" t="s">
        <v>33968</v>
      </c>
      <c r="F12218">
        <v>4</v>
      </c>
      <c r="G12218" t="s">
        <v>10</v>
      </c>
      <c r="H12218" t="s">
        <v>23465</v>
      </c>
      <c r="I12218" t="s">
        <v>30540</v>
      </c>
    </row>
    <row r="12219" spans="1:9">
      <c r="A12219" s="1">
        <f ca="1">RAND()</f>
        <v>0.94972321220280798</v>
      </c>
      <c r="B12219" s="1"/>
      <c r="C12219">
        <v>17</v>
      </c>
      <c r="D12219" t="s">
        <v>23474</v>
      </c>
      <c r="E12219" t="s">
        <v>33968</v>
      </c>
      <c r="F12219">
        <v>4</v>
      </c>
      <c r="G12219" t="s">
        <v>14</v>
      </c>
      <c r="H12219" t="s">
        <v>23475</v>
      </c>
      <c r="I12219" t="s">
        <v>30540</v>
      </c>
    </row>
    <row r="12220" spans="1:9">
      <c r="A12220" s="1">
        <f ca="1">RAND()</f>
        <v>0.19873137237104077</v>
      </c>
      <c r="B12220" s="1"/>
      <c r="C12220">
        <v>9</v>
      </c>
      <c r="D12220" t="s">
        <v>23470</v>
      </c>
      <c r="E12220" t="s">
        <v>33968</v>
      </c>
      <c r="F12220">
        <v>4</v>
      </c>
      <c r="G12220" t="s">
        <v>10</v>
      </c>
      <c r="H12220" t="s">
        <v>23471</v>
      </c>
      <c r="I12220" t="s">
        <v>30540</v>
      </c>
    </row>
    <row r="12221" spans="1:9">
      <c r="A12221" s="1">
        <f ca="1">RAND()</f>
        <v>2.038653487898856E-2</v>
      </c>
      <c r="B12221" s="1"/>
      <c r="C12221">
        <v>16</v>
      </c>
      <c r="D12221" t="s">
        <v>23472</v>
      </c>
      <c r="E12221" t="s">
        <v>33968</v>
      </c>
      <c r="F12221">
        <v>2</v>
      </c>
      <c r="G12221" t="s">
        <v>1</v>
      </c>
      <c r="H12221" t="s">
        <v>23473</v>
      </c>
      <c r="I12221" t="s">
        <v>30540</v>
      </c>
    </row>
    <row r="12222" spans="1:9">
      <c r="A12222" s="1">
        <f ca="1">RAND()</f>
        <v>0.64516421360277942</v>
      </c>
      <c r="B12222" s="1"/>
      <c r="C12222">
        <v>3</v>
      </c>
      <c r="D12222" t="s">
        <v>23466</v>
      </c>
      <c r="E12222" t="s">
        <v>33968</v>
      </c>
      <c r="F12222">
        <v>2</v>
      </c>
      <c r="G12222" t="s">
        <v>9</v>
      </c>
      <c r="H12222" t="s">
        <v>23467</v>
      </c>
      <c r="I12222" t="s">
        <v>30540</v>
      </c>
    </row>
    <row r="12223" spans="1:9">
      <c r="A12223" s="1">
        <f ca="1">RAND()</f>
        <v>0.46128238540654443</v>
      </c>
      <c r="B12223" s="1"/>
      <c r="C12223">
        <v>3</v>
      </c>
      <c r="D12223" t="s">
        <v>23460</v>
      </c>
      <c r="E12223" t="s">
        <v>33969</v>
      </c>
      <c r="F12223">
        <v>4</v>
      </c>
      <c r="G12223" t="s">
        <v>14</v>
      </c>
      <c r="H12223" t="s">
        <v>23461</v>
      </c>
      <c r="I12223" t="s">
        <v>30540</v>
      </c>
    </row>
    <row r="12224" spans="1:9">
      <c r="A12224" s="1">
        <f ca="1">RAND()</f>
        <v>0.77413203557976562</v>
      </c>
      <c r="B12224" s="1"/>
      <c r="C12224">
        <v>9</v>
      </c>
      <c r="D12224" t="s">
        <v>23462</v>
      </c>
      <c r="E12224" t="s">
        <v>33969</v>
      </c>
      <c r="F12224">
        <v>4</v>
      </c>
      <c r="G12224" t="s">
        <v>14</v>
      </c>
      <c r="H12224" t="s">
        <v>23463</v>
      </c>
      <c r="I12224" t="s">
        <v>30540</v>
      </c>
    </row>
    <row r="12225" spans="1:9">
      <c r="A12225" s="1">
        <f ca="1">RAND()</f>
        <v>0.16446973282807653</v>
      </c>
      <c r="B12225" s="1"/>
      <c r="C12225">
        <v>2</v>
      </c>
      <c r="D12225" t="s">
        <v>23458</v>
      </c>
      <c r="E12225" t="s">
        <v>33969</v>
      </c>
      <c r="F12225">
        <v>4</v>
      </c>
      <c r="G12225" t="s">
        <v>14</v>
      </c>
      <c r="H12225" t="s">
        <v>23459</v>
      </c>
      <c r="I12225" t="s">
        <v>30540</v>
      </c>
    </row>
    <row r="12226" spans="1:9">
      <c r="A12226" s="1">
        <f ca="1">RAND()</f>
        <v>0.43857237964634754</v>
      </c>
      <c r="B12226" s="1"/>
      <c r="C12226">
        <v>4</v>
      </c>
      <c r="D12226" t="s">
        <v>23452</v>
      </c>
      <c r="E12226" t="s">
        <v>33970</v>
      </c>
      <c r="F12226">
        <v>5</v>
      </c>
      <c r="G12226" t="s">
        <v>14</v>
      </c>
      <c r="H12226" t="s">
        <v>23453</v>
      </c>
      <c r="I12226" t="s">
        <v>30540</v>
      </c>
    </row>
    <row r="12227" spans="1:9">
      <c r="A12227" s="1">
        <f ca="1">RAND()</f>
        <v>0.6748503042824795</v>
      </c>
      <c r="B12227" s="1"/>
      <c r="C12227">
        <v>9</v>
      </c>
      <c r="D12227" t="s">
        <v>23456</v>
      </c>
      <c r="E12227" t="s">
        <v>33970</v>
      </c>
      <c r="F12227">
        <v>4</v>
      </c>
      <c r="G12227" t="s">
        <v>13</v>
      </c>
      <c r="H12227" t="s">
        <v>23457</v>
      </c>
      <c r="I12227" t="s">
        <v>30540</v>
      </c>
    </row>
    <row r="12228" spans="1:9">
      <c r="A12228" s="1">
        <f ca="1">RAND()</f>
        <v>0.43376725030358843</v>
      </c>
      <c r="B12228" s="1"/>
      <c r="C12228">
        <v>3</v>
      </c>
      <c r="D12228" t="s">
        <v>23450</v>
      </c>
      <c r="E12228" t="s">
        <v>33970</v>
      </c>
      <c r="F12228">
        <v>4</v>
      </c>
      <c r="G12228" t="s">
        <v>2</v>
      </c>
      <c r="H12228" t="s">
        <v>23451</v>
      </c>
      <c r="I12228" t="s">
        <v>30540</v>
      </c>
    </row>
    <row r="12229" spans="1:9">
      <c r="A12229" s="1">
        <f ca="1">RAND()</f>
        <v>0.72550400794291392</v>
      </c>
      <c r="B12229" s="1"/>
      <c r="C12229">
        <v>8</v>
      </c>
      <c r="D12229" t="s">
        <v>23454</v>
      </c>
      <c r="E12229" t="s">
        <v>33970</v>
      </c>
      <c r="F12229">
        <v>3</v>
      </c>
      <c r="G12229" t="s">
        <v>14</v>
      </c>
      <c r="H12229" t="s">
        <v>23455</v>
      </c>
      <c r="I12229" t="s">
        <v>30540</v>
      </c>
    </row>
    <row r="12230" spans="1:9">
      <c r="A12230" s="1">
        <f ca="1">RAND()</f>
        <v>0.90097993724653169</v>
      </c>
      <c r="B12230" s="1"/>
      <c r="C12230">
        <v>13</v>
      </c>
      <c r="D12230" t="s">
        <v>23448</v>
      </c>
      <c r="E12230" t="s">
        <v>33971</v>
      </c>
      <c r="F12230">
        <v>5</v>
      </c>
      <c r="G12230" t="s">
        <v>9</v>
      </c>
      <c r="H12230" t="s">
        <v>23449</v>
      </c>
      <c r="I12230" t="s">
        <v>30540</v>
      </c>
    </row>
    <row r="12231" spans="1:9">
      <c r="A12231" s="1">
        <f ca="1">RAND()</f>
        <v>0.6646124714240742</v>
      </c>
      <c r="B12231" s="1"/>
      <c r="C12231">
        <v>3</v>
      </c>
      <c r="D12231" t="s">
        <v>23436</v>
      </c>
      <c r="E12231" t="s">
        <v>33971</v>
      </c>
      <c r="F12231">
        <v>5</v>
      </c>
      <c r="G12231" t="s">
        <v>14</v>
      </c>
      <c r="H12231" t="s">
        <v>23437</v>
      </c>
      <c r="I12231" t="s">
        <v>30540</v>
      </c>
    </row>
    <row r="12232" spans="1:9">
      <c r="A12232" s="1">
        <f ca="1">RAND()</f>
        <v>0.65470282073106933</v>
      </c>
      <c r="B12232" s="1"/>
      <c r="C12232">
        <v>7</v>
      </c>
      <c r="D12232" t="s">
        <v>23440</v>
      </c>
      <c r="E12232" t="s">
        <v>33971</v>
      </c>
      <c r="F12232">
        <v>4</v>
      </c>
      <c r="G12232" t="s">
        <v>15</v>
      </c>
      <c r="H12232" t="s">
        <v>23441</v>
      </c>
      <c r="I12232" t="s">
        <v>30540</v>
      </c>
    </row>
    <row r="12233" spans="1:9">
      <c r="A12233" s="1">
        <f ca="1">RAND()</f>
        <v>0.9732386991518881</v>
      </c>
      <c r="B12233" s="1"/>
      <c r="C12233">
        <v>5</v>
      </c>
      <c r="D12233" t="s">
        <v>23438</v>
      </c>
      <c r="E12233" t="s">
        <v>33971</v>
      </c>
      <c r="F12233">
        <v>4</v>
      </c>
      <c r="G12233" t="s">
        <v>9</v>
      </c>
      <c r="H12233" t="s">
        <v>23439</v>
      </c>
      <c r="I12233" t="s">
        <v>30540</v>
      </c>
    </row>
    <row r="12234" spans="1:9">
      <c r="A12234" s="1">
        <f ca="1">RAND()</f>
        <v>0.64257248559654079</v>
      </c>
      <c r="B12234" s="1"/>
      <c r="C12234">
        <v>9</v>
      </c>
      <c r="D12234" t="s">
        <v>23442</v>
      </c>
      <c r="E12234" t="s">
        <v>33971</v>
      </c>
      <c r="F12234">
        <v>4</v>
      </c>
      <c r="G12234" t="s">
        <v>1</v>
      </c>
      <c r="H12234" t="s">
        <v>23443</v>
      </c>
      <c r="I12234" t="s">
        <v>30540</v>
      </c>
    </row>
    <row r="12235" spans="1:9">
      <c r="A12235" s="1">
        <f ca="1">RAND()</f>
        <v>0.7897524263136394</v>
      </c>
      <c r="B12235" s="1"/>
      <c r="C12235">
        <v>2</v>
      </c>
      <c r="D12235" t="s">
        <v>23434</v>
      </c>
      <c r="E12235" t="s">
        <v>33971</v>
      </c>
      <c r="F12235">
        <v>3</v>
      </c>
      <c r="G12235" t="s">
        <v>13</v>
      </c>
      <c r="H12235" t="s">
        <v>23435</v>
      </c>
      <c r="I12235" t="s">
        <v>30540</v>
      </c>
    </row>
    <row r="12236" spans="1:9">
      <c r="A12236" s="1">
        <f ca="1">RAND()</f>
        <v>6.4484430895569655E-2</v>
      </c>
      <c r="B12236" s="1"/>
      <c r="C12236">
        <v>10</v>
      </c>
      <c r="D12236" t="s">
        <v>23444</v>
      </c>
      <c r="E12236" t="s">
        <v>33971</v>
      </c>
      <c r="F12236">
        <v>2</v>
      </c>
      <c r="G12236" t="s">
        <v>14</v>
      </c>
      <c r="H12236" t="s">
        <v>23445</v>
      </c>
      <c r="I12236" t="s">
        <v>30540</v>
      </c>
    </row>
    <row r="12237" spans="1:9">
      <c r="A12237" s="1">
        <f ca="1">RAND()</f>
        <v>0.12565120541555685</v>
      </c>
      <c r="B12237" s="1"/>
      <c r="C12237">
        <v>12</v>
      </c>
      <c r="D12237" t="s">
        <v>23446</v>
      </c>
      <c r="E12237" t="s">
        <v>33971</v>
      </c>
      <c r="F12237">
        <v>1</v>
      </c>
      <c r="G12237" t="s">
        <v>14</v>
      </c>
      <c r="H12237" t="s">
        <v>23447</v>
      </c>
      <c r="I12237" t="s">
        <v>30540</v>
      </c>
    </row>
    <row r="12238" spans="1:9">
      <c r="A12238" s="1">
        <f ca="1">RAND()</f>
        <v>0.80036424939212436</v>
      </c>
      <c r="B12238" s="1"/>
      <c r="C12238">
        <v>17</v>
      </c>
      <c r="D12238" t="s">
        <v>23428</v>
      </c>
      <c r="E12238" t="s">
        <v>33972</v>
      </c>
      <c r="F12238">
        <v>5</v>
      </c>
      <c r="G12238" t="s">
        <v>2738</v>
      </c>
      <c r="H12238" t="s">
        <v>23429</v>
      </c>
      <c r="I12238" t="s">
        <v>30540</v>
      </c>
    </row>
    <row r="12239" spans="1:9">
      <c r="A12239" s="1">
        <f ca="1">RAND()</f>
        <v>0.90280338085189737</v>
      </c>
      <c r="B12239" s="1"/>
      <c r="C12239">
        <v>11</v>
      </c>
      <c r="D12239" t="s">
        <v>23426</v>
      </c>
      <c r="E12239" t="s">
        <v>33972</v>
      </c>
      <c r="F12239">
        <v>4</v>
      </c>
      <c r="G12239" t="s">
        <v>15</v>
      </c>
      <c r="H12239" t="s">
        <v>23427</v>
      </c>
      <c r="I12239" t="s">
        <v>30540</v>
      </c>
    </row>
    <row r="12240" spans="1:9">
      <c r="A12240" s="1">
        <f ca="1">RAND()</f>
        <v>0.30940231457495082</v>
      </c>
      <c r="B12240" s="1"/>
      <c r="C12240">
        <v>19</v>
      </c>
      <c r="D12240" t="s">
        <v>23432</v>
      </c>
      <c r="E12240" t="s">
        <v>33972</v>
      </c>
      <c r="F12240">
        <v>4</v>
      </c>
      <c r="G12240" t="s">
        <v>10</v>
      </c>
      <c r="H12240" t="s">
        <v>23433</v>
      </c>
      <c r="I12240" t="s">
        <v>30540</v>
      </c>
    </row>
    <row r="12241" spans="1:9">
      <c r="A12241" s="1">
        <f ca="1">RAND()</f>
        <v>0.95171697555840096</v>
      </c>
      <c r="B12241" s="1"/>
      <c r="C12241">
        <v>10</v>
      </c>
      <c r="D12241" t="s">
        <v>23424</v>
      </c>
      <c r="E12241" t="s">
        <v>33972</v>
      </c>
      <c r="F12241">
        <v>4</v>
      </c>
      <c r="G12241" t="s">
        <v>15</v>
      </c>
      <c r="H12241" t="s">
        <v>23425</v>
      </c>
      <c r="I12241" t="s">
        <v>30540</v>
      </c>
    </row>
    <row r="12242" spans="1:9">
      <c r="A12242" s="1">
        <f ca="1">RAND()</f>
        <v>0.90308870884732606</v>
      </c>
      <c r="B12242" s="1"/>
      <c r="C12242">
        <v>9</v>
      </c>
      <c r="D12242" t="s">
        <v>23422</v>
      </c>
      <c r="E12242" t="s">
        <v>33972</v>
      </c>
      <c r="F12242">
        <v>4</v>
      </c>
      <c r="G12242" t="s">
        <v>2</v>
      </c>
      <c r="H12242" t="s">
        <v>23423</v>
      </c>
      <c r="I12242" t="s">
        <v>30540</v>
      </c>
    </row>
    <row r="12243" spans="1:9">
      <c r="A12243" s="1">
        <f ca="1">RAND()</f>
        <v>0.35154553183883808</v>
      </c>
      <c r="B12243" s="1"/>
      <c r="C12243">
        <v>18</v>
      </c>
      <c r="D12243" t="s">
        <v>23430</v>
      </c>
      <c r="E12243" t="s">
        <v>33972</v>
      </c>
      <c r="F12243">
        <v>3</v>
      </c>
      <c r="G12243" t="s">
        <v>15</v>
      </c>
      <c r="H12243" t="s">
        <v>23431</v>
      </c>
      <c r="I12243" t="s">
        <v>30540</v>
      </c>
    </row>
    <row r="12244" spans="1:9">
      <c r="A12244" s="1">
        <f ca="1">RAND()</f>
        <v>0.79491958888425274</v>
      </c>
      <c r="B12244" s="1"/>
      <c r="C12244">
        <v>19</v>
      </c>
      <c r="D12244" t="s">
        <v>23420</v>
      </c>
      <c r="E12244" t="s">
        <v>33973</v>
      </c>
      <c r="F12244">
        <v>4</v>
      </c>
      <c r="G12244" t="s">
        <v>15</v>
      </c>
      <c r="H12244" t="s">
        <v>23421</v>
      </c>
      <c r="I12244" t="s">
        <v>30540</v>
      </c>
    </row>
    <row r="12245" spans="1:9">
      <c r="A12245" s="1">
        <f ca="1">RAND()</f>
        <v>0.81551023153048063</v>
      </c>
      <c r="B12245" s="1"/>
      <c r="C12245">
        <v>11</v>
      </c>
      <c r="D12245" t="s">
        <v>23416</v>
      </c>
      <c r="E12245" t="s">
        <v>33973</v>
      </c>
      <c r="F12245">
        <v>3</v>
      </c>
      <c r="G12245" t="s">
        <v>14</v>
      </c>
      <c r="H12245" t="s">
        <v>23417</v>
      </c>
      <c r="I12245" t="s">
        <v>30540</v>
      </c>
    </row>
    <row r="12246" spans="1:9">
      <c r="A12246" s="1">
        <f ca="1">RAND()</f>
        <v>0.85184156262729349</v>
      </c>
      <c r="B12246" s="1"/>
      <c r="C12246">
        <v>17</v>
      </c>
      <c r="D12246" t="s">
        <v>23418</v>
      </c>
      <c r="E12246" t="s">
        <v>33973</v>
      </c>
      <c r="F12246">
        <v>3</v>
      </c>
      <c r="G12246" t="s">
        <v>14</v>
      </c>
      <c r="H12246" t="s">
        <v>23419</v>
      </c>
      <c r="I12246" t="s">
        <v>30540</v>
      </c>
    </row>
    <row r="12247" spans="1:9">
      <c r="A12247" s="1">
        <f ca="1">RAND()</f>
        <v>0.12220198149198935</v>
      </c>
      <c r="B12247" s="1"/>
      <c r="C12247">
        <v>9</v>
      </c>
      <c r="D12247" t="s">
        <v>23414</v>
      </c>
      <c r="E12247" t="s">
        <v>33973</v>
      </c>
      <c r="F12247">
        <v>2</v>
      </c>
      <c r="G12247" t="s">
        <v>14</v>
      </c>
      <c r="H12247" t="s">
        <v>23415</v>
      </c>
      <c r="I12247" t="s">
        <v>30540</v>
      </c>
    </row>
    <row r="12248" spans="1:9">
      <c r="A12248" s="1">
        <f ca="1">RAND()</f>
        <v>5.6720431353947109E-2</v>
      </c>
      <c r="B12248" s="1"/>
      <c r="C12248">
        <v>9</v>
      </c>
      <c r="D12248" t="s">
        <v>23408</v>
      </c>
      <c r="E12248" t="s">
        <v>33974</v>
      </c>
      <c r="F12248">
        <v>5</v>
      </c>
      <c r="G12248" t="s">
        <v>14</v>
      </c>
      <c r="H12248" t="s">
        <v>23409</v>
      </c>
      <c r="I12248" t="s">
        <v>30540</v>
      </c>
    </row>
    <row r="12249" spans="1:9">
      <c r="A12249" s="1">
        <f ca="1">RAND()</f>
        <v>0.55131412306651495</v>
      </c>
      <c r="B12249" s="1"/>
      <c r="C12249">
        <v>16</v>
      </c>
      <c r="D12249" t="s">
        <v>23412</v>
      </c>
      <c r="E12249" t="s">
        <v>33974</v>
      </c>
      <c r="F12249">
        <v>5</v>
      </c>
      <c r="G12249" t="s">
        <v>14</v>
      </c>
      <c r="H12249" t="s">
        <v>23413</v>
      </c>
      <c r="I12249" t="s">
        <v>30540</v>
      </c>
    </row>
    <row r="12250" spans="1:9">
      <c r="A12250" s="1">
        <f ca="1">RAND()</f>
        <v>0.77932688542010908</v>
      </c>
      <c r="B12250" s="1"/>
      <c r="C12250">
        <v>6</v>
      </c>
      <c r="D12250" t="s">
        <v>23406</v>
      </c>
      <c r="E12250" t="s">
        <v>33974</v>
      </c>
      <c r="F12250">
        <v>4</v>
      </c>
      <c r="G12250" t="s">
        <v>14</v>
      </c>
      <c r="H12250" t="s">
        <v>23407</v>
      </c>
      <c r="I12250" t="s">
        <v>30540</v>
      </c>
    </row>
    <row r="12251" spans="1:9">
      <c r="A12251" s="1">
        <f ca="1">RAND()</f>
        <v>0.27448608404600472</v>
      </c>
      <c r="B12251" s="1"/>
      <c r="C12251">
        <v>10</v>
      </c>
      <c r="D12251" t="s">
        <v>23410</v>
      </c>
      <c r="E12251" t="s">
        <v>33974</v>
      </c>
      <c r="F12251">
        <v>4</v>
      </c>
      <c r="G12251" t="s">
        <v>13</v>
      </c>
      <c r="H12251" t="s">
        <v>23411</v>
      </c>
      <c r="I12251" t="s">
        <v>30540</v>
      </c>
    </row>
    <row r="12252" spans="1:9">
      <c r="A12252" s="1">
        <f ca="1">RAND()</f>
        <v>0.32032410277458057</v>
      </c>
      <c r="B12252" s="1"/>
      <c r="C12252">
        <v>2</v>
      </c>
      <c r="D12252" t="s">
        <v>23404</v>
      </c>
      <c r="E12252" t="s">
        <v>33974</v>
      </c>
      <c r="F12252">
        <v>2</v>
      </c>
      <c r="G12252" t="s">
        <v>2</v>
      </c>
      <c r="H12252" t="s">
        <v>23405</v>
      </c>
      <c r="I12252" t="s">
        <v>30540</v>
      </c>
    </row>
    <row r="12253" spans="1:9">
      <c r="A12253" s="1">
        <f ca="1">RAND()</f>
        <v>0.69561644420413893</v>
      </c>
      <c r="B12253" s="1"/>
      <c r="C12253">
        <v>5</v>
      </c>
      <c r="D12253" t="s">
        <v>23402</v>
      </c>
      <c r="E12253" t="s">
        <v>33975</v>
      </c>
      <c r="F12253">
        <v>2</v>
      </c>
      <c r="G12253" t="s">
        <v>0</v>
      </c>
      <c r="H12253" t="s">
        <v>23403</v>
      </c>
      <c r="I12253" t="s">
        <v>30540</v>
      </c>
    </row>
    <row r="12254" spans="1:9">
      <c r="A12254" s="1">
        <f ca="1">RAND()</f>
        <v>6.692314765176921E-2</v>
      </c>
      <c r="B12254" s="1"/>
      <c r="C12254">
        <v>4</v>
      </c>
      <c r="D12254" t="s">
        <v>23396</v>
      </c>
      <c r="E12254" t="s">
        <v>33976</v>
      </c>
      <c r="F12254">
        <v>4</v>
      </c>
      <c r="G12254" t="s">
        <v>13</v>
      </c>
      <c r="H12254" t="s">
        <v>23397</v>
      </c>
      <c r="I12254" t="s">
        <v>30540</v>
      </c>
    </row>
    <row r="12255" spans="1:9">
      <c r="A12255" s="1">
        <f ca="1">RAND()</f>
        <v>0.42277098517720346</v>
      </c>
      <c r="B12255" s="1"/>
      <c r="C12255">
        <v>14</v>
      </c>
      <c r="D12255" t="s">
        <v>23400</v>
      </c>
      <c r="E12255" t="s">
        <v>33976</v>
      </c>
      <c r="F12255">
        <v>4</v>
      </c>
      <c r="G12255" t="s">
        <v>14</v>
      </c>
      <c r="H12255" t="s">
        <v>23401</v>
      </c>
      <c r="I12255" t="s">
        <v>30540</v>
      </c>
    </row>
    <row r="12256" spans="1:9">
      <c r="A12256" s="1">
        <f ca="1">RAND()</f>
        <v>0.56628717162089803</v>
      </c>
      <c r="B12256" s="1"/>
      <c r="C12256">
        <v>13</v>
      </c>
      <c r="D12256" t="s">
        <v>23398</v>
      </c>
      <c r="E12256" t="s">
        <v>33976</v>
      </c>
      <c r="F12256">
        <v>1</v>
      </c>
      <c r="G12256" t="s">
        <v>14</v>
      </c>
      <c r="H12256" t="s">
        <v>23399</v>
      </c>
      <c r="I12256" t="s">
        <v>30540</v>
      </c>
    </row>
    <row r="12257" spans="1:9">
      <c r="A12257" s="1">
        <f ca="1">RAND()</f>
        <v>0.19687490365029992</v>
      </c>
      <c r="B12257" s="1"/>
      <c r="C12257">
        <v>3</v>
      </c>
      <c r="D12257" t="s">
        <v>23390</v>
      </c>
      <c r="E12257" t="s">
        <v>33977</v>
      </c>
      <c r="F12257">
        <v>4</v>
      </c>
      <c r="G12257" t="s">
        <v>10</v>
      </c>
      <c r="H12257" t="s">
        <v>23391</v>
      </c>
      <c r="I12257" t="s">
        <v>30540</v>
      </c>
    </row>
    <row r="12258" spans="1:9">
      <c r="A12258" s="1">
        <f ca="1">RAND()</f>
        <v>5.4318116273105677E-2</v>
      </c>
      <c r="B12258" s="1"/>
      <c r="C12258">
        <v>20</v>
      </c>
      <c r="D12258" t="s">
        <v>23394</v>
      </c>
      <c r="E12258" t="s">
        <v>33977</v>
      </c>
      <c r="F12258">
        <v>4</v>
      </c>
      <c r="G12258" t="s">
        <v>1</v>
      </c>
      <c r="H12258" t="s">
        <v>23395</v>
      </c>
      <c r="I12258" t="s">
        <v>30540</v>
      </c>
    </row>
    <row r="12259" spans="1:9">
      <c r="A12259" s="1">
        <f ca="1">RAND()</f>
        <v>0.98079446482414312</v>
      </c>
      <c r="B12259" s="1"/>
      <c r="C12259">
        <v>16</v>
      </c>
      <c r="D12259" t="s">
        <v>23392</v>
      </c>
      <c r="E12259" t="s">
        <v>33977</v>
      </c>
      <c r="F12259">
        <v>3</v>
      </c>
      <c r="G12259" t="s">
        <v>14</v>
      </c>
      <c r="H12259" t="s">
        <v>23393</v>
      </c>
      <c r="I12259" t="s">
        <v>30540</v>
      </c>
    </row>
    <row r="12260" spans="1:9">
      <c r="A12260" s="1">
        <f ca="1">RAND()</f>
        <v>0.86453049886734878</v>
      </c>
      <c r="B12260" s="1"/>
      <c r="C12260">
        <v>12</v>
      </c>
      <c r="D12260" t="s">
        <v>23388</v>
      </c>
      <c r="E12260" t="s">
        <v>33978</v>
      </c>
      <c r="F12260">
        <v>4</v>
      </c>
      <c r="G12260" t="s">
        <v>14</v>
      </c>
      <c r="H12260" t="s">
        <v>23389</v>
      </c>
      <c r="I12260" t="s">
        <v>30540</v>
      </c>
    </row>
    <row r="12261" spans="1:9">
      <c r="A12261" s="1">
        <f ca="1">RAND()</f>
        <v>0.44498362227926958</v>
      </c>
      <c r="B12261" s="1"/>
      <c r="C12261">
        <v>1</v>
      </c>
      <c r="D12261" t="s">
        <v>23384</v>
      </c>
      <c r="E12261" t="s">
        <v>33978</v>
      </c>
      <c r="F12261">
        <v>4</v>
      </c>
      <c r="G12261" t="s">
        <v>2</v>
      </c>
      <c r="H12261" t="s">
        <v>23385</v>
      </c>
      <c r="I12261" t="s">
        <v>30540</v>
      </c>
    </row>
    <row r="12262" spans="1:9">
      <c r="A12262" s="1">
        <f ca="1">RAND()</f>
        <v>0.64843728459422889</v>
      </c>
      <c r="B12262" s="1"/>
      <c r="C12262">
        <v>9</v>
      </c>
      <c r="D12262" t="s">
        <v>23386</v>
      </c>
      <c r="E12262" t="s">
        <v>33978</v>
      </c>
      <c r="F12262">
        <v>4</v>
      </c>
      <c r="G12262" t="s">
        <v>2</v>
      </c>
      <c r="H12262" t="s">
        <v>23387</v>
      </c>
      <c r="I12262" t="s">
        <v>30540</v>
      </c>
    </row>
    <row r="12263" spans="1:9">
      <c r="A12263" s="1">
        <f ca="1">RAND()</f>
        <v>0.86719923622204165</v>
      </c>
      <c r="B12263" s="1"/>
      <c r="C12263">
        <v>4</v>
      </c>
      <c r="D12263" t="s">
        <v>23378</v>
      </c>
      <c r="E12263" t="s">
        <v>33979</v>
      </c>
      <c r="F12263">
        <v>4</v>
      </c>
      <c r="G12263" t="s">
        <v>15</v>
      </c>
      <c r="H12263" t="s">
        <v>23379</v>
      </c>
      <c r="I12263" t="s">
        <v>30540</v>
      </c>
    </row>
    <row r="12264" spans="1:9">
      <c r="A12264" s="1">
        <f ca="1">RAND()</f>
        <v>0.14784353571024988</v>
      </c>
      <c r="B12264" s="1"/>
      <c r="C12264">
        <v>14</v>
      </c>
      <c r="D12264" t="s">
        <v>23382</v>
      </c>
      <c r="E12264" t="s">
        <v>33979</v>
      </c>
      <c r="F12264">
        <v>4</v>
      </c>
      <c r="G12264" t="s">
        <v>14</v>
      </c>
      <c r="H12264" t="s">
        <v>23383</v>
      </c>
      <c r="I12264" t="s">
        <v>30540</v>
      </c>
    </row>
    <row r="12265" spans="1:9">
      <c r="A12265" s="1">
        <f ca="1">RAND()</f>
        <v>0.97583651218834599</v>
      </c>
      <c r="B12265" s="1"/>
      <c r="C12265">
        <v>9</v>
      </c>
      <c r="D12265" t="s">
        <v>23380</v>
      </c>
      <c r="E12265" t="s">
        <v>33979</v>
      </c>
      <c r="F12265">
        <v>4</v>
      </c>
      <c r="G12265" t="s">
        <v>14</v>
      </c>
      <c r="H12265" t="s">
        <v>23381</v>
      </c>
      <c r="I12265" t="s">
        <v>30540</v>
      </c>
    </row>
    <row r="12266" spans="1:9">
      <c r="A12266" s="1">
        <f ca="1">RAND()</f>
        <v>0.85873206727511286</v>
      </c>
      <c r="B12266" s="1"/>
      <c r="C12266">
        <v>13</v>
      </c>
      <c r="D12266" t="s">
        <v>23374</v>
      </c>
      <c r="E12266" t="s">
        <v>33980</v>
      </c>
      <c r="F12266">
        <v>4</v>
      </c>
      <c r="G12266" t="s">
        <v>0</v>
      </c>
      <c r="H12266" t="s">
        <v>23375</v>
      </c>
      <c r="I12266" t="s">
        <v>30540</v>
      </c>
    </row>
    <row r="12267" spans="1:9">
      <c r="A12267" s="1">
        <f ca="1">RAND()</f>
        <v>0.56453704518476877</v>
      </c>
      <c r="B12267" s="1"/>
      <c r="C12267">
        <v>6</v>
      </c>
      <c r="D12267" t="s">
        <v>23370</v>
      </c>
      <c r="E12267" t="s">
        <v>33980</v>
      </c>
      <c r="F12267">
        <v>3</v>
      </c>
      <c r="G12267" t="s">
        <v>14</v>
      </c>
      <c r="H12267" t="s">
        <v>23371</v>
      </c>
      <c r="I12267" t="s">
        <v>30540</v>
      </c>
    </row>
    <row r="12268" spans="1:9">
      <c r="A12268" s="1">
        <f ca="1">RAND()</f>
        <v>5.3237778279503711E-2</v>
      </c>
      <c r="B12268" s="1"/>
      <c r="C12268">
        <v>19</v>
      </c>
      <c r="D12268" t="s">
        <v>23376</v>
      </c>
      <c r="E12268" t="s">
        <v>33980</v>
      </c>
      <c r="F12268">
        <v>2</v>
      </c>
      <c r="G12268" t="s">
        <v>14</v>
      </c>
      <c r="H12268" t="s">
        <v>23377</v>
      </c>
      <c r="I12268" t="s">
        <v>30540</v>
      </c>
    </row>
    <row r="12269" spans="1:9">
      <c r="A12269" s="1">
        <f ca="1">RAND()</f>
        <v>0.80028742804780673</v>
      </c>
      <c r="B12269" s="1"/>
      <c r="C12269">
        <v>8</v>
      </c>
      <c r="D12269" t="s">
        <v>23372</v>
      </c>
      <c r="E12269" t="s">
        <v>33980</v>
      </c>
      <c r="F12269">
        <v>1</v>
      </c>
      <c r="G12269" t="s">
        <v>2</v>
      </c>
      <c r="H12269" t="s">
        <v>23373</v>
      </c>
      <c r="I12269" t="s">
        <v>30540</v>
      </c>
    </row>
    <row r="12270" spans="1:9">
      <c r="A12270" s="1">
        <f ca="1">RAND()</f>
        <v>0.87795557999765661</v>
      </c>
      <c r="B12270" s="1"/>
      <c r="C12270">
        <v>15</v>
      </c>
      <c r="D12270" t="s">
        <v>23368</v>
      </c>
      <c r="E12270" t="s">
        <v>33981</v>
      </c>
      <c r="F12270">
        <v>5</v>
      </c>
      <c r="G12270" t="s">
        <v>14</v>
      </c>
      <c r="H12270" t="s">
        <v>23369</v>
      </c>
      <c r="I12270" t="s">
        <v>30540</v>
      </c>
    </row>
    <row r="12271" spans="1:9">
      <c r="A12271" s="1">
        <f ca="1">RAND()</f>
        <v>0.15795706830138756</v>
      </c>
      <c r="B12271" s="1"/>
      <c r="C12271">
        <v>9</v>
      </c>
      <c r="D12271" t="s">
        <v>23364</v>
      </c>
      <c r="E12271" t="s">
        <v>33981</v>
      </c>
      <c r="F12271">
        <v>4</v>
      </c>
      <c r="G12271" t="s">
        <v>14</v>
      </c>
      <c r="H12271" t="s">
        <v>23365</v>
      </c>
      <c r="I12271" t="s">
        <v>30540</v>
      </c>
    </row>
    <row r="12272" spans="1:9">
      <c r="A12272" s="1">
        <f ca="1">RAND()</f>
        <v>0.11533999749182555</v>
      </c>
      <c r="B12272" s="1"/>
      <c r="C12272">
        <v>11</v>
      </c>
      <c r="D12272" t="s">
        <v>23366</v>
      </c>
      <c r="E12272" t="s">
        <v>33981</v>
      </c>
      <c r="F12272">
        <v>4</v>
      </c>
      <c r="G12272" t="s">
        <v>14</v>
      </c>
      <c r="H12272" t="s">
        <v>23367</v>
      </c>
      <c r="I12272" t="s">
        <v>30540</v>
      </c>
    </row>
    <row r="12273" spans="1:9">
      <c r="A12273" s="1">
        <f ca="1">RAND()</f>
        <v>0.46477742546908574</v>
      </c>
      <c r="B12273" s="1"/>
      <c r="C12273">
        <v>14</v>
      </c>
      <c r="D12273" t="s">
        <v>23358</v>
      </c>
      <c r="E12273" t="s">
        <v>33982</v>
      </c>
      <c r="F12273">
        <v>5</v>
      </c>
      <c r="G12273" t="s">
        <v>1426</v>
      </c>
      <c r="H12273" t="s">
        <v>23359</v>
      </c>
      <c r="I12273" t="s">
        <v>30540</v>
      </c>
    </row>
    <row r="12274" spans="1:9">
      <c r="A12274" s="1">
        <f ca="1">RAND()</f>
        <v>0.80904763992795736</v>
      </c>
      <c r="B12274" s="1"/>
      <c r="C12274">
        <v>6</v>
      </c>
      <c r="D12274" t="s">
        <v>23350</v>
      </c>
      <c r="E12274" t="s">
        <v>33982</v>
      </c>
      <c r="F12274">
        <v>4</v>
      </c>
      <c r="G12274" t="s">
        <v>9</v>
      </c>
      <c r="H12274" t="s">
        <v>23351</v>
      </c>
      <c r="I12274" t="s">
        <v>30540</v>
      </c>
    </row>
    <row r="12275" spans="1:9">
      <c r="A12275" s="1">
        <f ca="1">RAND()</f>
        <v>0.58860690258487869</v>
      </c>
      <c r="B12275" s="1"/>
      <c r="C12275">
        <v>9</v>
      </c>
      <c r="D12275" t="s">
        <v>23352</v>
      </c>
      <c r="E12275" t="s">
        <v>33982</v>
      </c>
      <c r="F12275">
        <v>4</v>
      </c>
      <c r="G12275" t="s">
        <v>2</v>
      </c>
      <c r="H12275" t="s">
        <v>23353</v>
      </c>
      <c r="I12275" t="s">
        <v>30540</v>
      </c>
    </row>
    <row r="12276" spans="1:9">
      <c r="A12276" s="1">
        <f ca="1">RAND()</f>
        <v>0.35297560505721615</v>
      </c>
      <c r="B12276" s="1"/>
      <c r="C12276">
        <v>17</v>
      </c>
      <c r="D12276" t="s">
        <v>23360</v>
      </c>
      <c r="E12276" t="s">
        <v>33982</v>
      </c>
      <c r="F12276">
        <v>4</v>
      </c>
      <c r="G12276" t="s">
        <v>1295</v>
      </c>
      <c r="H12276" t="s">
        <v>23361</v>
      </c>
      <c r="I12276" t="s">
        <v>30540</v>
      </c>
    </row>
    <row r="12277" spans="1:9">
      <c r="A12277" s="1">
        <f ca="1">RAND()</f>
        <v>0.58235852785728082</v>
      </c>
      <c r="B12277" s="1"/>
      <c r="C12277">
        <v>19</v>
      </c>
      <c r="D12277" t="s">
        <v>23362</v>
      </c>
      <c r="E12277" t="s">
        <v>33982</v>
      </c>
      <c r="F12277">
        <v>4</v>
      </c>
      <c r="G12277" t="s">
        <v>14</v>
      </c>
      <c r="H12277" t="s">
        <v>23363</v>
      </c>
      <c r="I12277" t="s">
        <v>30540</v>
      </c>
    </row>
    <row r="12278" spans="1:9">
      <c r="A12278" s="1">
        <f ca="1">RAND()</f>
        <v>0.62644474146324003</v>
      </c>
      <c r="B12278" s="1"/>
      <c r="C12278">
        <v>1</v>
      </c>
      <c r="D12278" t="s">
        <v>23348</v>
      </c>
      <c r="E12278" t="s">
        <v>33982</v>
      </c>
      <c r="F12278">
        <v>1</v>
      </c>
      <c r="G12278" t="s">
        <v>10</v>
      </c>
      <c r="H12278" t="s">
        <v>23349</v>
      </c>
      <c r="I12278" t="s">
        <v>30540</v>
      </c>
    </row>
    <row r="12279" spans="1:9">
      <c r="A12279" s="1">
        <f ca="1">RAND()</f>
        <v>0.77589968672404208</v>
      </c>
      <c r="B12279" s="1"/>
      <c r="C12279">
        <v>11</v>
      </c>
      <c r="D12279" t="s">
        <v>23354</v>
      </c>
      <c r="E12279" t="s">
        <v>33982</v>
      </c>
      <c r="F12279">
        <v>1</v>
      </c>
      <c r="G12279" t="s">
        <v>762</v>
      </c>
      <c r="H12279" t="s">
        <v>23355</v>
      </c>
      <c r="I12279" t="s">
        <v>30540</v>
      </c>
    </row>
    <row r="12280" spans="1:9">
      <c r="A12280" s="1">
        <f ca="1">RAND()</f>
        <v>0.74152246793407406</v>
      </c>
      <c r="B12280" s="1"/>
      <c r="C12280">
        <v>13</v>
      </c>
      <c r="D12280" t="s">
        <v>23356</v>
      </c>
      <c r="E12280" t="s">
        <v>33982</v>
      </c>
      <c r="F12280">
        <v>1</v>
      </c>
      <c r="G12280" t="s">
        <v>14</v>
      </c>
      <c r="H12280" t="s">
        <v>23357</v>
      </c>
      <c r="I12280" t="s">
        <v>30540</v>
      </c>
    </row>
    <row r="12281" spans="1:9">
      <c r="A12281" s="1">
        <f ca="1">RAND()</f>
        <v>0.87029082889433618</v>
      </c>
      <c r="B12281" s="1"/>
      <c r="C12281">
        <v>15</v>
      </c>
      <c r="D12281" t="s">
        <v>23344</v>
      </c>
      <c r="E12281" t="s">
        <v>33983</v>
      </c>
      <c r="F12281">
        <v>4</v>
      </c>
      <c r="G12281" t="s">
        <v>2</v>
      </c>
      <c r="H12281" t="s">
        <v>23345</v>
      </c>
      <c r="I12281" t="s">
        <v>30540</v>
      </c>
    </row>
    <row r="12282" spans="1:9">
      <c r="A12282" s="1">
        <f ca="1">RAND()</f>
        <v>0.59135789711028697</v>
      </c>
      <c r="B12282" s="1"/>
      <c r="C12282">
        <v>11</v>
      </c>
      <c r="D12282" t="s">
        <v>23342</v>
      </c>
      <c r="E12282" t="s">
        <v>33983</v>
      </c>
      <c r="F12282">
        <v>4</v>
      </c>
      <c r="G12282" t="s">
        <v>9</v>
      </c>
      <c r="H12282" t="s">
        <v>23343</v>
      </c>
      <c r="I12282" t="s">
        <v>30540</v>
      </c>
    </row>
    <row r="12283" spans="1:9">
      <c r="A12283" s="1">
        <f ca="1">RAND()</f>
        <v>0.52829750411428755</v>
      </c>
      <c r="B12283" s="1"/>
      <c r="C12283">
        <v>16</v>
      </c>
      <c r="D12283" t="s">
        <v>23346</v>
      </c>
      <c r="E12283" t="s">
        <v>33983</v>
      </c>
      <c r="F12283">
        <v>4</v>
      </c>
      <c r="G12283" t="s">
        <v>14</v>
      </c>
      <c r="H12283" t="s">
        <v>23347</v>
      </c>
      <c r="I12283" t="s">
        <v>30540</v>
      </c>
    </row>
    <row r="12284" spans="1:9">
      <c r="A12284" s="1">
        <f ca="1">RAND()</f>
        <v>0.57885522665331879</v>
      </c>
      <c r="B12284" s="1"/>
      <c r="C12284">
        <v>7</v>
      </c>
      <c r="D12284" t="s">
        <v>23340</v>
      </c>
      <c r="E12284" t="s">
        <v>33983</v>
      </c>
      <c r="F12284">
        <v>1</v>
      </c>
      <c r="G12284" t="s">
        <v>9</v>
      </c>
      <c r="H12284" t="s">
        <v>23341</v>
      </c>
      <c r="I12284" t="s">
        <v>30540</v>
      </c>
    </row>
    <row r="12285" spans="1:9">
      <c r="A12285" s="1">
        <f ca="1">RAND()</f>
        <v>0.20362854447336964</v>
      </c>
      <c r="B12285" s="1"/>
      <c r="C12285">
        <v>4</v>
      </c>
      <c r="D12285" t="s">
        <v>23328</v>
      </c>
      <c r="E12285" t="s">
        <v>33984</v>
      </c>
      <c r="F12285">
        <v>5</v>
      </c>
      <c r="G12285" t="s">
        <v>14</v>
      </c>
      <c r="H12285" t="s">
        <v>23329</v>
      </c>
      <c r="I12285" t="s">
        <v>30540</v>
      </c>
    </row>
    <row r="12286" spans="1:9">
      <c r="A12286" s="1">
        <f ca="1">RAND()</f>
        <v>0.1681045343984765</v>
      </c>
      <c r="B12286" s="1"/>
      <c r="C12286">
        <v>14</v>
      </c>
      <c r="D12286" t="s">
        <v>23334</v>
      </c>
      <c r="E12286" t="s">
        <v>33984</v>
      </c>
      <c r="F12286">
        <v>4</v>
      </c>
      <c r="G12286" t="s">
        <v>14</v>
      </c>
      <c r="H12286" t="s">
        <v>23335</v>
      </c>
      <c r="I12286" t="s">
        <v>30540</v>
      </c>
    </row>
    <row r="12287" spans="1:9">
      <c r="A12287" s="1">
        <f ca="1">RAND()</f>
        <v>0.41008938249210991</v>
      </c>
      <c r="B12287" s="1"/>
      <c r="C12287">
        <v>15</v>
      </c>
      <c r="D12287" t="s">
        <v>23336</v>
      </c>
      <c r="E12287" t="s">
        <v>33984</v>
      </c>
      <c r="F12287">
        <v>4</v>
      </c>
      <c r="G12287" t="s">
        <v>14</v>
      </c>
      <c r="H12287" t="s">
        <v>23337</v>
      </c>
      <c r="I12287" t="s">
        <v>30540</v>
      </c>
    </row>
    <row r="12288" spans="1:9">
      <c r="A12288" s="1">
        <f ca="1">RAND()</f>
        <v>0.50268736599474784</v>
      </c>
      <c r="B12288" s="1"/>
      <c r="C12288">
        <v>17</v>
      </c>
      <c r="D12288" t="s">
        <v>23338</v>
      </c>
      <c r="E12288" t="s">
        <v>33984</v>
      </c>
      <c r="F12288">
        <v>4</v>
      </c>
      <c r="G12288" t="s">
        <v>14</v>
      </c>
      <c r="H12288" t="s">
        <v>23339</v>
      </c>
      <c r="I12288" t="s">
        <v>30540</v>
      </c>
    </row>
    <row r="12289" spans="1:9">
      <c r="A12289" s="1">
        <f ca="1">RAND()</f>
        <v>0.81719508987642508</v>
      </c>
      <c r="B12289" s="1"/>
      <c r="C12289">
        <v>12</v>
      </c>
      <c r="D12289" t="s">
        <v>23332</v>
      </c>
      <c r="E12289" t="s">
        <v>33984</v>
      </c>
      <c r="F12289">
        <v>4</v>
      </c>
      <c r="G12289" t="s">
        <v>14</v>
      </c>
      <c r="H12289" t="s">
        <v>23333</v>
      </c>
      <c r="I12289" t="s">
        <v>30540</v>
      </c>
    </row>
    <row r="12290" spans="1:9">
      <c r="A12290" s="1">
        <f ca="1">RAND()</f>
        <v>0.12066282709290033</v>
      </c>
      <c r="B12290" s="1"/>
      <c r="C12290">
        <v>9</v>
      </c>
      <c r="D12290" t="s">
        <v>23330</v>
      </c>
      <c r="E12290" t="s">
        <v>33984</v>
      </c>
      <c r="F12290">
        <v>4</v>
      </c>
      <c r="G12290" t="s">
        <v>2</v>
      </c>
      <c r="H12290" t="s">
        <v>23331</v>
      </c>
      <c r="I12290" t="s">
        <v>30540</v>
      </c>
    </row>
    <row r="12291" spans="1:9">
      <c r="A12291" s="1">
        <f ca="1">RAND()</f>
        <v>0.89428985626926827</v>
      </c>
      <c r="B12291" s="1"/>
      <c r="C12291">
        <v>1</v>
      </c>
      <c r="D12291" t="s">
        <v>23322</v>
      </c>
      <c r="E12291" t="s">
        <v>33985</v>
      </c>
      <c r="F12291">
        <v>4</v>
      </c>
      <c r="G12291" t="s">
        <v>14</v>
      </c>
      <c r="H12291" t="s">
        <v>23323</v>
      </c>
      <c r="I12291" t="s">
        <v>30540</v>
      </c>
    </row>
    <row r="12292" spans="1:9">
      <c r="A12292" s="1">
        <f ca="1">RAND()</f>
        <v>0.39968593364687588</v>
      </c>
      <c r="B12292" s="1"/>
      <c r="C12292">
        <v>4</v>
      </c>
      <c r="D12292" t="s">
        <v>23324</v>
      </c>
      <c r="E12292" t="s">
        <v>33985</v>
      </c>
      <c r="F12292">
        <v>4</v>
      </c>
      <c r="G12292" t="s">
        <v>14</v>
      </c>
      <c r="H12292" t="s">
        <v>23325</v>
      </c>
      <c r="I12292" t="s">
        <v>30540</v>
      </c>
    </row>
    <row r="12293" spans="1:9">
      <c r="A12293" s="1">
        <f ca="1">RAND()</f>
        <v>0.47863127980579712</v>
      </c>
      <c r="B12293" s="1"/>
      <c r="C12293">
        <v>12</v>
      </c>
      <c r="D12293" t="s">
        <v>23326</v>
      </c>
      <c r="E12293" t="s">
        <v>33985</v>
      </c>
      <c r="F12293">
        <v>3</v>
      </c>
      <c r="G12293" t="s">
        <v>14</v>
      </c>
      <c r="H12293" t="s">
        <v>23327</v>
      </c>
      <c r="I12293" t="s">
        <v>30540</v>
      </c>
    </row>
    <row r="12294" spans="1:9">
      <c r="A12294" s="1">
        <f ca="1">RAND()</f>
        <v>0.31587266920438439</v>
      </c>
      <c r="B12294" s="1"/>
      <c r="C12294">
        <v>16</v>
      </c>
      <c r="D12294" t="s">
        <v>23316</v>
      </c>
      <c r="E12294" t="s">
        <v>33986</v>
      </c>
      <c r="F12294">
        <v>5</v>
      </c>
      <c r="G12294" t="s">
        <v>14</v>
      </c>
      <c r="H12294" t="s">
        <v>23317</v>
      </c>
      <c r="I12294" t="s">
        <v>30540</v>
      </c>
    </row>
    <row r="12295" spans="1:9">
      <c r="A12295" s="1">
        <f ca="1">RAND()</f>
        <v>0.11772392484878502</v>
      </c>
      <c r="B12295" s="1"/>
      <c r="C12295">
        <v>5</v>
      </c>
      <c r="D12295" t="s">
        <v>23308</v>
      </c>
      <c r="E12295" t="s">
        <v>33986</v>
      </c>
      <c r="F12295">
        <v>5</v>
      </c>
      <c r="G12295" t="s">
        <v>14</v>
      </c>
      <c r="H12295" t="s">
        <v>23309</v>
      </c>
      <c r="I12295" t="s">
        <v>30540</v>
      </c>
    </row>
    <row r="12296" spans="1:9">
      <c r="A12296" s="1">
        <f ca="1">RAND()</f>
        <v>0.83805748422810189</v>
      </c>
      <c r="B12296" s="1"/>
      <c r="C12296">
        <v>15</v>
      </c>
      <c r="D12296" t="s">
        <v>23314</v>
      </c>
      <c r="E12296" t="s">
        <v>33986</v>
      </c>
      <c r="F12296">
        <v>4</v>
      </c>
      <c r="G12296" t="s">
        <v>0</v>
      </c>
      <c r="H12296" t="s">
        <v>23315</v>
      </c>
      <c r="I12296" t="s">
        <v>30540</v>
      </c>
    </row>
    <row r="12297" spans="1:9">
      <c r="A12297" s="1">
        <f ca="1">RAND()</f>
        <v>0.90877913516408848</v>
      </c>
      <c r="B12297" s="1"/>
      <c r="C12297">
        <v>14</v>
      </c>
      <c r="D12297" t="s">
        <v>23312</v>
      </c>
      <c r="E12297" t="s">
        <v>33986</v>
      </c>
      <c r="F12297">
        <v>4</v>
      </c>
      <c r="G12297" t="s">
        <v>14</v>
      </c>
      <c r="H12297" t="s">
        <v>23313</v>
      </c>
      <c r="I12297" t="s">
        <v>30540</v>
      </c>
    </row>
    <row r="12298" spans="1:9">
      <c r="A12298" s="1">
        <f ca="1">RAND()</f>
        <v>0.13172061624529563</v>
      </c>
      <c r="B12298" s="1"/>
      <c r="C12298">
        <v>6</v>
      </c>
      <c r="D12298" t="s">
        <v>23310</v>
      </c>
      <c r="E12298" t="s">
        <v>33986</v>
      </c>
      <c r="F12298">
        <v>4</v>
      </c>
      <c r="G12298" t="s">
        <v>14</v>
      </c>
      <c r="H12298" t="s">
        <v>23311</v>
      </c>
      <c r="I12298" t="s">
        <v>30540</v>
      </c>
    </row>
    <row r="12299" spans="1:9">
      <c r="A12299" s="1">
        <f ca="1">RAND()</f>
        <v>0.59005515395182973</v>
      </c>
      <c r="B12299" s="1"/>
      <c r="C12299">
        <v>19</v>
      </c>
      <c r="D12299" t="s">
        <v>23320</v>
      </c>
      <c r="E12299" t="s">
        <v>33986</v>
      </c>
      <c r="F12299">
        <v>4</v>
      </c>
      <c r="G12299" t="s">
        <v>9</v>
      </c>
      <c r="H12299" t="s">
        <v>23321</v>
      </c>
      <c r="I12299" t="s">
        <v>30540</v>
      </c>
    </row>
    <row r="12300" spans="1:9">
      <c r="A12300" s="1">
        <f ca="1">RAND()</f>
        <v>0.10248631528874708</v>
      </c>
      <c r="B12300" s="1"/>
      <c r="C12300">
        <v>18</v>
      </c>
      <c r="D12300" t="s">
        <v>23318</v>
      </c>
      <c r="E12300" t="s">
        <v>33986</v>
      </c>
      <c r="F12300">
        <v>4</v>
      </c>
      <c r="G12300" t="s">
        <v>1</v>
      </c>
      <c r="H12300" t="s">
        <v>23319</v>
      </c>
      <c r="I12300" t="s">
        <v>30540</v>
      </c>
    </row>
    <row r="12301" spans="1:9">
      <c r="A12301" s="1">
        <f ca="1">RAND()</f>
        <v>0.57387563811623887</v>
      </c>
      <c r="B12301" s="1"/>
      <c r="C12301">
        <v>2</v>
      </c>
      <c r="D12301" t="s">
        <v>23300</v>
      </c>
      <c r="E12301" t="s">
        <v>33987</v>
      </c>
      <c r="F12301">
        <v>3</v>
      </c>
      <c r="G12301" t="s">
        <v>10</v>
      </c>
      <c r="H12301" t="s">
        <v>23301</v>
      </c>
      <c r="I12301" t="s">
        <v>30540</v>
      </c>
    </row>
    <row r="12302" spans="1:9">
      <c r="A12302" s="1">
        <f ca="1">RAND()</f>
        <v>0.60167614316822537</v>
      </c>
      <c r="B12302" s="1"/>
      <c r="C12302">
        <v>10</v>
      </c>
      <c r="D12302" t="s">
        <v>23304</v>
      </c>
      <c r="E12302" t="s">
        <v>33987</v>
      </c>
      <c r="F12302">
        <v>2</v>
      </c>
      <c r="G12302" t="s">
        <v>1295</v>
      </c>
      <c r="H12302" t="s">
        <v>23305</v>
      </c>
      <c r="I12302" t="s">
        <v>30540</v>
      </c>
    </row>
    <row r="12303" spans="1:9">
      <c r="A12303" s="1">
        <f ca="1">RAND()</f>
        <v>0.92334969905670194</v>
      </c>
      <c r="B12303" s="1"/>
      <c r="C12303">
        <v>13</v>
      </c>
      <c r="D12303" t="s">
        <v>23306</v>
      </c>
      <c r="E12303" t="s">
        <v>33987</v>
      </c>
      <c r="F12303">
        <v>2</v>
      </c>
      <c r="G12303" t="s">
        <v>2</v>
      </c>
      <c r="H12303" t="s">
        <v>23307</v>
      </c>
      <c r="I12303" t="s">
        <v>30540</v>
      </c>
    </row>
    <row r="12304" spans="1:9">
      <c r="A12304" s="1">
        <f ca="1">RAND()</f>
        <v>0.6027518977315115</v>
      </c>
      <c r="B12304" s="1"/>
      <c r="C12304">
        <v>8</v>
      </c>
      <c r="D12304" t="s">
        <v>23302</v>
      </c>
      <c r="E12304" t="s">
        <v>33987</v>
      </c>
      <c r="F12304">
        <v>2</v>
      </c>
      <c r="G12304" t="s">
        <v>762</v>
      </c>
      <c r="H12304" t="s">
        <v>23303</v>
      </c>
      <c r="I12304" t="s">
        <v>30540</v>
      </c>
    </row>
    <row r="12305" spans="1:9">
      <c r="A12305" s="1">
        <f ca="1">RAND()</f>
        <v>0.2445242733434001</v>
      </c>
      <c r="B12305" s="1"/>
      <c r="C12305">
        <v>7</v>
      </c>
      <c r="D12305" t="s">
        <v>23296</v>
      </c>
      <c r="E12305" t="s">
        <v>33988</v>
      </c>
      <c r="F12305">
        <v>5</v>
      </c>
      <c r="G12305" t="s">
        <v>9</v>
      </c>
      <c r="H12305" t="s">
        <v>23297</v>
      </c>
      <c r="I12305" t="s">
        <v>30540</v>
      </c>
    </row>
    <row r="12306" spans="1:9">
      <c r="A12306" s="1">
        <f ca="1">RAND()</f>
        <v>0.4868882424416886</v>
      </c>
      <c r="B12306" s="1"/>
      <c r="C12306">
        <v>5</v>
      </c>
      <c r="D12306" t="s">
        <v>23294</v>
      </c>
      <c r="E12306" t="s">
        <v>33988</v>
      </c>
      <c r="F12306">
        <v>5</v>
      </c>
      <c r="G12306" t="s">
        <v>14</v>
      </c>
      <c r="H12306" t="s">
        <v>23295</v>
      </c>
      <c r="I12306" t="s">
        <v>30540</v>
      </c>
    </row>
    <row r="12307" spans="1:9">
      <c r="A12307" s="1">
        <f ca="1">RAND()</f>
        <v>0.44317495687132413</v>
      </c>
      <c r="B12307" s="1"/>
      <c r="C12307">
        <v>17</v>
      </c>
      <c r="D12307" t="s">
        <v>23298</v>
      </c>
      <c r="E12307" t="s">
        <v>33988</v>
      </c>
      <c r="F12307">
        <v>4</v>
      </c>
      <c r="G12307" t="s">
        <v>14</v>
      </c>
      <c r="H12307" t="s">
        <v>23299</v>
      </c>
      <c r="I12307" t="s">
        <v>30540</v>
      </c>
    </row>
    <row r="12308" spans="1:9">
      <c r="A12308" s="1">
        <f ca="1">RAND()</f>
        <v>0.80281945046928316</v>
      </c>
      <c r="B12308" s="1"/>
      <c r="C12308">
        <v>3</v>
      </c>
      <c r="D12308" t="s">
        <v>23292</v>
      </c>
      <c r="E12308" t="s">
        <v>33988</v>
      </c>
      <c r="F12308">
        <v>3</v>
      </c>
      <c r="G12308" t="s">
        <v>2</v>
      </c>
      <c r="H12308" t="s">
        <v>23293</v>
      </c>
      <c r="I12308" t="s">
        <v>30540</v>
      </c>
    </row>
    <row r="12309" spans="1:9">
      <c r="A12309" s="1">
        <f ca="1">RAND()</f>
        <v>0.79786681778702528</v>
      </c>
      <c r="B12309" s="1"/>
      <c r="C12309">
        <v>12</v>
      </c>
      <c r="D12309" t="s">
        <v>23289</v>
      </c>
      <c r="E12309" t="s">
        <v>33989</v>
      </c>
      <c r="F12309">
        <v>5</v>
      </c>
      <c r="G12309" t="s">
        <v>14</v>
      </c>
      <c r="H12309" t="s">
        <v>23290</v>
      </c>
      <c r="I12309" t="s">
        <v>30540</v>
      </c>
    </row>
    <row r="12310" spans="1:9">
      <c r="A12310" s="1">
        <f ca="1">RAND()</f>
        <v>0.78027831081612853</v>
      </c>
      <c r="B12310" s="1"/>
      <c r="C12310">
        <v>8</v>
      </c>
      <c r="D12310" t="s">
        <v>23283</v>
      </c>
      <c r="E12310" t="s">
        <v>33989</v>
      </c>
      <c r="F12310">
        <v>5</v>
      </c>
      <c r="G12310" t="s">
        <v>2</v>
      </c>
      <c r="H12310" t="s">
        <v>23284</v>
      </c>
      <c r="I12310" t="s">
        <v>30540</v>
      </c>
    </row>
    <row r="12311" spans="1:9">
      <c r="A12311" s="1">
        <f ca="1">RAND()</f>
        <v>0.21537632279363295</v>
      </c>
      <c r="B12311" s="1"/>
      <c r="C12311">
        <v>10</v>
      </c>
      <c r="D12311" t="s">
        <v>23285</v>
      </c>
      <c r="E12311" t="s">
        <v>33989</v>
      </c>
      <c r="F12311">
        <v>4</v>
      </c>
      <c r="G12311" t="s">
        <v>14</v>
      </c>
      <c r="H12311" t="s">
        <v>23286</v>
      </c>
      <c r="I12311" t="s">
        <v>30540</v>
      </c>
    </row>
    <row r="12312" spans="1:9">
      <c r="A12312" s="1">
        <f ca="1">RAND()</f>
        <v>0.34074455804469228</v>
      </c>
      <c r="B12312" s="1"/>
      <c r="C12312">
        <v>11</v>
      </c>
      <c r="D12312" t="s">
        <v>23287</v>
      </c>
      <c r="E12312" t="s">
        <v>33989</v>
      </c>
      <c r="F12312">
        <v>4</v>
      </c>
      <c r="G12312" t="s">
        <v>10</v>
      </c>
      <c r="H12312" t="s">
        <v>23288</v>
      </c>
      <c r="I12312" t="s">
        <v>30540</v>
      </c>
    </row>
    <row r="12313" spans="1:9">
      <c r="A12313" s="1">
        <f ca="1">RAND()</f>
        <v>0.27104119576112784</v>
      </c>
      <c r="B12313" s="1"/>
      <c r="C12313">
        <v>17</v>
      </c>
      <c r="D12313" t="s">
        <v>21891</v>
      </c>
      <c r="E12313" t="s">
        <v>33989</v>
      </c>
      <c r="F12313">
        <v>4</v>
      </c>
      <c r="G12313" t="s">
        <v>14</v>
      </c>
      <c r="H12313" t="s">
        <v>23291</v>
      </c>
      <c r="I12313" t="s">
        <v>30540</v>
      </c>
    </row>
    <row r="12314" spans="1:9">
      <c r="A12314" s="1">
        <f ca="1">RAND()</f>
        <v>0.21852917318827048</v>
      </c>
      <c r="B12314" s="1"/>
      <c r="C12314">
        <v>7</v>
      </c>
      <c r="D12314" t="s">
        <v>23281</v>
      </c>
      <c r="E12314" t="s">
        <v>33989</v>
      </c>
      <c r="F12314">
        <v>3</v>
      </c>
      <c r="G12314" t="s">
        <v>14</v>
      </c>
      <c r="H12314" t="s">
        <v>23282</v>
      </c>
      <c r="I12314" t="s">
        <v>30540</v>
      </c>
    </row>
    <row r="12315" spans="1:9">
      <c r="A12315" s="1">
        <f ca="1">RAND()</f>
        <v>0.49799063553132539</v>
      </c>
      <c r="B12315" s="1"/>
      <c r="C12315">
        <v>4</v>
      </c>
      <c r="D12315" t="s">
        <v>23269</v>
      </c>
      <c r="E12315" t="s">
        <v>33990</v>
      </c>
      <c r="F12315">
        <v>5</v>
      </c>
      <c r="G12315" t="s">
        <v>14</v>
      </c>
      <c r="H12315" t="s">
        <v>23270</v>
      </c>
      <c r="I12315" t="s">
        <v>30540</v>
      </c>
    </row>
    <row r="12316" spans="1:9">
      <c r="A12316" s="1">
        <f ca="1">RAND()</f>
        <v>0.17962505350277524</v>
      </c>
      <c r="B12316" s="1"/>
      <c r="C12316">
        <v>5</v>
      </c>
      <c r="D12316" t="s">
        <v>23271</v>
      </c>
      <c r="E12316" t="s">
        <v>33990</v>
      </c>
      <c r="F12316">
        <v>5</v>
      </c>
      <c r="G12316" t="s">
        <v>14</v>
      </c>
      <c r="H12316" t="s">
        <v>23272</v>
      </c>
      <c r="I12316" t="s">
        <v>30540</v>
      </c>
    </row>
    <row r="12317" spans="1:9">
      <c r="A12317" s="1">
        <f ca="1">RAND()</f>
        <v>0.92255101043729881</v>
      </c>
      <c r="B12317" s="1"/>
      <c r="C12317">
        <v>14</v>
      </c>
      <c r="D12317" t="s">
        <v>23279</v>
      </c>
      <c r="E12317" t="s">
        <v>33990</v>
      </c>
      <c r="F12317">
        <v>5</v>
      </c>
      <c r="G12317" t="s">
        <v>15</v>
      </c>
      <c r="H12317" t="s">
        <v>23280</v>
      </c>
      <c r="I12317" t="s">
        <v>30540</v>
      </c>
    </row>
    <row r="12318" spans="1:9">
      <c r="A12318" s="1">
        <f ca="1">RAND()</f>
        <v>4.7697212277083012E-2</v>
      </c>
      <c r="B12318" s="1"/>
      <c r="C12318">
        <v>12</v>
      </c>
      <c r="D12318" t="s">
        <v>23275</v>
      </c>
      <c r="E12318" t="s">
        <v>33990</v>
      </c>
      <c r="F12318">
        <v>4</v>
      </c>
      <c r="G12318" t="s">
        <v>13</v>
      </c>
      <c r="H12318" t="s">
        <v>23276</v>
      </c>
      <c r="I12318" t="s">
        <v>30540</v>
      </c>
    </row>
    <row r="12319" spans="1:9">
      <c r="A12319" s="1">
        <f ca="1">RAND()</f>
        <v>0.78685420022382113</v>
      </c>
      <c r="B12319" s="1"/>
      <c r="C12319">
        <v>13</v>
      </c>
      <c r="D12319" t="s">
        <v>23277</v>
      </c>
      <c r="E12319" t="s">
        <v>33990</v>
      </c>
      <c r="F12319">
        <v>2</v>
      </c>
      <c r="G12319" t="s">
        <v>14</v>
      </c>
      <c r="H12319" t="s">
        <v>23278</v>
      </c>
      <c r="I12319" t="s">
        <v>30540</v>
      </c>
    </row>
    <row r="12320" spans="1:9">
      <c r="A12320" s="1">
        <f ca="1">RAND()</f>
        <v>3.3824066968823008E-2</v>
      </c>
      <c r="B12320" s="1"/>
      <c r="C12320">
        <v>11</v>
      </c>
      <c r="D12320" t="s">
        <v>23273</v>
      </c>
      <c r="E12320" t="s">
        <v>33990</v>
      </c>
      <c r="F12320">
        <v>2</v>
      </c>
      <c r="G12320" t="s">
        <v>14</v>
      </c>
      <c r="H12320" t="s">
        <v>23274</v>
      </c>
      <c r="I12320" t="s">
        <v>30540</v>
      </c>
    </row>
    <row r="12321" spans="1:9">
      <c r="A12321" s="1">
        <f ca="1">RAND()</f>
        <v>0.8811246359214302</v>
      </c>
      <c r="B12321" s="1"/>
      <c r="C12321">
        <v>12</v>
      </c>
      <c r="D12321" t="s">
        <v>23265</v>
      </c>
      <c r="E12321" t="s">
        <v>33991</v>
      </c>
      <c r="F12321">
        <v>4</v>
      </c>
      <c r="G12321" t="s">
        <v>2</v>
      </c>
      <c r="H12321" t="s">
        <v>23266</v>
      </c>
      <c r="I12321" t="s">
        <v>30540</v>
      </c>
    </row>
    <row r="12322" spans="1:9">
      <c r="A12322" s="1">
        <f ca="1">RAND()</f>
        <v>0.25348676369383627</v>
      </c>
      <c r="B12322" s="1"/>
      <c r="C12322">
        <v>7</v>
      </c>
      <c r="D12322" t="s">
        <v>23261</v>
      </c>
      <c r="E12322" t="s">
        <v>33991</v>
      </c>
      <c r="F12322">
        <v>4</v>
      </c>
      <c r="G12322" t="s">
        <v>14</v>
      </c>
      <c r="H12322" t="s">
        <v>23262</v>
      </c>
      <c r="I12322" t="s">
        <v>30540</v>
      </c>
    </row>
    <row r="12323" spans="1:9">
      <c r="A12323" s="1">
        <f ca="1">RAND()</f>
        <v>0.83324791347511051</v>
      </c>
      <c r="B12323" s="1"/>
      <c r="C12323">
        <v>20</v>
      </c>
      <c r="D12323" t="s">
        <v>23267</v>
      </c>
      <c r="E12323" t="s">
        <v>33991</v>
      </c>
      <c r="F12323">
        <v>4</v>
      </c>
      <c r="G12323" t="s">
        <v>14</v>
      </c>
      <c r="H12323" t="s">
        <v>23268</v>
      </c>
      <c r="I12323" t="s">
        <v>30540</v>
      </c>
    </row>
    <row r="12324" spans="1:9">
      <c r="A12324" s="1">
        <f ca="1">RAND()</f>
        <v>0.11037229080657984</v>
      </c>
      <c r="B12324" s="1"/>
      <c r="C12324">
        <v>10</v>
      </c>
      <c r="D12324" t="s">
        <v>23263</v>
      </c>
      <c r="E12324" t="s">
        <v>33991</v>
      </c>
      <c r="F12324">
        <v>4</v>
      </c>
      <c r="G12324" t="s">
        <v>9</v>
      </c>
      <c r="H12324" t="s">
        <v>23264</v>
      </c>
      <c r="I12324" t="s">
        <v>30540</v>
      </c>
    </row>
    <row r="12325" spans="1:9">
      <c r="A12325" s="1">
        <f ca="1">RAND()</f>
        <v>0.4508263823006845</v>
      </c>
      <c r="B12325" s="1"/>
      <c r="C12325">
        <v>2</v>
      </c>
      <c r="D12325" t="s">
        <v>23259</v>
      </c>
      <c r="E12325" t="s">
        <v>33991</v>
      </c>
      <c r="F12325">
        <v>3</v>
      </c>
      <c r="G12325" t="s">
        <v>10</v>
      </c>
      <c r="H12325" t="s">
        <v>23260</v>
      </c>
      <c r="I12325" t="s">
        <v>30540</v>
      </c>
    </row>
    <row r="12326" spans="1:9">
      <c r="A12326" s="1">
        <f ca="1">RAND()</f>
        <v>0.12065496161677558</v>
      </c>
      <c r="B12326" s="1"/>
      <c r="C12326">
        <v>6</v>
      </c>
      <c r="D12326" t="s">
        <v>23255</v>
      </c>
      <c r="E12326" t="s">
        <v>33992</v>
      </c>
      <c r="F12326">
        <v>4</v>
      </c>
      <c r="G12326" t="s">
        <v>1431</v>
      </c>
      <c r="H12326" t="s">
        <v>23256</v>
      </c>
      <c r="I12326" t="s">
        <v>30540</v>
      </c>
    </row>
    <row r="12327" spans="1:9">
      <c r="A12327" s="1">
        <f ca="1">RAND()</f>
        <v>0.32837709906130208</v>
      </c>
      <c r="B12327" s="1"/>
      <c r="C12327">
        <v>17</v>
      </c>
      <c r="D12327" t="s">
        <v>23257</v>
      </c>
      <c r="E12327" t="s">
        <v>33992</v>
      </c>
      <c r="F12327">
        <v>3</v>
      </c>
      <c r="G12327" t="s">
        <v>14</v>
      </c>
      <c r="H12327" t="s">
        <v>23258</v>
      </c>
      <c r="I12327" t="s">
        <v>30540</v>
      </c>
    </row>
    <row r="12328" spans="1:9">
      <c r="A12328" s="1">
        <f ca="1">RAND()</f>
        <v>0.5525268578288175</v>
      </c>
      <c r="B12328" s="1"/>
      <c r="C12328">
        <v>6</v>
      </c>
      <c r="D12328" t="s">
        <v>23249</v>
      </c>
      <c r="E12328" t="s">
        <v>33993</v>
      </c>
      <c r="F12328">
        <v>5</v>
      </c>
      <c r="G12328" t="s">
        <v>14</v>
      </c>
      <c r="H12328" t="s">
        <v>23250</v>
      </c>
      <c r="I12328" t="s">
        <v>30540</v>
      </c>
    </row>
    <row r="12329" spans="1:9">
      <c r="A12329" s="1">
        <f ca="1">RAND()</f>
        <v>0.73686081951147053</v>
      </c>
      <c r="B12329" s="1"/>
      <c r="C12329">
        <v>15</v>
      </c>
      <c r="D12329" t="s">
        <v>23253</v>
      </c>
      <c r="E12329" t="s">
        <v>33993</v>
      </c>
      <c r="F12329">
        <v>4</v>
      </c>
      <c r="G12329" t="s">
        <v>14</v>
      </c>
      <c r="H12329" t="s">
        <v>23254</v>
      </c>
      <c r="I12329" t="s">
        <v>30540</v>
      </c>
    </row>
    <row r="12330" spans="1:9">
      <c r="A12330" s="1">
        <f ca="1">RAND()</f>
        <v>6.9322506814150642E-2</v>
      </c>
      <c r="B12330" s="1"/>
      <c r="C12330">
        <v>14</v>
      </c>
      <c r="D12330" t="s">
        <v>23251</v>
      </c>
      <c r="E12330" t="s">
        <v>33993</v>
      </c>
      <c r="F12330">
        <v>4</v>
      </c>
      <c r="G12330" t="s">
        <v>9</v>
      </c>
      <c r="H12330" t="s">
        <v>23252</v>
      </c>
      <c r="I12330" t="s">
        <v>30540</v>
      </c>
    </row>
    <row r="12331" spans="1:9">
      <c r="A12331" s="1">
        <f ca="1">RAND()</f>
        <v>0.71488136771682853</v>
      </c>
      <c r="B12331" s="1"/>
      <c r="C12331">
        <v>4</v>
      </c>
      <c r="D12331" t="s">
        <v>23247</v>
      </c>
      <c r="E12331" t="s">
        <v>33993</v>
      </c>
      <c r="F12331">
        <v>2</v>
      </c>
      <c r="G12331" t="s">
        <v>10</v>
      </c>
      <c r="H12331" t="s">
        <v>23248</v>
      </c>
      <c r="I12331" t="s">
        <v>30540</v>
      </c>
    </row>
    <row r="12332" spans="1:9">
      <c r="A12332" s="1">
        <f ca="1">RAND()</f>
        <v>0.56307383568934255</v>
      </c>
      <c r="B12332" s="1"/>
      <c r="C12332">
        <v>13</v>
      </c>
      <c r="D12332" t="s">
        <v>23245</v>
      </c>
      <c r="E12332" t="s">
        <v>33994</v>
      </c>
      <c r="F12332">
        <v>3</v>
      </c>
      <c r="G12332" t="s">
        <v>14</v>
      </c>
      <c r="H12332" t="s">
        <v>23246</v>
      </c>
      <c r="I12332" t="s">
        <v>30540</v>
      </c>
    </row>
    <row r="12333" spans="1:9">
      <c r="A12333" s="1">
        <f ca="1">RAND()</f>
        <v>0.58207018821111689</v>
      </c>
      <c r="B12333" s="1"/>
      <c r="C12333">
        <v>7</v>
      </c>
      <c r="D12333" t="s">
        <v>23241</v>
      </c>
      <c r="E12333" t="s">
        <v>33995</v>
      </c>
      <c r="F12333">
        <v>4</v>
      </c>
      <c r="G12333" t="s">
        <v>14</v>
      </c>
      <c r="H12333" t="s">
        <v>23242</v>
      </c>
      <c r="I12333" t="s">
        <v>30540</v>
      </c>
    </row>
    <row r="12334" spans="1:9">
      <c r="A12334" s="1">
        <f ca="1">RAND()</f>
        <v>9.5148646359574096E-2</v>
      </c>
      <c r="B12334" s="1"/>
      <c r="C12334">
        <v>10</v>
      </c>
      <c r="D12334" t="s">
        <v>23243</v>
      </c>
      <c r="E12334" t="s">
        <v>33995</v>
      </c>
      <c r="F12334">
        <v>4</v>
      </c>
      <c r="G12334" t="s">
        <v>14</v>
      </c>
      <c r="H12334" t="s">
        <v>23244</v>
      </c>
      <c r="I12334" t="s">
        <v>30540</v>
      </c>
    </row>
    <row r="12335" spans="1:9">
      <c r="A12335" s="1">
        <f ca="1">RAND()</f>
        <v>0.45761282805304615</v>
      </c>
      <c r="B12335" s="1"/>
      <c r="C12335">
        <v>3</v>
      </c>
      <c r="D12335" t="s">
        <v>23229</v>
      </c>
      <c r="E12335" t="s">
        <v>33996</v>
      </c>
      <c r="F12335">
        <v>5</v>
      </c>
      <c r="G12335" t="s">
        <v>14</v>
      </c>
      <c r="H12335" t="s">
        <v>23230</v>
      </c>
      <c r="I12335" t="s">
        <v>30540</v>
      </c>
    </row>
    <row r="12336" spans="1:9">
      <c r="A12336" s="1">
        <f ca="1">RAND()</f>
        <v>0.93428527189483312</v>
      </c>
      <c r="B12336" s="1"/>
      <c r="C12336">
        <v>9</v>
      </c>
      <c r="D12336" t="s">
        <v>23231</v>
      </c>
      <c r="E12336" t="s">
        <v>33996</v>
      </c>
      <c r="F12336">
        <v>4</v>
      </c>
      <c r="G12336" t="s">
        <v>14</v>
      </c>
      <c r="H12336" t="s">
        <v>23232</v>
      </c>
      <c r="I12336" t="s">
        <v>30540</v>
      </c>
    </row>
    <row r="12337" spans="1:9">
      <c r="A12337" s="1">
        <f ca="1">RAND()</f>
        <v>1.0221264972910982E-2</v>
      </c>
      <c r="B12337" s="1"/>
      <c r="C12337">
        <v>17</v>
      </c>
      <c r="D12337" t="s">
        <v>23239</v>
      </c>
      <c r="E12337" t="s">
        <v>33996</v>
      </c>
      <c r="F12337">
        <v>4</v>
      </c>
      <c r="G12337" t="s">
        <v>9</v>
      </c>
      <c r="H12337" t="s">
        <v>23240</v>
      </c>
      <c r="I12337" t="s">
        <v>30540</v>
      </c>
    </row>
    <row r="12338" spans="1:9">
      <c r="A12338" s="1">
        <f ca="1">RAND()</f>
        <v>0.33998328796335864</v>
      </c>
      <c r="B12338" s="1"/>
      <c r="C12338">
        <v>13</v>
      </c>
      <c r="D12338" t="s">
        <v>23235</v>
      </c>
      <c r="E12338" t="s">
        <v>33996</v>
      </c>
      <c r="F12338">
        <v>4</v>
      </c>
      <c r="G12338" t="s">
        <v>9</v>
      </c>
      <c r="H12338" t="s">
        <v>23236</v>
      </c>
      <c r="I12338" t="s">
        <v>30540</v>
      </c>
    </row>
    <row r="12339" spans="1:9">
      <c r="A12339" s="1">
        <f ca="1">RAND()</f>
        <v>0.81309743762122832</v>
      </c>
      <c r="B12339" s="1"/>
      <c r="C12339">
        <v>15</v>
      </c>
      <c r="D12339" t="s">
        <v>23237</v>
      </c>
      <c r="E12339" t="s">
        <v>33996</v>
      </c>
      <c r="F12339">
        <v>4</v>
      </c>
      <c r="G12339" t="s">
        <v>14</v>
      </c>
      <c r="H12339" t="s">
        <v>23238</v>
      </c>
      <c r="I12339" t="s">
        <v>30540</v>
      </c>
    </row>
    <row r="12340" spans="1:9">
      <c r="A12340" s="1">
        <f ca="1">RAND()</f>
        <v>0.2346364851644549</v>
      </c>
      <c r="B12340" s="1"/>
      <c r="C12340">
        <v>12</v>
      </c>
      <c r="D12340" t="s">
        <v>23233</v>
      </c>
      <c r="E12340" t="s">
        <v>33996</v>
      </c>
      <c r="F12340">
        <v>4</v>
      </c>
      <c r="G12340" t="s">
        <v>14</v>
      </c>
      <c r="H12340" t="s">
        <v>23234</v>
      </c>
      <c r="I12340" t="s">
        <v>30540</v>
      </c>
    </row>
    <row r="12341" spans="1:9">
      <c r="A12341" s="1">
        <f ca="1">RAND()</f>
        <v>0.10289048638772158</v>
      </c>
      <c r="B12341" s="1"/>
      <c r="C12341">
        <v>19</v>
      </c>
      <c r="D12341" t="s">
        <v>23227</v>
      </c>
      <c r="E12341" t="s">
        <v>33997</v>
      </c>
      <c r="F12341">
        <v>4</v>
      </c>
      <c r="G12341" t="s">
        <v>14</v>
      </c>
      <c r="H12341" t="s">
        <v>23228</v>
      </c>
      <c r="I12341" t="s">
        <v>30540</v>
      </c>
    </row>
    <row r="12342" spans="1:9">
      <c r="A12342" s="1">
        <f ca="1">RAND()</f>
        <v>0.10017898833542827</v>
      </c>
      <c r="B12342" s="1"/>
      <c r="C12342">
        <v>16</v>
      </c>
      <c r="D12342" t="s">
        <v>23225</v>
      </c>
      <c r="E12342" t="s">
        <v>33997</v>
      </c>
      <c r="F12342">
        <v>4</v>
      </c>
      <c r="G12342" t="s">
        <v>2</v>
      </c>
      <c r="H12342" t="s">
        <v>23226</v>
      </c>
      <c r="I12342" t="s">
        <v>30540</v>
      </c>
    </row>
    <row r="12343" spans="1:9">
      <c r="A12343" s="1">
        <f ca="1">RAND()</f>
        <v>0.128817221895278</v>
      </c>
      <c r="B12343" s="1"/>
      <c r="C12343">
        <v>14</v>
      </c>
      <c r="D12343" t="s">
        <v>23223</v>
      </c>
      <c r="E12343" t="s">
        <v>33997</v>
      </c>
      <c r="F12343">
        <v>4</v>
      </c>
      <c r="G12343" t="s">
        <v>9</v>
      </c>
      <c r="H12343" t="s">
        <v>23224</v>
      </c>
      <c r="I12343" t="s">
        <v>30540</v>
      </c>
    </row>
    <row r="12344" spans="1:9">
      <c r="A12344" s="1">
        <f ca="1">RAND()</f>
        <v>0.34118873526787052</v>
      </c>
      <c r="B12344" s="1"/>
      <c r="C12344">
        <v>4</v>
      </c>
      <c r="D12344" t="s">
        <v>23221</v>
      </c>
      <c r="E12344" t="s">
        <v>33997</v>
      </c>
      <c r="F12344">
        <v>4</v>
      </c>
      <c r="G12344" t="s">
        <v>10</v>
      </c>
      <c r="H12344" t="s">
        <v>23222</v>
      </c>
      <c r="I12344" t="s">
        <v>30540</v>
      </c>
    </row>
    <row r="12345" spans="1:9">
      <c r="A12345" s="1">
        <f ca="1">RAND()</f>
        <v>0.93299157237519337</v>
      </c>
      <c r="B12345" s="1"/>
      <c r="C12345">
        <v>5</v>
      </c>
      <c r="D12345" t="s">
        <v>23213</v>
      </c>
      <c r="E12345" t="s">
        <v>33998</v>
      </c>
      <c r="F12345">
        <v>4</v>
      </c>
      <c r="G12345" t="s">
        <v>2</v>
      </c>
      <c r="H12345" t="s">
        <v>23214</v>
      </c>
      <c r="I12345" t="s">
        <v>30540</v>
      </c>
    </row>
    <row r="12346" spans="1:9">
      <c r="A12346" s="1">
        <f ca="1">RAND()</f>
        <v>0.3912820074729958</v>
      </c>
      <c r="B12346" s="1"/>
      <c r="C12346">
        <v>14</v>
      </c>
      <c r="D12346" t="s">
        <v>23219</v>
      </c>
      <c r="E12346" t="s">
        <v>33998</v>
      </c>
      <c r="F12346">
        <v>4</v>
      </c>
      <c r="G12346" t="s">
        <v>14</v>
      </c>
      <c r="H12346" t="s">
        <v>23220</v>
      </c>
      <c r="I12346" t="s">
        <v>30540</v>
      </c>
    </row>
    <row r="12347" spans="1:9">
      <c r="A12347" s="1">
        <f ca="1">RAND()</f>
        <v>0.36867862208173008</v>
      </c>
      <c r="B12347" s="1"/>
      <c r="C12347">
        <v>3</v>
      </c>
      <c r="D12347" t="s">
        <v>23209</v>
      </c>
      <c r="E12347" t="s">
        <v>33998</v>
      </c>
      <c r="F12347">
        <v>4</v>
      </c>
      <c r="G12347" t="s">
        <v>2</v>
      </c>
      <c r="H12347" t="s">
        <v>23210</v>
      </c>
      <c r="I12347" t="s">
        <v>30540</v>
      </c>
    </row>
    <row r="12348" spans="1:9">
      <c r="A12348" s="1">
        <f ca="1">RAND()</f>
        <v>2.1856186430430746E-2</v>
      </c>
      <c r="B12348" s="1"/>
      <c r="C12348">
        <v>6</v>
      </c>
      <c r="D12348" t="s">
        <v>23215</v>
      </c>
      <c r="E12348" t="s">
        <v>33998</v>
      </c>
      <c r="F12348">
        <v>2</v>
      </c>
      <c r="G12348" t="s">
        <v>14</v>
      </c>
      <c r="H12348" t="s">
        <v>23216</v>
      </c>
      <c r="I12348" t="s">
        <v>30540</v>
      </c>
    </row>
    <row r="12349" spans="1:9">
      <c r="A12349" s="1">
        <f ca="1">RAND()</f>
        <v>0.24020621853592716</v>
      </c>
      <c r="B12349" s="1"/>
      <c r="C12349">
        <v>7</v>
      </c>
      <c r="D12349" t="s">
        <v>23217</v>
      </c>
      <c r="E12349" t="s">
        <v>33998</v>
      </c>
      <c r="F12349">
        <v>2</v>
      </c>
      <c r="G12349" t="s">
        <v>1</v>
      </c>
      <c r="H12349" t="s">
        <v>23218</v>
      </c>
      <c r="I12349" t="s">
        <v>30540</v>
      </c>
    </row>
    <row r="12350" spans="1:9">
      <c r="A12350" s="1">
        <f ca="1">RAND()</f>
        <v>0.96052692967418485</v>
      </c>
      <c r="B12350" s="1"/>
      <c r="C12350">
        <v>4</v>
      </c>
      <c r="D12350" t="s">
        <v>23211</v>
      </c>
      <c r="E12350" t="s">
        <v>33998</v>
      </c>
      <c r="F12350">
        <v>1</v>
      </c>
      <c r="G12350" t="s">
        <v>10</v>
      </c>
      <c r="H12350" t="s">
        <v>23212</v>
      </c>
      <c r="I12350" t="s">
        <v>30540</v>
      </c>
    </row>
    <row r="12351" spans="1:9">
      <c r="A12351" s="1">
        <f ca="1">RAND()</f>
        <v>0.23178105325356568</v>
      </c>
      <c r="B12351" s="1"/>
      <c r="C12351">
        <v>1</v>
      </c>
      <c r="D12351" t="s">
        <v>23207</v>
      </c>
      <c r="E12351" t="s">
        <v>33998</v>
      </c>
      <c r="F12351">
        <v>1</v>
      </c>
      <c r="G12351" t="s">
        <v>10</v>
      </c>
      <c r="H12351" t="s">
        <v>23208</v>
      </c>
      <c r="I12351" t="s">
        <v>30540</v>
      </c>
    </row>
    <row r="12352" spans="1:9">
      <c r="A12352" s="1">
        <f ca="1">RAND()</f>
        <v>0.955690225643127</v>
      </c>
      <c r="B12352" s="1"/>
      <c r="C12352">
        <v>4</v>
      </c>
      <c r="D12352" t="s">
        <v>23199</v>
      </c>
      <c r="E12352" t="s">
        <v>33999</v>
      </c>
      <c r="F12352">
        <v>5</v>
      </c>
      <c r="G12352" t="s">
        <v>14</v>
      </c>
      <c r="H12352" t="s">
        <v>23200</v>
      </c>
      <c r="I12352" t="s">
        <v>30540</v>
      </c>
    </row>
    <row r="12353" spans="1:9">
      <c r="A12353" s="1">
        <f ca="1">RAND()</f>
        <v>0.25860225732525099</v>
      </c>
      <c r="B12353" s="1"/>
      <c r="C12353">
        <v>20</v>
      </c>
      <c r="D12353" t="s">
        <v>23205</v>
      </c>
      <c r="E12353" t="s">
        <v>33999</v>
      </c>
      <c r="F12353">
        <v>4</v>
      </c>
      <c r="G12353" t="s">
        <v>0</v>
      </c>
      <c r="H12353" t="s">
        <v>23206</v>
      </c>
      <c r="I12353" t="s">
        <v>30540</v>
      </c>
    </row>
    <row r="12354" spans="1:9">
      <c r="A12354" s="1">
        <f ca="1">RAND()</f>
        <v>0.31072963993535307</v>
      </c>
      <c r="B12354" s="1"/>
      <c r="C12354">
        <v>5</v>
      </c>
      <c r="D12354" t="s">
        <v>23201</v>
      </c>
      <c r="E12354" t="s">
        <v>33999</v>
      </c>
      <c r="F12354">
        <v>2</v>
      </c>
      <c r="G12354" t="s">
        <v>15</v>
      </c>
      <c r="H12354" t="s">
        <v>23202</v>
      </c>
      <c r="I12354" t="s">
        <v>30540</v>
      </c>
    </row>
    <row r="12355" spans="1:9">
      <c r="A12355" s="1">
        <f ca="1">RAND()</f>
        <v>0.58357784215107888</v>
      </c>
      <c r="B12355" s="1"/>
      <c r="C12355">
        <v>12</v>
      </c>
      <c r="D12355" t="s">
        <v>23203</v>
      </c>
      <c r="E12355" t="s">
        <v>33999</v>
      </c>
      <c r="F12355">
        <v>1</v>
      </c>
      <c r="G12355" t="s">
        <v>14</v>
      </c>
      <c r="H12355" t="s">
        <v>23204</v>
      </c>
      <c r="I12355" t="s">
        <v>30540</v>
      </c>
    </row>
    <row r="12356" spans="1:9">
      <c r="A12356" s="1">
        <f ca="1">RAND()</f>
        <v>0.78977557745727689</v>
      </c>
      <c r="B12356" s="1"/>
      <c r="C12356">
        <v>14</v>
      </c>
      <c r="D12356" t="s">
        <v>23197</v>
      </c>
      <c r="E12356" t="s">
        <v>34000</v>
      </c>
      <c r="F12356">
        <v>5</v>
      </c>
      <c r="G12356" t="s">
        <v>14</v>
      </c>
      <c r="H12356" t="s">
        <v>23198</v>
      </c>
      <c r="I12356" t="s">
        <v>30540</v>
      </c>
    </row>
    <row r="12357" spans="1:9">
      <c r="A12357" s="1">
        <f ca="1">RAND()</f>
        <v>0.59951259433394466</v>
      </c>
      <c r="B12357" s="1"/>
      <c r="C12357">
        <v>5</v>
      </c>
      <c r="D12357" t="s">
        <v>23189</v>
      </c>
      <c r="E12357" t="s">
        <v>34000</v>
      </c>
      <c r="F12357">
        <v>5</v>
      </c>
      <c r="G12357" t="s">
        <v>13</v>
      </c>
      <c r="H12357" t="s">
        <v>23190</v>
      </c>
      <c r="I12357" t="s">
        <v>30540</v>
      </c>
    </row>
    <row r="12358" spans="1:9">
      <c r="A12358" s="1">
        <f ca="1">RAND()</f>
        <v>0.23330202645733089</v>
      </c>
      <c r="B12358" s="1"/>
      <c r="C12358">
        <v>11</v>
      </c>
      <c r="D12358" t="s">
        <v>23193</v>
      </c>
      <c r="E12358" t="s">
        <v>34000</v>
      </c>
      <c r="F12358">
        <v>4</v>
      </c>
      <c r="G12358" t="s">
        <v>14</v>
      </c>
      <c r="H12358" t="s">
        <v>23194</v>
      </c>
      <c r="I12358" t="s">
        <v>30540</v>
      </c>
    </row>
    <row r="12359" spans="1:9">
      <c r="A12359" s="1">
        <f ca="1">RAND()</f>
        <v>0.20496816498878712</v>
      </c>
      <c r="B12359" s="1"/>
      <c r="C12359">
        <v>10</v>
      </c>
      <c r="D12359" t="s">
        <v>23191</v>
      </c>
      <c r="E12359" t="s">
        <v>34000</v>
      </c>
      <c r="F12359">
        <v>4</v>
      </c>
      <c r="G12359" t="s">
        <v>15</v>
      </c>
      <c r="H12359" t="s">
        <v>23192</v>
      </c>
      <c r="I12359" t="s">
        <v>30540</v>
      </c>
    </row>
    <row r="12360" spans="1:9">
      <c r="A12360" s="1">
        <f ca="1">RAND()</f>
        <v>0.25530542114710997</v>
      </c>
      <c r="B12360" s="1"/>
      <c r="C12360">
        <v>12</v>
      </c>
      <c r="D12360" t="s">
        <v>23195</v>
      </c>
      <c r="E12360" t="s">
        <v>34000</v>
      </c>
      <c r="F12360">
        <v>1</v>
      </c>
      <c r="G12360" t="s">
        <v>2</v>
      </c>
      <c r="H12360" t="s">
        <v>23196</v>
      </c>
      <c r="I12360" t="s">
        <v>30540</v>
      </c>
    </row>
    <row r="12361" spans="1:9">
      <c r="A12361" s="1">
        <f ca="1">RAND()</f>
        <v>0.66046892094324905</v>
      </c>
      <c r="B12361" s="1"/>
      <c r="C12361">
        <v>2</v>
      </c>
      <c r="D12361" t="s">
        <v>23183</v>
      </c>
      <c r="E12361" t="s">
        <v>34001</v>
      </c>
      <c r="F12361">
        <v>5</v>
      </c>
      <c r="G12361" t="s">
        <v>13</v>
      </c>
      <c r="H12361" t="s">
        <v>23184</v>
      </c>
      <c r="I12361" t="s">
        <v>30540</v>
      </c>
    </row>
    <row r="12362" spans="1:9">
      <c r="A12362" s="1">
        <f ca="1">RAND()</f>
        <v>0.24730148878072744</v>
      </c>
      <c r="B12362" s="1"/>
      <c r="C12362">
        <v>5</v>
      </c>
      <c r="D12362" t="s">
        <v>23185</v>
      </c>
      <c r="E12362" t="s">
        <v>34001</v>
      </c>
      <c r="F12362">
        <v>4</v>
      </c>
      <c r="G12362" t="s">
        <v>9</v>
      </c>
      <c r="H12362" t="s">
        <v>23186</v>
      </c>
      <c r="I12362" t="s">
        <v>30540</v>
      </c>
    </row>
    <row r="12363" spans="1:9">
      <c r="A12363" s="1">
        <f ca="1">RAND()</f>
        <v>0.50755763231970186</v>
      </c>
      <c r="B12363" s="1"/>
      <c r="C12363">
        <v>16</v>
      </c>
      <c r="D12363" t="s">
        <v>23187</v>
      </c>
      <c r="E12363" t="s">
        <v>34001</v>
      </c>
      <c r="F12363">
        <v>4</v>
      </c>
      <c r="G12363" t="s">
        <v>0</v>
      </c>
      <c r="H12363" t="s">
        <v>23188</v>
      </c>
      <c r="I12363" t="s">
        <v>30540</v>
      </c>
    </row>
    <row r="12364" spans="1:9">
      <c r="A12364" s="1">
        <f ca="1">RAND()</f>
        <v>0.40300623306392713</v>
      </c>
      <c r="B12364" s="1"/>
      <c r="C12364">
        <v>1</v>
      </c>
      <c r="D12364" t="s">
        <v>23181</v>
      </c>
      <c r="E12364" t="s">
        <v>34001</v>
      </c>
      <c r="F12364">
        <v>2</v>
      </c>
      <c r="G12364" t="s">
        <v>2</v>
      </c>
      <c r="H12364" t="s">
        <v>23182</v>
      </c>
      <c r="I12364" t="s">
        <v>30540</v>
      </c>
    </row>
    <row r="12365" spans="1:9">
      <c r="A12365" s="1">
        <f ca="1">RAND()</f>
        <v>0.35010200583598061</v>
      </c>
      <c r="B12365" s="1"/>
      <c r="C12365">
        <v>7</v>
      </c>
      <c r="D12365" t="s">
        <v>23173</v>
      </c>
      <c r="E12365" t="s">
        <v>34002</v>
      </c>
      <c r="F12365">
        <v>4</v>
      </c>
      <c r="G12365" t="s">
        <v>1431</v>
      </c>
      <c r="H12365" t="s">
        <v>23174</v>
      </c>
      <c r="I12365" t="s">
        <v>30540</v>
      </c>
    </row>
    <row r="12366" spans="1:9">
      <c r="A12366" s="1">
        <f ca="1">RAND()</f>
        <v>7.9987879668929507E-2</v>
      </c>
      <c r="B12366" s="1"/>
      <c r="C12366">
        <v>12</v>
      </c>
      <c r="D12366" t="s">
        <v>23175</v>
      </c>
      <c r="E12366" t="s">
        <v>34002</v>
      </c>
      <c r="F12366">
        <v>4</v>
      </c>
      <c r="G12366" t="s">
        <v>14</v>
      </c>
      <c r="H12366" t="s">
        <v>23176</v>
      </c>
      <c r="I12366" t="s">
        <v>30540</v>
      </c>
    </row>
    <row r="12367" spans="1:9">
      <c r="A12367" s="1">
        <f ca="1">RAND()</f>
        <v>0.32992327945177147</v>
      </c>
      <c r="B12367" s="1"/>
      <c r="C12367">
        <v>19</v>
      </c>
      <c r="D12367" t="s">
        <v>23177</v>
      </c>
      <c r="E12367" t="s">
        <v>34002</v>
      </c>
      <c r="F12367">
        <v>4</v>
      </c>
      <c r="G12367" t="s">
        <v>2738</v>
      </c>
      <c r="H12367" t="s">
        <v>23178</v>
      </c>
      <c r="I12367" t="s">
        <v>30540</v>
      </c>
    </row>
    <row r="12368" spans="1:9">
      <c r="A12368" s="1">
        <f ca="1">RAND()</f>
        <v>0.21140061219555106</v>
      </c>
      <c r="B12368" s="1"/>
      <c r="C12368">
        <v>20</v>
      </c>
      <c r="D12368" t="s">
        <v>23179</v>
      </c>
      <c r="E12368" t="s">
        <v>34002</v>
      </c>
      <c r="F12368">
        <v>4</v>
      </c>
      <c r="G12368" t="s">
        <v>14</v>
      </c>
      <c r="H12368" t="s">
        <v>23180</v>
      </c>
      <c r="I12368" t="s">
        <v>30540</v>
      </c>
    </row>
    <row r="12369" spans="1:9">
      <c r="A12369" s="1">
        <f ca="1">RAND()</f>
        <v>0.23932685520165897</v>
      </c>
      <c r="B12369" s="1"/>
      <c r="C12369">
        <v>17</v>
      </c>
      <c r="D12369" t="s">
        <v>23171</v>
      </c>
      <c r="E12369" t="s">
        <v>34003</v>
      </c>
      <c r="F12369">
        <v>5</v>
      </c>
      <c r="G12369" t="s">
        <v>14</v>
      </c>
      <c r="H12369" t="s">
        <v>23172</v>
      </c>
      <c r="I12369" t="s">
        <v>30540</v>
      </c>
    </row>
    <row r="12370" spans="1:9">
      <c r="A12370" s="1">
        <f ca="1">RAND()</f>
        <v>0.64556977132226934</v>
      </c>
      <c r="B12370" s="1"/>
      <c r="C12370">
        <v>3</v>
      </c>
      <c r="D12370" t="s">
        <v>23165</v>
      </c>
      <c r="E12370" t="s">
        <v>34003</v>
      </c>
      <c r="F12370">
        <v>4</v>
      </c>
      <c r="G12370" t="s">
        <v>14</v>
      </c>
      <c r="H12370" t="s">
        <v>23166</v>
      </c>
      <c r="I12370" t="s">
        <v>30540</v>
      </c>
    </row>
    <row r="12371" spans="1:9">
      <c r="A12371" s="1">
        <f ca="1">RAND()</f>
        <v>0.33929652512615727</v>
      </c>
      <c r="B12371" s="1"/>
      <c r="C12371">
        <v>7</v>
      </c>
      <c r="D12371" t="s">
        <v>23167</v>
      </c>
      <c r="E12371" t="s">
        <v>34003</v>
      </c>
      <c r="F12371">
        <v>4</v>
      </c>
      <c r="G12371" t="s">
        <v>14</v>
      </c>
      <c r="H12371" t="s">
        <v>23168</v>
      </c>
      <c r="I12371" t="s">
        <v>30540</v>
      </c>
    </row>
    <row r="12372" spans="1:9">
      <c r="A12372" s="1">
        <f ca="1">RAND()</f>
        <v>0.50457116374300737</v>
      </c>
      <c r="B12372" s="1"/>
      <c r="C12372">
        <v>13</v>
      </c>
      <c r="D12372" t="s">
        <v>23169</v>
      </c>
      <c r="E12372" t="s">
        <v>34003</v>
      </c>
      <c r="F12372">
        <v>4</v>
      </c>
      <c r="G12372" t="s">
        <v>0</v>
      </c>
      <c r="H12372" t="s">
        <v>23170</v>
      </c>
      <c r="I12372" t="s">
        <v>30540</v>
      </c>
    </row>
    <row r="12373" spans="1:9">
      <c r="A12373" s="1">
        <f ca="1">RAND()</f>
        <v>0.70086962734763114</v>
      </c>
      <c r="B12373" s="1"/>
      <c r="C12373">
        <v>16</v>
      </c>
      <c r="D12373" t="s">
        <v>23163</v>
      </c>
      <c r="E12373" t="s">
        <v>34004</v>
      </c>
      <c r="F12373">
        <v>4</v>
      </c>
      <c r="G12373" t="s">
        <v>14</v>
      </c>
      <c r="H12373" t="s">
        <v>23164</v>
      </c>
      <c r="I12373" t="s">
        <v>30540</v>
      </c>
    </row>
    <row r="12374" spans="1:9">
      <c r="A12374" s="1">
        <f ca="1">RAND()</f>
        <v>0.97997413972872072</v>
      </c>
      <c r="B12374" s="1"/>
      <c r="C12374">
        <v>4</v>
      </c>
      <c r="D12374" t="s">
        <v>23155</v>
      </c>
      <c r="E12374" t="s">
        <v>34004</v>
      </c>
      <c r="F12374">
        <v>4</v>
      </c>
      <c r="G12374" t="s">
        <v>14</v>
      </c>
      <c r="H12374" t="s">
        <v>23156</v>
      </c>
      <c r="I12374" t="s">
        <v>30540</v>
      </c>
    </row>
    <row r="12375" spans="1:9">
      <c r="A12375" s="1">
        <f ca="1">RAND()</f>
        <v>0.17576406716203796</v>
      </c>
      <c r="B12375" s="1"/>
      <c r="C12375">
        <v>14</v>
      </c>
      <c r="D12375" t="s">
        <v>23161</v>
      </c>
      <c r="E12375" t="s">
        <v>34004</v>
      </c>
      <c r="F12375">
        <v>4</v>
      </c>
      <c r="G12375" t="s">
        <v>14</v>
      </c>
      <c r="H12375" t="s">
        <v>23162</v>
      </c>
      <c r="I12375" t="s">
        <v>30540</v>
      </c>
    </row>
    <row r="12376" spans="1:9">
      <c r="A12376" s="1">
        <f ca="1">RAND()</f>
        <v>8.9993111003417781E-2</v>
      </c>
      <c r="B12376" s="1"/>
      <c r="C12376">
        <v>12</v>
      </c>
      <c r="D12376" t="s">
        <v>23159</v>
      </c>
      <c r="E12376" t="s">
        <v>34004</v>
      </c>
      <c r="F12376">
        <v>4</v>
      </c>
      <c r="G12376" t="s">
        <v>15</v>
      </c>
      <c r="H12376" t="s">
        <v>23160</v>
      </c>
      <c r="I12376" t="s">
        <v>30540</v>
      </c>
    </row>
    <row r="12377" spans="1:9">
      <c r="A12377" s="1">
        <f ca="1">RAND()</f>
        <v>0.94082087570934159</v>
      </c>
      <c r="B12377" s="1"/>
      <c r="C12377">
        <v>3</v>
      </c>
      <c r="D12377" t="s">
        <v>23153</v>
      </c>
      <c r="E12377" t="s">
        <v>34004</v>
      </c>
      <c r="F12377">
        <v>3</v>
      </c>
      <c r="G12377" t="s">
        <v>9</v>
      </c>
      <c r="H12377" t="s">
        <v>23154</v>
      </c>
      <c r="I12377" t="s">
        <v>30540</v>
      </c>
    </row>
    <row r="12378" spans="1:9">
      <c r="A12378" s="1">
        <f ca="1">RAND()</f>
        <v>0.66944882940743133</v>
      </c>
      <c r="B12378" s="1"/>
      <c r="C12378">
        <v>8</v>
      </c>
      <c r="D12378" t="s">
        <v>23157</v>
      </c>
      <c r="E12378" t="s">
        <v>34004</v>
      </c>
      <c r="F12378">
        <v>2</v>
      </c>
      <c r="G12378" t="s">
        <v>14</v>
      </c>
      <c r="H12378" t="s">
        <v>23158</v>
      </c>
      <c r="I12378" t="s">
        <v>30540</v>
      </c>
    </row>
    <row r="12379" spans="1:9">
      <c r="A12379" s="1">
        <f ca="1">RAND()</f>
        <v>0.11788146484901985</v>
      </c>
      <c r="B12379" s="1"/>
      <c r="C12379">
        <v>6</v>
      </c>
      <c r="D12379" t="s">
        <v>23147</v>
      </c>
      <c r="E12379" t="s">
        <v>34005</v>
      </c>
      <c r="F12379">
        <v>4</v>
      </c>
      <c r="G12379" t="s">
        <v>14</v>
      </c>
      <c r="H12379" t="s">
        <v>23148</v>
      </c>
      <c r="I12379" t="s">
        <v>30540</v>
      </c>
    </row>
    <row r="12380" spans="1:9">
      <c r="A12380" s="1">
        <f ca="1">RAND()</f>
        <v>0.88192570934820103</v>
      </c>
      <c r="B12380" s="1"/>
      <c r="C12380">
        <v>1</v>
      </c>
      <c r="D12380" t="s">
        <v>23145</v>
      </c>
      <c r="E12380" t="s">
        <v>34005</v>
      </c>
      <c r="F12380">
        <v>4</v>
      </c>
      <c r="G12380" t="s">
        <v>14</v>
      </c>
      <c r="H12380" t="s">
        <v>23146</v>
      </c>
      <c r="I12380" t="s">
        <v>30540</v>
      </c>
    </row>
    <row r="12381" spans="1:9">
      <c r="A12381" s="1">
        <f ca="1">RAND()</f>
        <v>0.59722573762200126</v>
      </c>
      <c r="B12381" s="1"/>
      <c r="C12381">
        <v>17</v>
      </c>
      <c r="D12381" t="s">
        <v>23151</v>
      </c>
      <c r="E12381" t="s">
        <v>34005</v>
      </c>
      <c r="F12381">
        <v>4</v>
      </c>
      <c r="G12381" t="s">
        <v>14</v>
      </c>
      <c r="H12381" t="s">
        <v>23152</v>
      </c>
      <c r="I12381" t="s">
        <v>30540</v>
      </c>
    </row>
    <row r="12382" spans="1:9">
      <c r="A12382" s="1">
        <f ca="1">RAND()</f>
        <v>0.79081228404917614</v>
      </c>
      <c r="B12382" s="1"/>
      <c r="C12382">
        <v>16</v>
      </c>
      <c r="D12382" t="s">
        <v>23149</v>
      </c>
      <c r="E12382" t="s">
        <v>34005</v>
      </c>
      <c r="F12382">
        <v>4</v>
      </c>
      <c r="G12382" t="s">
        <v>0</v>
      </c>
      <c r="H12382" t="s">
        <v>23150</v>
      </c>
      <c r="I12382" t="s">
        <v>30540</v>
      </c>
    </row>
    <row r="12383" spans="1:9">
      <c r="A12383" s="1">
        <f ca="1">RAND()</f>
        <v>0.1433472563994399</v>
      </c>
      <c r="B12383" s="1"/>
      <c r="C12383">
        <v>16</v>
      </c>
      <c r="D12383" t="s">
        <v>23143</v>
      </c>
      <c r="E12383" t="s">
        <v>34006</v>
      </c>
      <c r="F12383">
        <v>5</v>
      </c>
      <c r="G12383" t="s">
        <v>14</v>
      </c>
      <c r="H12383" t="s">
        <v>23144</v>
      </c>
      <c r="I12383" t="s">
        <v>30540</v>
      </c>
    </row>
    <row r="12384" spans="1:9">
      <c r="A12384" s="1">
        <f ca="1">RAND()</f>
        <v>0.53898537410556069</v>
      </c>
      <c r="B12384" s="1"/>
      <c r="C12384">
        <v>13</v>
      </c>
      <c r="D12384" t="s">
        <v>23141</v>
      </c>
      <c r="E12384" t="s">
        <v>34006</v>
      </c>
      <c r="F12384">
        <v>5</v>
      </c>
      <c r="G12384" t="s">
        <v>0</v>
      </c>
      <c r="H12384" t="s">
        <v>23142</v>
      </c>
      <c r="I12384" t="s">
        <v>30540</v>
      </c>
    </row>
    <row r="12385" spans="1:9">
      <c r="A12385" s="1">
        <f ca="1">RAND()</f>
        <v>3.4196650868539846E-3</v>
      </c>
      <c r="B12385" s="1"/>
      <c r="C12385">
        <v>12</v>
      </c>
      <c r="D12385" t="s">
        <v>23139</v>
      </c>
      <c r="E12385" t="s">
        <v>34006</v>
      </c>
      <c r="F12385">
        <v>4</v>
      </c>
      <c r="G12385" t="s">
        <v>14</v>
      </c>
      <c r="H12385" t="s">
        <v>23140</v>
      </c>
      <c r="I12385" t="s">
        <v>30540</v>
      </c>
    </row>
    <row r="12386" spans="1:9">
      <c r="A12386" s="1">
        <f ca="1">RAND()</f>
        <v>0.50655136776539089</v>
      </c>
      <c r="B12386" s="1"/>
      <c r="C12386">
        <v>10</v>
      </c>
      <c r="D12386" t="s">
        <v>23137</v>
      </c>
      <c r="E12386" t="s">
        <v>34006</v>
      </c>
      <c r="F12386">
        <v>4</v>
      </c>
      <c r="G12386" t="s">
        <v>14</v>
      </c>
      <c r="H12386" t="s">
        <v>23138</v>
      </c>
      <c r="I12386" t="s">
        <v>30540</v>
      </c>
    </row>
    <row r="12387" spans="1:9">
      <c r="A12387" s="1">
        <f ca="1">RAND()</f>
        <v>0.9015523442519443</v>
      </c>
      <c r="B12387" s="1"/>
      <c r="C12387">
        <v>7</v>
      </c>
      <c r="D12387" t="s">
        <v>23135</v>
      </c>
      <c r="E12387" t="s">
        <v>34006</v>
      </c>
      <c r="F12387">
        <v>4</v>
      </c>
      <c r="G12387" t="s">
        <v>14</v>
      </c>
      <c r="H12387" t="s">
        <v>23136</v>
      </c>
      <c r="I12387" t="s">
        <v>30540</v>
      </c>
    </row>
    <row r="12388" spans="1:9">
      <c r="A12388" s="1">
        <f ca="1">RAND()</f>
        <v>0.90210322038501456</v>
      </c>
      <c r="B12388" s="1"/>
      <c r="C12388">
        <v>9</v>
      </c>
      <c r="D12388" t="s">
        <v>23131</v>
      </c>
      <c r="E12388" t="s">
        <v>34007</v>
      </c>
      <c r="F12388">
        <v>4</v>
      </c>
      <c r="G12388" t="s">
        <v>14</v>
      </c>
      <c r="H12388" t="s">
        <v>23132</v>
      </c>
      <c r="I12388" t="s">
        <v>30540</v>
      </c>
    </row>
    <row r="12389" spans="1:9">
      <c r="A12389" s="1">
        <f ca="1">RAND()</f>
        <v>0.65895113905616876</v>
      </c>
      <c r="B12389" s="1"/>
      <c r="C12389">
        <v>20</v>
      </c>
      <c r="D12389" t="s">
        <v>23133</v>
      </c>
      <c r="E12389" t="s">
        <v>34007</v>
      </c>
      <c r="F12389">
        <v>3</v>
      </c>
      <c r="G12389" t="s">
        <v>766</v>
      </c>
      <c r="H12389" t="s">
        <v>23134</v>
      </c>
      <c r="I12389" t="s">
        <v>30540</v>
      </c>
    </row>
    <row r="12390" spans="1:9">
      <c r="A12390" s="1">
        <f ca="1">RAND()</f>
        <v>1.5015845863736832E-2</v>
      </c>
      <c r="B12390" s="1"/>
      <c r="C12390">
        <v>18</v>
      </c>
      <c r="D12390" t="s">
        <v>23129</v>
      </c>
      <c r="E12390" t="s">
        <v>34008</v>
      </c>
      <c r="F12390">
        <v>4</v>
      </c>
      <c r="G12390" t="s">
        <v>14</v>
      </c>
      <c r="H12390" t="s">
        <v>23130</v>
      </c>
      <c r="I12390" t="s">
        <v>30540</v>
      </c>
    </row>
    <row r="12391" spans="1:9">
      <c r="A12391" s="1">
        <f ca="1">RAND()</f>
        <v>0.28488028912635155</v>
      </c>
      <c r="B12391" s="1"/>
      <c r="C12391">
        <v>15</v>
      </c>
      <c r="D12391" t="s">
        <v>23127</v>
      </c>
      <c r="E12391" t="s">
        <v>34009</v>
      </c>
      <c r="F12391">
        <v>4</v>
      </c>
      <c r="G12391" t="s">
        <v>0</v>
      </c>
      <c r="H12391" t="s">
        <v>23128</v>
      </c>
      <c r="I12391" t="s">
        <v>30540</v>
      </c>
    </row>
    <row r="12392" spans="1:9">
      <c r="A12392" s="1">
        <f ca="1">RAND()</f>
        <v>0.10313081720164352</v>
      </c>
      <c r="B12392" s="1"/>
      <c r="C12392">
        <v>9</v>
      </c>
      <c r="D12392" t="s">
        <v>23123</v>
      </c>
      <c r="E12392" t="s">
        <v>34009</v>
      </c>
      <c r="F12392">
        <v>4</v>
      </c>
      <c r="G12392" t="s">
        <v>14</v>
      </c>
      <c r="H12392" t="s">
        <v>23124</v>
      </c>
      <c r="I12392" t="s">
        <v>30540</v>
      </c>
    </row>
    <row r="12393" spans="1:9">
      <c r="A12393" s="1">
        <f ca="1">RAND()</f>
        <v>0.88247854447908025</v>
      </c>
      <c r="B12393" s="1"/>
      <c r="C12393">
        <v>1</v>
      </c>
      <c r="D12393" t="s">
        <v>23121</v>
      </c>
      <c r="E12393" t="s">
        <v>34009</v>
      </c>
      <c r="F12393">
        <v>3</v>
      </c>
      <c r="G12393" t="s">
        <v>2</v>
      </c>
      <c r="H12393" t="s">
        <v>23122</v>
      </c>
      <c r="I12393" t="s">
        <v>30540</v>
      </c>
    </row>
    <row r="12394" spans="1:9">
      <c r="A12394" s="1">
        <f ca="1">RAND()</f>
        <v>0.94027591724386739</v>
      </c>
      <c r="B12394" s="1"/>
      <c r="C12394">
        <v>14</v>
      </c>
      <c r="D12394" t="s">
        <v>23125</v>
      </c>
      <c r="E12394" t="s">
        <v>34009</v>
      </c>
      <c r="F12394">
        <v>2</v>
      </c>
      <c r="G12394" t="s">
        <v>14</v>
      </c>
      <c r="H12394" t="s">
        <v>23126</v>
      </c>
      <c r="I12394" t="s">
        <v>30540</v>
      </c>
    </row>
    <row r="12395" spans="1:9">
      <c r="A12395" s="1">
        <f ca="1">RAND()</f>
        <v>0.6615767985474863</v>
      </c>
      <c r="B12395" s="1"/>
      <c r="C12395">
        <v>6</v>
      </c>
      <c r="D12395" t="s">
        <v>23113</v>
      </c>
      <c r="E12395" t="s">
        <v>34010</v>
      </c>
      <c r="F12395">
        <v>4</v>
      </c>
      <c r="G12395" t="s">
        <v>1</v>
      </c>
      <c r="H12395" t="s">
        <v>23114</v>
      </c>
      <c r="I12395" t="s">
        <v>30540</v>
      </c>
    </row>
    <row r="12396" spans="1:9">
      <c r="A12396" s="1">
        <f ca="1">RAND()</f>
        <v>0.59410521410133388</v>
      </c>
      <c r="B12396" s="1"/>
      <c r="C12396">
        <v>5</v>
      </c>
      <c r="D12396" t="s">
        <v>23111</v>
      </c>
      <c r="E12396" t="s">
        <v>34010</v>
      </c>
      <c r="F12396">
        <v>4</v>
      </c>
      <c r="G12396" t="s">
        <v>2</v>
      </c>
      <c r="H12396" t="s">
        <v>23112</v>
      </c>
      <c r="I12396" t="s">
        <v>30540</v>
      </c>
    </row>
    <row r="12397" spans="1:9">
      <c r="A12397" s="1">
        <f ca="1">RAND()</f>
        <v>0.39185881181391591</v>
      </c>
      <c r="B12397" s="1"/>
      <c r="C12397">
        <v>3</v>
      </c>
      <c r="D12397" t="s">
        <v>23109</v>
      </c>
      <c r="E12397" t="s">
        <v>34010</v>
      </c>
      <c r="F12397">
        <v>4</v>
      </c>
      <c r="G12397" t="s">
        <v>14</v>
      </c>
      <c r="H12397" t="s">
        <v>23110</v>
      </c>
      <c r="I12397" t="s">
        <v>30540</v>
      </c>
    </row>
    <row r="12398" spans="1:9">
      <c r="A12398" s="1">
        <f ca="1">RAND()</f>
        <v>0.72936058125681902</v>
      </c>
      <c r="B12398" s="1"/>
      <c r="C12398">
        <v>18</v>
      </c>
      <c r="D12398" t="s">
        <v>23119</v>
      </c>
      <c r="E12398" t="s">
        <v>34010</v>
      </c>
      <c r="F12398">
        <v>4</v>
      </c>
      <c r="G12398" t="s">
        <v>14</v>
      </c>
      <c r="H12398" t="s">
        <v>23120</v>
      </c>
      <c r="I12398" t="s">
        <v>30540</v>
      </c>
    </row>
    <row r="12399" spans="1:9">
      <c r="A12399" s="1">
        <f ca="1">RAND()</f>
        <v>0.44654919427835771</v>
      </c>
      <c r="B12399" s="1"/>
      <c r="C12399">
        <v>16</v>
      </c>
      <c r="D12399" t="s">
        <v>23117</v>
      </c>
      <c r="E12399" t="s">
        <v>34010</v>
      </c>
      <c r="F12399">
        <v>3</v>
      </c>
      <c r="G12399" t="s">
        <v>13</v>
      </c>
      <c r="H12399" t="s">
        <v>23118</v>
      </c>
      <c r="I12399" t="s">
        <v>30540</v>
      </c>
    </row>
    <row r="12400" spans="1:9">
      <c r="A12400" s="1">
        <f ca="1">RAND()</f>
        <v>0.2484759015672916</v>
      </c>
      <c r="B12400" s="1"/>
      <c r="C12400">
        <v>14</v>
      </c>
      <c r="D12400" t="s">
        <v>23115</v>
      </c>
      <c r="E12400" t="s">
        <v>34010</v>
      </c>
      <c r="F12400">
        <v>2</v>
      </c>
      <c r="G12400" t="s">
        <v>14</v>
      </c>
      <c r="H12400" t="s">
        <v>23116</v>
      </c>
      <c r="I12400" t="s">
        <v>30540</v>
      </c>
    </row>
    <row r="12401" spans="1:9">
      <c r="A12401" s="1">
        <f ca="1">RAND()</f>
        <v>0.24200521980499123</v>
      </c>
      <c r="B12401" s="1"/>
      <c r="C12401">
        <v>4</v>
      </c>
      <c r="D12401" t="s">
        <v>23103</v>
      </c>
      <c r="E12401" t="s">
        <v>34011</v>
      </c>
      <c r="F12401">
        <v>5</v>
      </c>
      <c r="G12401" t="s">
        <v>14</v>
      </c>
      <c r="H12401" t="s">
        <v>23104</v>
      </c>
      <c r="I12401" t="s">
        <v>30540</v>
      </c>
    </row>
    <row r="12402" spans="1:9">
      <c r="A12402" s="1">
        <f ca="1">RAND()</f>
        <v>0.67381290943720396</v>
      </c>
      <c r="B12402" s="1"/>
      <c r="C12402">
        <v>5</v>
      </c>
      <c r="D12402" t="s">
        <v>23105</v>
      </c>
      <c r="E12402" t="s">
        <v>34011</v>
      </c>
      <c r="F12402">
        <v>5</v>
      </c>
      <c r="G12402" t="s">
        <v>14</v>
      </c>
      <c r="H12402" t="s">
        <v>23106</v>
      </c>
      <c r="I12402" t="s">
        <v>30540</v>
      </c>
    </row>
    <row r="12403" spans="1:9">
      <c r="A12403" s="1">
        <f ca="1">RAND()</f>
        <v>0.4831781936453875</v>
      </c>
      <c r="B12403" s="1"/>
      <c r="C12403">
        <v>14</v>
      </c>
      <c r="D12403" t="s">
        <v>23107</v>
      </c>
      <c r="E12403" t="s">
        <v>34011</v>
      </c>
      <c r="F12403">
        <v>4</v>
      </c>
      <c r="G12403" t="s">
        <v>9</v>
      </c>
      <c r="H12403" t="s">
        <v>23108</v>
      </c>
      <c r="I12403" t="s">
        <v>30540</v>
      </c>
    </row>
    <row r="12404" spans="1:9">
      <c r="A12404" s="1">
        <f ca="1">RAND()</f>
        <v>0.24346382217595541</v>
      </c>
      <c r="B12404" s="1"/>
      <c r="C12404">
        <v>7</v>
      </c>
      <c r="D12404" t="s">
        <v>23099</v>
      </c>
      <c r="E12404" t="s">
        <v>34012</v>
      </c>
      <c r="F12404">
        <v>4</v>
      </c>
      <c r="G12404" t="s">
        <v>14</v>
      </c>
      <c r="H12404" t="s">
        <v>23100</v>
      </c>
      <c r="I12404" t="s">
        <v>30540</v>
      </c>
    </row>
    <row r="12405" spans="1:9">
      <c r="A12405" s="1">
        <f ca="1">RAND()</f>
        <v>0.22774921770958101</v>
      </c>
      <c r="B12405" s="1"/>
      <c r="C12405">
        <v>20</v>
      </c>
      <c r="D12405" t="s">
        <v>23101</v>
      </c>
      <c r="E12405" t="s">
        <v>34012</v>
      </c>
      <c r="F12405">
        <v>3</v>
      </c>
      <c r="G12405" t="s">
        <v>14</v>
      </c>
      <c r="H12405" t="s">
        <v>23102</v>
      </c>
      <c r="I12405" t="s">
        <v>30540</v>
      </c>
    </row>
    <row r="12406" spans="1:9">
      <c r="A12406" s="1">
        <f ca="1">RAND()</f>
        <v>2.6412061658972474E-2</v>
      </c>
      <c r="B12406" s="1"/>
      <c r="C12406">
        <v>4</v>
      </c>
      <c r="D12406" t="s">
        <v>23097</v>
      </c>
      <c r="E12406" t="s">
        <v>34013</v>
      </c>
      <c r="F12406">
        <v>5</v>
      </c>
      <c r="G12406" t="s">
        <v>14</v>
      </c>
      <c r="H12406" t="s">
        <v>23098</v>
      </c>
      <c r="I12406" t="s">
        <v>30540</v>
      </c>
    </row>
    <row r="12407" spans="1:9">
      <c r="A12407" s="1">
        <f ca="1">RAND()</f>
        <v>0.69505267948661054</v>
      </c>
      <c r="B12407" s="1"/>
      <c r="C12407">
        <v>17</v>
      </c>
      <c r="D12407" t="s">
        <v>23093</v>
      </c>
      <c r="E12407" t="s">
        <v>34014</v>
      </c>
      <c r="F12407">
        <v>5</v>
      </c>
      <c r="G12407" t="s">
        <v>14</v>
      </c>
      <c r="H12407" t="s">
        <v>23094</v>
      </c>
      <c r="I12407" t="s">
        <v>30540</v>
      </c>
    </row>
    <row r="12408" spans="1:9">
      <c r="A12408" s="1">
        <f ca="1">RAND()</f>
        <v>0.83087064131722099</v>
      </c>
      <c r="B12408" s="1"/>
      <c r="C12408">
        <v>8</v>
      </c>
      <c r="D12408" t="s">
        <v>23087</v>
      </c>
      <c r="E12408" t="s">
        <v>34014</v>
      </c>
      <c r="F12408">
        <v>5</v>
      </c>
      <c r="G12408" t="s">
        <v>9</v>
      </c>
      <c r="H12408" t="s">
        <v>23088</v>
      </c>
      <c r="I12408" t="s">
        <v>30540</v>
      </c>
    </row>
    <row r="12409" spans="1:9">
      <c r="A12409" s="1">
        <f ca="1">RAND()</f>
        <v>0.30041452062730978</v>
      </c>
      <c r="B12409" s="1"/>
      <c r="C12409">
        <v>15</v>
      </c>
      <c r="D12409" t="s">
        <v>23091</v>
      </c>
      <c r="E12409" t="s">
        <v>34014</v>
      </c>
      <c r="F12409">
        <v>4</v>
      </c>
      <c r="G12409" t="s">
        <v>14</v>
      </c>
      <c r="H12409" t="s">
        <v>23092</v>
      </c>
      <c r="I12409" t="s">
        <v>30540</v>
      </c>
    </row>
    <row r="12410" spans="1:9">
      <c r="A12410" s="1">
        <f ca="1">RAND()</f>
        <v>0.71113166378072357</v>
      </c>
      <c r="B12410" s="1"/>
      <c r="C12410">
        <v>14</v>
      </c>
      <c r="D12410" t="s">
        <v>23089</v>
      </c>
      <c r="E12410" t="s">
        <v>34014</v>
      </c>
      <c r="F12410">
        <v>4</v>
      </c>
      <c r="G12410" t="s">
        <v>14</v>
      </c>
      <c r="H12410" t="s">
        <v>23090</v>
      </c>
      <c r="I12410" t="s">
        <v>30540</v>
      </c>
    </row>
    <row r="12411" spans="1:9">
      <c r="A12411" s="1">
        <f ca="1">RAND()</f>
        <v>0.57921885768418113</v>
      </c>
      <c r="B12411" s="1"/>
      <c r="C12411">
        <v>20</v>
      </c>
      <c r="D12411" t="s">
        <v>23095</v>
      </c>
      <c r="E12411" t="s">
        <v>34014</v>
      </c>
      <c r="F12411">
        <v>4</v>
      </c>
      <c r="G12411" t="s">
        <v>14</v>
      </c>
      <c r="H12411" t="s">
        <v>23096</v>
      </c>
      <c r="I12411" t="s">
        <v>30540</v>
      </c>
    </row>
    <row r="12412" spans="1:9">
      <c r="A12412" s="1">
        <f ca="1">RAND()</f>
        <v>0.37550614620849421</v>
      </c>
      <c r="B12412" s="1"/>
      <c r="C12412">
        <v>1</v>
      </c>
      <c r="D12412" t="s">
        <v>23085</v>
      </c>
      <c r="E12412" t="s">
        <v>34014</v>
      </c>
      <c r="F12412">
        <v>3</v>
      </c>
      <c r="G12412" t="s">
        <v>2</v>
      </c>
      <c r="H12412" t="s">
        <v>23086</v>
      </c>
      <c r="I12412" t="s">
        <v>30540</v>
      </c>
    </row>
    <row r="12413" spans="1:9">
      <c r="A12413" s="1">
        <f ca="1">RAND()</f>
        <v>3.0531927251215008E-2</v>
      </c>
      <c r="B12413" s="1"/>
      <c r="C12413">
        <v>12</v>
      </c>
      <c r="D12413" t="s">
        <v>23083</v>
      </c>
      <c r="E12413" t="s">
        <v>34015</v>
      </c>
      <c r="F12413">
        <v>4</v>
      </c>
      <c r="G12413" t="s">
        <v>14</v>
      </c>
      <c r="H12413" t="s">
        <v>23084</v>
      </c>
      <c r="I12413" t="s">
        <v>30540</v>
      </c>
    </row>
    <row r="12414" spans="1:9">
      <c r="A12414" s="1">
        <f ca="1">RAND()</f>
        <v>0.83423452469659831</v>
      </c>
      <c r="B12414" s="1"/>
      <c r="C12414">
        <v>7</v>
      </c>
      <c r="D12414" t="s">
        <v>23081</v>
      </c>
      <c r="E12414" t="s">
        <v>34015</v>
      </c>
      <c r="F12414">
        <v>3</v>
      </c>
      <c r="G12414" t="s">
        <v>1</v>
      </c>
      <c r="H12414" t="s">
        <v>23082</v>
      </c>
      <c r="I12414" t="s">
        <v>30540</v>
      </c>
    </row>
    <row r="12415" spans="1:9">
      <c r="A12415" s="1">
        <f ca="1">RAND()</f>
        <v>0.50328520582857927</v>
      </c>
      <c r="B12415" s="1"/>
      <c r="C12415">
        <v>2</v>
      </c>
      <c r="D12415" t="s">
        <v>23079</v>
      </c>
      <c r="E12415" t="s">
        <v>34015</v>
      </c>
      <c r="F12415">
        <v>3</v>
      </c>
      <c r="G12415" t="s">
        <v>0</v>
      </c>
      <c r="H12415" t="s">
        <v>23080</v>
      </c>
      <c r="I12415" t="s">
        <v>30540</v>
      </c>
    </row>
    <row r="12416" spans="1:9">
      <c r="A12416" s="1">
        <f ca="1">RAND()</f>
        <v>0.59841282566117548</v>
      </c>
      <c r="B12416" s="1"/>
      <c r="C12416">
        <v>12</v>
      </c>
      <c r="D12416" t="s">
        <v>23075</v>
      </c>
      <c r="E12416" t="s">
        <v>34016</v>
      </c>
      <c r="F12416">
        <v>4</v>
      </c>
      <c r="G12416" t="s">
        <v>14</v>
      </c>
      <c r="H12416" t="s">
        <v>23076</v>
      </c>
      <c r="I12416" t="s">
        <v>30540</v>
      </c>
    </row>
    <row r="12417" spans="1:9">
      <c r="A12417" s="1">
        <f ca="1">RAND()</f>
        <v>6.4793511532591386E-2</v>
      </c>
      <c r="B12417" s="1"/>
      <c r="C12417">
        <v>16</v>
      </c>
      <c r="D12417" t="s">
        <v>23077</v>
      </c>
      <c r="E12417" t="s">
        <v>34016</v>
      </c>
      <c r="F12417">
        <v>4</v>
      </c>
      <c r="G12417" t="s">
        <v>0</v>
      </c>
      <c r="H12417" t="s">
        <v>23078</v>
      </c>
      <c r="I12417" t="s">
        <v>30540</v>
      </c>
    </row>
    <row r="12418" spans="1:9">
      <c r="A12418" s="1">
        <f ca="1">RAND()</f>
        <v>0.57966604281951351</v>
      </c>
      <c r="B12418" s="1"/>
      <c r="C12418">
        <v>6</v>
      </c>
      <c r="D12418" t="s">
        <v>23071</v>
      </c>
      <c r="E12418" t="s">
        <v>34016</v>
      </c>
      <c r="F12418">
        <v>4</v>
      </c>
      <c r="G12418" t="s">
        <v>9</v>
      </c>
      <c r="H12418" t="s">
        <v>23072</v>
      </c>
      <c r="I12418" t="s">
        <v>30540</v>
      </c>
    </row>
    <row r="12419" spans="1:9">
      <c r="A12419" s="1">
        <f ca="1">RAND()</f>
        <v>0.63027703921401768</v>
      </c>
      <c r="B12419" s="1"/>
      <c r="C12419">
        <v>7</v>
      </c>
      <c r="D12419" t="s">
        <v>23073</v>
      </c>
      <c r="E12419" t="s">
        <v>34016</v>
      </c>
      <c r="F12419">
        <v>4</v>
      </c>
      <c r="G12419" t="s">
        <v>14</v>
      </c>
      <c r="H12419" t="s">
        <v>23074</v>
      </c>
      <c r="I12419" t="s">
        <v>30540</v>
      </c>
    </row>
    <row r="12420" spans="1:9">
      <c r="A12420" s="1">
        <f ca="1">RAND()</f>
        <v>4.1149688716137778E-2</v>
      </c>
      <c r="B12420" s="1"/>
      <c r="C12420">
        <v>15</v>
      </c>
      <c r="D12420" t="s">
        <v>23069</v>
      </c>
      <c r="E12420" t="s">
        <v>34017</v>
      </c>
      <c r="F12420">
        <v>4</v>
      </c>
      <c r="G12420" t="s">
        <v>769</v>
      </c>
      <c r="H12420" t="s">
        <v>23070</v>
      </c>
      <c r="I12420" t="s">
        <v>30540</v>
      </c>
    </row>
    <row r="12421" spans="1:9">
      <c r="A12421" s="1">
        <f ca="1">RAND()</f>
        <v>0.62263802330748186</v>
      </c>
      <c r="B12421" s="1"/>
      <c r="C12421">
        <v>16</v>
      </c>
      <c r="D12421" t="s">
        <v>23067</v>
      </c>
      <c r="E12421" t="s">
        <v>34018</v>
      </c>
      <c r="F12421">
        <v>5</v>
      </c>
      <c r="G12421" t="s">
        <v>14</v>
      </c>
      <c r="H12421" t="s">
        <v>23068</v>
      </c>
      <c r="I12421" t="s">
        <v>30540</v>
      </c>
    </row>
    <row r="12422" spans="1:9">
      <c r="A12422" s="1">
        <f ca="1">RAND()</f>
        <v>0.94285185782675895</v>
      </c>
      <c r="B12422" s="1"/>
      <c r="C12422">
        <v>13</v>
      </c>
      <c r="D12422" t="s">
        <v>23065</v>
      </c>
      <c r="E12422" t="s">
        <v>34018</v>
      </c>
      <c r="F12422">
        <v>4</v>
      </c>
      <c r="G12422" t="s">
        <v>14</v>
      </c>
      <c r="H12422" t="s">
        <v>23066</v>
      </c>
      <c r="I12422" t="s">
        <v>30540</v>
      </c>
    </row>
    <row r="12423" spans="1:9">
      <c r="A12423" s="1">
        <f ca="1">RAND()</f>
        <v>0.1104208765645549</v>
      </c>
      <c r="B12423" s="1"/>
      <c r="C12423">
        <v>1</v>
      </c>
      <c r="D12423" t="s">
        <v>23061</v>
      </c>
      <c r="E12423" t="s">
        <v>34018</v>
      </c>
      <c r="F12423">
        <v>3</v>
      </c>
      <c r="G12423" t="s">
        <v>2</v>
      </c>
      <c r="H12423" t="s">
        <v>23062</v>
      </c>
      <c r="I12423" t="s">
        <v>30540</v>
      </c>
    </row>
    <row r="12424" spans="1:9">
      <c r="A12424" s="1">
        <f ca="1">RAND()</f>
        <v>0.81952952268770163</v>
      </c>
      <c r="B12424" s="1"/>
      <c r="C12424">
        <v>7</v>
      </c>
      <c r="D12424" t="s">
        <v>23063</v>
      </c>
      <c r="E12424" t="s">
        <v>34018</v>
      </c>
      <c r="F12424">
        <v>3</v>
      </c>
      <c r="G12424" t="s">
        <v>9</v>
      </c>
      <c r="H12424" t="s">
        <v>23064</v>
      </c>
      <c r="I12424" t="s">
        <v>30540</v>
      </c>
    </row>
    <row r="12425" spans="1:9">
      <c r="A12425" s="1">
        <f ca="1">RAND()</f>
        <v>8.4552688280612909E-2</v>
      </c>
      <c r="B12425" s="1"/>
      <c r="C12425">
        <v>20</v>
      </c>
      <c r="D12425" t="s">
        <v>23059</v>
      </c>
      <c r="E12425" t="s">
        <v>34019</v>
      </c>
      <c r="F12425">
        <v>5</v>
      </c>
      <c r="G12425" t="s">
        <v>1</v>
      </c>
      <c r="H12425" t="s">
        <v>23060</v>
      </c>
      <c r="I12425" t="s">
        <v>30540</v>
      </c>
    </row>
    <row r="12426" spans="1:9">
      <c r="A12426" s="1">
        <f ca="1">RAND()</f>
        <v>0.18442647468392459</v>
      </c>
      <c r="B12426" s="1"/>
      <c r="C12426">
        <v>3</v>
      </c>
      <c r="D12426" t="s">
        <v>23051</v>
      </c>
      <c r="E12426" t="s">
        <v>34019</v>
      </c>
      <c r="F12426">
        <v>5</v>
      </c>
      <c r="G12426" t="s">
        <v>9</v>
      </c>
      <c r="H12426" t="s">
        <v>23052</v>
      </c>
      <c r="I12426" t="s">
        <v>30540</v>
      </c>
    </row>
    <row r="12427" spans="1:9">
      <c r="A12427" s="1">
        <f ca="1">RAND()</f>
        <v>0.74884175929467756</v>
      </c>
      <c r="B12427" s="1"/>
      <c r="C12427">
        <v>7</v>
      </c>
      <c r="D12427" t="s">
        <v>23055</v>
      </c>
      <c r="E12427" t="s">
        <v>34019</v>
      </c>
      <c r="F12427">
        <v>4</v>
      </c>
      <c r="G12427" t="s">
        <v>9</v>
      </c>
      <c r="H12427" t="s">
        <v>23056</v>
      </c>
      <c r="I12427" t="s">
        <v>30540</v>
      </c>
    </row>
    <row r="12428" spans="1:9">
      <c r="A12428" s="1">
        <f ca="1">RAND()</f>
        <v>0.26762159921383544</v>
      </c>
      <c r="B12428" s="1"/>
      <c r="C12428">
        <v>4</v>
      </c>
      <c r="D12428" t="s">
        <v>23053</v>
      </c>
      <c r="E12428" t="s">
        <v>34019</v>
      </c>
      <c r="F12428">
        <v>3</v>
      </c>
      <c r="G12428" t="s">
        <v>2</v>
      </c>
      <c r="H12428" t="s">
        <v>23054</v>
      </c>
      <c r="I12428" t="s">
        <v>30540</v>
      </c>
    </row>
    <row r="12429" spans="1:9">
      <c r="A12429" s="1">
        <f ca="1">RAND()</f>
        <v>0.43835618007715316</v>
      </c>
      <c r="B12429" s="1"/>
      <c r="C12429">
        <v>13</v>
      </c>
      <c r="D12429" t="s">
        <v>23057</v>
      </c>
      <c r="E12429" t="s">
        <v>34019</v>
      </c>
      <c r="F12429">
        <v>2</v>
      </c>
      <c r="G12429" t="s">
        <v>14</v>
      </c>
      <c r="H12429" t="s">
        <v>23058</v>
      </c>
      <c r="I12429" t="s">
        <v>30540</v>
      </c>
    </row>
    <row r="12430" spans="1:9">
      <c r="A12430" s="1">
        <f ca="1">RAND()</f>
        <v>0.39603866564036072</v>
      </c>
      <c r="B12430" s="1"/>
      <c r="C12430">
        <v>6</v>
      </c>
      <c r="D12430" t="s">
        <v>23041</v>
      </c>
      <c r="E12430" t="s">
        <v>34020</v>
      </c>
      <c r="F12430">
        <v>5</v>
      </c>
      <c r="G12430" t="s">
        <v>2</v>
      </c>
      <c r="H12430" t="s">
        <v>23042</v>
      </c>
      <c r="I12430" t="s">
        <v>30540</v>
      </c>
    </row>
    <row r="12431" spans="1:9">
      <c r="A12431" s="1">
        <f ca="1">RAND()</f>
        <v>0.13838239240417682</v>
      </c>
      <c r="B12431" s="1"/>
      <c r="C12431">
        <v>18</v>
      </c>
      <c r="D12431" t="s">
        <v>23047</v>
      </c>
      <c r="E12431" t="s">
        <v>34020</v>
      </c>
      <c r="F12431">
        <v>4</v>
      </c>
      <c r="G12431" t="s">
        <v>1</v>
      </c>
      <c r="H12431" t="s">
        <v>23048</v>
      </c>
      <c r="I12431" t="s">
        <v>30540</v>
      </c>
    </row>
    <row r="12432" spans="1:9">
      <c r="A12432" s="1">
        <f ca="1">RAND()</f>
        <v>0.92788774195690549</v>
      </c>
      <c r="B12432" s="1"/>
      <c r="C12432">
        <v>19</v>
      </c>
      <c r="D12432" t="s">
        <v>23049</v>
      </c>
      <c r="E12432" t="s">
        <v>34020</v>
      </c>
      <c r="F12432">
        <v>4</v>
      </c>
      <c r="G12432" t="s">
        <v>10</v>
      </c>
      <c r="H12432" t="s">
        <v>23050</v>
      </c>
      <c r="I12432" t="s">
        <v>30540</v>
      </c>
    </row>
    <row r="12433" spans="1:9">
      <c r="A12433" s="1">
        <f ca="1">RAND()</f>
        <v>0.21885815626140981</v>
      </c>
      <c r="B12433" s="1"/>
      <c r="C12433">
        <v>7</v>
      </c>
      <c r="D12433" t="s">
        <v>23043</v>
      </c>
      <c r="E12433" t="s">
        <v>34020</v>
      </c>
      <c r="F12433">
        <v>4</v>
      </c>
      <c r="G12433" t="s">
        <v>10</v>
      </c>
      <c r="H12433" t="s">
        <v>23044</v>
      </c>
      <c r="I12433" t="s">
        <v>30540</v>
      </c>
    </row>
    <row r="12434" spans="1:9">
      <c r="A12434" s="1">
        <f ca="1">RAND()</f>
        <v>0.91745578855202792</v>
      </c>
      <c r="B12434" s="1"/>
      <c r="C12434">
        <v>8</v>
      </c>
      <c r="D12434" t="s">
        <v>23045</v>
      </c>
      <c r="E12434" t="s">
        <v>34020</v>
      </c>
      <c r="F12434">
        <v>2</v>
      </c>
      <c r="G12434" t="s">
        <v>1</v>
      </c>
      <c r="H12434" t="s">
        <v>23046</v>
      </c>
      <c r="I12434" t="s">
        <v>30540</v>
      </c>
    </row>
    <row r="12435" spans="1:9">
      <c r="A12435" s="1">
        <f ca="1">RAND()</f>
        <v>0.73115248609544137</v>
      </c>
      <c r="B12435" s="1"/>
      <c r="C12435">
        <v>12</v>
      </c>
      <c r="D12435" t="s">
        <v>23039</v>
      </c>
      <c r="E12435" t="s">
        <v>34021</v>
      </c>
      <c r="F12435">
        <v>5</v>
      </c>
      <c r="G12435" t="s">
        <v>10</v>
      </c>
      <c r="H12435" t="s">
        <v>23040</v>
      </c>
      <c r="I12435" t="s">
        <v>30540</v>
      </c>
    </row>
    <row r="12436" spans="1:9">
      <c r="A12436" s="1">
        <f ca="1">RAND()</f>
        <v>0.7463589784144703</v>
      </c>
      <c r="B12436" s="1"/>
      <c r="C12436">
        <v>10</v>
      </c>
      <c r="D12436" t="s">
        <v>23037</v>
      </c>
      <c r="E12436" t="s">
        <v>34021</v>
      </c>
      <c r="F12436">
        <v>3</v>
      </c>
      <c r="G12436" t="s">
        <v>1</v>
      </c>
      <c r="H12436" t="s">
        <v>23038</v>
      </c>
      <c r="I12436" t="s">
        <v>30540</v>
      </c>
    </row>
    <row r="12437" spans="1:9">
      <c r="A12437" s="1">
        <f ca="1">RAND()</f>
        <v>0.71830438757630666</v>
      </c>
      <c r="B12437" s="1"/>
      <c r="C12437">
        <v>4</v>
      </c>
      <c r="D12437" t="s">
        <v>23033</v>
      </c>
      <c r="E12437" t="s">
        <v>34022</v>
      </c>
      <c r="F12437">
        <v>5</v>
      </c>
      <c r="G12437" t="s">
        <v>2</v>
      </c>
      <c r="H12437" t="s">
        <v>23034</v>
      </c>
      <c r="I12437" t="s">
        <v>30540</v>
      </c>
    </row>
    <row r="12438" spans="1:9">
      <c r="A12438" s="1">
        <f ca="1">RAND()</f>
        <v>0.26603419264736416</v>
      </c>
      <c r="B12438" s="1"/>
      <c r="C12438">
        <v>20</v>
      </c>
      <c r="D12438" t="s">
        <v>23035</v>
      </c>
      <c r="E12438" t="s">
        <v>34022</v>
      </c>
      <c r="F12438">
        <v>4</v>
      </c>
      <c r="G12438" t="s">
        <v>10</v>
      </c>
      <c r="H12438" t="s">
        <v>23036</v>
      </c>
      <c r="I12438" t="s">
        <v>30540</v>
      </c>
    </row>
    <row r="12439" spans="1:9">
      <c r="A12439" s="1">
        <f ca="1">RAND()</f>
        <v>0.45845247073967343</v>
      </c>
      <c r="B12439" s="1"/>
      <c r="C12439">
        <v>2</v>
      </c>
      <c r="D12439" t="s">
        <v>23031</v>
      </c>
      <c r="E12439" t="s">
        <v>34022</v>
      </c>
      <c r="F12439">
        <v>2</v>
      </c>
      <c r="G12439" t="s">
        <v>10</v>
      </c>
      <c r="H12439" t="s">
        <v>23032</v>
      </c>
      <c r="I12439" t="s">
        <v>30540</v>
      </c>
    </row>
    <row r="12440" spans="1:9">
      <c r="A12440" s="1">
        <f ca="1">RAND()</f>
        <v>0.67362531848325546</v>
      </c>
      <c r="B12440" s="1"/>
      <c r="C12440">
        <v>9</v>
      </c>
      <c r="D12440" t="s">
        <v>23023</v>
      </c>
      <c r="E12440" t="s">
        <v>34023</v>
      </c>
      <c r="F12440">
        <v>4</v>
      </c>
      <c r="G12440" t="s">
        <v>13</v>
      </c>
      <c r="H12440" t="s">
        <v>23024</v>
      </c>
      <c r="I12440" t="s">
        <v>30540</v>
      </c>
    </row>
    <row r="12441" spans="1:9">
      <c r="A12441" s="1">
        <f ca="1">RAND()</f>
        <v>0.3406791583421297</v>
      </c>
      <c r="B12441" s="1"/>
      <c r="C12441">
        <v>17</v>
      </c>
      <c r="D12441" t="s">
        <v>23029</v>
      </c>
      <c r="E12441" t="s">
        <v>34023</v>
      </c>
      <c r="F12441">
        <v>4</v>
      </c>
      <c r="G12441" t="s">
        <v>9</v>
      </c>
      <c r="H12441" t="s">
        <v>23030</v>
      </c>
      <c r="I12441" t="s">
        <v>30540</v>
      </c>
    </row>
    <row r="12442" spans="1:9">
      <c r="A12442" s="1">
        <f ca="1">RAND()</f>
        <v>7.2391116127941468E-2</v>
      </c>
      <c r="B12442" s="1"/>
      <c r="C12442">
        <v>14</v>
      </c>
      <c r="D12442" t="s">
        <v>23025</v>
      </c>
      <c r="E12442" t="s">
        <v>34023</v>
      </c>
      <c r="F12442">
        <v>4</v>
      </c>
      <c r="G12442" t="s">
        <v>1</v>
      </c>
      <c r="H12442" t="s">
        <v>23026</v>
      </c>
      <c r="I12442" t="s">
        <v>30540</v>
      </c>
    </row>
    <row r="12443" spans="1:9">
      <c r="A12443" s="1">
        <f ca="1">RAND()</f>
        <v>0.13941352222274606</v>
      </c>
      <c r="B12443" s="1"/>
      <c r="C12443">
        <v>15</v>
      </c>
      <c r="D12443" t="s">
        <v>23027</v>
      </c>
      <c r="E12443" t="s">
        <v>34023</v>
      </c>
      <c r="F12443">
        <v>2</v>
      </c>
      <c r="G12443" t="s">
        <v>10</v>
      </c>
      <c r="H12443" t="s">
        <v>23028</v>
      </c>
      <c r="I12443" t="s">
        <v>30540</v>
      </c>
    </row>
    <row r="12444" spans="1:9">
      <c r="A12444" s="1">
        <f ca="1">RAND()</f>
        <v>0.62784825962650481</v>
      </c>
      <c r="B12444" s="1"/>
      <c r="C12444">
        <v>3</v>
      </c>
      <c r="D12444" t="s">
        <v>23021</v>
      </c>
      <c r="E12444" t="s">
        <v>34023</v>
      </c>
      <c r="F12444">
        <v>2</v>
      </c>
      <c r="G12444" t="s">
        <v>10</v>
      </c>
      <c r="H12444" t="s">
        <v>23022</v>
      </c>
      <c r="I12444" t="s">
        <v>30540</v>
      </c>
    </row>
    <row r="12445" spans="1:9">
      <c r="A12445" s="1">
        <f ca="1">RAND()</f>
        <v>0.94672124291467219</v>
      </c>
      <c r="B12445" s="1"/>
      <c r="C12445">
        <v>7</v>
      </c>
      <c r="D12445" t="s">
        <v>23015</v>
      </c>
      <c r="E12445" t="s">
        <v>34024</v>
      </c>
      <c r="F12445">
        <v>4</v>
      </c>
      <c r="G12445" t="s">
        <v>10</v>
      </c>
      <c r="H12445" t="s">
        <v>23016</v>
      </c>
      <c r="I12445" t="s">
        <v>30540</v>
      </c>
    </row>
    <row r="12446" spans="1:9">
      <c r="A12446" s="1">
        <f ca="1">RAND()</f>
        <v>5.9928133109541259E-2</v>
      </c>
      <c r="B12446" s="1"/>
      <c r="C12446">
        <v>14</v>
      </c>
      <c r="D12446" t="s">
        <v>23019</v>
      </c>
      <c r="E12446" t="s">
        <v>34024</v>
      </c>
      <c r="F12446">
        <v>4</v>
      </c>
      <c r="G12446" t="s">
        <v>10</v>
      </c>
      <c r="H12446" t="s">
        <v>23020</v>
      </c>
      <c r="I12446" t="s">
        <v>30540</v>
      </c>
    </row>
    <row r="12447" spans="1:9">
      <c r="A12447" s="1">
        <f ca="1">RAND()</f>
        <v>0.71592632242259568</v>
      </c>
      <c r="B12447" s="1"/>
      <c r="C12447">
        <v>9</v>
      </c>
      <c r="D12447" t="s">
        <v>23017</v>
      </c>
      <c r="E12447" t="s">
        <v>34024</v>
      </c>
      <c r="F12447">
        <v>4</v>
      </c>
      <c r="G12447" t="s">
        <v>9</v>
      </c>
      <c r="H12447" t="s">
        <v>23018</v>
      </c>
      <c r="I12447" t="s">
        <v>30540</v>
      </c>
    </row>
    <row r="12448" spans="1:9">
      <c r="A12448" s="1">
        <f ca="1">RAND()</f>
        <v>9.5187384202754077E-2</v>
      </c>
      <c r="B12448" s="1"/>
      <c r="C12448">
        <v>9</v>
      </c>
      <c r="D12448" t="s">
        <v>23011</v>
      </c>
      <c r="E12448" t="s">
        <v>34025</v>
      </c>
      <c r="F12448">
        <v>4</v>
      </c>
      <c r="G12448" t="s">
        <v>14</v>
      </c>
      <c r="H12448" t="s">
        <v>23012</v>
      </c>
      <c r="I12448" t="s">
        <v>30540</v>
      </c>
    </row>
    <row r="12449" spans="1:9">
      <c r="A12449" s="1">
        <f ca="1">RAND()</f>
        <v>0.94767985435117441</v>
      </c>
      <c r="B12449" s="1"/>
      <c r="C12449">
        <v>11</v>
      </c>
      <c r="D12449" t="s">
        <v>23013</v>
      </c>
      <c r="E12449" t="s">
        <v>34025</v>
      </c>
      <c r="F12449">
        <v>4</v>
      </c>
      <c r="G12449" t="s">
        <v>14</v>
      </c>
      <c r="H12449" t="s">
        <v>23014</v>
      </c>
      <c r="I12449" t="s">
        <v>30540</v>
      </c>
    </row>
    <row r="12450" spans="1:9">
      <c r="A12450" s="1">
        <f ca="1">RAND()</f>
        <v>0.57265114919226501</v>
      </c>
      <c r="B12450" s="1"/>
      <c r="C12450">
        <v>18</v>
      </c>
      <c r="D12450" t="s">
        <v>23009</v>
      </c>
      <c r="E12450" t="s">
        <v>34026</v>
      </c>
      <c r="F12450">
        <v>5</v>
      </c>
      <c r="G12450" t="s">
        <v>10</v>
      </c>
      <c r="H12450" t="s">
        <v>23010</v>
      </c>
      <c r="I12450" t="s">
        <v>30540</v>
      </c>
    </row>
    <row r="12451" spans="1:9">
      <c r="A12451" s="1">
        <f ca="1">RAND()</f>
        <v>0.63342237061719964</v>
      </c>
      <c r="B12451" s="1"/>
      <c r="C12451">
        <v>1</v>
      </c>
      <c r="D12451" t="s">
        <v>23003</v>
      </c>
      <c r="E12451" t="s">
        <v>34026</v>
      </c>
      <c r="F12451">
        <v>4</v>
      </c>
      <c r="G12451" t="s">
        <v>0</v>
      </c>
      <c r="H12451" t="s">
        <v>23004</v>
      </c>
      <c r="I12451" t="s">
        <v>30540</v>
      </c>
    </row>
    <row r="12452" spans="1:9">
      <c r="A12452" s="1">
        <f ca="1">RAND()</f>
        <v>0.98085538044875686</v>
      </c>
      <c r="B12452" s="1"/>
      <c r="C12452">
        <v>7</v>
      </c>
      <c r="D12452" t="s">
        <v>23005</v>
      </c>
      <c r="E12452" t="s">
        <v>34026</v>
      </c>
      <c r="F12452">
        <v>4</v>
      </c>
      <c r="G12452" t="s">
        <v>10</v>
      </c>
      <c r="H12452" t="s">
        <v>23006</v>
      </c>
      <c r="I12452" t="s">
        <v>30540</v>
      </c>
    </row>
    <row r="12453" spans="1:9">
      <c r="A12453" s="1">
        <f ca="1">RAND()</f>
        <v>0.50110752702449823</v>
      </c>
      <c r="B12453" s="1"/>
      <c r="C12453">
        <v>16</v>
      </c>
      <c r="D12453" t="s">
        <v>23007</v>
      </c>
      <c r="E12453" t="s">
        <v>34026</v>
      </c>
      <c r="F12453">
        <v>4</v>
      </c>
      <c r="G12453" t="s">
        <v>10</v>
      </c>
      <c r="H12453" t="s">
        <v>23008</v>
      </c>
      <c r="I12453" t="s">
        <v>30540</v>
      </c>
    </row>
    <row r="12454" spans="1:9">
      <c r="A12454" s="1">
        <f ca="1">RAND()</f>
        <v>0.2152123379386921</v>
      </c>
      <c r="B12454" s="1"/>
      <c r="C12454">
        <v>18</v>
      </c>
      <c r="D12454" t="s">
        <v>23001</v>
      </c>
      <c r="E12454" t="s">
        <v>34027</v>
      </c>
      <c r="F12454">
        <v>4</v>
      </c>
      <c r="G12454" t="s">
        <v>14</v>
      </c>
      <c r="H12454" t="s">
        <v>23002</v>
      </c>
      <c r="I12454" t="s">
        <v>30540</v>
      </c>
    </row>
    <row r="12455" spans="1:9">
      <c r="A12455" s="1">
        <f ca="1">RAND()</f>
        <v>0.70983750127906264</v>
      </c>
      <c r="B12455" s="1"/>
      <c r="C12455">
        <v>11</v>
      </c>
      <c r="D12455" t="s">
        <v>22999</v>
      </c>
      <c r="E12455" t="s">
        <v>34027</v>
      </c>
      <c r="F12455">
        <v>2</v>
      </c>
      <c r="G12455" t="s">
        <v>770</v>
      </c>
      <c r="H12455" t="s">
        <v>23000</v>
      </c>
      <c r="I12455" t="s">
        <v>30540</v>
      </c>
    </row>
    <row r="12456" spans="1:9">
      <c r="A12456" s="1">
        <f ca="1">RAND()</f>
        <v>0.11879495953131158</v>
      </c>
      <c r="B12456" s="1"/>
      <c r="C12456">
        <v>8</v>
      </c>
      <c r="D12456" t="s">
        <v>22991</v>
      </c>
      <c r="E12456" t="s">
        <v>34028</v>
      </c>
      <c r="F12456">
        <v>4</v>
      </c>
      <c r="G12456" t="s">
        <v>14</v>
      </c>
      <c r="H12456" t="s">
        <v>22992</v>
      </c>
      <c r="I12456" t="s">
        <v>30540</v>
      </c>
    </row>
    <row r="12457" spans="1:9">
      <c r="A12457" s="1">
        <f ca="1">RAND()</f>
        <v>0.42658079408831751</v>
      </c>
      <c r="B12457" s="1"/>
      <c r="C12457">
        <v>15</v>
      </c>
      <c r="D12457" t="s">
        <v>22995</v>
      </c>
      <c r="E12457" t="s">
        <v>34028</v>
      </c>
      <c r="F12457">
        <v>4</v>
      </c>
      <c r="G12457" t="s">
        <v>0</v>
      </c>
      <c r="H12457" t="s">
        <v>22996</v>
      </c>
      <c r="I12457" t="s">
        <v>30540</v>
      </c>
    </row>
    <row r="12458" spans="1:9">
      <c r="A12458" s="1">
        <f ca="1">RAND()</f>
        <v>0.26350739948140678</v>
      </c>
      <c r="B12458" s="1"/>
      <c r="C12458">
        <v>19</v>
      </c>
      <c r="D12458" t="s">
        <v>22997</v>
      </c>
      <c r="E12458" t="s">
        <v>34028</v>
      </c>
      <c r="F12458">
        <v>4</v>
      </c>
      <c r="G12458" t="s">
        <v>0</v>
      </c>
      <c r="H12458" t="s">
        <v>22998</v>
      </c>
      <c r="I12458" t="s">
        <v>30540</v>
      </c>
    </row>
    <row r="12459" spans="1:9">
      <c r="A12459" s="1">
        <f ca="1">RAND()</f>
        <v>0.39695923782278175</v>
      </c>
      <c r="B12459" s="1"/>
      <c r="C12459">
        <v>14</v>
      </c>
      <c r="D12459" t="s">
        <v>22993</v>
      </c>
      <c r="E12459" t="s">
        <v>34028</v>
      </c>
      <c r="F12459">
        <v>3</v>
      </c>
      <c r="G12459" t="s">
        <v>14</v>
      </c>
      <c r="H12459" t="s">
        <v>22994</v>
      </c>
      <c r="I12459" t="s">
        <v>30540</v>
      </c>
    </row>
    <row r="12460" spans="1:9">
      <c r="A12460" s="1">
        <f ca="1">RAND()</f>
        <v>3.1874581847359806E-3</v>
      </c>
      <c r="B12460" s="1"/>
      <c r="C12460">
        <v>7</v>
      </c>
      <c r="D12460" t="s">
        <v>22985</v>
      </c>
      <c r="E12460" t="s">
        <v>34029</v>
      </c>
      <c r="F12460">
        <v>4</v>
      </c>
      <c r="G12460" t="s">
        <v>14</v>
      </c>
      <c r="H12460" t="s">
        <v>22986</v>
      </c>
      <c r="I12460" t="s">
        <v>30540</v>
      </c>
    </row>
    <row r="12461" spans="1:9">
      <c r="A12461" s="1">
        <f ca="1">RAND()</f>
        <v>0.58830119218049259</v>
      </c>
      <c r="B12461" s="1"/>
      <c r="C12461">
        <v>13</v>
      </c>
      <c r="D12461" t="s">
        <v>22989</v>
      </c>
      <c r="E12461" t="s">
        <v>34029</v>
      </c>
      <c r="F12461">
        <v>4</v>
      </c>
      <c r="G12461" t="s">
        <v>14</v>
      </c>
      <c r="H12461" t="s">
        <v>22990</v>
      </c>
      <c r="I12461" t="s">
        <v>30540</v>
      </c>
    </row>
    <row r="12462" spans="1:9">
      <c r="A12462" s="1">
        <f ca="1">RAND()</f>
        <v>0.89752990925003673</v>
      </c>
      <c r="B12462" s="1"/>
      <c r="C12462">
        <v>2</v>
      </c>
      <c r="D12462" t="s">
        <v>22983</v>
      </c>
      <c r="E12462" t="s">
        <v>34029</v>
      </c>
      <c r="F12462">
        <v>4</v>
      </c>
      <c r="G12462" t="s">
        <v>14</v>
      </c>
      <c r="H12462" t="s">
        <v>22984</v>
      </c>
      <c r="I12462" t="s">
        <v>30540</v>
      </c>
    </row>
    <row r="12463" spans="1:9">
      <c r="A12463" s="1">
        <f ca="1">RAND()</f>
        <v>0.77334892328013982</v>
      </c>
      <c r="B12463" s="1"/>
      <c r="C12463">
        <v>8</v>
      </c>
      <c r="D12463" t="s">
        <v>22987</v>
      </c>
      <c r="E12463" t="s">
        <v>34029</v>
      </c>
      <c r="F12463">
        <v>2</v>
      </c>
      <c r="G12463" t="s">
        <v>14</v>
      </c>
      <c r="H12463" t="s">
        <v>22988</v>
      </c>
      <c r="I12463" t="s">
        <v>30540</v>
      </c>
    </row>
    <row r="12464" spans="1:9">
      <c r="A12464" s="1">
        <f ca="1">RAND()</f>
        <v>0.10134351566241406</v>
      </c>
      <c r="B12464" s="1"/>
      <c r="C12464">
        <v>12</v>
      </c>
      <c r="D12464" t="s">
        <v>22981</v>
      </c>
      <c r="E12464" t="s">
        <v>34030</v>
      </c>
      <c r="F12464">
        <v>5</v>
      </c>
      <c r="G12464" t="s">
        <v>14</v>
      </c>
      <c r="H12464" t="s">
        <v>22982</v>
      </c>
      <c r="I12464" t="s">
        <v>30540</v>
      </c>
    </row>
    <row r="12465" spans="1:9">
      <c r="A12465" s="1">
        <f ca="1">RAND()</f>
        <v>0.933634451921315</v>
      </c>
      <c r="B12465" s="1"/>
      <c r="C12465">
        <v>9</v>
      </c>
      <c r="D12465" t="s">
        <v>22977</v>
      </c>
      <c r="E12465" t="s">
        <v>34031</v>
      </c>
      <c r="F12465">
        <v>4</v>
      </c>
      <c r="G12465" t="s">
        <v>14</v>
      </c>
      <c r="H12465" t="s">
        <v>22978</v>
      </c>
      <c r="I12465" t="s">
        <v>30540</v>
      </c>
    </row>
    <row r="12466" spans="1:9">
      <c r="A12466" s="1">
        <f ca="1">RAND()</f>
        <v>0.10306583810476944</v>
      </c>
      <c r="B12466" s="1"/>
      <c r="C12466">
        <v>11</v>
      </c>
      <c r="D12466" t="s">
        <v>22979</v>
      </c>
      <c r="E12466" t="s">
        <v>34031</v>
      </c>
      <c r="F12466">
        <v>4</v>
      </c>
      <c r="G12466" t="s">
        <v>14</v>
      </c>
      <c r="H12466" t="s">
        <v>22980</v>
      </c>
      <c r="I12466" t="s">
        <v>30540</v>
      </c>
    </row>
    <row r="12467" spans="1:9">
      <c r="A12467" s="1">
        <f ca="1">RAND()</f>
        <v>0.9881854099543238</v>
      </c>
      <c r="B12467" s="1"/>
      <c r="C12467">
        <v>2</v>
      </c>
      <c r="D12467" t="s">
        <v>22975</v>
      </c>
      <c r="E12467" t="s">
        <v>34031</v>
      </c>
      <c r="F12467">
        <v>4</v>
      </c>
      <c r="G12467" t="s">
        <v>2</v>
      </c>
      <c r="H12467" t="s">
        <v>22976</v>
      </c>
      <c r="I12467" t="s">
        <v>30540</v>
      </c>
    </row>
    <row r="12468" spans="1:9">
      <c r="A12468" s="1">
        <f ca="1">RAND()</f>
        <v>0.64304143508577338</v>
      </c>
      <c r="B12468" s="1"/>
      <c r="C12468">
        <v>5</v>
      </c>
      <c r="D12468" t="s">
        <v>26691</v>
      </c>
      <c r="E12468" t="s">
        <v>34032</v>
      </c>
      <c r="F12468">
        <v>5</v>
      </c>
      <c r="G12468" t="s">
        <v>9</v>
      </c>
      <c r="H12468" t="s">
        <v>26692</v>
      </c>
      <c r="I12468" t="s">
        <v>30540</v>
      </c>
    </row>
    <row r="12469" spans="1:9">
      <c r="A12469" s="1">
        <f ca="1">RAND()</f>
        <v>0.74668861180221258</v>
      </c>
      <c r="B12469" s="1"/>
      <c r="C12469">
        <v>1</v>
      </c>
      <c r="D12469" t="s">
        <v>26689</v>
      </c>
      <c r="E12469" t="s">
        <v>34032</v>
      </c>
      <c r="F12469">
        <v>4</v>
      </c>
      <c r="G12469" t="s">
        <v>2</v>
      </c>
      <c r="H12469" t="s">
        <v>26690</v>
      </c>
      <c r="I12469" t="s">
        <v>30540</v>
      </c>
    </row>
    <row r="12470" spans="1:9">
      <c r="A12470" s="1">
        <f ca="1">RAND()</f>
        <v>0.30459175063113819</v>
      </c>
      <c r="B12470" s="1"/>
      <c r="C12470">
        <v>14</v>
      </c>
      <c r="D12470" t="s">
        <v>26693</v>
      </c>
      <c r="E12470" t="s">
        <v>34032</v>
      </c>
      <c r="F12470">
        <v>4</v>
      </c>
      <c r="G12470" t="s">
        <v>2</v>
      </c>
      <c r="H12470" t="s">
        <v>26694</v>
      </c>
      <c r="I12470" t="s">
        <v>30540</v>
      </c>
    </row>
    <row r="12471" spans="1:9">
      <c r="A12471" s="1">
        <f ca="1">RAND()</f>
        <v>0.13796039963239104</v>
      </c>
      <c r="B12471" s="1"/>
      <c r="C12471">
        <v>3</v>
      </c>
      <c r="D12471" t="s">
        <v>26677</v>
      </c>
      <c r="E12471" t="s">
        <v>34033</v>
      </c>
      <c r="F12471">
        <v>5</v>
      </c>
      <c r="G12471" t="s">
        <v>14</v>
      </c>
      <c r="H12471" t="s">
        <v>26678</v>
      </c>
      <c r="I12471" t="s">
        <v>30540</v>
      </c>
    </row>
    <row r="12472" spans="1:9">
      <c r="A12472" s="1">
        <f ca="1">RAND()</f>
        <v>0.66543647907852299</v>
      </c>
      <c r="B12472" s="1"/>
      <c r="C12472">
        <v>6</v>
      </c>
      <c r="D12472" t="s">
        <v>26679</v>
      </c>
      <c r="E12472" t="s">
        <v>34033</v>
      </c>
      <c r="F12472">
        <v>5</v>
      </c>
      <c r="G12472" t="s">
        <v>9</v>
      </c>
      <c r="H12472" t="s">
        <v>26680</v>
      </c>
      <c r="I12472" t="s">
        <v>30540</v>
      </c>
    </row>
    <row r="12473" spans="1:9">
      <c r="A12473" s="1">
        <f ca="1">RAND()</f>
        <v>0.18586660004144695</v>
      </c>
      <c r="B12473" s="1"/>
      <c r="C12473">
        <v>20</v>
      </c>
      <c r="D12473" t="s">
        <v>26687</v>
      </c>
      <c r="E12473" t="s">
        <v>34033</v>
      </c>
      <c r="F12473">
        <v>4</v>
      </c>
      <c r="G12473" t="s">
        <v>14</v>
      </c>
      <c r="H12473" t="s">
        <v>26688</v>
      </c>
      <c r="I12473" t="s">
        <v>30540</v>
      </c>
    </row>
    <row r="12474" spans="1:9">
      <c r="A12474" s="1">
        <f ca="1">RAND()</f>
        <v>0.62210914231129899</v>
      </c>
      <c r="B12474" s="1"/>
      <c r="C12474">
        <v>9</v>
      </c>
      <c r="D12474" t="s">
        <v>26683</v>
      </c>
      <c r="E12474" t="s">
        <v>34033</v>
      </c>
      <c r="F12474">
        <v>4</v>
      </c>
      <c r="G12474" t="s">
        <v>9</v>
      </c>
      <c r="H12474" t="s">
        <v>26684</v>
      </c>
      <c r="I12474" t="s">
        <v>30540</v>
      </c>
    </row>
    <row r="12475" spans="1:9">
      <c r="A12475" s="1">
        <f ca="1">RAND()</f>
        <v>0.34952290843054246</v>
      </c>
      <c r="B12475" s="1"/>
      <c r="C12475">
        <v>19</v>
      </c>
      <c r="D12475" t="s">
        <v>26685</v>
      </c>
      <c r="E12475" t="s">
        <v>34033</v>
      </c>
      <c r="F12475">
        <v>4</v>
      </c>
      <c r="G12475" t="s">
        <v>14</v>
      </c>
      <c r="H12475" t="s">
        <v>26686</v>
      </c>
      <c r="I12475" t="s">
        <v>30540</v>
      </c>
    </row>
    <row r="12476" spans="1:9">
      <c r="A12476" s="1">
        <f ca="1">RAND()</f>
        <v>0.21098911570592616</v>
      </c>
      <c r="B12476" s="1"/>
      <c r="C12476">
        <v>8</v>
      </c>
      <c r="D12476" t="s">
        <v>26681</v>
      </c>
      <c r="E12476" t="s">
        <v>34033</v>
      </c>
      <c r="F12476">
        <v>3</v>
      </c>
      <c r="G12476" t="s">
        <v>14</v>
      </c>
      <c r="H12476" t="s">
        <v>26682</v>
      </c>
      <c r="I12476" t="s">
        <v>30540</v>
      </c>
    </row>
    <row r="12477" spans="1:9">
      <c r="A12477" s="1">
        <f ca="1">RAND()</f>
        <v>0.87293412911169144</v>
      </c>
      <c r="B12477" s="1"/>
      <c r="C12477">
        <v>3</v>
      </c>
      <c r="D12477" t="s">
        <v>26669</v>
      </c>
      <c r="E12477" t="s">
        <v>34034</v>
      </c>
      <c r="F12477">
        <v>4</v>
      </c>
      <c r="G12477" t="s">
        <v>14</v>
      </c>
      <c r="H12477" t="s">
        <v>26670</v>
      </c>
      <c r="I12477" t="s">
        <v>30540</v>
      </c>
    </row>
    <row r="12478" spans="1:9">
      <c r="A12478" s="1">
        <f ca="1">RAND()</f>
        <v>0.66911430017302786</v>
      </c>
      <c r="B12478" s="1"/>
      <c r="C12478">
        <v>10</v>
      </c>
      <c r="D12478" t="s">
        <v>26673</v>
      </c>
      <c r="E12478" t="s">
        <v>34034</v>
      </c>
      <c r="F12478">
        <v>4</v>
      </c>
      <c r="G12478" t="s">
        <v>1</v>
      </c>
      <c r="H12478" t="s">
        <v>26674</v>
      </c>
      <c r="I12478" t="s">
        <v>30540</v>
      </c>
    </row>
    <row r="12479" spans="1:9">
      <c r="A12479" s="1">
        <f ca="1">RAND()</f>
        <v>3.687879755863599E-2</v>
      </c>
      <c r="B12479" s="1"/>
      <c r="C12479">
        <v>11</v>
      </c>
      <c r="D12479" t="s">
        <v>26675</v>
      </c>
      <c r="E12479" t="s">
        <v>34034</v>
      </c>
      <c r="F12479">
        <v>4</v>
      </c>
      <c r="G12479" t="s">
        <v>14</v>
      </c>
      <c r="H12479" t="s">
        <v>26676</v>
      </c>
      <c r="I12479" t="s">
        <v>30540</v>
      </c>
    </row>
    <row r="12480" spans="1:9">
      <c r="A12480" s="1">
        <f ca="1">RAND()</f>
        <v>0.31378992933758354</v>
      </c>
      <c r="B12480" s="1"/>
      <c r="C12480">
        <v>9</v>
      </c>
      <c r="D12480" t="s">
        <v>26671</v>
      </c>
      <c r="E12480" t="s">
        <v>34034</v>
      </c>
      <c r="F12480">
        <v>2</v>
      </c>
      <c r="G12480" t="s">
        <v>14</v>
      </c>
      <c r="H12480" t="s">
        <v>26672</v>
      </c>
      <c r="I12480" t="s">
        <v>30540</v>
      </c>
    </row>
    <row r="12481" spans="1:9">
      <c r="A12481" s="1">
        <f ca="1">RAND()</f>
        <v>0.22538923356951979</v>
      </c>
      <c r="B12481" s="1"/>
      <c r="C12481">
        <v>14</v>
      </c>
      <c r="D12481" t="s">
        <v>26663</v>
      </c>
      <c r="E12481" t="s">
        <v>34035</v>
      </c>
      <c r="F12481">
        <v>5</v>
      </c>
      <c r="G12481" t="s">
        <v>14</v>
      </c>
      <c r="H12481" t="s">
        <v>26664</v>
      </c>
      <c r="I12481" t="s">
        <v>30540</v>
      </c>
    </row>
    <row r="12482" spans="1:9">
      <c r="A12482" s="1">
        <f ca="1">RAND()</f>
        <v>5.3551697864907544E-3</v>
      </c>
      <c r="B12482" s="1"/>
      <c r="C12482">
        <v>17</v>
      </c>
      <c r="D12482" t="s">
        <v>26667</v>
      </c>
      <c r="E12482" t="s">
        <v>34035</v>
      </c>
      <c r="F12482">
        <v>4</v>
      </c>
      <c r="G12482" t="s">
        <v>9</v>
      </c>
      <c r="H12482" t="s">
        <v>26668</v>
      </c>
      <c r="I12482" t="s">
        <v>30540</v>
      </c>
    </row>
    <row r="12483" spans="1:9">
      <c r="A12483" s="1">
        <f ca="1">RAND()</f>
        <v>0.28604023534581113</v>
      </c>
      <c r="B12483" s="1"/>
      <c r="C12483">
        <v>16</v>
      </c>
      <c r="D12483" t="s">
        <v>26665</v>
      </c>
      <c r="E12483" t="s">
        <v>34035</v>
      </c>
      <c r="F12483">
        <v>2</v>
      </c>
      <c r="G12483" t="s">
        <v>14</v>
      </c>
      <c r="H12483" t="s">
        <v>26666</v>
      </c>
      <c r="I12483" t="s">
        <v>30540</v>
      </c>
    </row>
    <row r="12484" spans="1:9">
      <c r="A12484" s="1">
        <f ca="1">RAND()</f>
        <v>0.11800779151288432</v>
      </c>
      <c r="B12484" s="1"/>
      <c r="C12484">
        <v>18</v>
      </c>
      <c r="D12484" t="s">
        <v>26661</v>
      </c>
      <c r="E12484" t="s">
        <v>34036</v>
      </c>
      <c r="F12484">
        <v>5</v>
      </c>
      <c r="G12484" t="s">
        <v>14</v>
      </c>
      <c r="H12484" t="s">
        <v>26662</v>
      </c>
      <c r="I12484" t="s">
        <v>30540</v>
      </c>
    </row>
    <row r="12485" spans="1:9">
      <c r="A12485" s="1">
        <f ca="1">RAND()</f>
        <v>0.77696390239870827</v>
      </c>
      <c r="B12485" s="1"/>
      <c r="C12485">
        <v>7</v>
      </c>
      <c r="D12485" t="s">
        <v>26657</v>
      </c>
      <c r="E12485" t="s">
        <v>34036</v>
      </c>
      <c r="F12485">
        <v>4</v>
      </c>
      <c r="G12485" t="s">
        <v>2</v>
      </c>
      <c r="H12485" t="s">
        <v>26658</v>
      </c>
      <c r="I12485" t="s">
        <v>30540</v>
      </c>
    </row>
    <row r="12486" spans="1:9">
      <c r="A12486" s="1">
        <f ca="1">RAND()</f>
        <v>0.25360240240415166</v>
      </c>
      <c r="B12486" s="1"/>
      <c r="C12486">
        <v>9</v>
      </c>
      <c r="D12486" t="s">
        <v>26659</v>
      </c>
      <c r="E12486" t="s">
        <v>34036</v>
      </c>
      <c r="F12486">
        <v>4</v>
      </c>
      <c r="G12486" t="s">
        <v>14</v>
      </c>
      <c r="H12486" t="s">
        <v>26660</v>
      </c>
      <c r="I12486" t="s">
        <v>30540</v>
      </c>
    </row>
    <row r="12487" spans="1:9">
      <c r="A12487" s="1">
        <f ca="1">RAND()</f>
        <v>0.6946719685521745</v>
      </c>
      <c r="B12487" s="1"/>
      <c r="C12487">
        <v>5</v>
      </c>
      <c r="D12487" t="s">
        <v>26655</v>
      </c>
      <c r="E12487" t="s">
        <v>34036</v>
      </c>
      <c r="F12487">
        <v>4</v>
      </c>
      <c r="G12487" t="s">
        <v>15</v>
      </c>
      <c r="H12487" t="s">
        <v>26656</v>
      </c>
      <c r="I12487" t="s">
        <v>30540</v>
      </c>
    </row>
    <row r="12488" spans="1:9">
      <c r="A12488" s="1">
        <f ca="1">RAND()</f>
        <v>0.92913168414172176</v>
      </c>
      <c r="B12488" s="1"/>
      <c r="C12488">
        <v>4</v>
      </c>
      <c r="D12488" t="s">
        <v>26653</v>
      </c>
      <c r="E12488" t="s">
        <v>34036</v>
      </c>
      <c r="F12488">
        <v>2</v>
      </c>
      <c r="G12488" t="s">
        <v>10</v>
      </c>
      <c r="H12488" t="s">
        <v>26654</v>
      </c>
      <c r="I12488" t="s">
        <v>30540</v>
      </c>
    </row>
    <row r="12489" spans="1:9">
      <c r="A12489" s="1">
        <f ca="1">RAND()</f>
        <v>0.90754754518979064</v>
      </c>
      <c r="B12489" s="1"/>
      <c r="C12489">
        <v>6</v>
      </c>
      <c r="D12489" t="s">
        <v>26645</v>
      </c>
      <c r="E12489" t="s">
        <v>34037</v>
      </c>
      <c r="F12489">
        <v>4</v>
      </c>
      <c r="G12489" t="s">
        <v>9</v>
      </c>
      <c r="H12489" t="s">
        <v>26646</v>
      </c>
      <c r="I12489" t="s">
        <v>30540</v>
      </c>
    </row>
    <row r="12490" spans="1:9">
      <c r="A12490" s="1">
        <f ca="1">RAND()</f>
        <v>0.46446464018723232</v>
      </c>
      <c r="B12490" s="1"/>
      <c r="C12490">
        <v>2</v>
      </c>
      <c r="D12490" t="s">
        <v>26641</v>
      </c>
      <c r="E12490" t="s">
        <v>34037</v>
      </c>
      <c r="F12490">
        <v>4</v>
      </c>
      <c r="G12490" t="s">
        <v>0</v>
      </c>
      <c r="H12490" t="s">
        <v>26642</v>
      </c>
      <c r="I12490" t="s">
        <v>30540</v>
      </c>
    </row>
    <row r="12491" spans="1:9">
      <c r="A12491" s="1">
        <f ca="1">RAND()</f>
        <v>0.84585497492337869</v>
      </c>
      <c r="B12491" s="1"/>
      <c r="C12491">
        <v>16</v>
      </c>
      <c r="D12491" t="s">
        <v>26649</v>
      </c>
      <c r="E12491" t="s">
        <v>34037</v>
      </c>
      <c r="F12491">
        <v>4</v>
      </c>
      <c r="G12491" t="s">
        <v>14</v>
      </c>
      <c r="H12491" t="s">
        <v>26650</v>
      </c>
      <c r="I12491" t="s">
        <v>30540</v>
      </c>
    </row>
    <row r="12492" spans="1:9">
      <c r="A12492" s="1">
        <f ca="1">RAND()</f>
        <v>8.7225451935008635E-2</v>
      </c>
      <c r="B12492" s="1"/>
      <c r="C12492">
        <v>18</v>
      </c>
      <c r="D12492" t="s">
        <v>26651</v>
      </c>
      <c r="E12492" t="s">
        <v>34037</v>
      </c>
      <c r="F12492">
        <v>4</v>
      </c>
      <c r="G12492" t="s">
        <v>14</v>
      </c>
      <c r="H12492" t="s">
        <v>26652</v>
      </c>
      <c r="I12492" t="s">
        <v>30540</v>
      </c>
    </row>
    <row r="12493" spans="1:9">
      <c r="A12493" s="1">
        <f ca="1">RAND()</f>
        <v>0.45788510155161721</v>
      </c>
      <c r="B12493" s="1"/>
      <c r="C12493">
        <v>5</v>
      </c>
      <c r="D12493" t="s">
        <v>26643</v>
      </c>
      <c r="E12493" t="s">
        <v>34037</v>
      </c>
      <c r="F12493">
        <v>4</v>
      </c>
      <c r="G12493" t="s">
        <v>10</v>
      </c>
      <c r="H12493" t="s">
        <v>26644</v>
      </c>
      <c r="I12493" t="s">
        <v>30540</v>
      </c>
    </row>
    <row r="12494" spans="1:9">
      <c r="A12494" s="1">
        <f ca="1">RAND()</f>
        <v>0.61112959434988479</v>
      </c>
      <c r="B12494" s="1"/>
      <c r="C12494">
        <v>10</v>
      </c>
      <c r="D12494" t="s">
        <v>26647</v>
      </c>
      <c r="E12494" t="s">
        <v>34037</v>
      </c>
      <c r="F12494">
        <v>3</v>
      </c>
      <c r="G12494" t="s">
        <v>9</v>
      </c>
      <c r="H12494" t="s">
        <v>26648</v>
      </c>
      <c r="I12494" t="s">
        <v>30540</v>
      </c>
    </row>
    <row r="12495" spans="1:9">
      <c r="A12495" s="1">
        <f ca="1">RAND()</f>
        <v>0.61525389216442594</v>
      </c>
      <c r="B12495" s="1"/>
      <c r="C12495">
        <v>17</v>
      </c>
      <c r="D12495" t="s">
        <v>26639</v>
      </c>
      <c r="E12495" t="s">
        <v>34038</v>
      </c>
      <c r="F12495">
        <v>4</v>
      </c>
      <c r="G12495" t="s">
        <v>2</v>
      </c>
      <c r="H12495" t="s">
        <v>26640</v>
      </c>
      <c r="I12495" t="s">
        <v>30540</v>
      </c>
    </row>
    <row r="12496" spans="1:9">
      <c r="A12496" s="1">
        <f ca="1">RAND()</f>
        <v>0.14278726943840414</v>
      </c>
      <c r="B12496" s="1"/>
      <c r="C12496">
        <v>7</v>
      </c>
      <c r="D12496" t="s">
        <v>26635</v>
      </c>
      <c r="E12496" t="s">
        <v>34038</v>
      </c>
      <c r="F12496">
        <v>4</v>
      </c>
      <c r="G12496" t="s">
        <v>14</v>
      </c>
      <c r="H12496" t="s">
        <v>26636</v>
      </c>
      <c r="I12496" t="s">
        <v>30540</v>
      </c>
    </row>
    <row r="12497" spans="1:9">
      <c r="A12497" s="1">
        <f ca="1">RAND()</f>
        <v>0.19791656568732763</v>
      </c>
      <c r="B12497" s="1"/>
      <c r="C12497">
        <v>13</v>
      </c>
      <c r="D12497" t="s">
        <v>26637</v>
      </c>
      <c r="E12497" t="s">
        <v>34038</v>
      </c>
      <c r="F12497">
        <v>3</v>
      </c>
      <c r="G12497" t="s">
        <v>9</v>
      </c>
      <c r="H12497" t="s">
        <v>26638</v>
      </c>
      <c r="I12497" t="s">
        <v>30540</v>
      </c>
    </row>
    <row r="12498" spans="1:9">
      <c r="A12498" s="1">
        <f ca="1">RAND()</f>
        <v>0.27535636760655924</v>
      </c>
      <c r="B12498" s="1"/>
      <c r="C12498">
        <v>16</v>
      </c>
      <c r="D12498" t="s">
        <v>26631</v>
      </c>
      <c r="E12498" t="s">
        <v>34039</v>
      </c>
      <c r="F12498">
        <v>5</v>
      </c>
      <c r="G12498" t="s">
        <v>14</v>
      </c>
      <c r="H12498" t="s">
        <v>26632</v>
      </c>
      <c r="I12498" t="s">
        <v>30540</v>
      </c>
    </row>
    <row r="12499" spans="1:9">
      <c r="A12499" s="1">
        <f ca="1">RAND()</f>
        <v>0.52813939796135367</v>
      </c>
      <c r="B12499" s="1"/>
      <c r="C12499">
        <v>17</v>
      </c>
      <c r="D12499" t="s">
        <v>26633</v>
      </c>
      <c r="E12499" t="s">
        <v>34039</v>
      </c>
      <c r="F12499">
        <v>4</v>
      </c>
      <c r="G12499" t="s">
        <v>2</v>
      </c>
      <c r="H12499" t="s">
        <v>26634</v>
      </c>
      <c r="I12499" t="s">
        <v>30540</v>
      </c>
    </row>
    <row r="12500" spans="1:9">
      <c r="A12500" s="1">
        <f ca="1">RAND()</f>
        <v>0.8401950917258415</v>
      </c>
      <c r="B12500" s="1"/>
      <c r="C12500">
        <v>6</v>
      </c>
      <c r="D12500" t="s">
        <v>26627</v>
      </c>
      <c r="E12500" t="s">
        <v>34039</v>
      </c>
      <c r="F12500">
        <v>4</v>
      </c>
      <c r="G12500" t="s">
        <v>14</v>
      </c>
      <c r="H12500" t="s">
        <v>26628</v>
      </c>
      <c r="I12500" t="s">
        <v>30540</v>
      </c>
    </row>
    <row r="12501" spans="1:9">
      <c r="A12501" s="1">
        <f ca="1">RAND()</f>
        <v>0.57033966875745123</v>
      </c>
      <c r="B12501" s="1"/>
      <c r="C12501">
        <v>10</v>
      </c>
      <c r="D12501" t="s">
        <v>26629</v>
      </c>
      <c r="E12501" t="s">
        <v>34039</v>
      </c>
      <c r="F12501">
        <v>2</v>
      </c>
      <c r="G12501" t="s">
        <v>2</v>
      </c>
      <c r="H12501" t="s">
        <v>26630</v>
      </c>
      <c r="I12501" t="s">
        <v>30540</v>
      </c>
    </row>
    <row r="12502" spans="1:9">
      <c r="A12502" s="1">
        <f ca="1">RAND()</f>
        <v>9.7428536696412382E-2</v>
      </c>
      <c r="B12502" s="1"/>
      <c r="C12502">
        <v>4</v>
      </c>
      <c r="D12502" t="s">
        <v>26621</v>
      </c>
      <c r="E12502" t="s">
        <v>34040</v>
      </c>
      <c r="F12502">
        <v>5</v>
      </c>
      <c r="G12502" t="s">
        <v>14</v>
      </c>
      <c r="H12502" t="s">
        <v>26622</v>
      </c>
      <c r="I12502" t="s">
        <v>30540</v>
      </c>
    </row>
    <row r="12503" spans="1:9">
      <c r="A12503" s="1">
        <f ca="1">RAND()</f>
        <v>0.76006086110941662</v>
      </c>
      <c r="B12503" s="1"/>
      <c r="C12503">
        <v>17</v>
      </c>
      <c r="D12503" t="s">
        <v>26625</v>
      </c>
      <c r="E12503" t="s">
        <v>34040</v>
      </c>
      <c r="F12503">
        <v>4</v>
      </c>
      <c r="G12503" t="s">
        <v>14</v>
      </c>
      <c r="H12503" t="s">
        <v>26626</v>
      </c>
      <c r="I12503" t="s">
        <v>30540</v>
      </c>
    </row>
    <row r="12504" spans="1:9">
      <c r="A12504" s="1">
        <f ca="1">RAND()</f>
        <v>0.71141195911161248</v>
      </c>
      <c r="B12504" s="1"/>
      <c r="C12504">
        <v>12</v>
      </c>
      <c r="D12504" t="s">
        <v>26623</v>
      </c>
      <c r="E12504" t="s">
        <v>34040</v>
      </c>
      <c r="F12504">
        <v>4</v>
      </c>
      <c r="G12504" t="s">
        <v>14</v>
      </c>
      <c r="H12504" t="s">
        <v>26624</v>
      </c>
      <c r="I12504" t="s">
        <v>30540</v>
      </c>
    </row>
    <row r="12505" spans="1:9">
      <c r="A12505" s="1">
        <f ca="1">RAND()</f>
        <v>0.83438622926958883</v>
      </c>
      <c r="B12505" s="1"/>
      <c r="C12505">
        <v>2</v>
      </c>
      <c r="D12505" t="s">
        <v>26619</v>
      </c>
      <c r="E12505" t="s">
        <v>34040</v>
      </c>
      <c r="F12505">
        <v>2</v>
      </c>
      <c r="G12505" t="s">
        <v>9</v>
      </c>
      <c r="H12505" t="s">
        <v>26620</v>
      </c>
      <c r="I12505" t="s">
        <v>30540</v>
      </c>
    </row>
    <row r="12506" spans="1:9">
      <c r="A12506" s="1">
        <f ca="1">RAND()</f>
        <v>0.34180003018214156</v>
      </c>
      <c r="B12506" s="1"/>
      <c r="C12506">
        <v>8</v>
      </c>
      <c r="D12506" t="s">
        <v>26617</v>
      </c>
      <c r="E12506" t="s">
        <v>34041</v>
      </c>
      <c r="F12506">
        <v>4</v>
      </c>
      <c r="G12506" t="s">
        <v>14</v>
      </c>
      <c r="H12506" t="s">
        <v>26618</v>
      </c>
      <c r="I12506" t="s">
        <v>30540</v>
      </c>
    </row>
    <row r="12507" spans="1:9">
      <c r="A12507" s="1">
        <f ca="1">RAND()</f>
        <v>0.17676772998710255</v>
      </c>
      <c r="B12507" s="1"/>
      <c r="C12507">
        <v>14</v>
      </c>
      <c r="D12507" t="s">
        <v>26611</v>
      </c>
      <c r="E12507" t="s">
        <v>34042</v>
      </c>
      <c r="F12507">
        <v>4</v>
      </c>
      <c r="G12507" t="s">
        <v>1</v>
      </c>
      <c r="H12507" t="s">
        <v>26612</v>
      </c>
      <c r="I12507" t="s">
        <v>30540</v>
      </c>
    </row>
    <row r="12508" spans="1:9">
      <c r="A12508" s="1">
        <f ca="1">RAND()</f>
        <v>1.8462260180187484E-2</v>
      </c>
      <c r="B12508" s="1"/>
      <c r="C12508">
        <v>15</v>
      </c>
      <c r="D12508" t="s">
        <v>26613</v>
      </c>
      <c r="E12508" t="s">
        <v>34042</v>
      </c>
      <c r="F12508">
        <v>4</v>
      </c>
      <c r="G12508" t="s">
        <v>14</v>
      </c>
      <c r="H12508" t="s">
        <v>26614</v>
      </c>
      <c r="I12508" t="s">
        <v>30540</v>
      </c>
    </row>
    <row r="12509" spans="1:9">
      <c r="A12509" s="1">
        <f ca="1">RAND()</f>
        <v>0.73290368485224067</v>
      </c>
      <c r="B12509" s="1"/>
      <c r="C12509">
        <v>17</v>
      </c>
      <c r="D12509" t="s">
        <v>26615</v>
      </c>
      <c r="E12509" t="s">
        <v>34042</v>
      </c>
      <c r="F12509">
        <v>4</v>
      </c>
      <c r="G12509" t="s">
        <v>14</v>
      </c>
      <c r="H12509" t="s">
        <v>26616</v>
      </c>
      <c r="I12509" t="s">
        <v>30540</v>
      </c>
    </row>
    <row r="12510" spans="1:9">
      <c r="A12510" s="1">
        <f ca="1">RAND()</f>
        <v>0.9954963487694104</v>
      </c>
      <c r="B12510" s="1"/>
      <c r="C12510">
        <v>2</v>
      </c>
      <c r="D12510" t="s">
        <v>26609</v>
      </c>
      <c r="E12510" t="s">
        <v>34042</v>
      </c>
      <c r="F12510">
        <v>3</v>
      </c>
      <c r="G12510" t="s">
        <v>9</v>
      </c>
      <c r="H12510" t="s">
        <v>26610</v>
      </c>
      <c r="I12510" t="s">
        <v>30540</v>
      </c>
    </row>
    <row r="12511" spans="1:9">
      <c r="A12511" s="1">
        <f ca="1">RAND()</f>
        <v>0.26568617577032527</v>
      </c>
      <c r="B12511" s="1"/>
      <c r="C12511">
        <v>16</v>
      </c>
      <c r="D12511" t="s">
        <v>26605</v>
      </c>
      <c r="E12511" t="s">
        <v>34043</v>
      </c>
      <c r="F12511">
        <v>5</v>
      </c>
      <c r="G12511" t="s">
        <v>14</v>
      </c>
      <c r="H12511" t="s">
        <v>26606</v>
      </c>
      <c r="I12511" t="s">
        <v>30540</v>
      </c>
    </row>
    <row r="12512" spans="1:9">
      <c r="A12512" s="1">
        <f ca="1">RAND()</f>
        <v>0.22879557079934287</v>
      </c>
      <c r="B12512" s="1"/>
      <c r="C12512">
        <v>1</v>
      </c>
      <c r="D12512" t="s">
        <v>26595</v>
      </c>
      <c r="E12512" t="s">
        <v>34043</v>
      </c>
      <c r="F12512">
        <v>5</v>
      </c>
      <c r="G12512" t="s">
        <v>14</v>
      </c>
      <c r="H12512" t="s">
        <v>26596</v>
      </c>
      <c r="I12512" t="s">
        <v>30540</v>
      </c>
    </row>
    <row r="12513" spans="1:9">
      <c r="A12513" s="1">
        <f ca="1">RAND()</f>
        <v>0.16107297601249904</v>
      </c>
      <c r="B12513" s="1"/>
      <c r="C12513">
        <v>20</v>
      </c>
      <c r="D12513" t="s">
        <v>26607</v>
      </c>
      <c r="E12513" t="s">
        <v>34043</v>
      </c>
      <c r="F12513">
        <v>5</v>
      </c>
      <c r="G12513" t="s">
        <v>14</v>
      </c>
      <c r="H12513" t="s">
        <v>26608</v>
      </c>
      <c r="I12513" t="s">
        <v>30540</v>
      </c>
    </row>
    <row r="12514" spans="1:9">
      <c r="A12514" s="1">
        <f ca="1">RAND()</f>
        <v>0.62957491490385831</v>
      </c>
      <c r="B12514" s="1"/>
      <c r="C12514">
        <v>12</v>
      </c>
      <c r="D12514" t="s">
        <v>26601</v>
      </c>
      <c r="E12514" t="s">
        <v>34043</v>
      </c>
      <c r="F12514">
        <v>4</v>
      </c>
      <c r="G12514" t="s">
        <v>13</v>
      </c>
      <c r="H12514" t="s">
        <v>26602</v>
      </c>
      <c r="I12514" t="s">
        <v>30540</v>
      </c>
    </row>
    <row r="12515" spans="1:9">
      <c r="A12515" s="1">
        <f ca="1">RAND()</f>
        <v>0.89322836209193845</v>
      </c>
      <c r="B12515" s="1"/>
      <c r="C12515">
        <v>6</v>
      </c>
      <c r="D12515" t="s">
        <v>26599</v>
      </c>
      <c r="E12515" t="s">
        <v>34043</v>
      </c>
      <c r="F12515">
        <v>4</v>
      </c>
      <c r="G12515" t="s">
        <v>9</v>
      </c>
      <c r="H12515" t="s">
        <v>26600</v>
      </c>
      <c r="I12515" t="s">
        <v>30540</v>
      </c>
    </row>
    <row r="12516" spans="1:9">
      <c r="A12516" s="1">
        <f ca="1">RAND()</f>
        <v>0.75424260888763672</v>
      </c>
      <c r="B12516" s="1"/>
      <c r="C12516">
        <v>4</v>
      </c>
      <c r="D12516" t="s">
        <v>26597</v>
      </c>
      <c r="E12516" t="s">
        <v>34043</v>
      </c>
      <c r="F12516">
        <v>4</v>
      </c>
      <c r="G12516" t="s">
        <v>9</v>
      </c>
      <c r="H12516" t="s">
        <v>26598</v>
      </c>
      <c r="I12516" t="s">
        <v>30540</v>
      </c>
    </row>
    <row r="12517" spans="1:9">
      <c r="A12517" s="1">
        <f ca="1">RAND()</f>
        <v>0.26651032002342145</v>
      </c>
      <c r="B12517" s="1"/>
      <c r="C12517">
        <v>14</v>
      </c>
      <c r="D12517" t="s">
        <v>26603</v>
      </c>
      <c r="E12517" t="s">
        <v>34043</v>
      </c>
      <c r="F12517">
        <v>3</v>
      </c>
      <c r="G12517" t="s">
        <v>14</v>
      </c>
      <c r="H12517" t="s">
        <v>26604</v>
      </c>
      <c r="I12517" t="s">
        <v>30540</v>
      </c>
    </row>
    <row r="12518" spans="1:9">
      <c r="A12518" s="1">
        <f ca="1">RAND()</f>
        <v>0.88266584878626098</v>
      </c>
      <c r="B12518" s="1"/>
      <c r="C12518">
        <v>4</v>
      </c>
      <c r="D12518" t="s">
        <v>26589</v>
      </c>
      <c r="E12518" t="s">
        <v>34044</v>
      </c>
      <c r="F12518">
        <v>5</v>
      </c>
      <c r="G12518" t="s">
        <v>14</v>
      </c>
      <c r="H12518" t="s">
        <v>26590</v>
      </c>
      <c r="I12518" t="s">
        <v>30540</v>
      </c>
    </row>
    <row r="12519" spans="1:9">
      <c r="A12519" s="1">
        <f ca="1">RAND()</f>
        <v>0.19709190179111458</v>
      </c>
      <c r="B12519" s="1"/>
      <c r="C12519">
        <v>10</v>
      </c>
      <c r="D12519" t="s">
        <v>26593</v>
      </c>
      <c r="E12519" t="s">
        <v>34044</v>
      </c>
      <c r="F12519">
        <v>4</v>
      </c>
      <c r="G12519" t="s">
        <v>14</v>
      </c>
      <c r="H12519" t="s">
        <v>26594</v>
      </c>
      <c r="I12519" t="s">
        <v>30540</v>
      </c>
    </row>
    <row r="12520" spans="1:9">
      <c r="A12520" s="1">
        <f ca="1">RAND()</f>
        <v>0.34279552104762723</v>
      </c>
      <c r="B12520" s="1"/>
      <c r="C12520">
        <v>5</v>
      </c>
      <c r="D12520" t="s">
        <v>26591</v>
      </c>
      <c r="E12520" t="s">
        <v>34044</v>
      </c>
      <c r="F12520">
        <v>4</v>
      </c>
      <c r="G12520" t="s">
        <v>13</v>
      </c>
      <c r="H12520" t="s">
        <v>26592</v>
      </c>
      <c r="I12520" t="s">
        <v>30540</v>
      </c>
    </row>
    <row r="12521" spans="1:9">
      <c r="A12521" s="1">
        <f ca="1">RAND()</f>
        <v>0.62676055389006469</v>
      </c>
      <c r="B12521" s="1"/>
      <c r="C12521">
        <v>17</v>
      </c>
      <c r="D12521" t="s">
        <v>26585</v>
      </c>
      <c r="E12521" t="s">
        <v>34045</v>
      </c>
      <c r="F12521">
        <v>5</v>
      </c>
      <c r="G12521" t="s">
        <v>14</v>
      </c>
      <c r="H12521" t="s">
        <v>26586</v>
      </c>
      <c r="I12521" t="s">
        <v>30540</v>
      </c>
    </row>
    <row r="12522" spans="1:9">
      <c r="A12522" s="1">
        <f ca="1">RAND()</f>
        <v>0.78459955497156697</v>
      </c>
      <c r="B12522" s="1"/>
      <c r="C12522">
        <v>20</v>
      </c>
      <c r="D12522" t="s">
        <v>26587</v>
      </c>
      <c r="E12522" t="s">
        <v>34045</v>
      </c>
      <c r="F12522">
        <v>4</v>
      </c>
      <c r="G12522" t="s">
        <v>14</v>
      </c>
      <c r="H12522" t="s">
        <v>26588</v>
      </c>
      <c r="I12522" t="s">
        <v>30540</v>
      </c>
    </row>
    <row r="12523" spans="1:9">
      <c r="A12523" s="1">
        <f ca="1">RAND()</f>
        <v>0.93529050850029538</v>
      </c>
      <c r="B12523" s="1"/>
      <c r="C12523">
        <v>9</v>
      </c>
      <c r="D12523" t="s">
        <v>26583</v>
      </c>
      <c r="E12523" t="s">
        <v>34045</v>
      </c>
      <c r="F12523">
        <v>4</v>
      </c>
      <c r="G12523" t="s">
        <v>14</v>
      </c>
      <c r="H12523" t="s">
        <v>26584</v>
      </c>
      <c r="I12523" t="s">
        <v>30540</v>
      </c>
    </row>
    <row r="12524" spans="1:9">
      <c r="A12524" s="1">
        <f ca="1">RAND()</f>
        <v>0.11506359312766024</v>
      </c>
      <c r="B12524" s="1"/>
      <c r="C12524">
        <v>18</v>
      </c>
      <c r="D12524" t="s">
        <v>26579</v>
      </c>
      <c r="E12524" t="s">
        <v>34046</v>
      </c>
      <c r="F12524">
        <v>5</v>
      </c>
      <c r="G12524" t="s">
        <v>2738</v>
      </c>
      <c r="H12524" t="s">
        <v>26580</v>
      </c>
      <c r="I12524" t="s">
        <v>30540</v>
      </c>
    </row>
    <row r="12525" spans="1:9">
      <c r="A12525" s="1">
        <f ca="1">RAND()</f>
        <v>0.43428527346841173</v>
      </c>
      <c r="B12525" s="1"/>
      <c r="C12525">
        <v>20</v>
      </c>
      <c r="D12525" t="s">
        <v>26581</v>
      </c>
      <c r="E12525" t="s">
        <v>34046</v>
      </c>
      <c r="F12525">
        <v>4</v>
      </c>
      <c r="G12525" t="s">
        <v>14</v>
      </c>
      <c r="H12525" t="s">
        <v>26582</v>
      </c>
      <c r="I12525" t="s">
        <v>30540</v>
      </c>
    </row>
    <row r="12526" spans="1:9">
      <c r="A12526" s="1">
        <f ca="1">RAND()</f>
        <v>0.64860681656365871</v>
      </c>
      <c r="B12526" s="1"/>
      <c r="C12526">
        <v>1</v>
      </c>
      <c r="D12526" t="s">
        <v>26577</v>
      </c>
      <c r="E12526" t="s">
        <v>34046</v>
      </c>
      <c r="F12526">
        <v>4</v>
      </c>
      <c r="G12526" t="s">
        <v>9</v>
      </c>
      <c r="H12526" t="s">
        <v>26578</v>
      </c>
      <c r="I12526" t="s">
        <v>30540</v>
      </c>
    </row>
    <row r="12527" spans="1:9">
      <c r="A12527" s="1">
        <f ca="1">RAND()</f>
        <v>0.72034008701291896</v>
      </c>
      <c r="B12527" s="1"/>
      <c r="C12527">
        <v>11</v>
      </c>
      <c r="D12527" t="s">
        <v>26573</v>
      </c>
      <c r="E12527" t="s">
        <v>34047</v>
      </c>
      <c r="F12527">
        <v>5</v>
      </c>
      <c r="G12527" t="s">
        <v>14</v>
      </c>
      <c r="H12527" t="s">
        <v>26574</v>
      </c>
      <c r="I12527" t="s">
        <v>30540</v>
      </c>
    </row>
    <row r="12528" spans="1:9">
      <c r="A12528" s="1">
        <f ca="1">RAND()</f>
        <v>0.90864334893154375</v>
      </c>
      <c r="B12528" s="1"/>
      <c r="C12528">
        <v>7</v>
      </c>
      <c r="D12528" t="s">
        <v>26569</v>
      </c>
      <c r="E12528" t="s">
        <v>34047</v>
      </c>
      <c r="F12528">
        <v>5</v>
      </c>
      <c r="G12528" t="s">
        <v>14</v>
      </c>
      <c r="H12528" t="s">
        <v>26570</v>
      </c>
      <c r="I12528" t="s">
        <v>30540</v>
      </c>
    </row>
    <row r="12529" spans="1:9">
      <c r="A12529" s="1">
        <f ca="1">RAND()</f>
        <v>0.42727965506979904</v>
      </c>
      <c r="B12529" s="1"/>
      <c r="C12529">
        <v>9</v>
      </c>
      <c r="D12529" t="s">
        <v>26571</v>
      </c>
      <c r="E12529" t="s">
        <v>34047</v>
      </c>
      <c r="F12529">
        <v>4</v>
      </c>
      <c r="G12529" t="s">
        <v>14</v>
      </c>
      <c r="H12529" t="s">
        <v>26572</v>
      </c>
      <c r="I12529" t="s">
        <v>30540</v>
      </c>
    </row>
    <row r="12530" spans="1:9">
      <c r="A12530" s="1">
        <f ca="1">RAND()</f>
        <v>0.75183122378978429</v>
      </c>
      <c r="B12530" s="1"/>
      <c r="C12530">
        <v>18</v>
      </c>
      <c r="D12530" t="s">
        <v>26575</v>
      </c>
      <c r="E12530" t="s">
        <v>34047</v>
      </c>
      <c r="F12530">
        <v>4</v>
      </c>
      <c r="G12530" t="s">
        <v>0</v>
      </c>
      <c r="H12530" t="s">
        <v>26576</v>
      </c>
      <c r="I12530" t="s">
        <v>30540</v>
      </c>
    </row>
    <row r="12531" spans="1:9">
      <c r="A12531" s="1">
        <f ca="1">RAND()</f>
        <v>0.29496562410324922</v>
      </c>
      <c r="B12531" s="1"/>
      <c r="C12531">
        <v>5</v>
      </c>
      <c r="D12531" t="s">
        <v>26567</v>
      </c>
      <c r="E12531" t="s">
        <v>34048</v>
      </c>
      <c r="F12531">
        <v>4</v>
      </c>
      <c r="G12531" t="s">
        <v>9</v>
      </c>
      <c r="H12531" t="s">
        <v>26568</v>
      </c>
      <c r="I12531" t="s">
        <v>30540</v>
      </c>
    </row>
    <row r="12532" spans="1:9">
      <c r="A12532" s="1">
        <f ca="1">RAND()</f>
        <v>0.84380292512699762</v>
      </c>
      <c r="B12532" s="1"/>
      <c r="C12532">
        <v>14</v>
      </c>
      <c r="D12532" t="s">
        <v>26561</v>
      </c>
      <c r="E12532" t="s">
        <v>34049</v>
      </c>
      <c r="F12532">
        <v>5</v>
      </c>
      <c r="G12532" t="s">
        <v>14</v>
      </c>
      <c r="H12532" t="s">
        <v>26562</v>
      </c>
      <c r="I12532" t="s">
        <v>30540</v>
      </c>
    </row>
    <row r="12533" spans="1:9">
      <c r="A12533" s="1">
        <f ca="1">RAND()</f>
        <v>0.2302884831088623</v>
      </c>
      <c r="B12533" s="1"/>
      <c r="C12533">
        <v>17</v>
      </c>
      <c r="D12533" t="s">
        <v>26563</v>
      </c>
      <c r="E12533" t="s">
        <v>34049</v>
      </c>
      <c r="F12533">
        <v>4</v>
      </c>
      <c r="G12533" t="s">
        <v>15</v>
      </c>
      <c r="H12533" t="s">
        <v>26564</v>
      </c>
      <c r="I12533" t="s">
        <v>30540</v>
      </c>
    </row>
    <row r="12534" spans="1:9">
      <c r="A12534" s="1">
        <f ca="1">RAND()</f>
        <v>0.56628477050167447</v>
      </c>
      <c r="B12534" s="1"/>
      <c r="C12534">
        <v>4</v>
      </c>
      <c r="D12534" t="s">
        <v>26557</v>
      </c>
      <c r="E12534" t="s">
        <v>34049</v>
      </c>
      <c r="F12534">
        <v>4</v>
      </c>
      <c r="G12534" t="s">
        <v>15</v>
      </c>
      <c r="H12534" t="s">
        <v>26558</v>
      </c>
      <c r="I12534" t="s">
        <v>30540</v>
      </c>
    </row>
    <row r="12535" spans="1:9">
      <c r="A12535" s="1">
        <f ca="1">RAND()</f>
        <v>0.49916639046321654</v>
      </c>
      <c r="B12535" s="1"/>
      <c r="C12535">
        <v>13</v>
      </c>
      <c r="D12535" t="s">
        <v>26559</v>
      </c>
      <c r="E12535" t="s">
        <v>34049</v>
      </c>
      <c r="F12535">
        <v>4</v>
      </c>
      <c r="G12535" t="s">
        <v>14</v>
      </c>
      <c r="H12535" t="s">
        <v>26560</v>
      </c>
      <c r="I12535" t="s">
        <v>30540</v>
      </c>
    </row>
    <row r="12536" spans="1:9">
      <c r="A12536" s="1">
        <f ca="1">RAND()</f>
        <v>0.55112528830605123</v>
      </c>
      <c r="B12536" s="1"/>
      <c r="C12536">
        <v>19</v>
      </c>
      <c r="D12536" t="s">
        <v>26565</v>
      </c>
      <c r="E12536" t="s">
        <v>34049</v>
      </c>
      <c r="F12536">
        <v>3</v>
      </c>
      <c r="G12536" t="s">
        <v>14</v>
      </c>
      <c r="H12536" t="s">
        <v>26566</v>
      </c>
      <c r="I12536" t="s">
        <v>30540</v>
      </c>
    </row>
    <row r="12537" spans="1:9">
      <c r="A12537" s="1">
        <f ca="1">RAND()</f>
        <v>0.26861127997005951</v>
      </c>
      <c r="B12537" s="1"/>
      <c r="C12537">
        <v>2</v>
      </c>
      <c r="D12537" t="s">
        <v>26555</v>
      </c>
      <c r="E12537" t="s">
        <v>34049</v>
      </c>
      <c r="F12537">
        <v>3</v>
      </c>
      <c r="G12537" t="s">
        <v>14</v>
      </c>
      <c r="H12537" t="s">
        <v>26556</v>
      </c>
      <c r="I12537" t="s">
        <v>30540</v>
      </c>
    </row>
    <row r="12538" spans="1:9">
      <c r="A12538" s="1">
        <f ca="1">RAND()</f>
        <v>0.68278866870393751</v>
      </c>
      <c r="B12538" s="1"/>
      <c r="C12538">
        <v>3</v>
      </c>
      <c r="D12538" t="s">
        <v>26545</v>
      </c>
      <c r="E12538" t="s">
        <v>34050</v>
      </c>
      <c r="F12538">
        <v>5</v>
      </c>
      <c r="G12538" t="s">
        <v>2</v>
      </c>
      <c r="H12538" t="s">
        <v>26546</v>
      </c>
      <c r="I12538" t="s">
        <v>30540</v>
      </c>
    </row>
    <row r="12539" spans="1:9">
      <c r="A12539" s="1">
        <f ca="1">RAND()</f>
        <v>0.11244347834833146</v>
      </c>
      <c r="B12539" s="1"/>
      <c r="C12539">
        <v>16</v>
      </c>
      <c r="D12539" t="s">
        <v>26553</v>
      </c>
      <c r="E12539" t="s">
        <v>34050</v>
      </c>
      <c r="F12539">
        <v>4</v>
      </c>
      <c r="G12539" t="s">
        <v>14</v>
      </c>
      <c r="H12539" t="s">
        <v>26554</v>
      </c>
      <c r="I12539" t="s">
        <v>30540</v>
      </c>
    </row>
    <row r="12540" spans="1:9">
      <c r="A12540" s="1">
        <f ca="1">RAND()</f>
        <v>4.9849376594072403E-2</v>
      </c>
      <c r="B12540" s="1"/>
      <c r="C12540">
        <v>5</v>
      </c>
      <c r="D12540" t="s">
        <v>26547</v>
      </c>
      <c r="E12540" t="s">
        <v>34050</v>
      </c>
      <c r="F12540">
        <v>4</v>
      </c>
      <c r="G12540" t="s">
        <v>14</v>
      </c>
      <c r="H12540" t="s">
        <v>26548</v>
      </c>
      <c r="I12540" t="s">
        <v>30540</v>
      </c>
    </row>
    <row r="12541" spans="1:9">
      <c r="A12541" s="1">
        <f ca="1">RAND()</f>
        <v>0.81141863037133843</v>
      </c>
      <c r="B12541" s="1"/>
      <c r="C12541">
        <v>6</v>
      </c>
      <c r="D12541" t="s">
        <v>26549</v>
      </c>
      <c r="E12541" t="s">
        <v>34050</v>
      </c>
      <c r="F12541">
        <v>2</v>
      </c>
      <c r="G12541" t="s">
        <v>14</v>
      </c>
      <c r="H12541" t="s">
        <v>26550</v>
      </c>
      <c r="I12541" t="s">
        <v>30540</v>
      </c>
    </row>
    <row r="12542" spans="1:9">
      <c r="A12542" s="1">
        <f ca="1">RAND()</f>
        <v>0.43499133221275832</v>
      </c>
      <c r="B12542" s="1"/>
      <c r="C12542">
        <v>11</v>
      </c>
      <c r="D12542" t="s">
        <v>26551</v>
      </c>
      <c r="E12542" t="s">
        <v>34050</v>
      </c>
      <c r="F12542">
        <v>1</v>
      </c>
      <c r="G12542" t="s">
        <v>14</v>
      </c>
      <c r="H12542" t="s">
        <v>26552</v>
      </c>
      <c r="I12542" t="s">
        <v>30540</v>
      </c>
    </row>
    <row r="12543" spans="1:9">
      <c r="A12543" s="1">
        <f ca="1">RAND()</f>
        <v>0.36662844830634389</v>
      </c>
      <c r="B12543" s="1"/>
      <c r="C12543">
        <v>3</v>
      </c>
      <c r="D12543" t="s">
        <v>26539</v>
      </c>
      <c r="E12543" t="s">
        <v>34051</v>
      </c>
      <c r="F12543">
        <v>4</v>
      </c>
      <c r="G12543" t="s">
        <v>769</v>
      </c>
      <c r="H12543" t="s">
        <v>26540</v>
      </c>
      <c r="I12543" t="s">
        <v>30540</v>
      </c>
    </row>
    <row r="12544" spans="1:9">
      <c r="A12544" s="1">
        <f ca="1">RAND()</f>
        <v>0.99923044508965542</v>
      </c>
      <c r="B12544" s="1"/>
      <c r="C12544">
        <v>18</v>
      </c>
      <c r="D12544" t="s">
        <v>26543</v>
      </c>
      <c r="E12544" t="s">
        <v>34051</v>
      </c>
      <c r="F12544">
        <v>4</v>
      </c>
      <c r="G12544" t="s">
        <v>14</v>
      </c>
      <c r="H12544" t="s">
        <v>26544</v>
      </c>
      <c r="I12544" t="s">
        <v>30540</v>
      </c>
    </row>
    <row r="12545" spans="1:9">
      <c r="A12545" s="1">
        <f ca="1">RAND()</f>
        <v>0.95023524402393544</v>
      </c>
      <c r="B12545" s="1"/>
      <c r="C12545">
        <v>6</v>
      </c>
      <c r="D12545" t="s">
        <v>26541</v>
      </c>
      <c r="E12545" t="s">
        <v>34051</v>
      </c>
      <c r="F12545">
        <v>4</v>
      </c>
      <c r="G12545" t="s">
        <v>10</v>
      </c>
      <c r="H12545" t="s">
        <v>26542</v>
      </c>
      <c r="I12545" t="s">
        <v>30540</v>
      </c>
    </row>
    <row r="12546" spans="1:9">
      <c r="A12546" s="1">
        <f ca="1">RAND()</f>
        <v>2.2206412003316855E-2</v>
      </c>
      <c r="B12546" s="1"/>
      <c r="C12546">
        <v>1</v>
      </c>
      <c r="D12546" t="s">
        <v>26537</v>
      </c>
      <c r="E12546" t="s">
        <v>34051</v>
      </c>
      <c r="F12546">
        <v>4</v>
      </c>
      <c r="G12546" t="s">
        <v>2</v>
      </c>
      <c r="H12546" t="s">
        <v>26538</v>
      </c>
      <c r="I12546" t="s">
        <v>30540</v>
      </c>
    </row>
    <row r="12547" spans="1:9">
      <c r="A12547" s="1">
        <f ca="1">RAND()</f>
        <v>0.35272699385440931</v>
      </c>
      <c r="B12547" s="1"/>
      <c r="C12547">
        <v>14</v>
      </c>
      <c r="D12547" t="s">
        <v>26533</v>
      </c>
      <c r="E12547" t="s">
        <v>34052</v>
      </c>
      <c r="F12547">
        <v>5</v>
      </c>
      <c r="G12547" t="s">
        <v>13</v>
      </c>
      <c r="H12547" t="s">
        <v>26534</v>
      </c>
      <c r="I12547" t="s">
        <v>30540</v>
      </c>
    </row>
    <row r="12548" spans="1:9">
      <c r="A12548" s="1">
        <f ca="1">RAND()</f>
        <v>0.39663447088889525</v>
      </c>
      <c r="B12548" s="1"/>
      <c r="C12548">
        <v>13</v>
      </c>
      <c r="D12548" t="s">
        <v>26531</v>
      </c>
      <c r="E12548" t="s">
        <v>34052</v>
      </c>
      <c r="F12548">
        <v>4</v>
      </c>
      <c r="G12548" t="s">
        <v>14</v>
      </c>
      <c r="H12548" t="s">
        <v>26532</v>
      </c>
      <c r="I12548" t="s">
        <v>30540</v>
      </c>
    </row>
    <row r="12549" spans="1:9">
      <c r="A12549" s="1">
        <f ca="1">RAND()</f>
        <v>0.97336009702675019</v>
      </c>
      <c r="B12549" s="1"/>
      <c r="C12549">
        <v>9</v>
      </c>
      <c r="D12549" t="s">
        <v>26529</v>
      </c>
      <c r="E12549" t="s">
        <v>34052</v>
      </c>
      <c r="F12549">
        <v>4</v>
      </c>
      <c r="G12549" t="s">
        <v>1</v>
      </c>
      <c r="H12549" t="s">
        <v>26530</v>
      </c>
      <c r="I12549" t="s">
        <v>30540</v>
      </c>
    </row>
    <row r="12550" spans="1:9">
      <c r="A12550" s="1">
        <f ca="1">RAND()</f>
        <v>0.84750632599770026</v>
      </c>
      <c r="B12550" s="1"/>
      <c r="C12550">
        <v>2</v>
      </c>
      <c r="D12550" t="s">
        <v>26527</v>
      </c>
      <c r="E12550" t="s">
        <v>34052</v>
      </c>
      <c r="F12550">
        <v>4</v>
      </c>
      <c r="G12550" t="s">
        <v>2</v>
      </c>
      <c r="H12550" t="s">
        <v>26528</v>
      </c>
      <c r="I12550" t="s">
        <v>30540</v>
      </c>
    </row>
    <row r="12551" spans="1:9">
      <c r="A12551" s="1">
        <f ca="1">RAND()</f>
        <v>0.35482944551859819</v>
      </c>
      <c r="B12551" s="1"/>
      <c r="C12551">
        <v>17</v>
      </c>
      <c r="D12551" t="s">
        <v>26535</v>
      </c>
      <c r="E12551" t="s">
        <v>34052</v>
      </c>
      <c r="F12551">
        <v>2</v>
      </c>
      <c r="G12551" t="s">
        <v>14</v>
      </c>
      <c r="H12551" t="s">
        <v>26536</v>
      </c>
      <c r="I12551" t="s">
        <v>30540</v>
      </c>
    </row>
    <row r="12552" spans="1:9">
      <c r="A12552" s="1">
        <f ca="1">RAND()</f>
        <v>0.35823689747283383</v>
      </c>
      <c r="B12552" s="1"/>
      <c r="C12552">
        <v>10</v>
      </c>
      <c r="D12552" t="s">
        <v>26521</v>
      </c>
      <c r="E12552" t="s">
        <v>34053</v>
      </c>
      <c r="F12552">
        <v>4</v>
      </c>
      <c r="G12552" t="s">
        <v>14</v>
      </c>
      <c r="H12552" t="s">
        <v>26522</v>
      </c>
      <c r="I12552" t="s">
        <v>30540</v>
      </c>
    </row>
    <row r="12553" spans="1:9">
      <c r="A12553" s="1">
        <f ca="1">RAND()</f>
        <v>0.95577391480546581</v>
      </c>
      <c r="B12553" s="1"/>
      <c r="C12553">
        <v>14</v>
      </c>
      <c r="D12553" t="s">
        <v>26525</v>
      </c>
      <c r="E12553" t="s">
        <v>34053</v>
      </c>
      <c r="F12553">
        <v>4</v>
      </c>
      <c r="G12553" t="s">
        <v>14</v>
      </c>
      <c r="H12553" t="s">
        <v>26526</v>
      </c>
      <c r="I12553" t="s">
        <v>30540</v>
      </c>
    </row>
    <row r="12554" spans="1:9">
      <c r="A12554" s="1">
        <f ca="1">RAND()</f>
        <v>0.25495374863054232</v>
      </c>
      <c r="B12554" s="1"/>
      <c r="C12554">
        <v>2</v>
      </c>
      <c r="D12554" t="s">
        <v>26519</v>
      </c>
      <c r="E12554" t="s">
        <v>34053</v>
      </c>
      <c r="F12554">
        <v>4</v>
      </c>
      <c r="G12554" t="s">
        <v>9</v>
      </c>
      <c r="H12554" t="s">
        <v>26520</v>
      </c>
      <c r="I12554" t="s">
        <v>30540</v>
      </c>
    </row>
    <row r="12555" spans="1:9">
      <c r="A12555" s="1">
        <f ca="1">RAND()</f>
        <v>0.50087536216873763</v>
      </c>
      <c r="B12555" s="1"/>
      <c r="C12555">
        <v>12</v>
      </c>
      <c r="D12555" t="s">
        <v>26523</v>
      </c>
      <c r="E12555" t="s">
        <v>34053</v>
      </c>
      <c r="F12555">
        <v>4</v>
      </c>
      <c r="G12555" t="s">
        <v>14</v>
      </c>
      <c r="H12555" t="s">
        <v>26524</v>
      </c>
      <c r="I12555" t="s">
        <v>30540</v>
      </c>
    </row>
    <row r="12556" spans="1:9">
      <c r="A12556" s="1">
        <f ca="1">RAND()</f>
        <v>0.38069451580962155</v>
      </c>
      <c r="B12556" s="1"/>
      <c r="C12556">
        <v>7</v>
      </c>
      <c r="D12556" t="s">
        <v>26517</v>
      </c>
      <c r="E12556" t="s">
        <v>34054</v>
      </c>
      <c r="F12556">
        <v>5</v>
      </c>
      <c r="G12556" t="s">
        <v>14</v>
      </c>
      <c r="H12556" t="s">
        <v>26518</v>
      </c>
      <c r="I12556" t="s">
        <v>30540</v>
      </c>
    </row>
    <row r="12557" spans="1:9">
      <c r="A12557" s="1">
        <f ca="1">RAND()</f>
        <v>0.90550212483311143</v>
      </c>
      <c r="B12557" s="1"/>
      <c r="C12557">
        <v>2</v>
      </c>
      <c r="D12557" t="s">
        <v>26515</v>
      </c>
      <c r="E12557" t="s">
        <v>34054</v>
      </c>
      <c r="F12557">
        <v>2</v>
      </c>
      <c r="G12557" t="s">
        <v>14</v>
      </c>
      <c r="H12557" t="s">
        <v>26516</v>
      </c>
      <c r="I12557" t="s">
        <v>30540</v>
      </c>
    </row>
    <row r="12558" spans="1:9">
      <c r="A12558" s="1">
        <f ca="1">RAND()</f>
        <v>0.5323559396899854</v>
      </c>
      <c r="B12558" s="1"/>
      <c r="C12558">
        <v>13</v>
      </c>
      <c r="D12558" t="s">
        <v>26513</v>
      </c>
      <c r="E12558" t="s">
        <v>34055</v>
      </c>
      <c r="F12558">
        <v>4</v>
      </c>
      <c r="G12558" t="s">
        <v>1</v>
      </c>
      <c r="H12558" t="s">
        <v>26514</v>
      </c>
      <c r="I12558" t="s">
        <v>30540</v>
      </c>
    </row>
    <row r="12559" spans="1:9">
      <c r="A12559" s="1">
        <f ca="1">RAND()</f>
        <v>0.36263177304673888</v>
      </c>
      <c r="B12559" s="1"/>
      <c r="C12559">
        <v>10</v>
      </c>
      <c r="D12559" t="s">
        <v>26511</v>
      </c>
      <c r="E12559" t="s">
        <v>34055</v>
      </c>
      <c r="F12559">
        <v>2</v>
      </c>
      <c r="G12559" t="s">
        <v>14</v>
      </c>
      <c r="H12559" t="s">
        <v>26512</v>
      </c>
      <c r="I12559" t="s">
        <v>30540</v>
      </c>
    </row>
    <row r="12560" spans="1:9">
      <c r="A12560" s="1">
        <f ca="1">RAND()</f>
        <v>7.5586963894778814E-2</v>
      </c>
      <c r="B12560" s="1"/>
      <c r="C12560">
        <v>20</v>
      </c>
      <c r="D12560" t="s">
        <v>26509</v>
      </c>
      <c r="E12560" t="s">
        <v>34056</v>
      </c>
      <c r="F12560">
        <v>4</v>
      </c>
      <c r="G12560" t="s">
        <v>2</v>
      </c>
      <c r="H12560" t="s">
        <v>26510</v>
      </c>
      <c r="I12560" t="s">
        <v>30540</v>
      </c>
    </row>
    <row r="12561" spans="1:9">
      <c r="A12561" s="1">
        <f ca="1">RAND()</f>
        <v>0.2433778137254996</v>
      </c>
      <c r="B12561" s="1"/>
      <c r="C12561">
        <v>16</v>
      </c>
      <c r="D12561" t="s">
        <v>26507</v>
      </c>
      <c r="E12561" t="s">
        <v>34056</v>
      </c>
      <c r="F12561">
        <v>4</v>
      </c>
      <c r="G12561" t="s">
        <v>14</v>
      </c>
      <c r="H12561" t="s">
        <v>26508</v>
      </c>
      <c r="I12561" t="s">
        <v>30540</v>
      </c>
    </row>
    <row r="12562" spans="1:9">
      <c r="A12562" s="1">
        <f ca="1">RAND()</f>
        <v>0.12611402274242756</v>
      </c>
      <c r="B12562" s="1"/>
      <c r="C12562">
        <v>8</v>
      </c>
      <c r="D12562" t="s">
        <v>26505</v>
      </c>
      <c r="E12562" t="s">
        <v>34057</v>
      </c>
      <c r="F12562">
        <v>5</v>
      </c>
      <c r="G12562" t="s">
        <v>13</v>
      </c>
      <c r="H12562" t="s">
        <v>26506</v>
      </c>
      <c r="I12562" t="s">
        <v>30540</v>
      </c>
    </row>
    <row r="12563" spans="1:9">
      <c r="A12563" s="1">
        <f ca="1">RAND()</f>
        <v>0.81493755011220581</v>
      </c>
      <c r="B12563" s="1"/>
      <c r="C12563">
        <v>7</v>
      </c>
      <c r="D12563" t="s">
        <v>26503</v>
      </c>
      <c r="E12563" t="s">
        <v>34057</v>
      </c>
      <c r="F12563">
        <v>4</v>
      </c>
      <c r="G12563" t="s">
        <v>1</v>
      </c>
      <c r="H12563" t="s">
        <v>26504</v>
      </c>
      <c r="I12563" t="s">
        <v>30540</v>
      </c>
    </row>
    <row r="12564" spans="1:9">
      <c r="A12564" s="1">
        <f ca="1">RAND()</f>
        <v>0.66992794301459491</v>
      </c>
      <c r="B12564" s="1"/>
      <c r="C12564">
        <v>9</v>
      </c>
      <c r="D12564" t="s">
        <v>26497</v>
      </c>
      <c r="E12564" t="s">
        <v>34058</v>
      </c>
      <c r="F12564">
        <v>5</v>
      </c>
      <c r="G12564" t="s">
        <v>14</v>
      </c>
      <c r="H12564" t="s">
        <v>26498</v>
      </c>
      <c r="I12564" t="s">
        <v>30540</v>
      </c>
    </row>
    <row r="12565" spans="1:9">
      <c r="A12565" s="1">
        <f ca="1">RAND()</f>
        <v>0.86315518267248592</v>
      </c>
      <c r="B12565" s="1"/>
      <c r="C12565">
        <v>2</v>
      </c>
      <c r="D12565" t="s">
        <v>26495</v>
      </c>
      <c r="E12565" t="s">
        <v>34058</v>
      </c>
      <c r="F12565">
        <v>4</v>
      </c>
      <c r="G12565" t="s">
        <v>9</v>
      </c>
      <c r="H12565" t="s">
        <v>26496</v>
      </c>
      <c r="I12565" t="s">
        <v>30540</v>
      </c>
    </row>
    <row r="12566" spans="1:9">
      <c r="A12566" s="1">
        <f ca="1">RAND()</f>
        <v>0.3420282403383883</v>
      </c>
      <c r="B12566" s="1"/>
      <c r="C12566">
        <v>18</v>
      </c>
      <c r="D12566" t="s">
        <v>26501</v>
      </c>
      <c r="E12566" t="s">
        <v>34058</v>
      </c>
      <c r="F12566">
        <v>4</v>
      </c>
      <c r="G12566" t="s">
        <v>14</v>
      </c>
      <c r="H12566" t="s">
        <v>26502</v>
      </c>
      <c r="I12566" t="s">
        <v>30540</v>
      </c>
    </row>
    <row r="12567" spans="1:9">
      <c r="A12567" s="1">
        <f ca="1">RAND()</f>
        <v>0.70649650380545648</v>
      </c>
      <c r="B12567" s="1"/>
      <c r="C12567">
        <v>12</v>
      </c>
      <c r="D12567" t="s">
        <v>26499</v>
      </c>
      <c r="E12567" t="s">
        <v>34058</v>
      </c>
      <c r="F12567">
        <v>2</v>
      </c>
      <c r="G12567" t="s">
        <v>14</v>
      </c>
      <c r="H12567" t="s">
        <v>26500</v>
      </c>
      <c r="I12567" t="s">
        <v>30540</v>
      </c>
    </row>
    <row r="12568" spans="1:9">
      <c r="A12568" s="1">
        <f ca="1">RAND()</f>
        <v>0.68552686126152795</v>
      </c>
      <c r="B12568" s="1"/>
      <c r="C12568">
        <v>2</v>
      </c>
      <c r="D12568" t="s">
        <v>26485</v>
      </c>
      <c r="E12568" t="s">
        <v>34059</v>
      </c>
      <c r="F12568">
        <v>5</v>
      </c>
      <c r="G12568" t="s">
        <v>14</v>
      </c>
      <c r="H12568" t="s">
        <v>26486</v>
      </c>
      <c r="I12568" t="s">
        <v>30540</v>
      </c>
    </row>
    <row r="12569" spans="1:9">
      <c r="A12569" s="1">
        <f ca="1">RAND()</f>
        <v>0.31752897510139211</v>
      </c>
      <c r="B12569" s="1"/>
      <c r="C12569">
        <v>10</v>
      </c>
      <c r="D12569" t="s">
        <v>26491</v>
      </c>
      <c r="E12569" t="s">
        <v>34059</v>
      </c>
      <c r="F12569">
        <v>5</v>
      </c>
      <c r="G12569" t="s">
        <v>10</v>
      </c>
      <c r="H12569" t="s">
        <v>26492</v>
      </c>
      <c r="I12569" t="s">
        <v>30540</v>
      </c>
    </row>
    <row r="12570" spans="1:9">
      <c r="A12570" s="1">
        <f ca="1">RAND()</f>
        <v>0.14607662423545198</v>
      </c>
      <c r="B12570" s="1"/>
      <c r="C12570">
        <v>11</v>
      </c>
      <c r="D12570" t="s">
        <v>26493</v>
      </c>
      <c r="E12570" t="s">
        <v>34059</v>
      </c>
      <c r="F12570">
        <v>4</v>
      </c>
      <c r="G12570" t="s">
        <v>14</v>
      </c>
      <c r="H12570" t="s">
        <v>26494</v>
      </c>
      <c r="I12570" t="s">
        <v>30540</v>
      </c>
    </row>
    <row r="12571" spans="1:9">
      <c r="A12571" s="1">
        <f ca="1">RAND()</f>
        <v>0.23177461884647121</v>
      </c>
      <c r="B12571" s="1"/>
      <c r="C12571">
        <v>3</v>
      </c>
      <c r="D12571" t="s">
        <v>26487</v>
      </c>
      <c r="E12571" t="s">
        <v>34059</v>
      </c>
      <c r="F12571">
        <v>4</v>
      </c>
      <c r="G12571" t="s">
        <v>15</v>
      </c>
      <c r="H12571" t="s">
        <v>26488</v>
      </c>
      <c r="I12571" t="s">
        <v>30540</v>
      </c>
    </row>
    <row r="12572" spans="1:9">
      <c r="A12572" s="1">
        <f ca="1">RAND()</f>
        <v>0.22738447276511342</v>
      </c>
      <c r="B12572" s="1"/>
      <c r="C12572">
        <v>9</v>
      </c>
      <c r="D12572" t="s">
        <v>26489</v>
      </c>
      <c r="E12572" t="s">
        <v>34059</v>
      </c>
      <c r="F12572">
        <v>3</v>
      </c>
      <c r="G12572" t="s">
        <v>1</v>
      </c>
      <c r="H12572" t="s">
        <v>26490</v>
      </c>
      <c r="I12572" t="s">
        <v>30540</v>
      </c>
    </row>
    <row r="12573" spans="1:9">
      <c r="A12573" s="1">
        <f ca="1">RAND()</f>
        <v>0.4304331746990151</v>
      </c>
      <c r="B12573" s="1"/>
      <c r="C12573">
        <v>19</v>
      </c>
      <c r="D12573" t="s">
        <v>26483</v>
      </c>
      <c r="E12573" t="s">
        <v>34060</v>
      </c>
      <c r="F12573">
        <v>4</v>
      </c>
      <c r="G12573" t="s">
        <v>14</v>
      </c>
      <c r="H12573" t="s">
        <v>26484</v>
      </c>
      <c r="I12573" t="s">
        <v>30540</v>
      </c>
    </row>
    <row r="12574" spans="1:9">
      <c r="A12574" s="1">
        <f ca="1">RAND()</f>
        <v>0.29179624633169199</v>
      </c>
      <c r="B12574" s="1"/>
      <c r="C12574">
        <v>7</v>
      </c>
      <c r="D12574" t="s">
        <v>26479</v>
      </c>
      <c r="E12574" t="s">
        <v>34060</v>
      </c>
      <c r="F12574">
        <v>4</v>
      </c>
      <c r="G12574" t="s">
        <v>14</v>
      </c>
      <c r="H12574" t="s">
        <v>26480</v>
      </c>
      <c r="I12574" t="s">
        <v>30540</v>
      </c>
    </row>
    <row r="12575" spans="1:9">
      <c r="A12575" s="1">
        <f ca="1">RAND()</f>
        <v>0.69605847644398655</v>
      </c>
      <c r="B12575" s="1"/>
      <c r="C12575">
        <v>17</v>
      </c>
      <c r="D12575" t="s">
        <v>26481</v>
      </c>
      <c r="E12575" t="s">
        <v>34060</v>
      </c>
      <c r="F12575">
        <v>4</v>
      </c>
      <c r="G12575" t="s">
        <v>1</v>
      </c>
      <c r="H12575" t="s">
        <v>26482</v>
      </c>
      <c r="I12575" t="s">
        <v>30540</v>
      </c>
    </row>
    <row r="12576" spans="1:9">
      <c r="A12576" s="1">
        <f ca="1">RAND()</f>
        <v>0.41587535825209698</v>
      </c>
      <c r="B12576" s="1"/>
      <c r="C12576">
        <v>4</v>
      </c>
      <c r="D12576" t="s">
        <v>26477</v>
      </c>
      <c r="E12576" t="s">
        <v>34061</v>
      </c>
      <c r="F12576">
        <v>5</v>
      </c>
      <c r="G12576" t="s">
        <v>775</v>
      </c>
      <c r="H12576" t="s">
        <v>26478</v>
      </c>
      <c r="I12576" t="s">
        <v>30540</v>
      </c>
    </row>
    <row r="12577" spans="1:9">
      <c r="A12577" s="1">
        <f ca="1">RAND()</f>
        <v>0.30301292057641704</v>
      </c>
      <c r="B12577" s="1"/>
      <c r="C12577">
        <v>9</v>
      </c>
      <c r="D12577" t="s">
        <v>26471</v>
      </c>
      <c r="E12577" t="s">
        <v>34062</v>
      </c>
      <c r="F12577">
        <v>5</v>
      </c>
      <c r="G12577" t="s">
        <v>14</v>
      </c>
      <c r="H12577" t="s">
        <v>26472</v>
      </c>
      <c r="I12577" t="s">
        <v>30540</v>
      </c>
    </row>
    <row r="12578" spans="1:9">
      <c r="A12578" s="1">
        <f ca="1">RAND()</f>
        <v>1.5595221846136043E-2</v>
      </c>
      <c r="B12578" s="1"/>
      <c r="C12578">
        <v>16</v>
      </c>
      <c r="D12578" t="s">
        <v>26475</v>
      </c>
      <c r="E12578" t="s">
        <v>34062</v>
      </c>
      <c r="F12578">
        <v>4</v>
      </c>
      <c r="G12578" t="s">
        <v>14</v>
      </c>
      <c r="H12578" t="s">
        <v>26476</v>
      </c>
      <c r="I12578" t="s">
        <v>30540</v>
      </c>
    </row>
    <row r="12579" spans="1:9">
      <c r="A12579" s="1">
        <f ca="1">RAND()</f>
        <v>0.38765402625988954</v>
      </c>
      <c r="B12579" s="1"/>
      <c r="C12579">
        <v>2</v>
      </c>
      <c r="D12579" t="s">
        <v>26467</v>
      </c>
      <c r="E12579" t="s">
        <v>34062</v>
      </c>
      <c r="F12579">
        <v>4</v>
      </c>
      <c r="G12579" t="s">
        <v>14</v>
      </c>
      <c r="H12579" t="s">
        <v>26468</v>
      </c>
      <c r="I12579" t="s">
        <v>30540</v>
      </c>
    </row>
    <row r="12580" spans="1:9">
      <c r="A12580" s="1">
        <f ca="1">RAND()</f>
        <v>0.82729680059125321</v>
      </c>
      <c r="B12580" s="1"/>
      <c r="C12580">
        <v>11</v>
      </c>
      <c r="D12580" t="s">
        <v>26473</v>
      </c>
      <c r="E12580" t="s">
        <v>34062</v>
      </c>
      <c r="F12580">
        <v>4</v>
      </c>
      <c r="G12580" t="s">
        <v>0</v>
      </c>
      <c r="H12580" t="s">
        <v>26474</v>
      </c>
      <c r="I12580" t="s">
        <v>30540</v>
      </c>
    </row>
    <row r="12581" spans="1:9">
      <c r="A12581" s="1">
        <f ca="1">RAND()</f>
        <v>0.34730699184069747</v>
      </c>
      <c r="B12581" s="1"/>
      <c r="C12581">
        <v>7</v>
      </c>
      <c r="D12581" t="s">
        <v>26469</v>
      </c>
      <c r="E12581" t="s">
        <v>34062</v>
      </c>
      <c r="F12581">
        <v>2</v>
      </c>
      <c r="G12581" t="s">
        <v>14</v>
      </c>
      <c r="H12581" t="s">
        <v>26470</v>
      </c>
      <c r="I12581" t="s">
        <v>30540</v>
      </c>
    </row>
    <row r="12582" spans="1:9">
      <c r="A12582" s="1">
        <f ca="1">RAND()</f>
        <v>0.76636505507789865</v>
      </c>
      <c r="B12582" s="1"/>
      <c r="C12582">
        <v>12</v>
      </c>
      <c r="D12582" t="s">
        <v>26461</v>
      </c>
      <c r="E12582" t="s">
        <v>34063</v>
      </c>
      <c r="F12582">
        <v>5</v>
      </c>
      <c r="G12582" t="s">
        <v>14</v>
      </c>
      <c r="H12582" t="s">
        <v>26462</v>
      </c>
      <c r="I12582" t="s">
        <v>30540</v>
      </c>
    </row>
    <row r="12583" spans="1:9">
      <c r="A12583" s="1">
        <f ca="1">RAND()</f>
        <v>0.67963555468591286</v>
      </c>
      <c r="B12583" s="1"/>
      <c r="C12583">
        <v>16</v>
      </c>
      <c r="D12583" t="s">
        <v>26463</v>
      </c>
      <c r="E12583" t="s">
        <v>34063</v>
      </c>
      <c r="F12583">
        <v>4</v>
      </c>
      <c r="G12583" t="s">
        <v>14</v>
      </c>
      <c r="H12583" t="s">
        <v>26464</v>
      </c>
      <c r="I12583" t="s">
        <v>30540</v>
      </c>
    </row>
    <row r="12584" spans="1:9">
      <c r="A12584" s="1">
        <f ca="1">RAND()</f>
        <v>0.99081326787209711</v>
      </c>
      <c r="B12584" s="1"/>
      <c r="C12584">
        <v>2</v>
      </c>
      <c r="D12584" t="s">
        <v>26459</v>
      </c>
      <c r="E12584" t="s">
        <v>34063</v>
      </c>
      <c r="F12584">
        <v>4</v>
      </c>
      <c r="G12584" t="s">
        <v>14</v>
      </c>
      <c r="H12584" t="s">
        <v>26460</v>
      </c>
      <c r="I12584" t="s">
        <v>30540</v>
      </c>
    </row>
    <row r="12585" spans="1:9">
      <c r="A12585" s="1">
        <f ca="1">RAND()</f>
        <v>0.20676498450095893</v>
      </c>
      <c r="B12585" s="1"/>
      <c r="C12585">
        <v>18</v>
      </c>
      <c r="D12585" t="s">
        <v>26465</v>
      </c>
      <c r="E12585" t="s">
        <v>34063</v>
      </c>
      <c r="F12585">
        <v>4</v>
      </c>
      <c r="G12585" t="s">
        <v>14</v>
      </c>
      <c r="H12585" t="s">
        <v>26466</v>
      </c>
      <c r="I12585" t="s">
        <v>30540</v>
      </c>
    </row>
    <row r="12586" spans="1:9">
      <c r="A12586" s="1">
        <f ca="1">RAND()</f>
        <v>0.96415140310429936</v>
      </c>
      <c r="B12586" s="1"/>
      <c r="C12586">
        <v>12</v>
      </c>
      <c r="D12586" t="s">
        <v>26455</v>
      </c>
      <c r="E12586" t="s">
        <v>34064</v>
      </c>
      <c r="F12586">
        <v>3</v>
      </c>
      <c r="G12586" t="s">
        <v>14</v>
      </c>
      <c r="H12586" t="s">
        <v>26456</v>
      </c>
      <c r="I12586" t="s">
        <v>30540</v>
      </c>
    </row>
    <row r="12587" spans="1:9">
      <c r="A12587" s="1">
        <f ca="1">RAND()</f>
        <v>0.72416306146794307</v>
      </c>
      <c r="B12587" s="1"/>
      <c r="C12587">
        <v>1</v>
      </c>
      <c r="D12587" t="s">
        <v>26451</v>
      </c>
      <c r="E12587" t="s">
        <v>34064</v>
      </c>
      <c r="F12587">
        <v>2</v>
      </c>
      <c r="G12587" t="s">
        <v>14</v>
      </c>
      <c r="H12587" t="s">
        <v>26452</v>
      </c>
      <c r="I12587" t="s">
        <v>30540</v>
      </c>
    </row>
    <row r="12588" spans="1:9">
      <c r="A12588" s="1">
        <f ca="1">RAND()</f>
        <v>0.61845758925479688</v>
      </c>
      <c r="B12588" s="1"/>
      <c r="C12588">
        <v>17</v>
      </c>
      <c r="D12588" t="s">
        <v>26457</v>
      </c>
      <c r="E12588" t="s">
        <v>34064</v>
      </c>
      <c r="F12588">
        <v>2</v>
      </c>
      <c r="G12588" t="s">
        <v>14</v>
      </c>
      <c r="H12588" t="s">
        <v>26458</v>
      </c>
      <c r="I12588" t="s">
        <v>30540</v>
      </c>
    </row>
    <row r="12589" spans="1:9">
      <c r="A12589" s="1">
        <f ca="1">RAND()</f>
        <v>0.16579848018936738</v>
      </c>
      <c r="B12589" s="1"/>
      <c r="C12589">
        <v>5</v>
      </c>
      <c r="D12589" t="s">
        <v>26453</v>
      </c>
      <c r="E12589" t="s">
        <v>34064</v>
      </c>
      <c r="F12589">
        <v>2</v>
      </c>
      <c r="G12589" t="s">
        <v>14</v>
      </c>
      <c r="H12589" t="s">
        <v>26454</v>
      </c>
      <c r="I12589" t="s">
        <v>30540</v>
      </c>
    </row>
    <row r="12590" spans="1:9">
      <c r="A12590" s="1">
        <f ca="1">RAND()</f>
        <v>0.33658230533033429</v>
      </c>
      <c r="B12590" s="1"/>
      <c r="C12590">
        <v>13</v>
      </c>
      <c r="D12590" t="s">
        <v>26445</v>
      </c>
      <c r="E12590" t="s">
        <v>34065</v>
      </c>
      <c r="F12590">
        <v>4</v>
      </c>
      <c r="G12590" t="s">
        <v>14</v>
      </c>
      <c r="H12590" t="s">
        <v>26446</v>
      </c>
      <c r="I12590" t="s">
        <v>30540</v>
      </c>
    </row>
    <row r="12591" spans="1:9">
      <c r="A12591" s="1">
        <f ca="1">RAND()</f>
        <v>0.51861198184683865</v>
      </c>
      <c r="B12591" s="1"/>
      <c r="C12591">
        <v>9</v>
      </c>
      <c r="D12591" t="s">
        <v>26443</v>
      </c>
      <c r="E12591" t="s">
        <v>34065</v>
      </c>
      <c r="F12591">
        <v>4</v>
      </c>
      <c r="G12591" t="s">
        <v>14</v>
      </c>
      <c r="H12591" t="s">
        <v>26444</v>
      </c>
      <c r="I12591" t="s">
        <v>30540</v>
      </c>
    </row>
    <row r="12592" spans="1:9">
      <c r="A12592" s="1">
        <f ca="1">RAND()</f>
        <v>9.8254853420093546E-2</v>
      </c>
      <c r="B12592" s="1"/>
      <c r="C12592">
        <v>20</v>
      </c>
      <c r="D12592" t="s">
        <v>26449</v>
      </c>
      <c r="E12592" t="s">
        <v>34065</v>
      </c>
      <c r="F12592">
        <v>4</v>
      </c>
      <c r="G12592" t="s">
        <v>14</v>
      </c>
      <c r="H12592" t="s">
        <v>26450</v>
      </c>
      <c r="I12592" t="s">
        <v>30540</v>
      </c>
    </row>
    <row r="12593" spans="1:9">
      <c r="A12593" s="1">
        <f ca="1">RAND()</f>
        <v>0.35327141796236416</v>
      </c>
      <c r="B12593" s="1"/>
      <c r="C12593">
        <v>14</v>
      </c>
      <c r="D12593" t="s">
        <v>26447</v>
      </c>
      <c r="E12593" t="s">
        <v>34065</v>
      </c>
      <c r="F12593">
        <v>4</v>
      </c>
      <c r="G12593" t="s">
        <v>10</v>
      </c>
      <c r="H12593" t="s">
        <v>26448</v>
      </c>
      <c r="I12593" t="s">
        <v>30540</v>
      </c>
    </row>
    <row r="12594" spans="1:9">
      <c r="A12594" s="1">
        <f ca="1">RAND()</f>
        <v>9.3682097184299096E-2</v>
      </c>
      <c r="B12594" s="1"/>
      <c r="C12594">
        <v>20</v>
      </c>
      <c r="D12594" t="s">
        <v>26441</v>
      </c>
      <c r="E12594" t="s">
        <v>34066</v>
      </c>
      <c r="F12594">
        <v>4</v>
      </c>
      <c r="G12594" t="s">
        <v>766</v>
      </c>
      <c r="H12594" t="s">
        <v>26442</v>
      </c>
      <c r="I12594" t="s">
        <v>30540</v>
      </c>
    </row>
    <row r="12595" spans="1:9">
      <c r="A12595" s="1">
        <f ca="1">RAND()</f>
        <v>0.88416153057116231</v>
      </c>
      <c r="B12595" s="1"/>
      <c r="C12595">
        <v>17</v>
      </c>
      <c r="D12595" t="s">
        <v>26439</v>
      </c>
      <c r="E12595" t="s">
        <v>34066</v>
      </c>
      <c r="F12595">
        <v>4</v>
      </c>
      <c r="G12595" t="s">
        <v>1431</v>
      </c>
      <c r="H12595" t="s">
        <v>26440</v>
      </c>
      <c r="I12595" t="s">
        <v>30540</v>
      </c>
    </row>
    <row r="12596" spans="1:9">
      <c r="A12596" s="1">
        <f ca="1">RAND()</f>
        <v>0.15807522435110288</v>
      </c>
      <c r="B12596" s="1"/>
      <c r="C12596">
        <v>11</v>
      </c>
      <c r="D12596" t="s">
        <v>26437</v>
      </c>
      <c r="E12596" t="s">
        <v>34066</v>
      </c>
      <c r="F12596">
        <v>3</v>
      </c>
      <c r="G12596" t="s">
        <v>14</v>
      </c>
      <c r="H12596" t="s">
        <v>26438</v>
      </c>
      <c r="I12596" t="s">
        <v>30540</v>
      </c>
    </row>
    <row r="12597" spans="1:9">
      <c r="A12597" s="1">
        <f ca="1">RAND()</f>
        <v>0.63478393540755129</v>
      </c>
      <c r="B12597" s="1"/>
      <c r="C12597">
        <v>17</v>
      </c>
      <c r="D12597" t="s">
        <v>26435</v>
      </c>
      <c r="E12597" t="s">
        <v>34067</v>
      </c>
      <c r="F12597">
        <v>4</v>
      </c>
      <c r="G12597" t="s">
        <v>15</v>
      </c>
      <c r="H12597" t="s">
        <v>26436</v>
      </c>
      <c r="I12597" t="s">
        <v>30540</v>
      </c>
    </row>
    <row r="12598" spans="1:9">
      <c r="A12598" s="1">
        <f ca="1">RAND()</f>
        <v>0.47242749922997507</v>
      </c>
      <c r="B12598" s="1"/>
      <c r="C12598">
        <v>2</v>
      </c>
      <c r="D12598" t="s">
        <v>26431</v>
      </c>
      <c r="E12598" t="s">
        <v>34067</v>
      </c>
      <c r="F12598">
        <v>4</v>
      </c>
      <c r="G12598" t="s">
        <v>9</v>
      </c>
      <c r="H12598" t="s">
        <v>26432</v>
      </c>
      <c r="I12598" t="s">
        <v>30540</v>
      </c>
    </row>
    <row r="12599" spans="1:9">
      <c r="A12599" s="1">
        <f ca="1">RAND()</f>
        <v>0.76828781951629277</v>
      </c>
      <c r="B12599" s="1"/>
      <c r="C12599">
        <v>9</v>
      </c>
      <c r="D12599" t="s">
        <v>26433</v>
      </c>
      <c r="E12599" t="s">
        <v>34067</v>
      </c>
      <c r="F12599">
        <v>4</v>
      </c>
      <c r="G12599" t="s">
        <v>14</v>
      </c>
      <c r="H12599" t="s">
        <v>26434</v>
      </c>
      <c r="I12599" t="s">
        <v>30540</v>
      </c>
    </row>
    <row r="12600" spans="1:9">
      <c r="A12600" s="1">
        <f ca="1">RAND()</f>
        <v>0.17418398560076176</v>
      </c>
      <c r="B12600" s="1"/>
      <c r="C12600">
        <v>20</v>
      </c>
      <c r="D12600" t="s">
        <v>26429</v>
      </c>
      <c r="E12600" t="s">
        <v>34068</v>
      </c>
      <c r="F12600">
        <v>5</v>
      </c>
      <c r="G12600" t="s">
        <v>14</v>
      </c>
      <c r="H12600" t="s">
        <v>26430</v>
      </c>
      <c r="I12600" t="s">
        <v>30540</v>
      </c>
    </row>
    <row r="12601" spans="1:9">
      <c r="A12601" s="1">
        <f ca="1">RAND()</f>
        <v>0.88010508208512361</v>
      </c>
      <c r="B12601" s="1"/>
      <c r="C12601">
        <v>12</v>
      </c>
      <c r="D12601" t="s">
        <v>26425</v>
      </c>
      <c r="E12601" t="s">
        <v>34068</v>
      </c>
      <c r="F12601">
        <v>4</v>
      </c>
      <c r="G12601" t="s">
        <v>1</v>
      </c>
      <c r="H12601" t="s">
        <v>26426</v>
      </c>
      <c r="I12601" t="s">
        <v>30540</v>
      </c>
    </row>
    <row r="12602" spans="1:9">
      <c r="A12602" s="1">
        <f ca="1">RAND()</f>
        <v>0.60346329630348228</v>
      </c>
      <c r="B12602" s="1"/>
      <c r="C12602">
        <v>7</v>
      </c>
      <c r="D12602" t="s">
        <v>26421</v>
      </c>
      <c r="E12602" t="s">
        <v>34068</v>
      </c>
      <c r="F12602">
        <v>4</v>
      </c>
      <c r="G12602" t="s">
        <v>14</v>
      </c>
      <c r="H12602" t="s">
        <v>26422</v>
      </c>
      <c r="I12602" t="s">
        <v>30540</v>
      </c>
    </row>
    <row r="12603" spans="1:9">
      <c r="A12603" s="1">
        <f ca="1">RAND()</f>
        <v>0.71068439412242634</v>
      </c>
      <c r="B12603" s="1"/>
      <c r="C12603">
        <v>19</v>
      </c>
      <c r="D12603" t="s">
        <v>26427</v>
      </c>
      <c r="E12603" t="s">
        <v>34068</v>
      </c>
      <c r="F12603">
        <v>4</v>
      </c>
      <c r="G12603" t="s">
        <v>14</v>
      </c>
      <c r="H12603" t="s">
        <v>26428</v>
      </c>
      <c r="I12603" t="s">
        <v>30540</v>
      </c>
    </row>
    <row r="12604" spans="1:9">
      <c r="A12604" s="1">
        <f ca="1">RAND()</f>
        <v>1.9510426270882286E-2</v>
      </c>
      <c r="B12604" s="1"/>
      <c r="C12604">
        <v>9</v>
      </c>
      <c r="D12604" t="s">
        <v>26423</v>
      </c>
      <c r="E12604" t="s">
        <v>34068</v>
      </c>
      <c r="F12604">
        <v>4</v>
      </c>
      <c r="G12604" t="s">
        <v>14</v>
      </c>
      <c r="H12604" t="s">
        <v>26424</v>
      </c>
      <c r="I12604" t="s">
        <v>30540</v>
      </c>
    </row>
    <row r="12605" spans="1:9">
      <c r="A12605" s="1">
        <f ca="1">RAND()</f>
        <v>0.81173014322258363</v>
      </c>
      <c r="B12605" s="1"/>
      <c r="C12605">
        <v>7</v>
      </c>
      <c r="D12605" t="s">
        <v>26413</v>
      </c>
      <c r="E12605" t="s">
        <v>34069</v>
      </c>
      <c r="F12605">
        <v>4</v>
      </c>
      <c r="G12605" t="s">
        <v>14</v>
      </c>
      <c r="H12605" t="s">
        <v>26414</v>
      </c>
      <c r="I12605" t="s">
        <v>30540</v>
      </c>
    </row>
    <row r="12606" spans="1:9">
      <c r="A12606" s="1">
        <f ca="1">RAND()</f>
        <v>0.43394095683981571</v>
      </c>
      <c r="B12606" s="1"/>
      <c r="C12606">
        <v>11</v>
      </c>
      <c r="D12606" t="s">
        <v>26415</v>
      </c>
      <c r="E12606" t="s">
        <v>34069</v>
      </c>
      <c r="F12606">
        <v>4</v>
      </c>
      <c r="G12606" t="s">
        <v>15</v>
      </c>
      <c r="H12606" t="s">
        <v>26416</v>
      </c>
      <c r="I12606" t="s">
        <v>30540</v>
      </c>
    </row>
    <row r="12607" spans="1:9">
      <c r="A12607" s="1">
        <f ca="1">RAND()</f>
        <v>0.81479362877186445</v>
      </c>
      <c r="B12607" s="1"/>
      <c r="C12607">
        <v>3</v>
      </c>
      <c r="D12607" t="s">
        <v>26411</v>
      </c>
      <c r="E12607" t="s">
        <v>34069</v>
      </c>
      <c r="F12607">
        <v>4</v>
      </c>
      <c r="G12607" t="s">
        <v>15</v>
      </c>
      <c r="H12607" t="s">
        <v>26412</v>
      </c>
      <c r="I12607" t="s">
        <v>30540</v>
      </c>
    </row>
    <row r="12608" spans="1:9">
      <c r="A12608" s="1">
        <f ca="1">RAND()</f>
        <v>3.6203964310798864E-2</v>
      </c>
      <c r="B12608" s="1"/>
      <c r="C12608">
        <v>16</v>
      </c>
      <c r="D12608" t="s">
        <v>26419</v>
      </c>
      <c r="E12608" t="s">
        <v>34069</v>
      </c>
      <c r="F12608">
        <v>4</v>
      </c>
      <c r="G12608" t="s">
        <v>14</v>
      </c>
      <c r="H12608" t="s">
        <v>26420</v>
      </c>
      <c r="I12608" t="s">
        <v>30540</v>
      </c>
    </row>
    <row r="12609" spans="1:9">
      <c r="A12609" s="1">
        <f ca="1">RAND()</f>
        <v>0.44453580816794314</v>
      </c>
      <c r="B12609" s="1"/>
      <c r="C12609">
        <v>14</v>
      </c>
      <c r="D12609" t="s">
        <v>26417</v>
      </c>
      <c r="E12609" t="s">
        <v>34069</v>
      </c>
      <c r="F12609">
        <v>2</v>
      </c>
      <c r="G12609" t="s">
        <v>0</v>
      </c>
      <c r="H12609" t="s">
        <v>26418</v>
      </c>
      <c r="I12609" t="s">
        <v>30540</v>
      </c>
    </row>
    <row r="12610" spans="1:9">
      <c r="A12610" s="1">
        <f ca="1">RAND()</f>
        <v>0.89312171561046072</v>
      </c>
      <c r="B12610" s="1"/>
      <c r="C12610">
        <v>7</v>
      </c>
      <c r="D12610" t="s">
        <v>26409</v>
      </c>
      <c r="E12610" t="s">
        <v>34070</v>
      </c>
      <c r="F12610">
        <v>5</v>
      </c>
      <c r="G12610" t="s">
        <v>9</v>
      </c>
      <c r="H12610" t="s">
        <v>26410</v>
      </c>
      <c r="I12610" t="s">
        <v>30540</v>
      </c>
    </row>
    <row r="12611" spans="1:9">
      <c r="A12611" s="1">
        <f ca="1">RAND()</f>
        <v>8.9257445217072462E-4</v>
      </c>
      <c r="B12611" s="1"/>
      <c r="C12611">
        <v>12</v>
      </c>
      <c r="D12611" t="s">
        <v>26403</v>
      </c>
      <c r="E12611" t="s">
        <v>34071</v>
      </c>
      <c r="F12611">
        <v>5</v>
      </c>
      <c r="G12611" t="s">
        <v>2738</v>
      </c>
      <c r="H12611" t="s">
        <v>26404</v>
      </c>
      <c r="I12611" t="s">
        <v>30540</v>
      </c>
    </row>
    <row r="12612" spans="1:9">
      <c r="A12612" s="1">
        <f ca="1">RAND()</f>
        <v>0.64737161559742129</v>
      </c>
      <c r="B12612" s="1"/>
      <c r="C12612">
        <v>1</v>
      </c>
      <c r="D12612" t="s">
        <v>26399</v>
      </c>
      <c r="E12612" t="s">
        <v>34071</v>
      </c>
      <c r="F12612">
        <v>5</v>
      </c>
      <c r="G12612" t="s">
        <v>15</v>
      </c>
      <c r="H12612" t="s">
        <v>26400</v>
      </c>
      <c r="I12612" t="s">
        <v>30540</v>
      </c>
    </row>
    <row r="12613" spans="1:9">
      <c r="A12613" s="1">
        <f ca="1">RAND()</f>
        <v>0.74981809392672938</v>
      </c>
      <c r="B12613" s="1"/>
      <c r="C12613">
        <v>20</v>
      </c>
      <c r="D12613" t="s">
        <v>26407</v>
      </c>
      <c r="E12613" t="s">
        <v>34071</v>
      </c>
      <c r="F12613">
        <v>4</v>
      </c>
      <c r="G12613" t="s">
        <v>769</v>
      </c>
      <c r="H12613" t="s">
        <v>26408</v>
      </c>
      <c r="I12613" t="s">
        <v>30540</v>
      </c>
    </row>
    <row r="12614" spans="1:9">
      <c r="A12614" s="1">
        <f ca="1">RAND()</f>
        <v>0.80337949448690615</v>
      </c>
      <c r="B12614" s="1"/>
      <c r="C12614">
        <v>15</v>
      </c>
      <c r="D12614" t="s">
        <v>26405</v>
      </c>
      <c r="E12614" t="s">
        <v>34071</v>
      </c>
      <c r="F12614">
        <v>4</v>
      </c>
      <c r="G12614" t="s">
        <v>9</v>
      </c>
      <c r="H12614" t="s">
        <v>26406</v>
      </c>
      <c r="I12614" t="s">
        <v>30540</v>
      </c>
    </row>
    <row r="12615" spans="1:9">
      <c r="A12615" s="1">
        <f ca="1">RAND()</f>
        <v>0.65503307980193382</v>
      </c>
      <c r="B12615" s="1"/>
      <c r="C12615">
        <v>4</v>
      </c>
      <c r="D12615" t="s">
        <v>26401</v>
      </c>
      <c r="E12615" t="s">
        <v>34071</v>
      </c>
      <c r="F12615">
        <v>3</v>
      </c>
      <c r="G12615" t="s">
        <v>769</v>
      </c>
      <c r="H12615" t="s">
        <v>26402</v>
      </c>
      <c r="I12615" t="s">
        <v>30540</v>
      </c>
    </row>
    <row r="12616" spans="1:9">
      <c r="A12616" s="1">
        <f ca="1">RAND()</f>
        <v>8.7192044321679152E-2</v>
      </c>
      <c r="B12616" s="1"/>
      <c r="C12616">
        <v>10</v>
      </c>
      <c r="D12616" t="s">
        <v>26395</v>
      </c>
      <c r="E12616" t="s">
        <v>34072</v>
      </c>
      <c r="F12616">
        <v>5</v>
      </c>
      <c r="G12616" t="s">
        <v>10</v>
      </c>
      <c r="H12616" t="s">
        <v>26396</v>
      </c>
      <c r="I12616" t="s">
        <v>30540</v>
      </c>
    </row>
    <row r="12617" spans="1:9">
      <c r="A12617" s="1">
        <f ca="1">RAND()</f>
        <v>0.94447947418952194</v>
      </c>
      <c r="B12617" s="1"/>
      <c r="C12617">
        <v>6</v>
      </c>
      <c r="D12617" t="s">
        <v>26393</v>
      </c>
      <c r="E12617" t="s">
        <v>34072</v>
      </c>
      <c r="F12617">
        <v>4</v>
      </c>
      <c r="G12617" t="s">
        <v>9</v>
      </c>
      <c r="H12617" t="s">
        <v>26394</v>
      </c>
      <c r="I12617" t="s">
        <v>30540</v>
      </c>
    </row>
    <row r="12618" spans="1:9">
      <c r="A12618" s="1">
        <f ca="1">RAND()</f>
        <v>0.83396757018999623</v>
      </c>
      <c r="B12618" s="1"/>
      <c r="C12618">
        <v>1</v>
      </c>
      <c r="D12618" t="s">
        <v>26389</v>
      </c>
      <c r="E12618" t="s">
        <v>34072</v>
      </c>
      <c r="F12618">
        <v>4</v>
      </c>
      <c r="G12618" t="s">
        <v>2</v>
      </c>
      <c r="H12618" t="s">
        <v>26390</v>
      </c>
      <c r="I12618" t="s">
        <v>30540</v>
      </c>
    </row>
    <row r="12619" spans="1:9">
      <c r="A12619" s="1">
        <f ca="1">RAND()</f>
        <v>0.60099780094311428</v>
      </c>
      <c r="B12619" s="1"/>
      <c r="C12619">
        <v>19</v>
      </c>
      <c r="D12619" t="s">
        <v>26397</v>
      </c>
      <c r="E12619" t="s">
        <v>34072</v>
      </c>
      <c r="F12619">
        <v>3</v>
      </c>
      <c r="G12619" t="s">
        <v>9</v>
      </c>
      <c r="H12619" t="s">
        <v>26398</v>
      </c>
      <c r="I12619" t="s">
        <v>30540</v>
      </c>
    </row>
    <row r="12620" spans="1:9">
      <c r="A12620" s="1">
        <f ca="1">RAND()</f>
        <v>0.62155631608629014</v>
      </c>
      <c r="B12620" s="1"/>
      <c r="C12620">
        <v>2</v>
      </c>
      <c r="D12620" t="s">
        <v>26391</v>
      </c>
      <c r="E12620" t="s">
        <v>34072</v>
      </c>
      <c r="F12620">
        <v>2</v>
      </c>
      <c r="G12620" t="s">
        <v>13</v>
      </c>
      <c r="H12620" t="s">
        <v>26392</v>
      </c>
      <c r="I12620" t="s">
        <v>30540</v>
      </c>
    </row>
    <row r="12621" spans="1:9">
      <c r="A12621" s="1">
        <f ca="1">RAND()</f>
        <v>0.43621867565982053</v>
      </c>
      <c r="B12621" s="1"/>
      <c r="C12621">
        <v>5</v>
      </c>
      <c r="D12621" t="s">
        <v>26387</v>
      </c>
      <c r="E12621" t="s">
        <v>34073</v>
      </c>
      <c r="F12621">
        <v>4</v>
      </c>
      <c r="G12621" t="s">
        <v>9</v>
      </c>
      <c r="H12621" t="s">
        <v>26388</v>
      </c>
      <c r="I12621" t="s">
        <v>30540</v>
      </c>
    </row>
    <row r="12622" spans="1:9">
      <c r="A12622" s="1">
        <f ca="1">RAND()</f>
        <v>0.12396802116249428</v>
      </c>
      <c r="B12622" s="1"/>
      <c r="C12622">
        <v>16</v>
      </c>
      <c r="D12622" t="s">
        <v>26385</v>
      </c>
      <c r="E12622" t="s">
        <v>34074</v>
      </c>
      <c r="F12622">
        <v>5</v>
      </c>
      <c r="G12622" t="s">
        <v>9</v>
      </c>
      <c r="H12622" t="s">
        <v>26386</v>
      </c>
      <c r="I12622" t="s">
        <v>30540</v>
      </c>
    </row>
    <row r="12623" spans="1:9">
      <c r="A12623" s="1">
        <f ca="1">RAND()</f>
        <v>0.10529822531349486</v>
      </c>
      <c r="B12623" s="1"/>
      <c r="C12623">
        <v>3</v>
      </c>
      <c r="D12623" t="s">
        <v>26377</v>
      </c>
      <c r="E12623" t="s">
        <v>34074</v>
      </c>
      <c r="F12623">
        <v>4</v>
      </c>
      <c r="G12623" t="s">
        <v>9</v>
      </c>
      <c r="H12623" t="s">
        <v>26378</v>
      </c>
      <c r="I12623" t="s">
        <v>30540</v>
      </c>
    </row>
    <row r="12624" spans="1:9">
      <c r="A12624" s="1">
        <f ca="1">RAND()</f>
        <v>0.49638329313412022</v>
      </c>
      <c r="B12624" s="1"/>
      <c r="C12624">
        <v>8</v>
      </c>
      <c r="D12624" t="s">
        <v>26381</v>
      </c>
      <c r="E12624" t="s">
        <v>34074</v>
      </c>
      <c r="F12624">
        <v>4</v>
      </c>
      <c r="G12624" t="s">
        <v>9</v>
      </c>
      <c r="H12624" t="s">
        <v>26382</v>
      </c>
      <c r="I12624" t="s">
        <v>30540</v>
      </c>
    </row>
    <row r="12625" spans="1:9">
      <c r="A12625" s="1">
        <f ca="1">RAND()</f>
        <v>0.3576993054237555</v>
      </c>
      <c r="B12625" s="1"/>
      <c r="C12625">
        <v>5</v>
      </c>
      <c r="D12625" t="s">
        <v>26379</v>
      </c>
      <c r="E12625" t="s">
        <v>34074</v>
      </c>
      <c r="F12625">
        <v>4</v>
      </c>
      <c r="G12625" t="s">
        <v>10</v>
      </c>
      <c r="H12625" t="s">
        <v>26380</v>
      </c>
      <c r="I12625" t="s">
        <v>30540</v>
      </c>
    </row>
    <row r="12626" spans="1:9">
      <c r="A12626" s="1">
        <f ca="1">RAND()</f>
        <v>0.31723196435801704</v>
      </c>
      <c r="B12626" s="1"/>
      <c r="C12626">
        <v>12</v>
      </c>
      <c r="D12626" t="s">
        <v>26383</v>
      </c>
      <c r="E12626" t="s">
        <v>34074</v>
      </c>
      <c r="F12626">
        <v>3</v>
      </c>
      <c r="G12626" t="s">
        <v>9</v>
      </c>
      <c r="H12626" t="s">
        <v>26384</v>
      </c>
      <c r="I12626" t="s">
        <v>30540</v>
      </c>
    </row>
    <row r="12627" spans="1:9">
      <c r="A12627" s="1">
        <f ca="1">RAND()</f>
        <v>0.18881613074608472</v>
      </c>
      <c r="B12627" s="1"/>
      <c r="C12627">
        <v>2</v>
      </c>
      <c r="D12627" t="s">
        <v>26375</v>
      </c>
      <c r="E12627" t="s">
        <v>34074</v>
      </c>
      <c r="F12627">
        <v>3</v>
      </c>
      <c r="G12627" t="s">
        <v>15</v>
      </c>
      <c r="H12627" t="s">
        <v>26376</v>
      </c>
      <c r="I12627" t="s">
        <v>30540</v>
      </c>
    </row>
    <row r="12628" spans="1:9">
      <c r="A12628" s="1">
        <f ca="1">RAND()</f>
        <v>0.39588097695700886</v>
      </c>
      <c r="B12628" s="1"/>
      <c r="C12628">
        <v>4</v>
      </c>
      <c r="D12628" t="s">
        <v>26367</v>
      </c>
      <c r="E12628" t="s">
        <v>34075</v>
      </c>
      <c r="F12628">
        <v>5</v>
      </c>
      <c r="G12628" t="s">
        <v>9</v>
      </c>
      <c r="H12628" t="s">
        <v>26368</v>
      </c>
      <c r="I12628" t="s">
        <v>30540</v>
      </c>
    </row>
    <row r="12629" spans="1:9">
      <c r="A12629" s="1">
        <f ca="1">RAND()</f>
        <v>0.94175333095465186</v>
      </c>
      <c r="B12629" s="1"/>
      <c r="C12629">
        <v>16</v>
      </c>
      <c r="D12629" t="s">
        <v>26373</v>
      </c>
      <c r="E12629" t="s">
        <v>34075</v>
      </c>
      <c r="F12629">
        <v>4</v>
      </c>
      <c r="G12629" t="s">
        <v>9</v>
      </c>
      <c r="H12629" t="s">
        <v>26374</v>
      </c>
      <c r="I12629" t="s">
        <v>30540</v>
      </c>
    </row>
    <row r="12630" spans="1:9">
      <c r="A12630" s="1">
        <f ca="1">RAND()</f>
        <v>0.52755782958434694</v>
      </c>
      <c r="B12630" s="1"/>
      <c r="C12630">
        <v>9</v>
      </c>
      <c r="D12630" t="s">
        <v>26369</v>
      </c>
      <c r="E12630" t="s">
        <v>34075</v>
      </c>
      <c r="F12630">
        <v>4</v>
      </c>
      <c r="G12630" t="s">
        <v>9</v>
      </c>
      <c r="H12630" t="s">
        <v>26370</v>
      </c>
      <c r="I12630" t="s">
        <v>30540</v>
      </c>
    </row>
    <row r="12631" spans="1:9">
      <c r="A12631" s="1">
        <f ca="1">RAND()</f>
        <v>0.13718474796307001</v>
      </c>
      <c r="B12631" s="1"/>
      <c r="C12631">
        <v>1</v>
      </c>
      <c r="D12631" t="s">
        <v>26365</v>
      </c>
      <c r="E12631" t="s">
        <v>34075</v>
      </c>
      <c r="F12631">
        <v>4</v>
      </c>
      <c r="G12631" t="s">
        <v>2</v>
      </c>
      <c r="H12631" t="s">
        <v>26366</v>
      </c>
      <c r="I12631" t="s">
        <v>30540</v>
      </c>
    </row>
    <row r="12632" spans="1:9">
      <c r="A12632" s="1">
        <f ca="1">RAND()</f>
        <v>0.89577717038728033</v>
      </c>
      <c r="B12632" s="1"/>
      <c r="C12632">
        <v>14</v>
      </c>
      <c r="D12632" t="s">
        <v>26371</v>
      </c>
      <c r="E12632" t="s">
        <v>34075</v>
      </c>
      <c r="F12632">
        <v>4</v>
      </c>
      <c r="G12632" t="s">
        <v>2</v>
      </c>
      <c r="H12632" t="s">
        <v>26372</v>
      </c>
      <c r="I12632" t="s">
        <v>30540</v>
      </c>
    </row>
    <row r="12633" spans="1:9">
      <c r="A12633" s="1">
        <f ca="1">RAND()</f>
        <v>0.92257332334956832</v>
      </c>
      <c r="B12633" s="1"/>
      <c r="C12633">
        <v>15</v>
      </c>
      <c r="D12633" t="s">
        <v>26363</v>
      </c>
      <c r="E12633" t="s">
        <v>34076</v>
      </c>
      <c r="F12633">
        <v>4</v>
      </c>
      <c r="G12633" t="s">
        <v>9</v>
      </c>
      <c r="H12633" t="s">
        <v>26364</v>
      </c>
      <c r="I12633" t="s">
        <v>30540</v>
      </c>
    </row>
    <row r="12634" spans="1:9">
      <c r="A12634" s="1">
        <f ca="1">RAND()</f>
        <v>0.71769072408585632</v>
      </c>
      <c r="B12634" s="1"/>
      <c r="C12634">
        <v>2</v>
      </c>
      <c r="D12634" t="s">
        <v>26361</v>
      </c>
      <c r="E12634" t="s">
        <v>34076</v>
      </c>
      <c r="F12634">
        <v>4</v>
      </c>
      <c r="G12634" t="s">
        <v>769</v>
      </c>
      <c r="H12634" t="s">
        <v>26362</v>
      </c>
      <c r="I12634" t="s">
        <v>30540</v>
      </c>
    </row>
    <row r="12635" spans="1:9">
      <c r="A12635" s="1">
        <f ca="1">RAND()</f>
        <v>0.23958804094002661</v>
      </c>
      <c r="B12635" s="1"/>
      <c r="C12635">
        <v>14</v>
      </c>
      <c r="D12635" t="s">
        <v>26355</v>
      </c>
      <c r="E12635" t="s">
        <v>34077</v>
      </c>
      <c r="F12635">
        <v>5</v>
      </c>
      <c r="G12635" t="s">
        <v>9</v>
      </c>
      <c r="H12635" t="s">
        <v>26356</v>
      </c>
      <c r="I12635" t="s">
        <v>30540</v>
      </c>
    </row>
    <row r="12636" spans="1:9">
      <c r="A12636" s="1">
        <f ca="1">RAND()</f>
        <v>0.67883127345633754</v>
      </c>
      <c r="B12636" s="1"/>
      <c r="C12636">
        <v>1</v>
      </c>
      <c r="D12636" t="s">
        <v>26349</v>
      </c>
      <c r="E12636" t="s">
        <v>34077</v>
      </c>
      <c r="F12636">
        <v>4</v>
      </c>
      <c r="G12636" t="s">
        <v>2</v>
      </c>
      <c r="H12636" t="s">
        <v>26350</v>
      </c>
      <c r="I12636" t="s">
        <v>30540</v>
      </c>
    </row>
    <row r="12637" spans="1:9">
      <c r="A12637" s="1">
        <f ca="1">RAND()</f>
        <v>0.52148548136876882</v>
      </c>
      <c r="B12637" s="1"/>
      <c r="C12637">
        <v>19</v>
      </c>
      <c r="D12637" t="s">
        <v>26359</v>
      </c>
      <c r="E12637" t="s">
        <v>34077</v>
      </c>
      <c r="F12637">
        <v>4</v>
      </c>
      <c r="G12637" t="s">
        <v>9</v>
      </c>
      <c r="H12637" t="s">
        <v>26360</v>
      </c>
      <c r="I12637" t="s">
        <v>30540</v>
      </c>
    </row>
    <row r="12638" spans="1:9">
      <c r="A12638" s="1">
        <f ca="1">RAND()</f>
        <v>8.8251894320461322E-3</v>
      </c>
      <c r="B12638" s="1"/>
      <c r="C12638">
        <v>7</v>
      </c>
      <c r="D12638" t="s">
        <v>26353</v>
      </c>
      <c r="E12638" t="s">
        <v>34077</v>
      </c>
      <c r="F12638">
        <v>4</v>
      </c>
      <c r="G12638" t="s">
        <v>9</v>
      </c>
      <c r="H12638" t="s">
        <v>26354</v>
      </c>
      <c r="I12638" t="s">
        <v>30540</v>
      </c>
    </row>
    <row r="12639" spans="1:9">
      <c r="A12639" s="1">
        <f ca="1">RAND()</f>
        <v>0.75685945950836786</v>
      </c>
      <c r="B12639" s="1"/>
      <c r="C12639">
        <v>2</v>
      </c>
      <c r="D12639" t="s">
        <v>26351</v>
      </c>
      <c r="E12639" t="s">
        <v>34077</v>
      </c>
      <c r="F12639">
        <v>4</v>
      </c>
      <c r="G12639" t="s">
        <v>2</v>
      </c>
      <c r="H12639" t="s">
        <v>26352</v>
      </c>
      <c r="I12639" t="s">
        <v>30540</v>
      </c>
    </row>
    <row r="12640" spans="1:9">
      <c r="A12640" s="1">
        <f ca="1">RAND()</f>
        <v>0.68806200416628449</v>
      </c>
      <c r="B12640" s="1"/>
      <c r="C12640">
        <v>18</v>
      </c>
      <c r="D12640" t="s">
        <v>26357</v>
      </c>
      <c r="E12640" t="s">
        <v>34077</v>
      </c>
      <c r="F12640">
        <v>4</v>
      </c>
      <c r="G12640" t="s">
        <v>9</v>
      </c>
      <c r="H12640" t="s">
        <v>26358</v>
      </c>
      <c r="I12640" t="s">
        <v>30540</v>
      </c>
    </row>
    <row r="12641" spans="1:9">
      <c r="A12641" s="1">
        <f ca="1">RAND()</f>
        <v>0.71681818675816233</v>
      </c>
      <c r="B12641" s="1"/>
      <c r="C12641">
        <v>16</v>
      </c>
      <c r="D12641" t="s">
        <v>26343</v>
      </c>
      <c r="E12641" t="s">
        <v>34078</v>
      </c>
      <c r="F12641">
        <v>5</v>
      </c>
      <c r="G12641" t="s">
        <v>9</v>
      </c>
      <c r="H12641" t="s">
        <v>26344</v>
      </c>
      <c r="I12641" t="s">
        <v>30540</v>
      </c>
    </row>
    <row r="12642" spans="1:9">
      <c r="A12642" s="1">
        <f ca="1">RAND()</f>
        <v>0.62886495264602227</v>
      </c>
      <c r="B12642" s="1"/>
      <c r="C12642">
        <v>12</v>
      </c>
      <c r="D12642" t="s">
        <v>26341</v>
      </c>
      <c r="E12642" t="s">
        <v>34078</v>
      </c>
      <c r="F12642">
        <v>5</v>
      </c>
      <c r="G12642" t="s">
        <v>9</v>
      </c>
      <c r="H12642" t="s">
        <v>26342</v>
      </c>
      <c r="I12642" t="s">
        <v>30540</v>
      </c>
    </row>
    <row r="12643" spans="1:9">
      <c r="A12643" s="1">
        <f ca="1">RAND()</f>
        <v>0.77662221070719917</v>
      </c>
      <c r="B12643" s="1"/>
      <c r="C12643">
        <v>17</v>
      </c>
      <c r="D12643" t="s">
        <v>26345</v>
      </c>
      <c r="E12643" t="s">
        <v>34078</v>
      </c>
      <c r="F12643">
        <v>4</v>
      </c>
      <c r="G12643" t="s">
        <v>9</v>
      </c>
      <c r="H12643" t="s">
        <v>26346</v>
      </c>
      <c r="I12643" t="s">
        <v>30540</v>
      </c>
    </row>
    <row r="12644" spans="1:9">
      <c r="A12644" s="1">
        <f ca="1">RAND()</f>
        <v>0.15003003206964383</v>
      </c>
      <c r="B12644" s="1"/>
      <c r="C12644">
        <v>18</v>
      </c>
      <c r="D12644" t="s">
        <v>26347</v>
      </c>
      <c r="E12644" t="s">
        <v>34078</v>
      </c>
      <c r="F12644">
        <v>4</v>
      </c>
      <c r="G12644" t="s">
        <v>9</v>
      </c>
      <c r="H12644" t="s">
        <v>26348</v>
      </c>
      <c r="I12644" t="s">
        <v>30540</v>
      </c>
    </row>
    <row r="12645" spans="1:9">
      <c r="A12645" s="1">
        <f ca="1">RAND()</f>
        <v>0.43955953258772951</v>
      </c>
      <c r="B12645" s="1"/>
      <c r="C12645">
        <v>11</v>
      </c>
      <c r="D12645" t="s">
        <v>26339</v>
      </c>
      <c r="E12645" t="s">
        <v>34079</v>
      </c>
      <c r="F12645">
        <v>4</v>
      </c>
      <c r="G12645" t="s">
        <v>9</v>
      </c>
      <c r="H12645" t="s">
        <v>26340</v>
      </c>
      <c r="I12645" t="s">
        <v>30540</v>
      </c>
    </row>
    <row r="12646" spans="1:9">
      <c r="A12646" s="1">
        <f ca="1">RAND()</f>
        <v>0.79623788181434141</v>
      </c>
      <c r="B12646" s="1"/>
      <c r="C12646">
        <v>8</v>
      </c>
      <c r="D12646" t="s">
        <v>26337</v>
      </c>
      <c r="E12646" t="s">
        <v>34079</v>
      </c>
      <c r="F12646">
        <v>4</v>
      </c>
      <c r="G12646" t="s">
        <v>9</v>
      </c>
      <c r="H12646" t="s">
        <v>26338</v>
      </c>
      <c r="I12646" t="s">
        <v>30540</v>
      </c>
    </row>
    <row r="12647" spans="1:9">
      <c r="A12647" s="1">
        <f ca="1">RAND()</f>
        <v>0.12569035678673168</v>
      </c>
      <c r="B12647" s="1"/>
      <c r="C12647">
        <v>7</v>
      </c>
      <c r="D12647" t="s">
        <v>26335</v>
      </c>
      <c r="E12647" t="s">
        <v>34079</v>
      </c>
      <c r="F12647">
        <v>4</v>
      </c>
      <c r="G12647" t="s">
        <v>9</v>
      </c>
      <c r="H12647" t="s">
        <v>26336</v>
      </c>
      <c r="I12647" t="s">
        <v>30540</v>
      </c>
    </row>
    <row r="12648" spans="1:9">
      <c r="A12648" s="1">
        <f ca="1">RAND()</f>
        <v>0.61044559613616844</v>
      </c>
      <c r="B12648" s="1"/>
      <c r="C12648">
        <v>3</v>
      </c>
      <c r="D12648" t="s">
        <v>26331</v>
      </c>
      <c r="E12648" t="s">
        <v>34080</v>
      </c>
      <c r="F12648">
        <v>4</v>
      </c>
      <c r="G12648" t="s">
        <v>14</v>
      </c>
      <c r="H12648" t="s">
        <v>26332</v>
      </c>
      <c r="I12648" t="s">
        <v>30540</v>
      </c>
    </row>
    <row r="12649" spans="1:9">
      <c r="A12649" s="1">
        <f ca="1">RAND()</f>
        <v>0.69971113953777697</v>
      </c>
      <c r="B12649" s="1"/>
      <c r="C12649">
        <v>6</v>
      </c>
      <c r="D12649" t="s">
        <v>26333</v>
      </c>
      <c r="E12649" t="s">
        <v>34080</v>
      </c>
      <c r="F12649">
        <v>3</v>
      </c>
      <c r="G12649" t="s">
        <v>9</v>
      </c>
      <c r="H12649" t="s">
        <v>26334</v>
      </c>
      <c r="I12649" t="s">
        <v>30540</v>
      </c>
    </row>
    <row r="12650" spans="1:9">
      <c r="A12650" s="1">
        <f ca="1">RAND()</f>
        <v>3.041730510507179E-2</v>
      </c>
      <c r="B12650" s="1"/>
      <c r="C12650">
        <v>18</v>
      </c>
      <c r="D12650" t="s">
        <v>26329</v>
      </c>
      <c r="E12650" t="s">
        <v>34081</v>
      </c>
      <c r="F12650">
        <v>5</v>
      </c>
      <c r="G12650" t="s">
        <v>14</v>
      </c>
      <c r="H12650" t="s">
        <v>26330</v>
      </c>
      <c r="I12650" t="s">
        <v>30540</v>
      </c>
    </row>
    <row r="12651" spans="1:9">
      <c r="A12651" s="1">
        <f ca="1">RAND()</f>
        <v>6.4620551964048478E-2</v>
      </c>
      <c r="B12651" s="1"/>
      <c r="C12651">
        <v>6</v>
      </c>
      <c r="D12651" t="s">
        <v>26325</v>
      </c>
      <c r="E12651" t="s">
        <v>34081</v>
      </c>
      <c r="F12651">
        <v>5</v>
      </c>
      <c r="G12651" t="s">
        <v>9</v>
      </c>
      <c r="H12651" t="s">
        <v>26326</v>
      </c>
      <c r="I12651" t="s">
        <v>30540</v>
      </c>
    </row>
    <row r="12652" spans="1:9">
      <c r="A12652" s="1">
        <f ca="1">RAND()</f>
        <v>0.39899065247356613</v>
      </c>
      <c r="B12652" s="1"/>
      <c r="C12652">
        <v>3</v>
      </c>
      <c r="D12652" t="s">
        <v>26323</v>
      </c>
      <c r="E12652" t="s">
        <v>34081</v>
      </c>
      <c r="F12652">
        <v>5</v>
      </c>
      <c r="G12652" t="s">
        <v>10</v>
      </c>
      <c r="H12652" t="s">
        <v>26324</v>
      </c>
      <c r="I12652" t="s">
        <v>30540</v>
      </c>
    </row>
    <row r="12653" spans="1:9">
      <c r="A12653" s="1">
        <f ca="1">RAND()</f>
        <v>0.63135591655773426</v>
      </c>
      <c r="B12653" s="1"/>
      <c r="C12653">
        <v>2</v>
      </c>
      <c r="D12653" t="s">
        <v>26321</v>
      </c>
      <c r="E12653" t="s">
        <v>34081</v>
      </c>
      <c r="F12653">
        <v>4</v>
      </c>
      <c r="G12653" t="s">
        <v>2</v>
      </c>
      <c r="H12653" t="s">
        <v>26322</v>
      </c>
      <c r="I12653" t="s">
        <v>30540</v>
      </c>
    </row>
    <row r="12654" spans="1:9">
      <c r="A12654" s="1">
        <f ca="1">RAND()</f>
        <v>0.29921157394900166</v>
      </c>
      <c r="B12654" s="1"/>
      <c r="C12654">
        <v>10</v>
      </c>
      <c r="D12654" t="s">
        <v>26327</v>
      </c>
      <c r="E12654" t="s">
        <v>34081</v>
      </c>
      <c r="F12654">
        <v>2</v>
      </c>
      <c r="G12654" t="s">
        <v>766</v>
      </c>
      <c r="H12654" t="s">
        <v>26328</v>
      </c>
      <c r="I12654" t="s">
        <v>30540</v>
      </c>
    </row>
    <row r="12655" spans="1:9">
      <c r="A12655" s="1">
        <f ca="1">RAND()</f>
        <v>0.18658810410566073</v>
      </c>
      <c r="B12655" s="1"/>
      <c r="C12655">
        <v>1</v>
      </c>
      <c r="D12655" t="s">
        <v>26313</v>
      </c>
      <c r="E12655" t="s">
        <v>34082</v>
      </c>
      <c r="F12655">
        <v>5</v>
      </c>
      <c r="G12655" t="s">
        <v>14</v>
      </c>
      <c r="H12655" t="s">
        <v>26314</v>
      </c>
      <c r="I12655" t="s">
        <v>30540</v>
      </c>
    </row>
    <row r="12656" spans="1:9">
      <c r="A12656" s="1">
        <f ca="1">RAND()</f>
        <v>0.6189300938206298</v>
      </c>
      <c r="B12656" s="1"/>
      <c r="C12656">
        <v>13</v>
      </c>
      <c r="D12656" t="s">
        <v>26317</v>
      </c>
      <c r="E12656" t="s">
        <v>34082</v>
      </c>
      <c r="F12656">
        <v>4</v>
      </c>
      <c r="G12656" t="s">
        <v>0</v>
      </c>
      <c r="H12656" t="s">
        <v>26318</v>
      </c>
      <c r="I12656" t="s">
        <v>30540</v>
      </c>
    </row>
    <row r="12657" spans="1:9">
      <c r="A12657" s="1">
        <f ca="1">RAND()</f>
        <v>2.8243440848769841E-2</v>
      </c>
      <c r="B12657" s="1"/>
      <c r="C12657">
        <v>4</v>
      </c>
      <c r="D12657" t="s">
        <v>26315</v>
      </c>
      <c r="E12657" t="s">
        <v>34082</v>
      </c>
      <c r="F12657">
        <v>2</v>
      </c>
      <c r="G12657" t="s">
        <v>9</v>
      </c>
      <c r="H12657" t="s">
        <v>26316</v>
      </c>
      <c r="I12657" t="s">
        <v>30540</v>
      </c>
    </row>
    <row r="12658" spans="1:9">
      <c r="A12658" s="1">
        <f ca="1">RAND()</f>
        <v>0.98154314620620287</v>
      </c>
      <c r="B12658" s="1"/>
      <c r="C12658">
        <v>19</v>
      </c>
      <c r="D12658" t="s">
        <v>26319</v>
      </c>
      <c r="E12658" t="s">
        <v>34082</v>
      </c>
      <c r="F12658">
        <v>2</v>
      </c>
      <c r="G12658" t="s">
        <v>14</v>
      </c>
      <c r="H12658" t="s">
        <v>26320</v>
      </c>
      <c r="I12658" t="s">
        <v>30540</v>
      </c>
    </row>
    <row r="12659" spans="1:9">
      <c r="A12659" s="1">
        <f ca="1">RAND()</f>
        <v>0.50164802542986842</v>
      </c>
      <c r="B12659" s="1"/>
      <c r="C12659">
        <v>9</v>
      </c>
      <c r="D12659" t="s">
        <v>26305</v>
      </c>
      <c r="E12659" t="s">
        <v>34083</v>
      </c>
      <c r="F12659">
        <v>4</v>
      </c>
      <c r="G12659" t="s">
        <v>9</v>
      </c>
      <c r="H12659" t="s">
        <v>26306</v>
      </c>
      <c r="I12659" t="s">
        <v>30540</v>
      </c>
    </row>
    <row r="12660" spans="1:9">
      <c r="A12660" s="1">
        <f ca="1">RAND()</f>
        <v>0.11225824558649333</v>
      </c>
      <c r="B12660" s="1"/>
      <c r="C12660">
        <v>15</v>
      </c>
      <c r="D12660" t="s">
        <v>26311</v>
      </c>
      <c r="E12660" t="s">
        <v>34083</v>
      </c>
      <c r="F12660">
        <v>4</v>
      </c>
      <c r="G12660" t="s">
        <v>0</v>
      </c>
      <c r="H12660" t="s">
        <v>26312</v>
      </c>
      <c r="I12660" t="s">
        <v>30540</v>
      </c>
    </row>
    <row r="12661" spans="1:9">
      <c r="A12661" s="1">
        <f ca="1">RAND()</f>
        <v>0.30288841093843544</v>
      </c>
      <c r="B12661" s="1"/>
      <c r="C12661">
        <v>12</v>
      </c>
      <c r="D12661" t="s">
        <v>26309</v>
      </c>
      <c r="E12661" t="s">
        <v>34083</v>
      </c>
      <c r="F12661">
        <v>4</v>
      </c>
      <c r="G12661" t="s">
        <v>14</v>
      </c>
      <c r="H12661" t="s">
        <v>26310</v>
      </c>
      <c r="I12661" t="s">
        <v>30540</v>
      </c>
    </row>
    <row r="12662" spans="1:9">
      <c r="A12662" s="1">
        <f ca="1">RAND()</f>
        <v>0.77615197696104943</v>
      </c>
      <c r="B12662" s="1"/>
      <c r="C12662">
        <v>5</v>
      </c>
      <c r="D12662" t="s">
        <v>26303</v>
      </c>
      <c r="E12662" t="s">
        <v>34083</v>
      </c>
      <c r="F12662">
        <v>4</v>
      </c>
      <c r="G12662" t="s">
        <v>15</v>
      </c>
      <c r="H12662" t="s">
        <v>26304</v>
      </c>
      <c r="I12662" t="s">
        <v>30540</v>
      </c>
    </row>
    <row r="12663" spans="1:9">
      <c r="A12663" s="1">
        <f ca="1">RAND()</f>
        <v>0.56304193261242463</v>
      </c>
      <c r="B12663" s="1"/>
      <c r="C12663">
        <v>11</v>
      </c>
      <c r="D12663" t="s">
        <v>26307</v>
      </c>
      <c r="E12663" t="s">
        <v>34083</v>
      </c>
      <c r="F12663">
        <v>4</v>
      </c>
      <c r="G12663" t="s">
        <v>14</v>
      </c>
      <c r="H12663" t="s">
        <v>26308</v>
      </c>
      <c r="I12663" t="s">
        <v>30540</v>
      </c>
    </row>
    <row r="12664" spans="1:9">
      <c r="A12664" s="1">
        <f ca="1">RAND()</f>
        <v>0.45273612960812093</v>
      </c>
      <c r="B12664" s="1"/>
      <c r="C12664">
        <v>6</v>
      </c>
      <c r="D12664" t="s">
        <v>26297</v>
      </c>
      <c r="E12664" t="s">
        <v>34084</v>
      </c>
      <c r="F12664">
        <v>5</v>
      </c>
      <c r="G12664" t="s">
        <v>14</v>
      </c>
      <c r="H12664" t="s">
        <v>26298</v>
      </c>
      <c r="I12664" t="s">
        <v>30540</v>
      </c>
    </row>
    <row r="12665" spans="1:9">
      <c r="A12665" s="1">
        <f ca="1">RAND()</f>
        <v>0.20705958853441009</v>
      </c>
      <c r="B12665" s="1"/>
      <c r="C12665">
        <v>5</v>
      </c>
      <c r="D12665" t="s">
        <v>26295</v>
      </c>
      <c r="E12665" t="s">
        <v>34084</v>
      </c>
      <c r="F12665">
        <v>5</v>
      </c>
      <c r="G12665" t="s">
        <v>14</v>
      </c>
      <c r="H12665" t="s">
        <v>26296</v>
      </c>
      <c r="I12665" t="s">
        <v>30540</v>
      </c>
    </row>
    <row r="12666" spans="1:9">
      <c r="A12666" s="1">
        <f ca="1">RAND()</f>
        <v>0.72477316834520122</v>
      </c>
      <c r="B12666" s="1"/>
      <c r="C12666">
        <v>3</v>
      </c>
      <c r="D12666" t="s">
        <v>26293</v>
      </c>
      <c r="E12666" t="s">
        <v>34084</v>
      </c>
      <c r="F12666">
        <v>5</v>
      </c>
      <c r="G12666" t="s">
        <v>14</v>
      </c>
      <c r="H12666" t="s">
        <v>26294</v>
      </c>
      <c r="I12666" t="s">
        <v>30540</v>
      </c>
    </row>
    <row r="12667" spans="1:9">
      <c r="A12667" s="1">
        <f ca="1">RAND()</f>
        <v>1.5986170192197391E-2</v>
      </c>
      <c r="B12667" s="1"/>
      <c r="C12667">
        <v>14</v>
      </c>
      <c r="D12667" t="s">
        <v>26301</v>
      </c>
      <c r="E12667" t="s">
        <v>34084</v>
      </c>
      <c r="F12667">
        <v>5</v>
      </c>
      <c r="G12667" t="s">
        <v>0</v>
      </c>
      <c r="H12667" t="s">
        <v>26302</v>
      </c>
      <c r="I12667" t="s">
        <v>30540</v>
      </c>
    </row>
    <row r="12668" spans="1:9">
      <c r="A12668" s="1">
        <f ca="1">RAND()</f>
        <v>0.11898604480397845</v>
      </c>
      <c r="B12668" s="1"/>
      <c r="C12668">
        <v>12</v>
      </c>
      <c r="D12668" t="s">
        <v>26299</v>
      </c>
      <c r="E12668" t="s">
        <v>34084</v>
      </c>
      <c r="F12668">
        <v>5</v>
      </c>
      <c r="G12668" t="s">
        <v>1</v>
      </c>
      <c r="H12668" t="s">
        <v>26300</v>
      </c>
      <c r="I12668" t="s">
        <v>30540</v>
      </c>
    </row>
    <row r="12669" spans="1:9">
      <c r="A12669" s="1">
        <f ca="1">RAND()</f>
        <v>0.78072535494114159</v>
      </c>
      <c r="B12669" s="1"/>
      <c r="C12669">
        <v>16</v>
      </c>
      <c r="D12669" t="s">
        <v>26285</v>
      </c>
      <c r="E12669" t="s">
        <v>34085</v>
      </c>
      <c r="F12669">
        <v>5</v>
      </c>
      <c r="G12669" t="s">
        <v>14</v>
      </c>
      <c r="H12669" t="s">
        <v>26286</v>
      </c>
      <c r="I12669" t="s">
        <v>30540</v>
      </c>
    </row>
    <row r="12670" spans="1:9">
      <c r="A12670" s="1">
        <f ca="1">RAND()</f>
        <v>0.74331869022897368</v>
      </c>
      <c r="B12670" s="1"/>
      <c r="C12670">
        <v>4</v>
      </c>
      <c r="D12670" t="s">
        <v>26281</v>
      </c>
      <c r="E12670" t="s">
        <v>34085</v>
      </c>
      <c r="F12670">
        <v>5</v>
      </c>
      <c r="G12670" t="s">
        <v>13</v>
      </c>
      <c r="H12670" t="s">
        <v>26282</v>
      </c>
      <c r="I12670" t="s">
        <v>30540</v>
      </c>
    </row>
    <row r="12671" spans="1:9">
      <c r="A12671" s="1">
        <f ca="1">RAND()</f>
        <v>0.45610875439185106</v>
      </c>
      <c r="B12671" s="1"/>
      <c r="C12671">
        <v>5</v>
      </c>
      <c r="D12671" t="s">
        <v>26283</v>
      </c>
      <c r="E12671" t="s">
        <v>34085</v>
      </c>
      <c r="F12671">
        <v>4</v>
      </c>
      <c r="G12671" t="s">
        <v>14</v>
      </c>
      <c r="H12671" t="s">
        <v>26284</v>
      </c>
      <c r="I12671" t="s">
        <v>30540</v>
      </c>
    </row>
    <row r="12672" spans="1:9">
      <c r="A12672" s="1">
        <f ca="1">RAND()</f>
        <v>0.63811376625422089</v>
      </c>
      <c r="B12672" s="1"/>
      <c r="C12672">
        <v>17</v>
      </c>
      <c r="D12672" t="s">
        <v>26287</v>
      </c>
      <c r="E12672" t="s">
        <v>34085</v>
      </c>
      <c r="F12672">
        <v>4</v>
      </c>
      <c r="G12672" t="s">
        <v>14</v>
      </c>
      <c r="H12672" t="s">
        <v>26288</v>
      </c>
      <c r="I12672" t="s">
        <v>30540</v>
      </c>
    </row>
    <row r="12673" spans="1:9">
      <c r="A12673" s="1">
        <f ca="1">RAND()</f>
        <v>0.43916631070691514</v>
      </c>
      <c r="B12673" s="1"/>
      <c r="C12673">
        <v>20</v>
      </c>
      <c r="D12673" t="s">
        <v>26291</v>
      </c>
      <c r="E12673" t="s">
        <v>34085</v>
      </c>
      <c r="F12673">
        <v>4</v>
      </c>
      <c r="G12673" t="s">
        <v>14</v>
      </c>
      <c r="H12673" t="s">
        <v>26292</v>
      </c>
      <c r="I12673" t="s">
        <v>30540</v>
      </c>
    </row>
    <row r="12674" spans="1:9">
      <c r="A12674" s="1">
        <f ca="1">RAND()</f>
        <v>0.41599208816864675</v>
      </c>
      <c r="B12674" s="1"/>
      <c r="C12674">
        <v>18</v>
      </c>
      <c r="D12674" t="s">
        <v>26289</v>
      </c>
      <c r="E12674" t="s">
        <v>34085</v>
      </c>
      <c r="F12674">
        <v>4</v>
      </c>
      <c r="G12674" t="s">
        <v>15</v>
      </c>
      <c r="H12674" t="s">
        <v>26290</v>
      </c>
      <c r="I12674" t="s">
        <v>30540</v>
      </c>
    </row>
    <row r="12675" spans="1:9">
      <c r="A12675" s="1">
        <f ca="1">RAND()</f>
        <v>0.95370796877233666</v>
      </c>
      <c r="B12675" s="1"/>
      <c r="C12675">
        <v>6</v>
      </c>
      <c r="D12675" t="s">
        <v>26277</v>
      </c>
      <c r="E12675" t="s">
        <v>34086</v>
      </c>
      <c r="F12675">
        <v>4</v>
      </c>
      <c r="G12675" t="s">
        <v>1295</v>
      </c>
      <c r="H12675" t="s">
        <v>26278</v>
      </c>
      <c r="I12675" t="s">
        <v>30540</v>
      </c>
    </row>
    <row r="12676" spans="1:9">
      <c r="A12676" s="1">
        <f ca="1">RAND()</f>
        <v>0.54375544634378747</v>
      </c>
      <c r="B12676" s="1"/>
      <c r="C12676">
        <v>15</v>
      </c>
      <c r="D12676" t="s">
        <v>26279</v>
      </c>
      <c r="E12676" t="s">
        <v>34086</v>
      </c>
      <c r="F12676">
        <v>4</v>
      </c>
      <c r="G12676" t="s">
        <v>14</v>
      </c>
      <c r="H12676" t="s">
        <v>26280</v>
      </c>
      <c r="I12676" t="s">
        <v>30540</v>
      </c>
    </row>
    <row r="12677" spans="1:9">
      <c r="A12677" s="1">
        <f ca="1">RAND()</f>
        <v>0.92321449887184137</v>
      </c>
      <c r="B12677" s="1"/>
      <c r="C12677">
        <v>2</v>
      </c>
      <c r="D12677" t="s">
        <v>26273</v>
      </c>
      <c r="E12677" t="s">
        <v>34086</v>
      </c>
      <c r="F12677">
        <v>4</v>
      </c>
      <c r="G12677" t="s">
        <v>10</v>
      </c>
      <c r="H12677" t="s">
        <v>26274</v>
      </c>
      <c r="I12677" t="s">
        <v>30540</v>
      </c>
    </row>
    <row r="12678" spans="1:9">
      <c r="A12678" s="1">
        <f ca="1">RAND()</f>
        <v>0.74453189456404811</v>
      </c>
      <c r="B12678" s="1"/>
      <c r="C12678">
        <v>5</v>
      </c>
      <c r="D12678" t="s">
        <v>26275</v>
      </c>
      <c r="E12678" t="s">
        <v>34086</v>
      </c>
      <c r="F12678">
        <v>2</v>
      </c>
      <c r="G12678" t="s">
        <v>1</v>
      </c>
      <c r="H12678" t="s">
        <v>26276</v>
      </c>
      <c r="I12678" t="s">
        <v>30540</v>
      </c>
    </row>
    <row r="12679" spans="1:9">
      <c r="A12679" s="1">
        <f ca="1">RAND()</f>
        <v>0.25117906232669718</v>
      </c>
      <c r="B12679" s="1"/>
      <c r="C12679">
        <v>8</v>
      </c>
      <c r="D12679" t="s">
        <v>26267</v>
      </c>
      <c r="E12679" t="s">
        <v>34087</v>
      </c>
      <c r="F12679">
        <v>4</v>
      </c>
      <c r="G12679" t="s">
        <v>14</v>
      </c>
      <c r="H12679" t="s">
        <v>26268</v>
      </c>
      <c r="I12679" t="s">
        <v>30540</v>
      </c>
    </row>
    <row r="12680" spans="1:9">
      <c r="A12680" s="1">
        <f ca="1">RAND()</f>
        <v>0.74283468268514607</v>
      </c>
      <c r="B12680" s="1"/>
      <c r="C12680">
        <v>12</v>
      </c>
      <c r="D12680" t="s">
        <v>26269</v>
      </c>
      <c r="E12680" t="s">
        <v>34087</v>
      </c>
      <c r="F12680">
        <v>4</v>
      </c>
      <c r="G12680" t="s">
        <v>9</v>
      </c>
      <c r="H12680" t="s">
        <v>26270</v>
      </c>
      <c r="I12680" t="s">
        <v>30540</v>
      </c>
    </row>
    <row r="12681" spans="1:9">
      <c r="A12681" s="1">
        <f ca="1">RAND()</f>
        <v>0.54312716086310475</v>
      </c>
      <c r="B12681" s="1"/>
      <c r="C12681">
        <v>4</v>
      </c>
      <c r="D12681" t="s">
        <v>26265</v>
      </c>
      <c r="E12681" t="s">
        <v>34087</v>
      </c>
      <c r="F12681">
        <v>4</v>
      </c>
      <c r="G12681" t="s">
        <v>14</v>
      </c>
      <c r="H12681" t="s">
        <v>26266</v>
      </c>
      <c r="I12681" t="s">
        <v>30540</v>
      </c>
    </row>
    <row r="12682" spans="1:9">
      <c r="A12682" s="1">
        <f ca="1">RAND()</f>
        <v>0.90258633844618208</v>
      </c>
      <c r="B12682" s="1"/>
      <c r="C12682">
        <v>1</v>
      </c>
      <c r="D12682" t="s">
        <v>26263</v>
      </c>
      <c r="E12682" t="s">
        <v>34087</v>
      </c>
      <c r="F12682">
        <v>4</v>
      </c>
      <c r="G12682" t="s">
        <v>2</v>
      </c>
      <c r="H12682" t="s">
        <v>26264</v>
      </c>
      <c r="I12682" t="s">
        <v>30540</v>
      </c>
    </row>
    <row r="12683" spans="1:9">
      <c r="A12683" s="1">
        <f ca="1">RAND()</f>
        <v>0.77493524216156773</v>
      </c>
      <c r="B12683" s="1"/>
      <c r="C12683">
        <v>16</v>
      </c>
      <c r="D12683" t="s">
        <v>26271</v>
      </c>
      <c r="E12683" t="s">
        <v>34087</v>
      </c>
      <c r="F12683">
        <v>3</v>
      </c>
      <c r="G12683" t="s">
        <v>0</v>
      </c>
      <c r="H12683" t="s">
        <v>26272</v>
      </c>
      <c r="I12683" t="s">
        <v>30540</v>
      </c>
    </row>
    <row r="12684" spans="1:9">
      <c r="A12684" s="1">
        <f ca="1">RAND()</f>
        <v>0.40594826054153754</v>
      </c>
      <c r="B12684" s="1"/>
      <c r="C12684">
        <v>9</v>
      </c>
      <c r="D12684" t="s">
        <v>26257</v>
      </c>
      <c r="E12684" t="s">
        <v>34088</v>
      </c>
      <c r="F12684">
        <v>4</v>
      </c>
      <c r="G12684" t="s">
        <v>14</v>
      </c>
      <c r="H12684" t="s">
        <v>26258</v>
      </c>
      <c r="I12684" t="s">
        <v>30540</v>
      </c>
    </row>
    <row r="12685" spans="1:9">
      <c r="A12685" s="1">
        <f ca="1">RAND()</f>
        <v>0.69028269846780455</v>
      </c>
      <c r="B12685" s="1"/>
      <c r="C12685">
        <v>18</v>
      </c>
      <c r="D12685" t="s">
        <v>26261</v>
      </c>
      <c r="E12685" t="s">
        <v>34088</v>
      </c>
      <c r="F12685">
        <v>4</v>
      </c>
      <c r="G12685" t="s">
        <v>14</v>
      </c>
      <c r="H12685" t="s">
        <v>26262</v>
      </c>
      <c r="I12685" t="s">
        <v>30540</v>
      </c>
    </row>
    <row r="12686" spans="1:9">
      <c r="A12686" s="1">
        <f ca="1">RAND()</f>
        <v>0.35649212143619069</v>
      </c>
      <c r="B12686" s="1"/>
      <c r="C12686">
        <v>13</v>
      </c>
      <c r="D12686" t="s">
        <v>26259</v>
      </c>
      <c r="E12686" t="s">
        <v>34088</v>
      </c>
      <c r="F12686">
        <v>3</v>
      </c>
      <c r="G12686" t="s">
        <v>14</v>
      </c>
      <c r="H12686" t="s">
        <v>26260</v>
      </c>
      <c r="I12686" t="s">
        <v>30540</v>
      </c>
    </row>
    <row r="12687" spans="1:9">
      <c r="A12687" s="1">
        <f ca="1">RAND()</f>
        <v>0.81580707547906539</v>
      </c>
      <c r="B12687" s="1"/>
      <c r="C12687">
        <v>4</v>
      </c>
      <c r="D12687" t="s">
        <v>26249</v>
      </c>
      <c r="E12687" t="s">
        <v>34089</v>
      </c>
      <c r="F12687">
        <v>5</v>
      </c>
      <c r="G12687" t="s">
        <v>10</v>
      </c>
      <c r="H12687" t="s">
        <v>26250</v>
      </c>
      <c r="I12687" t="s">
        <v>30540</v>
      </c>
    </row>
    <row r="12688" spans="1:9">
      <c r="A12688" s="1">
        <f ca="1">RAND()</f>
        <v>0.15729252636172819</v>
      </c>
      <c r="B12688" s="1"/>
      <c r="C12688">
        <v>12</v>
      </c>
      <c r="D12688" t="s">
        <v>26251</v>
      </c>
      <c r="E12688" t="s">
        <v>34089</v>
      </c>
      <c r="F12688">
        <v>5</v>
      </c>
      <c r="G12688" t="s">
        <v>10</v>
      </c>
      <c r="H12688" t="s">
        <v>26252</v>
      </c>
      <c r="I12688" t="s">
        <v>30540</v>
      </c>
    </row>
    <row r="12689" spans="1:9">
      <c r="A12689" s="1">
        <f ca="1">RAND()</f>
        <v>0.26116376572921784</v>
      </c>
      <c r="B12689" s="1"/>
      <c r="C12689">
        <v>14</v>
      </c>
      <c r="D12689" t="s">
        <v>26253</v>
      </c>
      <c r="E12689" t="s">
        <v>34089</v>
      </c>
      <c r="F12689">
        <v>4</v>
      </c>
      <c r="G12689" t="s">
        <v>10</v>
      </c>
      <c r="H12689" t="s">
        <v>26254</v>
      </c>
      <c r="I12689" t="s">
        <v>30540</v>
      </c>
    </row>
    <row r="12690" spans="1:9">
      <c r="A12690" s="1">
        <f ca="1">RAND()</f>
        <v>0.39141094708658619</v>
      </c>
      <c r="B12690" s="1"/>
      <c r="C12690">
        <v>1</v>
      </c>
      <c r="D12690" t="s">
        <v>26247</v>
      </c>
      <c r="E12690" t="s">
        <v>34089</v>
      </c>
      <c r="F12690">
        <v>4</v>
      </c>
      <c r="G12690" t="s">
        <v>2</v>
      </c>
      <c r="H12690" t="s">
        <v>26248</v>
      </c>
      <c r="I12690" t="s">
        <v>30540</v>
      </c>
    </row>
    <row r="12691" spans="1:9">
      <c r="A12691" s="1">
        <f ca="1">RAND()</f>
        <v>0.70173602672061808</v>
      </c>
      <c r="B12691" s="1"/>
      <c r="C12691">
        <v>17</v>
      </c>
      <c r="D12691" t="s">
        <v>26255</v>
      </c>
      <c r="E12691" t="s">
        <v>34089</v>
      </c>
      <c r="F12691">
        <v>4</v>
      </c>
      <c r="G12691" t="s">
        <v>10</v>
      </c>
      <c r="H12691" t="s">
        <v>26256</v>
      </c>
      <c r="I12691" t="s">
        <v>30540</v>
      </c>
    </row>
    <row r="12692" spans="1:9">
      <c r="A12692" s="1">
        <f ca="1">RAND()</f>
        <v>0.80601314675025593</v>
      </c>
      <c r="B12692" s="1"/>
      <c r="C12692">
        <v>10</v>
      </c>
      <c r="D12692" t="s">
        <v>26241</v>
      </c>
      <c r="E12692" t="s">
        <v>34090</v>
      </c>
      <c r="F12692">
        <v>5</v>
      </c>
      <c r="G12692" t="s">
        <v>15</v>
      </c>
      <c r="H12692" t="s">
        <v>26242</v>
      </c>
      <c r="I12692" t="s">
        <v>30540</v>
      </c>
    </row>
    <row r="12693" spans="1:9">
      <c r="A12693" s="1">
        <f ca="1">RAND()</f>
        <v>0.45343920435140694</v>
      </c>
      <c r="B12693" s="1"/>
      <c r="C12693">
        <v>16</v>
      </c>
      <c r="D12693" t="s">
        <v>26245</v>
      </c>
      <c r="E12693" t="s">
        <v>34090</v>
      </c>
      <c r="F12693">
        <v>4</v>
      </c>
      <c r="G12693" t="s">
        <v>14</v>
      </c>
      <c r="H12693" t="s">
        <v>26246</v>
      </c>
      <c r="I12693" t="s">
        <v>30540</v>
      </c>
    </row>
    <row r="12694" spans="1:9">
      <c r="A12694" s="1">
        <f ca="1">RAND()</f>
        <v>0.35139180874336118</v>
      </c>
      <c r="B12694" s="1"/>
      <c r="C12694">
        <v>15</v>
      </c>
      <c r="D12694" t="s">
        <v>26243</v>
      </c>
      <c r="E12694" t="s">
        <v>34090</v>
      </c>
      <c r="F12694">
        <v>2</v>
      </c>
      <c r="G12694" t="s">
        <v>14</v>
      </c>
      <c r="H12694" t="s">
        <v>26244</v>
      </c>
      <c r="I12694" t="s">
        <v>30540</v>
      </c>
    </row>
    <row r="12695" spans="1:9">
      <c r="A12695" s="1">
        <f ca="1">RAND()</f>
        <v>0.9128089924090913</v>
      </c>
      <c r="B12695" s="1"/>
      <c r="C12695">
        <v>5</v>
      </c>
      <c r="D12695" t="s">
        <v>26231</v>
      </c>
      <c r="E12695" t="s">
        <v>34091</v>
      </c>
      <c r="F12695">
        <v>4</v>
      </c>
      <c r="G12695" t="s">
        <v>14</v>
      </c>
      <c r="H12695" t="s">
        <v>26232</v>
      </c>
      <c r="I12695" t="s">
        <v>30540</v>
      </c>
    </row>
    <row r="12696" spans="1:9">
      <c r="A12696" s="1">
        <f ca="1">RAND()</f>
        <v>0.4960670240262457</v>
      </c>
      <c r="B12696" s="1"/>
      <c r="C12696">
        <v>17</v>
      </c>
      <c r="D12696" t="s">
        <v>26237</v>
      </c>
      <c r="E12696" t="s">
        <v>34091</v>
      </c>
      <c r="F12696">
        <v>4</v>
      </c>
      <c r="G12696" t="s">
        <v>2738</v>
      </c>
      <c r="H12696" t="s">
        <v>26238</v>
      </c>
      <c r="I12696" t="s">
        <v>30540</v>
      </c>
    </row>
    <row r="12697" spans="1:9">
      <c r="A12697" s="1">
        <f ca="1">RAND()</f>
        <v>4.1855990455989089E-2</v>
      </c>
      <c r="B12697" s="1"/>
      <c r="C12697">
        <v>18</v>
      </c>
      <c r="D12697" t="s">
        <v>26239</v>
      </c>
      <c r="E12697" t="s">
        <v>34091</v>
      </c>
      <c r="F12697">
        <v>4</v>
      </c>
      <c r="G12697" t="s">
        <v>14</v>
      </c>
      <c r="H12697" t="s">
        <v>26240</v>
      </c>
      <c r="I12697" t="s">
        <v>30540</v>
      </c>
    </row>
    <row r="12698" spans="1:9">
      <c r="A12698" s="1">
        <f ca="1">RAND()</f>
        <v>8.4063402436507784E-2</v>
      </c>
      <c r="B12698" s="1"/>
      <c r="C12698">
        <v>7</v>
      </c>
      <c r="D12698" t="s">
        <v>26233</v>
      </c>
      <c r="E12698" t="s">
        <v>34091</v>
      </c>
      <c r="F12698">
        <v>3</v>
      </c>
      <c r="G12698" t="s">
        <v>9</v>
      </c>
      <c r="H12698" t="s">
        <v>26234</v>
      </c>
      <c r="I12698" t="s">
        <v>30540</v>
      </c>
    </row>
    <row r="12699" spans="1:9">
      <c r="A12699" s="1">
        <f ca="1">RAND()</f>
        <v>0.34914265175626191</v>
      </c>
      <c r="B12699" s="1"/>
      <c r="C12699">
        <v>11</v>
      </c>
      <c r="D12699" t="s">
        <v>26235</v>
      </c>
      <c r="E12699" t="s">
        <v>34091</v>
      </c>
      <c r="F12699">
        <v>3</v>
      </c>
      <c r="G12699" t="s">
        <v>14</v>
      </c>
      <c r="H12699" t="s">
        <v>26236</v>
      </c>
      <c r="I12699" t="s">
        <v>30540</v>
      </c>
    </row>
    <row r="12700" spans="1:9">
      <c r="A12700" s="1">
        <f ca="1">RAND()</f>
        <v>0.92248130235456172</v>
      </c>
      <c r="B12700" s="1"/>
      <c r="C12700">
        <v>8</v>
      </c>
      <c r="D12700" t="s">
        <v>26227</v>
      </c>
      <c r="E12700" t="s">
        <v>34092</v>
      </c>
      <c r="F12700">
        <v>4</v>
      </c>
      <c r="G12700" t="s">
        <v>9</v>
      </c>
      <c r="H12700" t="s">
        <v>26228</v>
      </c>
      <c r="I12700" t="s">
        <v>30540</v>
      </c>
    </row>
    <row r="12701" spans="1:9">
      <c r="A12701" s="1">
        <f ca="1">RAND()</f>
        <v>0.60187255589473643</v>
      </c>
      <c r="B12701" s="1"/>
      <c r="C12701">
        <v>6</v>
      </c>
      <c r="D12701" t="s">
        <v>26225</v>
      </c>
      <c r="E12701" t="s">
        <v>34092</v>
      </c>
      <c r="F12701">
        <v>4</v>
      </c>
      <c r="G12701" t="s">
        <v>14</v>
      </c>
      <c r="H12701" t="s">
        <v>26226</v>
      </c>
      <c r="I12701" t="s">
        <v>30540</v>
      </c>
    </row>
    <row r="12702" spans="1:9">
      <c r="A12702" s="1">
        <f ca="1">RAND()</f>
        <v>0.39958913544112484</v>
      </c>
      <c r="B12702" s="1"/>
      <c r="C12702">
        <v>2</v>
      </c>
      <c r="D12702" t="s">
        <v>26221</v>
      </c>
      <c r="E12702" t="s">
        <v>34092</v>
      </c>
      <c r="F12702">
        <v>3</v>
      </c>
      <c r="G12702" t="s">
        <v>9</v>
      </c>
      <c r="H12702" t="s">
        <v>26222</v>
      </c>
      <c r="I12702" t="s">
        <v>30540</v>
      </c>
    </row>
    <row r="12703" spans="1:9">
      <c r="A12703" s="1">
        <f ca="1">RAND()</f>
        <v>7.6757119569847432E-2</v>
      </c>
      <c r="B12703" s="1"/>
      <c r="C12703">
        <v>4</v>
      </c>
      <c r="D12703" t="s">
        <v>26223</v>
      </c>
      <c r="E12703" t="s">
        <v>34092</v>
      </c>
      <c r="F12703">
        <v>2</v>
      </c>
      <c r="G12703" t="s">
        <v>2</v>
      </c>
      <c r="H12703" t="s">
        <v>26224</v>
      </c>
      <c r="I12703" t="s">
        <v>30540</v>
      </c>
    </row>
    <row r="12704" spans="1:9">
      <c r="A12704" s="1">
        <f ca="1">RAND()</f>
        <v>0.53770462421916376</v>
      </c>
      <c r="B12704" s="1"/>
      <c r="C12704">
        <v>16</v>
      </c>
      <c r="D12704" t="s">
        <v>26229</v>
      </c>
      <c r="E12704" t="s">
        <v>34092</v>
      </c>
      <c r="F12704">
        <v>2</v>
      </c>
      <c r="G12704" t="s">
        <v>15</v>
      </c>
      <c r="H12704" t="s">
        <v>26230</v>
      </c>
      <c r="I12704" t="s">
        <v>30540</v>
      </c>
    </row>
    <row r="12705" spans="1:9">
      <c r="A12705" s="1">
        <f ca="1">RAND()</f>
        <v>0.41735891259702784</v>
      </c>
      <c r="B12705" s="1"/>
      <c r="C12705">
        <v>2</v>
      </c>
      <c r="D12705" t="s">
        <v>26215</v>
      </c>
      <c r="E12705" t="s">
        <v>34093</v>
      </c>
      <c r="F12705">
        <v>4</v>
      </c>
      <c r="G12705" t="s">
        <v>14</v>
      </c>
      <c r="H12705" t="s">
        <v>26216</v>
      </c>
      <c r="I12705" t="s">
        <v>30540</v>
      </c>
    </row>
    <row r="12706" spans="1:9">
      <c r="A12706" s="1">
        <f ca="1">RAND()</f>
        <v>0.5617940285458124</v>
      </c>
      <c r="B12706" s="1"/>
      <c r="C12706">
        <v>10</v>
      </c>
      <c r="D12706" t="s">
        <v>26219</v>
      </c>
      <c r="E12706" t="s">
        <v>34093</v>
      </c>
      <c r="F12706">
        <v>4</v>
      </c>
      <c r="G12706" t="s">
        <v>14</v>
      </c>
      <c r="H12706" t="s">
        <v>26220</v>
      </c>
      <c r="I12706" t="s">
        <v>30540</v>
      </c>
    </row>
    <row r="12707" spans="1:9">
      <c r="A12707" s="1">
        <f ca="1">RAND()</f>
        <v>2.7611225799841765E-3</v>
      </c>
      <c r="B12707" s="1"/>
      <c r="C12707">
        <v>9</v>
      </c>
      <c r="D12707" t="s">
        <v>26217</v>
      </c>
      <c r="E12707" t="s">
        <v>34093</v>
      </c>
      <c r="F12707">
        <v>4</v>
      </c>
      <c r="G12707" t="s">
        <v>14</v>
      </c>
      <c r="H12707" t="s">
        <v>26218</v>
      </c>
      <c r="I12707" t="s">
        <v>30540</v>
      </c>
    </row>
    <row r="12708" spans="1:9">
      <c r="A12708" s="1">
        <f ca="1">RAND()</f>
        <v>0.37837927622824408</v>
      </c>
      <c r="B12708" s="1"/>
      <c r="C12708">
        <v>17</v>
      </c>
      <c r="D12708" t="s">
        <v>26213</v>
      </c>
      <c r="E12708" t="s">
        <v>34094</v>
      </c>
      <c r="F12708">
        <v>5</v>
      </c>
      <c r="G12708" t="s">
        <v>9</v>
      </c>
      <c r="H12708" t="s">
        <v>26214</v>
      </c>
      <c r="I12708" t="s">
        <v>30540</v>
      </c>
    </row>
    <row r="12709" spans="1:9">
      <c r="A12709" s="1">
        <f ca="1">RAND()</f>
        <v>2.4913068927747917E-2</v>
      </c>
      <c r="B12709" s="1"/>
      <c r="C12709">
        <v>3</v>
      </c>
      <c r="D12709" t="s">
        <v>26201</v>
      </c>
      <c r="E12709" t="s">
        <v>34094</v>
      </c>
      <c r="F12709">
        <v>4</v>
      </c>
      <c r="G12709" t="s">
        <v>10</v>
      </c>
      <c r="H12709" t="s">
        <v>26202</v>
      </c>
      <c r="I12709" t="s">
        <v>30540</v>
      </c>
    </row>
    <row r="12710" spans="1:9">
      <c r="A12710" s="1">
        <f ca="1">RAND()</f>
        <v>0.32082672407716761</v>
      </c>
      <c r="B12710" s="1"/>
      <c r="C12710">
        <v>13</v>
      </c>
      <c r="D12710" t="s">
        <v>26207</v>
      </c>
      <c r="E12710" t="s">
        <v>34094</v>
      </c>
      <c r="F12710">
        <v>4</v>
      </c>
      <c r="G12710" t="s">
        <v>14</v>
      </c>
      <c r="H12710" t="s">
        <v>26208</v>
      </c>
      <c r="I12710" t="s">
        <v>30540</v>
      </c>
    </row>
    <row r="12711" spans="1:9">
      <c r="A12711" s="1">
        <f ca="1">RAND()</f>
        <v>0.62806753306253371</v>
      </c>
      <c r="B12711" s="1"/>
      <c r="C12711">
        <v>14</v>
      </c>
      <c r="D12711" t="s">
        <v>26209</v>
      </c>
      <c r="E12711" t="s">
        <v>34094</v>
      </c>
      <c r="F12711">
        <v>4</v>
      </c>
      <c r="G12711" t="s">
        <v>9</v>
      </c>
      <c r="H12711" t="s">
        <v>26210</v>
      </c>
      <c r="I12711" t="s">
        <v>30540</v>
      </c>
    </row>
    <row r="12712" spans="1:9">
      <c r="A12712" s="1">
        <f ca="1">RAND()</f>
        <v>0.22804824619772202</v>
      </c>
      <c r="B12712" s="1"/>
      <c r="C12712">
        <v>15</v>
      </c>
      <c r="D12712" t="s">
        <v>26211</v>
      </c>
      <c r="E12712" t="s">
        <v>34094</v>
      </c>
      <c r="F12712">
        <v>4</v>
      </c>
      <c r="G12712" t="s">
        <v>1</v>
      </c>
      <c r="H12712" t="s">
        <v>26212</v>
      </c>
      <c r="I12712" t="s">
        <v>30540</v>
      </c>
    </row>
    <row r="12713" spans="1:9">
      <c r="A12713" s="1">
        <f ca="1">RAND()</f>
        <v>7.303210008702099E-2</v>
      </c>
      <c r="B12713" s="1"/>
      <c r="C12713">
        <v>11</v>
      </c>
      <c r="D12713" t="s">
        <v>26205</v>
      </c>
      <c r="E12713" t="s">
        <v>34094</v>
      </c>
      <c r="F12713">
        <v>4</v>
      </c>
      <c r="G12713" t="s">
        <v>14</v>
      </c>
      <c r="H12713" t="s">
        <v>26206</v>
      </c>
      <c r="I12713" t="s">
        <v>30540</v>
      </c>
    </row>
    <row r="12714" spans="1:9">
      <c r="A12714" s="1">
        <f ca="1">RAND()</f>
        <v>5.7783583637057712E-2</v>
      </c>
      <c r="B12714" s="1"/>
      <c r="C12714">
        <v>7</v>
      </c>
      <c r="D12714" t="s">
        <v>26203</v>
      </c>
      <c r="E12714" t="s">
        <v>34094</v>
      </c>
      <c r="F12714">
        <v>3</v>
      </c>
      <c r="G12714" t="s">
        <v>2</v>
      </c>
      <c r="H12714" t="s">
        <v>26204</v>
      </c>
      <c r="I12714" t="s">
        <v>30540</v>
      </c>
    </row>
    <row r="12715" spans="1:9">
      <c r="A12715" s="1">
        <f ca="1">RAND()</f>
        <v>0.73740787633277149</v>
      </c>
      <c r="B12715" s="1"/>
      <c r="C12715">
        <v>6</v>
      </c>
      <c r="D12715" t="s">
        <v>26199</v>
      </c>
      <c r="E12715" t="s">
        <v>34095</v>
      </c>
      <c r="F12715">
        <v>4</v>
      </c>
      <c r="G12715" t="s">
        <v>1431</v>
      </c>
      <c r="H12715" t="s">
        <v>26200</v>
      </c>
      <c r="I12715" t="s">
        <v>30540</v>
      </c>
    </row>
    <row r="12716" spans="1:9">
      <c r="A12716" s="1">
        <f ca="1">RAND()</f>
        <v>0.97388955801540356</v>
      </c>
      <c r="B12716" s="1"/>
      <c r="C12716">
        <v>5</v>
      </c>
      <c r="D12716" t="s">
        <v>26197</v>
      </c>
      <c r="E12716" t="s">
        <v>34095</v>
      </c>
      <c r="F12716">
        <v>4</v>
      </c>
      <c r="G12716" t="s">
        <v>10</v>
      </c>
      <c r="H12716" t="s">
        <v>26198</v>
      </c>
      <c r="I12716" t="s">
        <v>30540</v>
      </c>
    </row>
    <row r="12717" spans="1:9">
      <c r="A12717" s="1">
        <f ca="1">RAND()</f>
        <v>0.97803873260889429</v>
      </c>
      <c r="B12717" s="1"/>
      <c r="C12717">
        <v>1</v>
      </c>
      <c r="D12717" t="s">
        <v>26195</v>
      </c>
      <c r="E12717" t="s">
        <v>34095</v>
      </c>
      <c r="F12717">
        <v>4</v>
      </c>
      <c r="G12717" t="s">
        <v>762</v>
      </c>
      <c r="H12717" t="s">
        <v>26196</v>
      </c>
      <c r="I12717" t="s">
        <v>30540</v>
      </c>
    </row>
    <row r="12718" spans="1:9">
      <c r="A12718" s="1">
        <f ca="1">RAND()</f>
        <v>0.84830381802871957</v>
      </c>
      <c r="B12718" s="1"/>
      <c r="C12718">
        <v>17</v>
      </c>
      <c r="D12718" t="s">
        <v>26193</v>
      </c>
      <c r="E12718" t="s">
        <v>34096</v>
      </c>
      <c r="F12718">
        <v>5</v>
      </c>
      <c r="G12718" t="s">
        <v>14</v>
      </c>
      <c r="H12718" t="s">
        <v>26194</v>
      </c>
      <c r="I12718" t="s">
        <v>30540</v>
      </c>
    </row>
    <row r="12719" spans="1:9">
      <c r="A12719" s="1">
        <f ca="1">RAND()</f>
        <v>0.81712705990039414</v>
      </c>
      <c r="B12719" s="1"/>
      <c r="C12719">
        <v>10</v>
      </c>
      <c r="D12719" t="s">
        <v>26187</v>
      </c>
      <c r="E12719" t="s">
        <v>34096</v>
      </c>
      <c r="F12719">
        <v>5</v>
      </c>
      <c r="G12719" t="s">
        <v>14</v>
      </c>
      <c r="H12719" t="s">
        <v>26188</v>
      </c>
      <c r="I12719" t="s">
        <v>30540</v>
      </c>
    </row>
    <row r="12720" spans="1:9">
      <c r="A12720" s="1">
        <f ca="1">RAND()</f>
        <v>0.41049287400520973</v>
      </c>
      <c r="B12720" s="1"/>
      <c r="C12720">
        <v>3</v>
      </c>
      <c r="D12720" t="s">
        <v>26185</v>
      </c>
      <c r="E12720" t="s">
        <v>34096</v>
      </c>
      <c r="F12720">
        <v>4</v>
      </c>
      <c r="G12720" t="s">
        <v>9</v>
      </c>
      <c r="H12720" t="s">
        <v>26186</v>
      </c>
      <c r="I12720" t="s">
        <v>30540</v>
      </c>
    </row>
    <row r="12721" spans="1:9">
      <c r="A12721" s="1">
        <f ca="1">RAND()</f>
        <v>2.3139540573511197E-2</v>
      </c>
      <c r="B12721" s="1"/>
      <c r="C12721">
        <v>13</v>
      </c>
      <c r="D12721" t="s">
        <v>26191</v>
      </c>
      <c r="E12721" t="s">
        <v>34096</v>
      </c>
      <c r="F12721">
        <v>4</v>
      </c>
      <c r="G12721" t="s">
        <v>10</v>
      </c>
      <c r="H12721" t="s">
        <v>26192</v>
      </c>
      <c r="I12721" t="s">
        <v>30540</v>
      </c>
    </row>
    <row r="12722" spans="1:9">
      <c r="A12722" s="1">
        <f ca="1">RAND()</f>
        <v>0.32118262856986779</v>
      </c>
      <c r="B12722" s="1"/>
      <c r="C12722">
        <v>11</v>
      </c>
      <c r="D12722" t="s">
        <v>26189</v>
      </c>
      <c r="E12722" t="s">
        <v>34096</v>
      </c>
      <c r="F12722">
        <v>4</v>
      </c>
      <c r="G12722" t="s">
        <v>0</v>
      </c>
      <c r="H12722" t="s">
        <v>26190</v>
      </c>
      <c r="I12722" t="s">
        <v>30540</v>
      </c>
    </row>
    <row r="12723" spans="1:9">
      <c r="A12723" s="1">
        <f ca="1">RAND()</f>
        <v>0.26123488994363231</v>
      </c>
      <c r="B12723" s="1"/>
      <c r="C12723">
        <v>14</v>
      </c>
      <c r="D12723" t="s">
        <v>26181</v>
      </c>
      <c r="E12723" t="s">
        <v>34097</v>
      </c>
      <c r="F12723">
        <v>5</v>
      </c>
      <c r="G12723" t="s">
        <v>14</v>
      </c>
      <c r="H12723" t="s">
        <v>26182</v>
      </c>
      <c r="I12723" t="s">
        <v>30540</v>
      </c>
    </row>
    <row r="12724" spans="1:9">
      <c r="A12724" s="1">
        <f ca="1">RAND()</f>
        <v>0.28827038261857862</v>
      </c>
      <c r="B12724" s="1"/>
      <c r="C12724">
        <v>10</v>
      </c>
      <c r="D12724" t="s">
        <v>26175</v>
      </c>
      <c r="E12724" t="s">
        <v>34097</v>
      </c>
      <c r="F12724">
        <v>4</v>
      </c>
      <c r="G12724" t="s">
        <v>14</v>
      </c>
      <c r="H12724" t="s">
        <v>26176</v>
      </c>
      <c r="I12724" t="s">
        <v>30540</v>
      </c>
    </row>
    <row r="12725" spans="1:9">
      <c r="A12725" s="1">
        <f ca="1">RAND()</f>
        <v>0.291659490477849</v>
      </c>
      <c r="B12725" s="1"/>
      <c r="C12725">
        <v>13</v>
      </c>
      <c r="D12725" t="s">
        <v>26179</v>
      </c>
      <c r="E12725" t="s">
        <v>34097</v>
      </c>
      <c r="F12725">
        <v>4</v>
      </c>
      <c r="G12725" t="s">
        <v>9</v>
      </c>
      <c r="H12725" t="s">
        <v>26180</v>
      </c>
      <c r="I12725" t="s">
        <v>30540</v>
      </c>
    </row>
    <row r="12726" spans="1:9">
      <c r="A12726" s="1">
        <f ca="1">RAND()</f>
        <v>0.83765472539993691</v>
      </c>
      <c r="B12726" s="1"/>
      <c r="C12726">
        <v>15</v>
      </c>
      <c r="D12726" t="s">
        <v>26183</v>
      </c>
      <c r="E12726" t="s">
        <v>34097</v>
      </c>
      <c r="F12726">
        <v>4</v>
      </c>
      <c r="G12726" t="s">
        <v>14</v>
      </c>
      <c r="H12726" t="s">
        <v>26184</v>
      </c>
      <c r="I12726" t="s">
        <v>30540</v>
      </c>
    </row>
    <row r="12727" spans="1:9">
      <c r="A12727" s="1">
        <f ca="1">RAND()</f>
        <v>0.54691471675492487</v>
      </c>
      <c r="B12727" s="1"/>
      <c r="C12727">
        <v>1</v>
      </c>
      <c r="D12727" t="s">
        <v>26171</v>
      </c>
      <c r="E12727" t="s">
        <v>34097</v>
      </c>
      <c r="F12727">
        <v>4</v>
      </c>
      <c r="G12727" t="s">
        <v>9</v>
      </c>
      <c r="H12727" t="s">
        <v>26172</v>
      </c>
      <c r="I12727" t="s">
        <v>30540</v>
      </c>
    </row>
    <row r="12728" spans="1:9">
      <c r="A12728" s="1">
        <f ca="1">RAND()</f>
        <v>0.35389105247608577</v>
      </c>
      <c r="B12728" s="1"/>
      <c r="C12728">
        <v>12</v>
      </c>
      <c r="D12728" t="s">
        <v>26177</v>
      </c>
      <c r="E12728" t="s">
        <v>34097</v>
      </c>
      <c r="F12728">
        <v>4</v>
      </c>
      <c r="G12728" t="s">
        <v>14</v>
      </c>
      <c r="H12728" t="s">
        <v>26178</v>
      </c>
      <c r="I12728" t="s">
        <v>30540</v>
      </c>
    </row>
    <row r="12729" spans="1:9">
      <c r="A12729" s="1">
        <f ca="1">RAND()</f>
        <v>0.91354942561967145</v>
      </c>
      <c r="B12729" s="1"/>
      <c r="C12729">
        <v>2</v>
      </c>
      <c r="D12729" t="s">
        <v>26173</v>
      </c>
      <c r="E12729" t="s">
        <v>34097</v>
      </c>
      <c r="F12729">
        <v>4</v>
      </c>
      <c r="G12729" t="s">
        <v>9</v>
      </c>
      <c r="H12729" t="s">
        <v>26174</v>
      </c>
      <c r="I12729" t="s">
        <v>30540</v>
      </c>
    </row>
    <row r="12730" spans="1:9">
      <c r="A12730" s="1">
        <f ca="1">RAND()</f>
        <v>0.53701439812511087</v>
      </c>
      <c r="B12730" s="1"/>
      <c r="C12730">
        <v>5</v>
      </c>
      <c r="D12730" t="s">
        <v>26163</v>
      </c>
      <c r="E12730" t="s">
        <v>34098</v>
      </c>
      <c r="F12730">
        <v>4</v>
      </c>
      <c r="G12730" t="s">
        <v>15</v>
      </c>
      <c r="H12730" t="s">
        <v>26164</v>
      </c>
      <c r="I12730" t="s">
        <v>30540</v>
      </c>
    </row>
    <row r="12731" spans="1:9">
      <c r="A12731" s="1">
        <f ca="1">RAND()</f>
        <v>0.21276244165547453</v>
      </c>
      <c r="B12731" s="1"/>
      <c r="C12731">
        <v>13</v>
      </c>
      <c r="D12731" t="s">
        <v>26167</v>
      </c>
      <c r="E12731" t="s">
        <v>34098</v>
      </c>
      <c r="F12731">
        <v>4</v>
      </c>
      <c r="G12731" t="s">
        <v>2</v>
      </c>
      <c r="H12731" t="s">
        <v>26168</v>
      </c>
      <c r="I12731" t="s">
        <v>30540</v>
      </c>
    </row>
    <row r="12732" spans="1:9">
      <c r="A12732" s="1">
        <f ca="1">RAND()</f>
        <v>0.50700398765918864</v>
      </c>
      <c r="B12732" s="1"/>
      <c r="C12732">
        <v>20</v>
      </c>
      <c r="D12732" t="s">
        <v>26169</v>
      </c>
      <c r="E12732" t="s">
        <v>34098</v>
      </c>
      <c r="F12732">
        <v>4</v>
      </c>
      <c r="G12732" t="s">
        <v>14</v>
      </c>
      <c r="H12732" t="s">
        <v>26170</v>
      </c>
      <c r="I12732" t="s">
        <v>30540</v>
      </c>
    </row>
    <row r="12733" spans="1:9">
      <c r="A12733" s="1">
        <f ca="1">RAND()</f>
        <v>0.6413699876996195</v>
      </c>
      <c r="B12733" s="1"/>
      <c r="C12733">
        <v>12</v>
      </c>
      <c r="D12733" t="s">
        <v>26165</v>
      </c>
      <c r="E12733" t="s">
        <v>34098</v>
      </c>
      <c r="F12733">
        <v>3</v>
      </c>
      <c r="G12733" t="s">
        <v>14</v>
      </c>
      <c r="H12733" t="s">
        <v>26166</v>
      </c>
      <c r="I12733" t="s">
        <v>30540</v>
      </c>
    </row>
    <row r="12734" spans="1:9">
      <c r="A12734" s="1">
        <f ca="1">RAND()</f>
        <v>0.19137712861516776</v>
      </c>
      <c r="B12734" s="1"/>
      <c r="C12734">
        <v>3</v>
      </c>
      <c r="D12734" t="s">
        <v>26161</v>
      </c>
      <c r="E12734" t="s">
        <v>34098</v>
      </c>
      <c r="F12734">
        <v>2</v>
      </c>
      <c r="G12734" t="s">
        <v>10</v>
      </c>
      <c r="H12734" t="s">
        <v>26162</v>
      </c>
      <c r="I12734" t="s">
        <v>30540</v>
      </c>
    </row>
    <row r="12735" spans="1:9">
      <c r="A12735" s="1">
        <f ca="1">RAND()</f>
        <v>0.56125400419990501</v>
      </c>
      <c r="B12735" s="1"/>
      <c r="C12735">
        <v>18</v>
      </c>
      <c r="D12735" t="s">
        <v>26157</v>
      </c>
      <c r="E12735" t="s">
        <v>34099</v>
      </c>
      <c r="F12735">
        <v>5</v>
      </c>
      <c r="G12735" t="s">
        <v>14</v>
      </c>
      <c r="H12735" t="s">
        <v>26158</v>
      </c>
      <c r="I12735" t="s">
        <v>30540</v>
      </c>
    </row>
    <row r="12736" spans="1:9">
      <c r="A12736" s="1">
        <f ca="1">RAND()</f>
        <v>0.43096686626753178</v>
      </c>
      <c r="B12736" s="1"/>
      <c r="C12736">
        <v>5</v>
      </c>
      <c r="D12736" t="s">
        <v>26149</v>
      </c>
      <c r="E12736" t="s">
        <v>34099</v>
      </c>
      <c r="F12736">
        <v>5</v>
      </c>
      <c r="G12736" t="s">
        <v>0</v>
      </c>
      <c r="H12736" t="s">
        <v>26150</v>
      </c>
      <c r="I12736" t="s">
        <v>30540</v>
      </c>
    </row>
    <row r="12737" spans="1:9">
      <c r="A12737" s="1">
        <f ca="1">RAND()</f>
        <v>0.12372505593305783</v>
      </c>
      <c r="B12737" s="1"/>
      <c r="C12737">
        <v>16</v>
      </c>
      <c r="D12737" t="s">
        <v>26155</v>
      </c>
      <c r="E12737" t="s">
        <v>34099</v>
      </c>
      <c r="F12737">
        <v>4</v>
      </c>
      <c r="G12737" t="s">
        <v>14</v>
      </c>
      <c r="H12737" t="s">
        <v>26156</v>
      </c>
      <c r="I12737" t="s">
        <v>30540</v>
      </c>
    </row>
    <row r="12738" spans="1:9">
      <c r="A12738" s="1">
        <f ca="1">RAND()</f>
        <v>0.90013044206004578</v>
      </c>
      <c r="B12738" s="1"/>
      <c r="C12738">
        <v>11</v>
      </c>
      <c r="D12738" t="s">
        <v>26151</v>
      </c>
      <c r="E12738" t="s">
        <v>34099</v>
      </c>
      <c r="F12738">
        <v>4</v>
      </c>
      <c r="G12738" t="s">
        <v>14</v>
      </c>
      <c r="H12738" t="s">
        <v>26152</v>
      </c>
      <c r="I12738" t="s">
        <v>30540</v>
      </c>
    </row>
    <row r="12739" spans="1:9">
      <c r="A12739" s="1">
        <f ca="1">RAND()</f>
        <v>9.9035914100673694E-2</v>
      </c>
      <c r="B12739" s="1"/>
      <c r="C12739">
        <v>13</v>
      </c>
      <c r="D12739" t="s">
        <v>26153</v>
      </c>
      <c r="E12739" t="s">
        <v>34099</v>
      </c>
      <c r="F12739">
        <v>4</v>
      </c>
      <c r="G12739" t="s">
        <v>14</v>
      </c>
      <c r="H12739" t="s">
        <v>26154</v>
      </c>
      <c r="I12739" t="s">
        <v>30540</v>
      </c>
    </row>
    <row r="12740" spans="1:9">
      <c r="A12740" s="1">
        <f ca="1">RAND()</f>
        <v>0.93131116952739312</v>
      </c>
      <c r="B12740" s="1"/>
      <c r="C12740">
        <v>19</v>
      </c>
      <c r="D12740" t="s">
        <v>26159</v>
      </c>
      <c r="E12740" t="s">
        <v>34099</v>
      </c>
      <c r="F12740">
        <v>4</v>
      </c>
      <c r="G12740" t="s">
        <v>14</v>
      </c>
      <c r="H12740" t="s">
        <v>26160</v>
      </c>
      <c r="I12740" t="s">
        <v>30540</v>
      </c>
    </row>
    <row r="12741" spans="1:9">
      <c r="A12741" s="1">
        <f ca="1">RAND()</f>
        <v>3.6755372985426304E-2</v>
      </c>
      <c r="B12741" s="1"/>
      <c r="C12741">
        <v>11</v>
      </c>
      <c r="D12741" t="s">
        <v>26147</v>
      </c>
      <c r="E12741" t="s">
        <v>34100</v>
      </c>
      <c r="F12741">
        <v>5</v>
      </c>
      <c r="G12741" t="s">
        <v>10</v>
      </c>
      <c r="H12741" t="s">
        <v>26148</v>
      </c>
      <c r="I12741" t="s">
        <v>30540</v>
      </c>
    </row>
    <row r="12742" spans="1:9">
      <c r="A12742" s="1">
        <f ca="1">RAND()</f>
        <v>0.11784372311490221</v>
      </c>
      <c r="B12742" s="1"/>
      <c r="C12742">
        <v>10</v>
      </c>
      <c r="D12742" t="s">
        <v>26145</v>
      </c>
      <c r="E12742" t="s">
        <v>34100</v>
      </c>
      <c r="F12742">
        <v>2</v>
      </c>
      <c r="G12742" t="s">
        <v>2738</v>
      </c>
      <c r="H12742" t="s">
        <v>26146</v>
      </c>
      <c r="I12742" t="s">
        <v>30540</v>
      </c>
    </row>
    <row r="12743" spans="1:9">
      <c r="A12743" s="1">
        <f ca="1">RAND()</f>
        <v>0.53090597961502428</v>
      </c>
      <c r="B12743" s="1"/>
      <c r="C12743">
        <v>1</v>
      </c>
      <c r="D12743" t="s">
        <v>26137</v>
      </c>
      <c r="E12743" t="s">
        <v>34101</v>
      </c>
      <c r="F12743">
        <v>4</v>
      </c>
      <c r="G12743" t="s">
        <v>9</v>
      </c>
      <c r="H12743" t="s">
        <v>26138</v>
      </c>
      <c r="I12743" t="s">
        <v>30540</v>
      </c>
    </row>
    <row r="12744" spans="1:9">
      <c r="A12744" s="1">
        <f ca="1">RAND()</f>
        <v>0.79287141060120103</v>
      </c>
      <c r="B12744" s="1"/>
      <c r="C12744">
        <v>19</v>
      </c>
      <c r="D12744" t="s">
        <v>26141</v>
      </c>
      <c r="E12744" t="s">
        <v>34101</v>
      </c>
      <c r="F12744">
        <v>4</v>
      </c>
      <c r="G12744" t="s">
        <v>0</v>
      </c>
      <c r="H12744" t="s">
        <v>26142</v>
      </c>
      <c r="I12744" t="s">
        <v>30540</v>
      </c>
    </row>
    <row r="12745" spans="1:9">
      <c r="A12745" s="1">
        <f ca="1">RAND()</f>
        <v>0.32488446180072039</v>
      </c>
      <c r="B12745" s="1"/>
      <c r="C12745">
        <v>8</v>
      </c>
      <c r="D12745" t="s">
        <v>26139</v>
      </c>
      <c r="E12745" t="s">
        <v>34101</v>
      </c>
      <c r="F12745">
        <v>4</v>
      </c>
      <c r="G12745" t="s">
        <v>14</v>
      </c>
      <c r="H12745" t="s">
        <v>26140</v>
      </c>
      <c r="I12745" t="s">
        <v>30540</v>
      </c>
    </row>
    <row r="12746" spans="1:9">
      <c r="A12746" s="1">
        <f ca="1">RAND()</f>
        <v>0.12245814884248152</v>
      </c>
      <c r="B12746" s="1"/>
      <c r="C12746">
        <v>20</v>
      </c>
      <c r="D12746" t="s">
        <v>26143</v>
      </c>
      <c r="E12746" t="s">
        <v>34101</v>
      </c>
      <c r="F12746">
        <v>1</v>
      </c>
      <c r="G12746" t="s">
        <v>14</v>
      </c>
      <c r="H12746" t="s">
        <v>26144</v>
      </c>
      <c r="I12746" t="s">
        <v>30540</v>
      </c>
    </row>
    <row r="12747" spans="1:9">
      <c r="A12747" s="1">
        <f ca="1">RAND()</f>
        <v>0.7546809228066057</v>
      </c>
      <c r="B12747" s="1"/>
      <c r="C12747">
        <v>20</v>
      </c>
      <c r="D12747" t="s">
        <v>26135</v>
      </c>
      <c r="E12747" t="s">
        <v>34102</v>
      </c>
      <c r="F12747">
        <v>4</v>
      </c>
      <c r="G12747" t="s">
        <v>14</v>
      </c>
      <c r="H12747" t="s">
        <v>26136</v>
      </c>
      <c r="I12747" t="s">
        <v>30540</v>
      </c>
    </row>
    <row r="12748" spans="1:9">
      <c r="A12748" s="1">
        <f ca="1">RAND()</f>
        <v>0.86012124862992045</v>
      </c>
      <c r="B12748" s="1"/>
      <c r="C12748">
        <v>16</v>
      </c>
      <c r="D12748" t="s">
        <v>26133</v>
      </c>
      <c r="E12748" t="s">
        <v>34102</v>
      </c>
      <c r="F12748">
        <v>2</v>
      </c>
      <c r="G12748" t="s">
        <v>14</v>
      </c>
      <c r="H12748" t="s">
        <v>26134</v>
      </c>
      <c r="I12748" t="s">
        <v>30540</v>
      </c>
    </row>
    <row r="12749" spans="1:9">
      <c r="A12749" s="1">
        <f ca="1">RAND()</f>
        <v>0.42040313971662557</v>
      </c>
      <c r="B12749" s="1"/>
      <c r="C12749">
        <v>15</v>
      </c>
      <c r="D12749" t="s">
        <v>26131</v>
      </c>
      <c r="E12749" t="s">
        <v>34102</v>
      </c>
      <c r="F12749">
        <v>2</v>
      </c>
      <c r="G12749" t="s">
        <v>14</v>
      </c>
      <c r="H12749" t="s">
        <v>26132</v>
      </c>
      <c r="I12749" t="s">
        <v>30540</v>
      </c>
    </row>
    <row r="12750" spans="1:9">
      <c r="A12750" s="1">
        <f ca="1">RAND()</f>
        <v>0.63882011293096141</v>
      </c>
      <c r="B12750" s="1"/>
      <c r="C12750">
        <v>5</v>
      </c>
      <c r="D12750" t="s">
        <v>26129</v>
      </c>
      <c r="E12750" t="s">
        <v>34102</v>
      </c>
      <c r="F12750">
        <v>2</v>
      </c>
      <c r="G12750" t="s">
        <v>14</v>
      </c>
      <c r="H12750" t="s">
        <v>26130</v>
      </c>
      <c r="I12750" t="s">
        <v>30540</v>
      </c>
    </row>
    <row r="12751" spans="1:9">
      <c r="A12751" s="1">
        <f ca="1">RAND()</f>
        <v>0.13137210953485434</v>
      </c>
      <c r="B12751" s="1"/>
      <c r="C12751">
        <v>13</v>
      </c>
      <c r="D12751" t="s">
        <v>26127</v>
      </c>
      <c r="E12751" t="s">
        <v>34103</v>
      </c>
      <c r="F12751">
        <v>2</v>
      </c>
      <c r="G12751" t="s">
        <v>14</v>
      </c>
      <c r="H12751" t="s">
        <v>26128</v>
      </c>
      <c r="I12751" t="s">
        <v>30540</v>
      </c>
    </row>
    <row r="12752" spans="1:9">
      <c r="A12752" s="1">
        <f ca="1">RAND()</f>
        <v>0.75315797729641742</v>
      </c>
      <c r="B12752" s="1"/>
      <c r="C12752">
        <v>2</v>
      </c>
      <c r="D12752" t="s">
        <v>26125</v>
      </c>
      <c r="E12752" t="s">
        <v>34104</v>
      </c>
      <c r="F12752">
        <v>4</v>
      </c>
      <c r="G12752" t="s">
        <v>14</v>
      </c>
      <c r="H12752" t="s">
        <v>26126</v>
      </c>
      <c r="I12752" t="s">
        <v>30540</v>
      </c>
    </row>
    <row r="12753" spans="1:9">
      <c r="A12753" s="1">
        <f ca="1">RAND()</f>
        <v>0.81287019772262503</v>
      </c>
      <c r="B12753" s="1"/>
      <c r="C12753">
        <v>18</v>
      </c>
      <c r="D12753" t="s">
        <v>26123</v>
      </c>
      <c r="E12753" t="s">
        <v>34105</v>
      </c>
      <c r="F12753">
        <v>4</v>
      </c>
      <c r="G12753" t="s">
        <v>15</v>
      </c>
      <c r="H12753" t="s">
        <v>26124</v>
      </c>
      <c r="I12753" t="s">
        <v>30540</v>
      </c>
    </row>
    <row r="12754" spans="1:9">
      <c r="A12754" s="1">
        <f ca="1">RAND()</f>
        <v>0.11193070620829892</v>
      </c>
      <c r="B12754" s="1"/>
      <c r="C12754">
        <v>5</v>
      </c>
      <c r="D12754" t="s">
        <v>26119</v>
      </c>
      <c r="E12754" t="s">
        <v>34106</v>
      </c>
      <c r="F12754">
        <v>4</v>
      </c>
      <c r="G12754" t="s">
        <v>14</v>
      </c>
      <c r="H12754" t="s">
        <v>26120</v>
      </c>
      <c r="I12754" t="s">
        <v>30540</v>
      </c>
    </row>
    <row r="12755" spans="1:9">
      <c r="A12755" s="1">
        <f ca="1">RAND()</f>
        <v>0.71220139085136214</v>
      </c>
      <c r="B12755" s="1"/>
      <c r="C12755">
        <v>18</v>
      </c>
      <c r="D12755" t="s">
        <v>26121</v>
      </c>
      <c r="E12755" t="s">
        <v>34106</v>
      </c>
      <c r="F12755">
        <v>4</v>
      </c>
      <c r="G12755" t="s">
        <v>14</v>
      </c>
      <c r="H12755" t="s">
        <v>26122</v>
      </c>
      <c r="I12755" t="s">
        <v>30540</v>
      </c>
    </row>
    <row r="12756" spans="1:9">
      <c r="A12756" s="1">
        <f ca="1">RAND()</f>
        <v>0.33794907341414826</v>
      </c>
      <c r="B12756" s="1"/>
      <c r="C12756">
        <v>6</v>
      </c>
      <c r="D12756" t="s">
        <v>26111</v>
      </c>
      <c r="E12756" t="s">
        <v>34107</v>
      </c>
      <c r="F12756">
        <v>5</v>
      </c>
      <c r="G12756" t="s">
        <v>10</v>
      </c>
      <c r="H12756" t="s">
        <v>26112</v>
      </c>
      <c r="I12756" t="s">
        <v>30540</v>
      </c>
    </row>
    <row r="12757" spans="1:9">
      <c r="A12757" s="1">
        <f ca="1">RAND()</f>
        <v>0.47805059828414065</v>
      </c>
      <c r="B12757" s="1"/>
      <c r="C12757">
        <v>9</v>
      </c>
      <c r="D12757" t="s">
        <v>26113</v>
      </c>
      <c r="E12757" t="s">
        <v>34107</v>
      </c>
      <c r="F12757">
        <v>4</v>
      </c>
      <c r="G12757" t="s">
        <v>10</v>
      </c>
      <c r="H12757" t="s">
        <v>26114</v>
      </c>
      <c r="I12757" t="s">
        <v>30540</v>
      </c>
    </row>
    <row r="12758" spans="1:9">
      <c r="A12758" s="1">
        <f ca="1">RAND()</f>
        <v>0.63772768828254645</v>
      </c>
      <c r="B12758" s="1"/>
      <c r="C12758">
        <v>20</v>
      </c>
      <c r="D12758" t="s">
        <v>26117</v>
      </c>
      <c r="E12758" t="s">
        <v>34107</v>
      </c>
      <c r="F12758">
        <v>4</v>
      </c>
      <c r="G12758" t="s">
        <v>10</v>
      </c>
      <c r="H12758" t="s">
        <v>26118</v>
      </c>
      <c r="I12758" t="s">
        <v>30540</v>
      </c>
    </row>
    <row r="12759" spans="1:9">
      <c r="A12759" s="1">
        <f ca="1">RAND()</f>
        <v>0.86623604649052777</v>
      </c>
      <c r="B12759" s="1"/>
      <c r="C12759">
        <v>18</v>
      </c>
      <c r="D12759" t="s">
        <v>26115</v>
      </c>
      <c r="E12759" t="s">
        <v>34107</v>
      </c>
      <c r="F12759">
        <v>4</v>
      </c>
      <c r="G12759" t="s">
        <v>10</v>
      </c>
      <c r="H12759" t="s">
        <v>26116</v>
      </c>
      <c r="I12759" t="s">
        <v>30540</v>
      </c>
    </row>
    <row r="12760" spans="1:9">
      <c r="A12760" s="1">
        <f ca="1">RAND()</f>
        <v>0.32156727192855472</v>
      </c>
      <c r="B12760" s="1"/>
      <c r="C12760">
        <v>18</v>
      </c>
      <c r="D12760" t="s">
        <v>26109</v>
      </c>
      <c r="E12760" t="s">
        <v>34108</v>
      </c>
      <c r="F12760">
        <v>5</v>
      </c>
      <c r="G12760" t="s">
        <v>14</v>
      </c>
      <c r="H12760" t="s">
        <v>26110</v>
      </c>
      <c r="I12760" t="s">
        <v>30540</v>
      </c>
    </row>
    <row r="12761" spans="1:9">
      <c r="A12761" s="1">
        <f ca="1">RAND()</f>
        <v>0.27281092609572466</v>
      </c>
      <c r="B12761" s="1"/>
      <c r="C12761">
        <v>3</v>
      </c>
      <c r="D12761" t="s">
        <v>26101</v>
      </c>
      <c r="E12761" t="s">
        <v>34108</v>
      </c>
      <c r="F12761">
        <v>4</v>
      </c>
      <c r="G12761" t="s">
        <v>15</v>
      </c>
      <c r="H12761" t="s">
        <v>26102</v>
      </c>
      <c r="I12761" t="s">
        <v>30540</v>
      </c>
    </row>
    <row r="12762" spans="1:9">
      <c r="A12762" s="1">
        <f ca="1">RAND()</f>
        <v>0.6732387256891742</v>
      </c>
      <c r="B12762" s="1"/>
      <c r="C12762">
        <v>13</v>
      </c>
      <c r="D12762" t="s">
        <v>26105</v>
      </c>
      <c r="E12762" t="s">
        <v>34108</v>
      </c>
      <c r="F12762">
        <v>4</v>
      </c>
      <c r="G12762" t="s">
        <v>14</v>
      </c>
      <c r="H12762" t="s">
        <v>26106</v>
      </c>
      <c r="I12762" t="s">
        <v>30540</v>
      </c>
    </row>
    <row r="12763" spans="1:9">
      <c r="A12763" s="1">
        <f ca="1">RAND()</f>
        <v>0.53038344065786724</v>
      </c>
      <c r="B12763" s="1"/>
      <c r="C12763">
        <v>10</v>
      </c>
      <c r="D12763" t="s">
        <v>26103</v>
      </c>
      <c r="E12763" t="s">
        <v>34108</v>
      </c>
      <c r="F12763">
        <v>4</v>
      </c>
      <c r="G12763" t="s">
        <v>14</v>
      </c>
      <c r="H12763" t="s">
        <v>26104</v>
      </c>
      <c r="I12763" t="s">
        <v>30540</v>
      </c>
    </row>
    <row r="12764" spans="1:9">
      <c r="A12764" s="1">
        <f ca="1">RAND()</f>
        <v>0.51032863818741769</v>
      </c>
      <c r="B12764" s="1"/>
      <c r="C12764">
        <v>15</v>
      </c>
      <c r="D12764" t="s">
        <v>26107</v>
      </c>
      <c r="E12764" t="s">
        <v>34108</v>
      </c>
      <c r="F12764">
        <v>2</v>
      </c>
      <c r="G12764" t="s">
        <v>2</v>
      </c>
      <c r="H12764" t="s">
        <v>26108</v>
      </c>
      <c r="I12764" t="s">
        <v>30540</v>
      </c>
    </row>
    <row r="12765" spans="1:9">
      <c r="A12765" s="1">
        <f ca="1">RAND()</f>
        <v>0.22324095709583935</v>
      </c>
      <c r="B12765" s="1"/>
      <c r="C12765">
        <v>5</v>
      </c>
      <c r="D12765" t="s">
        <v>26093</v>
      </c>
      <c r="E12765" t="s">
        <v>34109</v>
      </c>
      <c r="F12765">
        <v>5</v>
      </c>
      <c r="G12765" t="s">
        <v>9</v>
      </c>
      <c r="H12765" t="s">
        <v>26094</v>
      </c>
      <c r="I12765" t="s">
        <v>30540</v>
      </c>
    </row>
    <row r="12766" spans="1:9">
      <c r="A12766" s="1">
        <f ca="1">RAND()</f>
        <v>0.61554993188211515</v>
      </c>
      <c r="B12766" s="1"/>
      <c r="C12766">
        <v>14</v>
      </c>
      <c r="D12766" t="s">
        <v>26099</v>
      </c>
      <c r="E12766" t="s">
        <v>34109</v>
      </c>
      <c r="F12766">
        <v>4</v>
      </c>
      <c r="G12766" t="s">
        <v>14</v>
      </c>
      <c r="H12766" t="s">
        <v>26100</v>
      </c>
      <c r="I12766" t="s">
        <v>30540</v>
      </c>
    </row>
    <row r="12767" spans="1:9">
      <c r="A12767" s="1">
        <f ca="1">RAND()</f>
        <v>0.53312607520308875</v>
      </c>
      <c r="B12767" s="1"/>
      <c r="C12767">
        <v>9</v>
      </c>
      <c r="D12767" t="s">
        <v>26095</v>
      </c>
      <c r="E12767" t="s">
        <v>34109</v>
      </c>
      <c r="F12767">
        <v>4</v>
      </c>
      <c r="G12767" t="s">
        <v>10</v>
      </c>
      <c r="H12767" t="s">
        <v>26096</v>
      </c>
      <c r="I12767" t="s">
        <v>30540</v>
      </c>
    </row>
    <row r="12768" spans="1:9">
      <c r="A12768" s="1">
        <f ca="1">RAND()</f>
        <v>0.80322666185169356</v>
      </c>
      <c r="B12768" s="1"/>
      <c r="C12768">
        <v>10</v>
      </c>
      <c r="D12768" t="s">
        <v>26097</v>
      </c>
      <c r="E12768" t="s">
        <v>34109</v>
      </c>
      <c r="F12768">
        <v>4</v>
      </c>
      <c r="G12768" t="s">
        <v>14</v>
      </c>
      <c r="H12768" t="s">
        <v>26098</v>
      </c>
      <c r="I12768" t="s">
        <v>30540</v>
      </c>
    </row>
    <row r="12769" spans="1:9">
      <c r="A12769" s="1">
        <f ca="1">RAND()</f>
        <v>0.37059018331977955</v>
      </c>
      <c r="B12769" s="1"/>
      <c r="C12769">
        <v>1</v>
      </c>
      <c r="D12769" t="s">
        <v>26091</v>
      </c>
      <c r="E12769" t="s">
        <v>34109</v>
      </c>
      <c r="F12769">
        <v>4</v>
      </c>
      <c r="G12769" t="s">
        <v>2</v>
      </c>
      <c r="H12769" t="s">
        <v>26092</v>
      </c>
      <c r="I12769" t="s">
        <v>30540</v>
      </c>
    </row>
    <row r="12770" spans="1:9">
      <c r="A12770" s="1">
        <f ca="1">RAND()</f>
        <v>0.40288719837565845</v>
      </c>
      <c r="B12770" s="1"/>
      <c r="C12770">
        <v>13</v>
      </c>
      <c r="D12770" t="s">
        <v>26089</v>
      </c>
      <c r="E12770" t="s">
        <v>34110</v>
      </c>
      <c r="F12770">
        <v>2</v>
      </c>
      <c r="G12770" t="s">
        <v>14</v>
      </c>
      <c r="H12770" t="s">
        <v>26090</v>
      </c>
      <c r="I12770" t="s">
        <v>30540</v>
      </c>
    </row>
    <row r="12771" spans="1:9">
      <c r="A12771" s="1">
        <f ca="1">RAND()</f>
        <v>0.64969649065177837</v>
      </c>
      <c r="B12771" s="1"/>
      <c r="C12771">
        <v>2</v>
      </c>
      <c r="D12771" t="s">
        <v>26081</v>
      </c>
      <c r="E12771" t="s">
        <v>34111</v>
      </c>
      <c r="F12771">
        <v>5</v>
      </c>
      <c r="G12771" t="s">
        <v>9</v>
      </c>
      <c r="H12771" t="s">
        <v>26082</v>
      </c>
      <c r="I12771" t="s">
        <v>30540</v>
      </c>
    </row>
    <row r="12772" spans="1:9">
      <c r="A12772" s="1">
        <f ca="1">RAND()</f>
        <v>4.1665936933209524E-3</v>
      </c>
      <c r="B12772" s="1"/>
      <c r="C12772">
        <v>14</v>
      </c>
      <c r="D12772" t="s">
        <v>26085</v>
      </c>
      <c r="E12772" t="s">
        <v>34111</v>
      </c>
      <c r="F12772">
        <v>5</v>
      </c>
      <c r="G12772" t="s">
        <v>14</v>
      </c>
      <c r="H12772" t="s">
        <v>26086</v>
      </c>
      <c r="I12772" t="s">
        <v>30540</v>
      </c>
    </row>
    <row r="12773" spans="1:9">
      <c r="A12773" s="1">
        <f ca="1">RAND()</f>
        <v>0.81002055850593346</v>
      </c>
      <c r="B12773" s="1"/>
      <c r="C12773">
        <v>19</v>
      </c>
      <c r="D12773" t="s">
        <v>26087</v>
      </c>
      <c r="E12773" t="s">
        <v>34111</v>
      </c>
      <c r="F12773">
        <v>4</v>
      </c>
      <c r="G12773" t="s">
        <v>14</v>
      </c>
      <c r="H12773" t="s">
        <v>26088</v>
      </c>
      <c r="I12773" t="s">
        <v>30540</v>
      </c>
    </row>
    <row r="12774" spans="1:9">
      <c r="A12774" s="1">
        <f ca="1">RAND()</f>
        <v>0.47957330016875799</v>
      </c>
      <c r="B12774" s="1"/>
      <c r="C12774">
        <v>13</v>
      </c>
      <c r="D12774" t="s">
        <v>26083</v>
      </c>
      <c r="E12774" t="s">
        <v>34111</v>
      </c>
      <c r="F12774">
        <v>4</v>
      </c>
      <c r="G12774" t="s">
        <v>14</v>
      </c>
      <c r="H12774" t="s">
        <v>26084</v>
      </c>
      <c r="I12774" t="s">
        <v>30540</v>
      </c>
    </row>
    <row r="12775" spans="1:9">
      <c r="A12775" s="1">
        <f ca="1">RAND()</f>
        <v>0.16503652194395524</v>
      </c>
      <c r="B12775" s="1"/>
      <c r="C12775">
        <v>5</v>
      </c>
      <c r="D12775" t="s">
        <v>26071</v>
      </c>
      <c r="E12775" t="s">
        <v>34112</v>
      </c>
      <c r="F12775">
        <v>5</v>
      </c>
      <c r="G12775" t="s">
        <v>2</v>
      </c>
      <c r="H12775" t="s">
        <v>26072</v>
      </c>
      <c r="I12775" t="s">
        <v>30540</v>
      </c>
    </row>
    <row r="12776" spans="1:9">
      <c r="A12776" s="1">
        <f ca="1">RAND()</f>
        <v>0.92823511922587187</v>
      </c>
      <c r="B12776" s="1"/>
      <c r="C12776">
        <v>11</v>
      </c>
      <c r="D12776" t="s">
        <v>26075</v>
      </c>
      <c r="E12776" t="s">
        <v>34112</v>
      </c>
      <c r="F12776">
        <v>5</v>
      </c>
      <c r="G12776" t="s">
        <v>14</v>
      </c>
      <c r="H12776" t="s">
        <v>26076</v>
      </c>
      <c r="I12776" t="s">
        <v>30540</v>
      </c>
    </row>
    <row r="12777" spans="1:9">
      <c r="A12777" s="1">
        <f ca="1">RAND()</f>
        <v>0.42208604090028823</v>
      </c>
      <c r="B12777" s="1"/>
      <c r="C12777">
        <v>16</v>
      </c>
      <c r="D12777" t="s">
        <v>26077</v>
      </c>
      <c r="E12777" t="s">
        <v>34112</v>
      </c>
      <c r="F12777">
        <v>4</v>
      </c>
      <c r="G12777" t="s">
        <v>14</v>
      </c>
      <c r="H12777" t="s">
        <v>26078</v>
      </c>
      <c r="I12777" t="s">
        <v>30540</v>
      </c>
    </row>
    <row r="12778" spans="1:9">
      <c r="A12778" s="1">
        <f ca="1">RAND()</f>
        <v>0.2674711590043567</v>
      </c>
      <c r="B12778" s="1"/>
      <c r="C12778">
        <v>9</v>
      </c>
      <c r="D12778" t="s">
        <v>26073</v>
      </c>
      <c r="E12778" t="s">
        <v>34112</v>
      </c>
      <c r="F12778">
        <v>4</v>
      </c>
      <c r="G12778" t="s">
        <v>14</v>
      </c>
      <c r="H12778" t="s">
        <v>26074</v>
      </c>
      <c r="I12778" t="s">
        <v>30540</v>
      </c>
    </row>
    <row r="12779" spans="1:9">
      <c r="A12779" s="1">
        <f ca="1">RAND()</f>
        <v>0.69931719309835627</v>
      </c>
      <c r="B12779" s="1"/>
      <c r="C12779">
        <v>17</v>
      </c>
      <c r="D12779" t="s">
        <v>26079</v>
      </c>
      <c r="E12779" t="s">
        <v>34112</v>
      </c>
      <c r="F12779">
        <v>3</v>
      </c>
      <c r="G12779" t="s">
        <v>14</v>
      </c>
      <c r="H12779" t="s">
        <v>26080</v>
      </c>
      <c r="I12779" t="s">
        <v>30540</v>
      </c>
    </row>
    <row r="12780" spans="1:9">
      <c r="A12780" s="1">
        <f ca="1">RAND()</f>
        <v>0.47707497523348774</v>
      </c>
      <c r="B12780" s="1"/>
      <c r="C12780">
        <v>5</v>
      </c>
      <c r="D12780" t="s">
        <v>26065</v>
      </c>
      <c r="E12780" t="s">
        <v>34113</v>
      </c>
      <c r="F12780">
        <v>5</v>
      </c>
      <c r="G12780" t="s">
        <v>9</v>
      </c>
      <c r="H12780" t="s">
        <v>26066</v>
      </c>
      <c r="I12780" t="s">
        <v>30540</v>
      </c>
    </row>
    <row r="12781" spans="1:9">
      <c r="A12781" s="1">
        <f ca="1">RAND()</f>
        <v>0.40267870091469038</v>
      </c>
      <c r="B12781" s="1"/>
      <c r="C12781">
        <v>2</v>
      </c>
      <c r="D12781" t="s">
        <v>26063</v>
      </c>
      <c r="E12781" t="s">
        <v>34113</v>
      </c>
      <c r="F12781">
        <v>4</v>
      </c>
      <c r="G12781" t="s">
        <v>10</v>
      </c>
      <c r="H12781" t="s">
        <v>26064</v>
      </c>
      <c r="I12781" t="s">
        <v>30540</v>
      </c>
    </row>
    <row r="12782" spans="1:9">
      <c r="A12782" s="1">
        <f ca="1">RAND()</f>
        <v>0.83316468234715135</v>
      </c>
      <c r="B12782" s="1"/>
      <c r="C12782">
        <v>12</v>
      </c>
      <c r="D12782" t="s">
        <v>26069</v>
      </c>
      <c r="E12782" t="s">
        <v>34113</v>
      </c>
      <c r="F12782">
        <v>4</v>
      </c>
      <c r="G12782" t="s">
        <v>14</v>
      </c>
      <c r="H12782" t="s">
        <v>26070</v>
      </c>
      <c r="I12782" t="s">
        <v>30540</v>
      </c>
    </row>
    <row r="12783" spans="1:9">
      <c r="A12783" s="1">
        <f ca="1">RAND()</f>
        <v>0.34335298217794397</v>
      </c>
      <c r="B12783" s="1"/>
      <c r="C12783">
        <v>7</v>
      </c>
      <c r="D12783" t="s">
        <v>26067</v>
      </c>
      <c r="E12783" t="s">
        <v>34113</v>
      </c>
      <c r="F12783">
        <v>4</v>
      </c>
      <c r="G12783" t="s">
        <v>14</v>
      </c>
      <c r="H12783" t="s">
        <v>26068</v>
      </c>
      <c r="I12783" t="s">
        <v>30540</v>
      </c>
    </row>
    <row r="12784" spans="1:9">
      <c r="A12784" s="1">
        <f ca="1">RAND()</f>
        <v>0.32225397376030207</v>
      </c>
      <c r="B12784" s="1"/>
      <c r="C12784">
        <v>3</v>
      </c>
      <c r="D12784" t="s">
        <v>26059</v>
      </c>
      <c r="E12784" t="s">
        <v>34114</v>
      </c>
      <c r="F12784">
        <v>4</v>
      </c>
      <c r="G12784" t="s">
        <v>10</v>
      </c>
      <c r="H12784" t="s">
        <v>26060</v>
      </c>
      <c r="I12784" t="s">
        <v>30540</v>
      </c>
    </row>
    <row r="12785" spans="1:9">
      <c r="A12785" s="1">
        <f ca="1">RAND()</f>
        <v>7.6693096236801872E-2</v>
      </c>
      <c r="B12785" s="1"/>
      <c r="C12785">
        <v>11</v>
      </c>
      <c r="D12785" t="s">
        <v>26061</v>
      </c>
      <c r="E12785" t="s">
        <v>34114</v>
      </c>
      <c r="F12785">
        <v>4</v>
      </c>
      <c r="G12785" t="s">
        <v>1295</v>
      </c>
      <c r="H12785" t="s">
        <v>26062</v>
      </c>
      <c r="I12785" t="s">
        <v>30540</v>
      </c>
    </row>
    <row r="12786" spans="1:9">
      <c r="A12786" s="1">
        <f ca="1">RAND()</f>
        <v>0.93331313022816065</v>
      </c>
      <c r="B12786" s="1"/>
      <c r="C12786">
        <v>7</v>
      </c>
      <c r="D12786" t="s">
        <v>26047</v>
      </c>
      <c r="E12786" t="s">
        <v>34115</v>
      </c>
      <c r="F12786">
        <v>5</v>
      </c>
      <c r="G12786" t="s">
        <v>9</v>
      </c>
      <c r="H12786" t="s">
        <v>26048</v>
      </c>
      <c r="I12786" t="s">
        <v>30540</v>
      </c>
    </row>
    <row r="12787" spans="1:9">
      <c r="A12787" s="1">
        <f ca="1">RAND()</f>
        <v>0.77179604322472406</v>
      </c>
      <c r="B12787" s="1"/>
      <c r="C12787">
        <v>12</v>
      </c>
      <c r="D12787" t="s">
        <v>26053</v>
      </c>
      <c r="E12787" t="s">
        <v>34115</v>
      </c>
      <c r="F12787">
        <v>5</v>
      </c>
      <c r="G12787" t="s">
        <v>0</v>
      </c>
      <c r="H12787" t="s">
        <v>26054</v>
      </c>
      <c r="I12787" t="s">
        <v>30540</v>
      </c>
    </row>
    <row r="12788" spans="1:9">
      <c r="A12788" s="1">
        <f ca="1">RAND()</f>
        <v>0.44869784185051553</v>
      </c>
      <c r="B12788" s="1"/>
      <c r="C12788">
        <v>11</v>
      </c>
      <c r="D12788" t="s">
        <v>26051</v>
      </c>
      <c r="E12788" t="s">
        <v>34115</v>
      </c>
      <c r="F12788">
        <v>4</v>
      </c>
      <c r="G12788" t="s">
        <v>1</v>
      </c>
      <c r="H12788" t="s">
        <v>26052</v>
      </c>
      <c r="I12788" t="s">
        <v>30540</v>
      </c>
    </row>
    <row r="12789" spans="1:9">
      <c r="A12789" s="1">
        <f ca="1">RAND()</f>
        <v>0.22854755770559121</v>
      </c>
      <c r="B12789" s="1"/>
      <c r="C12789">
        <v>13</v>
      </c>
      <c r="D12789" t="s">
        <v>26055</v>
      </c>
      <c r="E12789" t="s">
        <v>34115</v>
      </c>
      <c r="F12789">
        <v>3</v>
      </c>
      <c r="G12789" t="s">
        <v>1</v>
      </c>
      <c r="H12789" t="s">
        <v>26056</v>
      </c>
      <c r="I12789" t="s">
        <v>30540</v>
      </c>
    </row>
    <row r="12790" spans="1:9">
      <c r="A12790" s="1">
        <f ca="1">RAND()</f>
        <v>0.48255964610651625</v>
      </c>
      <c r="B12790" s="1"/>
      <c r="C12790">
        <v>10</v>
      </c>
      <c r="D12790" t="s">
        <v>26049</v>
      </c>
      <c r="E12790" t="s">
        <v>34115</v>
      </c>
      <c r="F12790">
        <v>3</v>
      </c>
      <c r="G12790" t="s">
        <v>14</v>
      </c>
      <c r="H12790" t="s">
        <v>26050</v>
      </c>
      <c r="I12790" t="s">
        <v>30540</v>
      </c>
    </row>
    <row r="12791" spans="1:9">
      <c r="A12791" s="1">
        <f ca="1">RAND()</f>
        <v>0.52491784650314943</v>
      </c>
      <c r="B12791" s="1"/>
      <c r="C12791">
        <v>5</v>
      </c>
      <c r="D12791" t="s">
        <v>26045</v>
      </c>
      <c r="E12791" t="s">
        <v>34115</v>
      </c>
      <c r="F12791">
        <v>2</v>
      </c>
      <c r="G12791" t="s">
        <v>14</v>
      </c>
      <c r="H12791" t="s">
        <v>26046</v>
      </c>
      <c r="I12791" t="s">
        <v>30540</v>
      </c>
    </row>
    <row r="12792" spans="1:9">
      <c r="A12792" s="1">
        <f ca="1">RAND()</f>
        <v>0.69336162927961742</v>
      </c>
      <c r="B12792" s="1"/>
      <c r="C12792">
        <v>2</v>
      </c>
      <c r="D12792" t="s">
        <v>26043</v>
      </c>
      <c r="E12792" t="s">
        <v>34115</v>
      </c>
      <c r="F12792">
        <v>2</v>
      </c>
      <c r="G12792" t="s">
        <v>15</v>
      </c>
      <c r="H12792" t="s">
        <v>26044</v>
      </c>
      <c r="I12792" t="s">
        <v>30540</v>
      </c>
    </row>
    <row r="12793" spans="1:9">
      <c r="A12793" s="1">
        <f ca="1">RAND()</f>
        <v>0.58466137841546861</v>
      </c>
      <c r="B12793" s="1"/>
      <c r="C12793">
        <v>15</v>
      </c>
      <c r="D12793" t="s">
        <v>26057</v>
      </c>
      <c r="E12793" t="s">
        <v>34115</v>
      </c>
      <c r="F12793">
        <v>2</v>
      </c>
      <c r="G12793" t="s">
        <v>14</v>
      </c>
      <c r="H12793" t="s">
        <v>26058</v>
      </c>
      <c r="I12793" t="s">
        <v>30540</v>
      </c>
    </row>
    <row r="12794" spans="1:9">
      <c r="A12794" s="1">
        <f ca="1">RAND()</f>
        <v>0.580985384610616</v>
      </c>
      <c r="B12794" s="1"/>
      <c r="C12794">
        <v>2</v>
      </c>
      <c r="D12794" t="s">
        <v>26033</v>
      </c>
      <c r="E12794" t="s">
        <v>34116</v>
      </c>
      <c r="F12794">
        <v>4</v>
      </c>
      <c r="G12794" t="s">
        <v>2</v>
      </c>
      <c r="H12794" t="s">
        <v>26034</v>
      </c>
      <c r="I12794" t="s">
        <v>30540</v>
      </c>
    </row>
    <row r="12795" spans="1:9">
      <c r="A12795" s="1">
        <f ca="1">RAND()</f>
        <v>0.33067172005986756</v>
      </c>
      <c r="B12795" s="1"/>
      <c r="C12795">
        <v>14</v>
      </c>
      <c r="D12795" t="s">
        <v>26039</v>
      </c>
      <c r="E12795" t="s">
        <v>34116</v>
      </c>
      <c r="F12795">
        <v>4</v>
      </c>
      <c r="G12795" t="s">
        <v>9</v>
      </c>
      <c r="H12795" t="s">
        <v>26040</v>
      </c>
      <c r="I12795" t="s">
        <v>30540</v>
      </c>
    </row>
    <row r="12796" spans="1:9">
      <c r="A12796" s="1">
        <f ca="1">RAND()</f>
        <v>2.8162259533801248E-2</v>
      </c>
      <c r="B12796" s="1"/>
      <c r="C12796">
        <v>20</v>
      </c>
      <c r="D12796" t="s">
        <v>26041</v>
      </c>
      <c r="E12796" t="s">
        <v>34116</v>
      </c>
      <c r="F12796">
        <v>2</v>
      </c>
      <c r="G12796" t="s">
        <v>14</v>
      </c>
      <c r="H12796" t="s">
        <v>26042</v>
      </c>
      <c r="I12796" t="s">
        <v>30540</v>
      </c>
    </row>
    <row r="12797" spans="1:9">
      <c r="A12797" s="1">
        <f ca="1">RAND()</f>
        <v>0.64695237994502286</v>
      </c>
      <c r="B12797" s="1"/>
      <c r="C12797">
        <v>5</v>
      </c>
      <c r="D12797" t="s">
        <v>26037</v>
      </c>
      <c r="E12797" t="s">
        <v>34116</v>
      </c>
      <c r="F12797">
        <v>2</v>
      </c>
      <c r="G12797" t="s">
        <v>15</v>
      </c>
      <c r="H12797" t="s">
        <v>26038</v>
      </c>
      <c r="I12797" t="s">
        <v>30540</v>
      </c>
    </row>
    <row r="12798" spans="1:9">
      <c r="A12798" s="1">
        <f ca="1">RAND()</f>
        <v>0.23893196168544817</v>
      </c>
      <c r="B12798" s="1"/>
      <c r="C12798">
        <v>4</v>
      </c>
      <c r="D12798" t="s">
        <v>26035</v>
      </c>
      <c r="E12798" t="s">
        <v>34116</v>
      </c>
      <c r="F12798">
        <v>2</v>
      </c>
      <c r="G12798" t="s">
        <v>14</v>
      </c>
      <c r="H12798" t="s">
        <v>26036</v>
      </c>
      <c r="I12798" t="s">
        <v>30540</v>
      </c>
    </row>
    <row r="12799" spans="1:9">
      <c r="A12799" s="1">
        <f ca="1">RAND()</f>
        <v>0.88607434451277811</v>
      </c>
      <c r="B12799" s="1"/>
      <c r="C12799">
        <v>13</v>
      </c>
      <c r="D12799" t="s">
        <v>26029</v>
      </c>
      <c r="E12799" t="s">
        <v>34117</v>
      </c>
      <c r="F12799">
        <v>4</v>
      </c>
      <c r="G12799" t="s">
        <v>14</v>
      </c>
      <c r="H12799" t="s">
        <v>26030</v>
      </c>
      <c r="I12799" t="s">
        <v>30540</v>
      </c>
    </row>
    <row r="12800" spans="1:9">
      <c r="A12800" s="1">
        <f ca="1">RAND()</f>
        <v>0.24809545052782378</v>
      </c>
      <c r="B12800" s="1"/>
      <c r="C12800">
        <v>15</v>
      </c>
      <c r="D12800" t="s">
        <v>26031</v>
      </c>
      <c r="E12800" t="s">
        <v>34117</v>
      </c>
      <c r="F12800">
        <v>2</v>
      </c>
      <c r="G12800" t="s">
        <v>14</v>
      </c>
      <c r="H12800" t="s">
        <v>26032</v>
      </c>
      <c r="I12800" t="s">
        <v>30540</v>
      </c>
    </row>
    <row r="12801" spans="1:9">
      <c r="A12801" s="1">
        <f ca="1">RAND()</f>
        <v>0.23742362175201359</v>
      </c>
      <c r="B12801" s="1"/>
      <c r="C12801">
        <v>12</v>
      </c>
      <c r="D12801" t="s">
        <v>26027</v>
      </c>
      <c r="E12801" t="s">
        <v>34117</v>
      </c>
      <c r="F12801">
        <v>2</v>
      </c>
      <c r="G12801" t="s">
        <v>14</v>
      </c>
      <c r="H12801" t="s">
        <v>26028</v>
      </c>
      <c r="I12801" t="s">
        <v>30540</v>
      </c>
    </row>
    <row r="12802" spans="1:9">
      <c r="A12802" s="1">
        <f ca="1">RAND()</f>
        <v>0.19105994018553063</v>
      </c>
      <c r="B12802" s="1"/>
      <c r="C12802">
        <v>11</v>
      </c>
      <c r="D12802" t="s">
        <v>26023</v>
      </c>
      <c r="E12802" t="s">
        <v>34118</v>
      </c>
      <c r="F12802">
        <v>3</v>
      </c>
      <c r="G12802" t="s">
        <v>10</v>
      </c>
      <c r="H12802" t="s">
        <v>26024</v>
      </c>
      <c r="I12802" t="s">
        <v>30540</v>
      </c>
    </row>
    <row r="12803" spans="1:9">
      <c r="A12803" s="1">
        <f ca="1">RAND()</f>
        <v>0.61758105479638714</v>
      </c>
      <c r="B12803" s="1"/>
      <c r="C12803">
        <v>10</v>
      </c>
      <c r="D12803" t="s">
        <v>26021</v>
      </c>
      <c r="E12803" t="s">
        <v>34118</v>
      </c>
      <c r="F12803">
        <v>2</v>
      </c>
      <c r="G12803" t="s">
        <v>1</v>
      </c>
      <c r="H12803" t="s">
        <v>26022</v>
      </c>
      <c r="I12803" t="s">
        <v>30540</v>
      </c>
    </row>
    <row r="12804" spans="1:9">
      <c r="A12804" s="1">
        <f ca="1">RAND()</f>
        <v>0.29788140100714999</v>
      </c>
      <c r="B12804" s="1"/>
      <c r="C12804">
        <v>13</v>
      </c>
      <c r="D12804" t="s">
        <v>26025</v>
      </c>
      <c r="E12804" t="s">
        <v>34118</v>
      </c>
      <c r="F12804">
        <v>2</v>
      </c>
      <c r="G12804" t="s">
        <v>10</v>
      </c>
      <c r="H12804" t="s">
        <v>26026</v>
      </c>
      <c r="I12804" t="s">
        <v>30540</v>
      </c>
    </row>
    <row r="12805" spans="1:9">
      <c r="A12805" s="1">
        <f ca="1">RAND()</f>
        <v>0.49447782497859261</v>
      </c>
      <c r="B12805" s="1"/>
      <c r="C12805">
        <v>8</v>
      </c>
      <c r="D12805" t="s">
        <v>26019</v>
      </c>
      <c r="E12805" t="s">
        <v>34118</v>
      </c>
      <c r="F12805">
        <v>2</v>
      </c>
      <c r="G12805" t="s">
        <v>10</v>
      </c>
      <c r="H12805" t="s">
        <v>26020</v>
      </c>
      <c r="I12805" t="s">
        <v>30540</v>
      </c>
    </row>
    <row r="12806" spans="1:9">
      <c r="A12806" s="1">
        <f ca="1">RAND()</f>
        <v>0.10476064160377285</v>
      </c>
      <c r="B12806" s="1"/>
      <c r="C12806">
        <v>7</v>
      </c>
      <c r="D12806" t="s">
        <v>26015</v>
      </c>
      <c r="E12806" t="s">
        <v>34119</v>
      </c>
      <c r="F12806">
        <v>4</v>
      </c>
      <c r="G12806" t="s">
        <v>3732</v>
      </c>
      <c r="H12806" t="s">
        <v>26016</v>
      </c>
      <c r="I12806" t="s">
        <v>30540</v>
      </c>
    </row>
    <row r="12807" spans="1:9">
      <c r="A12807" s="1">
        <f ca="1">RAND()</f>
        <v>0.85143628182841335</v>
      </c>
      <c r="B12807" s="1"/>
      <c r="C12807">
        <v>6</v>
      </c>
      <c r="D12807" t="s">
        <v>26013</v>
      </c>
      <c r="E12807" t="s">
        <v>34119</v>
      </c>
      <c r="F12807">
        <v>4</v>
      </c>
      <c r="G12807" t="s">
        <v>14</v>
      </c>
      <c r="H12807" t="s">
        <v>26014</v>
      </c>
      <c r="I12807" t="s">
        <v>30540</v>
      </c>
    </row>
    <row r="12808" spans="1:9">
      <c r="A12808" s="1">
        <f ca="1">RAND()</f>
        <v>0.12323275437753212</v>
      </c>
      <c r="B12808" s="1"/>
      <c r="C12808">
        <v>19</v>
      </c>
      <c r="D12808" t="s">
        <v>26017</v>
      </c>
      <c r="E12808" t="s">
        <v>34119</v>
      </c>
      <c r="F12808">
        <v>4</v>
      </c>
      <c r="G12808" t="s">
        <v>3107</v>
      </c>
      <c r="H12808" t="s">
        <v>26018</v>
      </c>
      <c r="I12808" t="s">
        <v>30540</v>
      </c>
    </row>
    <row r="12809" spans="1:9">
      <c r="A12809" s="1">
        <f ca="1">RAND()</f>
        <v>0.58765953071704813</v>
      </c>
      <c r="B12809" s="1"/>
      <c r="C12809">
        <v>13</v>
      </c>
      <c r="D12809" t="s">
        <v>26009</v>
      </c>
      <c r="E12809" t="s">
        <v>34120</v>
      </c>
      <c r="F12809">
        <v>2</v>
      </c>
      <c r="G12809" t="s">
        <v>14</v>
      </c>
      <c r="H12809" t="s">
        <v>26010</v>
      </c>
      <c r="I12809" t="s">
        <v>30540</v>
      </c>
    </row>
    <row r="12810" spans="1:9">
      <c r="A12810" s="1">
        <f ca="1">RAND()</f>
        <v>0.17446068113561586</v>
      </c>
      <c r="B12810" s="1"/>
      <c r="C12810">
        <v>17</v>
      </c>
      <c r="D12810" t="s">
        <v>26011</v>
      </c>
      <c r="E12810" t="s">
        <v>34120</v>
      </c>
      <c r="F12810">
        <v>1</v>
      </c>
      <c r="G12810" t="s">
        <v>14</v>
      </c>
      <c r="H12810" t="s">
        <v>26012</v>
      </c>
      <c r="I12810" t="s">
        <v>30540</v>
      </c>
    </row>
    <row r="12811" spans="1:9">
      <c r="A12811" s="1">
        <f ca="1">RAND()</f>
        <v>0.11562511703564926</v>
      </c>
      <c r="B12811" s="1"/>
      <c r="C12811">
        <v>14</v>
      </c>
      <c r="D12811" t="s">
        <v>26007</v>
      </c>
      <c r="E12811" t="s">
        <v>34121</v>
      </c>
      <c r="F12811">
        <v>4</v>
      </c>
      <c r="G12811" t="s">
        <v>14</v>
      </c>
      <c r="H12811" t="s">
        <v>26008</v>
      </c>
      <c r="I12811" t="s">
        <v>30540</v>
      </c>
    </row>
    <row r="12812" spans="1:9">
      <c r="A12812" s="1">
        <f ca="1">RAND()</f>
        <v>0.44832063357664043</v>
      </c>
      <c r="B12812" s="1"/>
      <c r="C12812">
        <v>13</v>
      </c>
      <c r="D12812" t="s">
        <v>26005</v>
      </c>
      <c r="E12812" t="s">
        <v>34122</v>
      </c>
      <c r="F12812">
        <v>3</v>
      </c>
      <c r="G12812" t="s">
        <v>14</v>
      </c>
      <c r="H12812" t="s">
        <v>26006</v>
      </c>
      <c r="I12812" t="s">
        <v>30540</v>
      </c>
    </row>
    <row r="12813" spans="1:9">
      <c r="A12813" s="1">
        <f ca="1">RAND()</f>
        <v>8.3911573170536546E-2</v>
      </c>
      <c r="B12813" s="1"/>
      <c r="C12813">
        <v>4</v>
      </c>
      <c r="D12813" t="s">
        <v>25995</v>
      </c>
      <c r="E12813" t="s">
        <v>34123</v>
      </c>
      <c r="F12813">
        <v>4</v>
      </c>
      <c r="G12813" t="s">
        <v>9</v>
      </c>
      <c r="H12813" t="s">
        <v>25996</v>
      </c>
      <c r="I12813" t="s">
        <v>30540</v>
      </c>
    </row>
    <row r="12814" spans="1:9">
      <c r="A12814" s="1">
        <f ca="1">RAND()</f>
        <v>0.3997489908899472</v>
      </c>
      <c r="B12814" s="1"/>
      <c r="C12814">
        <v>7</v>
      </c>
      <c r="D12814" t="s">
        <v>25997</v>
      </c>
      <c r="E12814" t="s">
        <v>34123</v>
      </c>
      <c r="F12814">
        <v>3</v>
      </c>
      <c r="G12814" t="s">
        <v>14</v>
      </c>
      <c r="H12814" t="s">
        <v>25998</v>
      </c>
      <c r="I12814" t="s">
        <v>30540</v>
      </c>
    </row>
    <row r="12815" spans="1:9">
      <c r="A12815" s="1">
        <f ca="1">RAND()</f>
        <v>0.7441146523459029</v>
      </c>
      <c r="B12815" s="1"/>
      <c r="C12815">
        <v>19</v>
      </c>
      <c r="D12815" t="s">
        <v>26003</v>
      </c>
      <c r="E12815" t="s">
        <v>34123</v>
      </c>
      <c r="F12815">
        <v>3</v>
      </c>
      <c r="G12815" t="s">
        <v>14</v>
      </c>
      <c r="H12815" t="s">
        <v>26004</v>
      </c>
      <c r="I12815" t="s">
        <v>30540</v>
      </c>
    </row>
    <row r="12816" spans="1:9">
      <c r="A12816" s="1">
        <f ca="1">RAND()</f>
        <v>0.85588232359831495</v>
      </c>
      <c r="B12816" s="1"/>
      <c r="C12816">
        <v>17</v>
      </c>
      <c r="D12816" t="s">
        <v>26001</v>
      </c>
      <c r="E12816" t="s">
        <v>34123</v>
      </c>
      <c r="F12816">
        <v>2</v>
      </c>
      <c r="G12816" t="s">
        <v>14</v>
      </c>
      <c r="H12816" t="s">
        <v>26002</v>
      </c>
      <c r="I12816" t="s">
        <v>30540</v>
      </c>
    </row>
    <row r="12817" spans="1:9">
      <c r="A12817" s="1">
        <f ca="1">RAND()</f>
        <v>0.49943723894558889</v>
      </c>
      <c r="B12817" s="1"/>
      <c r="C12817">
        <v>8</v>
      </c>
      <c r="D12817" t="s">
        <v>25999</v>
      </c>
      <c r="E12817" t="s">
        <v>34123</v>
      </c>
      <c r="F12817">
        <v>2</v>
      </c>
      <c r="G12817" t="s">
        <v>14</v>
      </c>
      <c r="H12817" t="s">
        <v>26000</v>
      </c>
      <c r="I12817" t="s">
        <v>30540</v>
      </c>
    </row>
    <row r="12818" spans="1:9">
      <c r="A12818" s="1">
        <f ca="1">RAND()</f>
        <v>0.18955917655819854</v>
      </c>
      <c r="B12818" s="1"/>
      <c r="C12818">
        <v>14</v>
      </c>
      <c r="D12818" t="s">
        <v>25991</v>
      </c>
      <c r="E12818" t="s">
        <v>34124</v>
      </c>
      <c r="F12818">
        <v>4</v>
      </c>
      <c r="G12818" t="s">
        <v>14</v>
      </c>
      <c r="H12818" t="s">
        <v>25992</v>
      </c>
      <c r="I12818" t="s">
        <v>30540</v>
      </c>
    </row>
    <row r="12819" spans="1:9">
      <c r="A12819" s="1">
        <f ca="1">RAND()</f>
        <v>0.3618939691165709</v>
      </c>
      <c r="B12819" s="1"/>
      <c r="C12819">
        <v>10</v>
      </c>
      <c r="D12819" t="s">
        <v>25989</v>
      </c>
      <c r="E12819" t="s">
        <v>34124</v>
      </c>
      <c r="F12819">
        <v>4</v>
      </c>
      <c r="G12819" t="s">
        <v>14</v>
      </c>
      <c r="H12819" t="s">
        <v>25990</v>
      </c>
      <c r="I12819" t="s">
        <v>30540</v>
      </c>
    </row>
    <row r="12820" spans="1:9">
      <c r="A12820" s="1">
        <f ca="1">RAND()</f>
        <v>0.42225729572569037</v>
      </c>
      <c r="B12820" s="1"/>
      <c r="C12820">
        <v>19</v>
      </c>
      <c r="D12820" t="s">
        <v>25993</v>
      </c>
      <c r="E12820" t="s">
        <v>34124</v>
      </c>
      <c r="F12820">
        <v>3</v>
      </c>
      <c r="G12820" t="s">
        <v>1295</v>
      </c>
      <c r="H12820" t="s">
        <v>25994</v>
      </c>
      <c r="I12820" t="s">
        <v>30540</v>
      </c>
    </row>
    <row r="12821" spans="1:9">
      <c r="A12821" s="1">
        <f ca="1">RAND()</f>
        <v>0.24973731058223281</v>
      </c>
      <c r="B12821" s="1"/>
      <c r="C12821">
        <v>6</v>
      </c>
      <c r="D12821" t="s">
        <v>25981</v>
      </c>
      <c r="E12821" t="s">
        <v>34125</v>
      </c>
      <c r="F12821">
        <v>5</v>
      </c>
      <c r="G12821" t="s">
        <v>14</v>
      </c>
      <c r="H12821" t="s">
        <v>25982</v>
      </c>
      <c r="I12821" t="s">
        <v>30540</v>
      </c>
    </row>
    <row r="12822" spans="1:9">
      <c r="A12822" s="1">
        <f ca="1">RAND()</f>
        <v>0.56643333957767283</v>
      </c>
      <c r="B12822" s="1"/>
      <c r="C12822">
        <v>11</v>
      </c>
      <c r="D12822" t="s">
        <v>25983</v>
      </c>
      <c r="E12822" t="s">
        <v>34125</v>
      </c>
      <c r="F12822">
        <v>4</v>
      </c>
      <c r="G12822" t="s">
        <v>0</v>
      </c>
      <c r="H12822" t="s">
        <v>25984</v>
      </c>
      <c r="I12822" t="s">
        <v>30540</v>
      </c>
    </row>
    <row r="12823" spans="1:9">
      <c r="A12823" s="1">
        <f ca="1">RAND()</f>
        <v>0.58626703654321277</v>
      </c>
      <c r="B12823" s="1"/>
      <c r="C12823">
        <v>19</v>
      </c>
      <c r="D12823" t="s">
        <v>25987</v>
      </c>
      <c r="E12823" t="s">
        <v>34125</v>
      </c>
      <c r="F12823">
        <v>4</v>
      </c>
      <c r="G12823" t="s">
        <v>9</v>
      </c>
      <c r="H12823" t="s">
        <v>25988</v>
      </c>
      <c r="I12823" t="s">
        <v>30540</v>
      </c>
    </row>
    <row r="12824" spans="1:9">
      <c r="A12824" s="1">
        <f ca="1">RAND()</f>
        <v>0.13392623339891918</v>
      </c>
      <c r="B12824" s="1"/>
      <c r="C12824">
        <v>14</v>
      </c>
      <c r="D12824" t="s">
        <v>25985</v>
      </c>
      <c r="E12824" t="s">
        <v>34125</v>
      </c>
      <c r="F12824">
        <v>3</v>
      </c>
      <c r="G12824" t="s">
        <v>14</v>
      </c>
      <c r="H12824" t="s">
        <v>25986</v>
      </c>
      <c r="I12824" t="s">
        <v>30540</v>
      </c>
    </row>
    <row r="12825" spans="1:9">
      <c r="A12825" s="1">
        <f ca="1">RAND()</f>
        <v>0.93966176501342891</v>
      </c>
      <c r="B12825" s="1"/>
      <c r="C12825">
        <v>5</v>
      </c>
      <c r="D12825" t="s">
        <v>25979</v>
      </c>
      <c r="E12825" t="s">
        <v>34125</v>
      </c>
      <c r="F12825">
        <v>2</v>
      </c>
      <c r="G12825" t="s">
        <v>14</v>
      </c>
      <c r="H12825" t="s">
        <v>25980</v>
      </c>
      <c r="I12825" t="s">
        <v>30540</v>
      </c>
    </row>
    <row r="12826" spans="1:9">
      <c r="A12826" s="1">
        <f ca="1">RAND()</f>
        <v>0.82368230797784614</v>
      </c>
      <c r="B12826" s="1"/>
      <c r="C12826">
        <v>4</v>
      </c>
      <c r="D12826" t="s">
        <v>25967</v>
      </c>
      <c r="E12826" t="s">
        <v>34126</v>
      </c>
      <c r="F12826">
        <v>5</v>
      </c>
      <c r="G12826" t="s">
        <v>9</v>
      </c>
      <c r="H12826" t="s">
        <v>25968</v>
      </c>
      <c r="I12826" t="s">
        <v>30540</v>
      </c>
    </row>
    <row r="12827" spans="1:9">
      <c r="A12827" s="1">
        <f ca="1">RAND()</f>
        <v>0.34715937960043186</v>
      </c>
      <c r="B12827" s="1"/>
      <c r="C12827">
        <v>16</v>
      </c>
      <c r="D12827" t="s">
        <v>25975</v>
      </c>
      <c r="E12827" t="s">
        <v>34126</v>
      </c>
      <c r="F12827">
        <v>4</v>
      </c>
      <c r="G12827" t="s">
        <v>14</v>
      </c>
      <c r="H12827" t="s">
        <v>25976</v>
      </c>
      <c r="I12827" t="s">
        <v>30540</v>
      </c>
    </row>
    <row r="12828" spans="1:9">
      <c r="A12828" s="1">
        <f ca="1">RAND()</f>
        <v>0.5166180090625897</v>
      </c>
      <c r="B12828" s="1"/>
      <c r="C12828">
        <v>13</v>
      </c>
      <c r="D12828" t="s">
        <v>25973</v>
      </c>
      <c r="E12828" t="s">
        <v>34126</v>
      </c>
      <c r="F12828">
        <v>4</v>
      </c>
      <c r="G12828" t="s">
        <v>1</v>
      </c>
      <c r="H12828" t="s">
        <v>25974</v>
      </c>
      <c r="I12828" t="s">
        <v>30540</v>
      </c>
    </row>
    <row r="12829" spans="1:9">
      <c r="A12829" s="1">
        <f ca="1">RAND()</f>
        <v>0.71613858361998439</v>
      </c>
      <c r="B12829" s="1"/>
      <c r="C12829">
        <v>17</v>
      </c>
      <c r="D12829" t="s">
        <v>25977</v>
      </c>
      <c r="E12829" t="s">
        <v>34126</v>
      </c>
      <c r="F12829">
        <v>4</v>
      </c>
      <c r="G12829" t="s">
        <v>13</v>
      </c>
      <c r="H12829" t="s">
        <v>25978</v>
      </c>
      <c r="I12829" t="s">
        <v>30540</v>
      </c>
    </row>
    <row r="12830" spans="1:9">
      <c r="A12830" s="1">
        <f ca="1">RAND()</f>
        <v>0.18496993644686721</v>
      </c>
      <c r="B12830" s="1"/>
      <c r="C12830">
        <v>9</v>
      </c>
      <c r="D12830" t="s">
        <v>25969</v>
      </c>
      <c r="E12830" t="s">
        <v>34126</v>
      </c>
      <c r="F12830">
        <v>2</v>
      </c>
      <c r="G12830" t="s">
        <v>9</v>
      </c>
      <c r="H12830" t="s">
        <v>25970</v>
      </c>
      <c r="I12830" t="s">
        <v>30540</v>
      </c>
    </row>
    <row r="12831" spans="1:9">
      <c r="A12831" s="1">
        <f ca="1">RAND()</f>
        <v>0.35003478674714772</v>
      </c>
      <c r="B12831" s="1"/>
      <c r="C12831">
        <v>11</v>
      </c>
      <c r="D12831" t="s">
        <v>25971</v>
      </c>
      <c r="E12831" t="s">
        <v>34126</v>
      </c>
      <c r="F12831">
        <v>2</v>
      </c>
      <c r="G12831" t="s">
        <v>14</v>
      </c>
      <c r="H12831" t="s">
        <v>25972</v>
      </c>
      <c r="I12831" t="s">
        <v>30540</v>
      </c>
    </row>
    <row r="12832" spans="1:9">
      <c r="A12832" s="1">
        <f ca="1">RAND()</f>
        <v>0.84472014271702733</v>
      </c>
      <c r="B12832" s="1"/>
      <c r="C12832">
        <v>8</v>
      </c>
      <c r="D12832" t="s">
        <v>25965</v>
      </c>
      <c r="E12832" t="s">
        <v>34127</v>
      </c>
      <c r="F12832">
        <v>4</v>
      </c>
      <c r="G12832" t="s">
        <v>15</v>
      </c>
      <c r="H12832" t="s">
        <v>25966</v>
      </c>
      <c r="I12832" t="s">
        <v>30540</v>
      </c>
    </row>
    <row r="12833" spans="1:9">
      <c r="A12833" s="1">
        <f ca="1">RAND()</f>
        <v>0.49721050554462354</v>
      </c>
      <c r="B12833" s="1"/>
      <c r="C12833">
        <v>5</v>
      </c>
      <c r="D12833" t="s">
        <v>25963</v>
      </c>
      <c r="E12833" t="s">
        <v>34127</v>
      </c>
      <c r="F12833">
        <v>4</v>
      </c>
      <c r="G12833" t="s">
        <v>9</v>
      </c>
      <c r="H12833" t="s">
        <v>25964</v>
      </c>
      <c r="I12833" t="s">
        <v>30540</v>
      </c>
    </row>
    <row r="12834" spans="1:9">
      <c r="A12834" s="1">
        <f ca="1">RAND()</f>
        <v>0.49142080444971725</v>
      </c>
      <c r="B12834" s="1"/>
      <c r="C12834">
        <v>3</v>
      </c>
      <c r="D12834" t="s">
        <v>25959</v>
      </c>
      <c r="E12834" t="s">
        <v>34127</v>
      </c>
      <c r="F12834">
        <v>3</v>
      </c>
      <c r="G12834" t="s">
        <v>2</v>
      </c>
      <c r="H12834" t="s">
        <v>25960</v>
      </c>
      <c r="I12834" t="s">
        <v>30540</v>
      </c>
    </row>
    <row r="12835" spans="1:9">
      <c r="A12835" s="1">
        <f ca="1">RAND()</f>
        <v>0.67424754340976734</v>
      </c>
      <c r="B12835" s="1"/>
      <c r="C12835">
        <v>4</v>
      </c>
      <c r="D12835" t="s">
        <v>25961</v>
      </c>
      <c r="E12835" t="s">
        <v>34127</v>
      </c>
      <c r="F12835">
        <v>2</v>
      </c>
      <c r="G12835" t="s">
        <v>14</v>
      </c>
      <c r="H12835" t="s">
        <v>25962</v>
      </c>
      <c r="I12835" t="s">
        <v>30540</v>
      </c>
    </row>
    <row r="12836" spans="1:9">
      <c r="A12836" s="1">
        <f ca="1">RAND()</f>
        <v>6.4925278320526192E-2</v>
      </c>
      <c r="B12836" s="1"/>
      <c r="C12836">
        <v>9</v>
      </c>
      <c r="D12836" t="s">
        <v>25951</v>
      </c>
      <c r="E12836" t="s">
        <v>34128</v>
      </c>
      <c r="F12836">
        <v>5</v>
      </c>
      <c r="G12836" t="s">
        <v>14</v>
      </c>
      <c r="H12836" t="s">
        <v>25952</v>
      </c>
      <c r="I12836" t="s">
        <v>30540</v>
      </c>
    </row>
    <row r="12837" spans="1:9">
      <c r="A12837" s="1">
        <f ca="1">RAND()</f>
        <v>0.34628208065576327</v>
      </c>
      <c r="B12837" s="1"/>
      <c r="C12837">
        <v>2</v>
      </c>
      <c r="D12837" t="s">
        <v>25947</v>
      </c>
      <c r="E12837" t="s">
        <v>34128</v>
      </c>
      <c r="F12837">
        <v>5</v>
      </c>
      <c r="G12837" t="s">
        <v>1</v>
      </c>
      <c r="H12837" t="s">
        <v>25948</v>
      </c>
      <c r="I12837" t="s">
        <v>30540</v>
      </c>
    </row>
    <row r="12838" spans="1:9">
      <c r="A12838" s="1">
        <f ca="1">RAND()</f>
        <v>0.9857454737901814</v>
      </c>
      <c r="B12838" s="1"/>
      <c r="C12838">
        <v>13</v>
      </c>
      <c r="D12838" t="s">
        <v>25955</v>
      </c>
      <c r="E12838" t="s">
        <v>34128</v>
      </c>
      <c r="F12838">
        <v>5</v>
      </c>
      <c r="G12838" t="s">
        <v>14</v>
      </c>
      <c r="H12838" t="s">
        <v>25956</v>
      </c>
      <c r="I12838" t="s">
        <v>30540</v>
      </c>
    </row>
    <row r="12839" spans="1:9">
      <c r="A12839" s="1">
        <f ca="1">RAND()</f>
        <v>1.1860746558752466E-2</v>
      </c>
      <c r="B12839" s="1"/>
      <c r="C12839">
        <v>10</v>
      </c>
      <c r="D12839" t="s">
        <v>25953</v>
      </c>
      <c r="E12839" t="s">
        <v>34128</v>
      </c>
      <c r="F12839">
        <v>4</v>
      </c>
      <c r="G12839" t="s">
        <v>14</v>
      </c>
      <c r="H12839" t="s">
        <v>25954</v>
      </c>
      <c r="I12839" t="s">
        <v>30540</v>
      </c>
    </row>
    <row r="12840" spans="1:9">
      <c r="A12840" s="1">
        <f ca="1">RAND()</f>
        <v>0.92346345994895473</v>
      </c>
      <c r="B12840" s="1"/>
      <c r="C12840">
        <v>19</v>
      </c>
      <c r="D12840" t="s">
        <v>25957</v>
      </c>
      <c r="E12840" t="s">
        <v>34128</v>
      </c>
      <c r="F12840">
        <v>4</v>
      </c>
      <c r="G12840" t="s">
        <v>1</v>
      </c>
      <c r="H12840" t="s">
        <v>25958</v>
      </c>
      <c r="I12840" t="s">
        <v>30540</v>
      </c>
    </row>
    <row r="12841" spans="1:9">
      <c r="A12841" s="1">
        <f ca="1">RAND()</f>
        <v>0.31357505600494595</v>
      </c>
      <c r="B12841" s="1"/>
      <c r="C12841">
        <v>7</v>
      </c>
      <c r="D12841" t="s">
        <v>25949</v>
      </c>
      <c r="E12841" t="s">
        <v>34128</v>
      </c>
      <c r="F12841">
        <v>4</v>
      </c>
      <c r="G12841" t="s">
        <v>14</v>
      </c>
      <c r="H12841" t="s">
        <v>25950</v>
      </c>
      <c r="I12841" t="s">
        <v>30540</v>
      </c>
    </row>
    <row r="12842" spans="1:9">
      <c r="A12842" s="1">
        <f ca="1">RAND()</f>
        <v>0.53358114974701087</v>
      </c>
      <c r="B12842" s="1"/>
      <c r="C12842">
        <v>15</v>
      </c>
      <c r="D12842" t="s">
        <v>25943</v>
      </c>
      <c r="E12842" t="s">
        <v>34129</v>
      </c>
      <c r="F12842">
        <v>4</v>
      </c>
      <c r="G12842" t="s">
        <v>771</v>
      </c>
      <c r="H12842" t="s">
        <v>25944</v>
      </c>
      <c r="I12842" t="s">
        <v>30540</v>
      </c>
    </row>
    <row r="12843" spans="1:9">
      <c r="A12843" s="1">
        <f ca="1">RAND()</f>
        <v>0.38082286700745738</v>
      </c>
      <c r="B12843" s="1"/>
      <c r="C12843">
        <v>20</v>
      </c>
      <c r="D12843" t="s">
        <v>25945</v>
      </c>
      <c r="E12843" t="s">
        <v>34129</v>
      </c>
      <c r="F12843">
        <v>4</v>
      </c>
      <c r="G12843" t="s">
        <v>2</v>
      </c>
      <c r="H12843" t="s">
        <v>25946</v>
      </c>
      <c r="I12843" t="s">
        <v>30540</v>
      </c>
    </row>
    <row r="12844" spans="1:9">
      <c r="A12844" s="1">
        <f ca="1">RAND()</f>
        <v>8.6805528834470347E-2</v>
      </c>
      <c r="B12844" s="1"/>
      <c r="C12844">
        <v>14</v>
      </c>
      <c r="D12844" t="s">
        <v>25941</v>
      </c>
      <c r="E12844" t="s">
        <v>34130</v>
      </c>
      <c r="F12844">
        <v>5</v>
      </c>
      <c r="G12844" t="s">
        <v>13</v>
      </c>
      <c r="H12844" t="s">
        <v>25942</v>
      </c>
      <c r="I12844" t="s">
        <v>30540</v>
      </c>
    </row>
    <row r="12845" spans="1:9">
      <c r="A12845" s="1">
        <f ca="1">RAND()</f>
        <v>0.80136388059880581</v>
      </c>
      <c r="B12845" s="1"/>
      <c r="C12845">
        <v>4</v>
      </c>
      <c r="D12845" t="s">
        <v>25933</v>
      </c>
      <c r="E12845" t="s">
        <v>34130</v>
      </c>
      <c r="F12845">
        <v>4</v>
      </c>
      <c r="G12845" t="s">
        <v>14</v>
      </c>
      <c r="H12845" t="s">
        <v>25934</v>
      </c>
      <c r="I12845" t="s">
        <v>30540</v>
      </c>
    </row>
    <row r="12846" spans="1:9">
      <c r="A12846" s="1">
        <f ca="1">RAND()</f>
        <v>0.722581892959404</v>
      </c>
      <c r="B12846" s="1"/>
      <c r="C12846">
        <v>7</v>
      </c>
      <c r="D12846" t="s">
        <v>25935</v>
      </c>
      <c r="E12846" t="s">
        <v>34130</v>
      </c>
      <c r="F12846">
        <v>4</v>
      </c>
      <c r="G12846" t="s">
        <v>10</v>
      </c>
      <c r="H12846" t="s">
        <v>25936</v>
      </c>
      <c r="I12846" t="s">
        <v>30540</v>
      </c>
    </row>
    <row r="12847" spans="1:9">
      <c r="A12847" s="1">
        <f ca="1">RAND()</f>
        <v>0.79606794698539485</v>
      </c>
      <c r="B12847" s="1"/>
      <c r="C12847">
        <v>1</v>
      </c>
      <c r="D12847" t="s">
        <v>25931</v>
      </c>
      <c r="E12847" t="s">
        <v>34130</v>
      </c>
      <c r="F12847">
        <v>4</v>
      </c>
      <c r="G12847" t="s">
        <v>10</v>
      </c>
      <c r="H12847" t="s">
        <v>25932</v>
      </c>
      <c r="I12847" t="s">
        <v>30540</v>
      </c>
    </row>
    <row r="12848" spans="1:9">
      <c r="A12848" s="1">
        <f ca="1">RAND()</f>
        <v>0.91389646328677565</v>
      </c>
      <c r="B12848" s="1"/>
      <c r="C12848">
        <v>9</v>
      </c>
      <c r="D12848" t="s">
        <v>25937</v>
      </c>
      <c r="E12848" t="s">
        <v>34130</v>
      </c>
      <c r="F12848">
        <v>3</v>
      </c>
      <c r="G12848" t="s">
        <v>14</v>
      </c>
      <c r="H12848" t="s">
        <v>25938</v>
      </c>
      <c r="I12848" t="s">
        <v>30540</v>
      </c>
    </row>
    <row r="12849" spans="1:9">
      <c r="A12849" s="1">
        <f ca="1">RAND()</f>
        <v>0.82844920574391845</v>
      </c>
      <c r="B12849" s="1"/>
      <c r="C12849">
        <v>13</v>
      </c>
      <c r="D12849" t="s">
        <v>25939</v>
      </c>
      <c r="E12849" t="s">
        <v>34130</v>
      </c>
      <c r="F12849">
        <v>3</v>
      </c>
      <c r="G12849" t="s">
        <v>14</v>
      </c>
      <c r="H12849" t="s">
        <v>25940</v>
      </c>
      <c r="I12849" t="s">
        <v>30540</v>
      </c>
    </row>
    <row r="12850" spans="1:9">
      <c r="A12850" s="1">
        <f ca="1">RAND()</f>
        <v>0.60480326542714313</v>
      </c>
      <c r="B12850" s="1"/>
      <c r="C12850">
        <v>4</v>
      </c>
      <c r="D12850" t="s">
        <v>25919</v>
      </c>
      <c r="E12850" t="s">
        <v>34131</v>
      </c>
      <c r="F12850">
        <v>5</v>
      </c>
      <c r="G12850" t="s">
        <v>9</v>
      </c>
      <c r="H12850" t="s">
        <v>25920</v>
      </c>
      <c r="I12850" t="s">
        <v>30540</v>
      </c>
    </row>
    <row r="12851" spans="1:9">
      <c r="A12851" s="1">
        <f ca="1">RAND()</f>
        <v>0.13709088017373783</v>
      </c>
      <c r="B12851" s="1"/>
      <c r="C12851">
        <v>13</v>
      </c>
      <c r="D12851" t="s">
        <v>25925</v>
      </c>
      <c r="E12851" t="s">
        <v>34131</v>
      </c>
      <c r="F12851">
        <v>5</v>
      </c>
      <c r="G12851" t="s">
        <v>14</v>
      </c>
      <c r="H12851" t="s">
        <v>25926</v>
      </c>
      <c r="I12851" t="s">
        <v>30540</v>
      </c>
    </row>
    <row r="12852" spans="1:9">
      <c r="A12852" s="1">
        <f ca="1">RAND()</f>
        <v>0.54464366151676824</v>
      </c>
      <c r="B12852" s="1"/>
      <c r="C12852">
        <v>20</v>
      </c>
      <c r="D12852" t="s">
        <v>25929</v>
      </c>
      <c r="E12852" t="s">
        <v>34131</v>
      </c>
      <c r="F12852">
        <v>5</v>
      </c>
      <c r="G12852" t="s">
        <v>14</v>
      </c>
      <c r="H12852" t="s">
        <v>25930</v>
      </c>
      <c r="I12852" t="s">
        <v>30540</v>
      </c>
    </row>
    <row r="12853" spans="1:9">
      <c r="A12853" s="1">
        <f ca="1">RAND()</f>
        <v>0.60178453258157016</v>
      </c>
      <c r="B12853" s="1"/>
      <c r="C12853">
        <v>7</v>
      </c>
      <c r="D12853" t="s">
        <v>25921</v>
      </c>
      <c r="E12853" t="s">
        <v>34131</v>
      </c>
      <c r="F12853">
        <v>5</v>
      </c>
      <c r="G12853" t="s">
        <v>15</v>
      </c>
      <c r="H12853" t="s">
        <v>25922</v>
      </c>
      <c r="I12853" t="s">
        <v>30540</v>
      </c>
    </row>
    <row r="12854" spans="1:9">
      <c r="A12854" s="1">
        <f ca="1">RAND()</f>
        <v>0.58433899838003123</v>
      </c>
      <c r="B12854" s="1"/>
      <c r="C12854">
        <v>10</v>
      </c>
      <c r="D12854" t="s">
        <v>25923</v>
      </c>
      <c r="E12854" t="s">
        <v>34131</v>
      </c>
      <c r="F12854">
        <v>4</v>
      </c>
      <c r="G12854" t="s">
        <v>14</v>
      </c>
      <c r="H12854" t="s">
        <v>25924</v>
      </c>
      <c r="I12854" t="s">
        <v>30540</v>
      </c>
    </row>
    <row r="12855" spans="1:9">
      <c r="A12855" s="1">
        <f ca="1">RAND()</f>
        <v>0.30306833609388006</v>
      </c>
      <c r="B12855" s="1"/>
      <c r="C12855">
        <v>18</v>
      </c>
      <c r="D12855" t="s">
        <v>25927</v>
      </c>
      <c r="E12855" t="s">
        <v>34131</v>
      </c>
      <c r="F12855">
        <v>2</v>
      </c>
      <c r="G12855" t="s">
        <v>14</v>
      </c>
      <c r="H12855" t="s">
        <v>25928</v>
      </c>
      <c r="I12855" t="s">
        <v>30540</v>
      </c>
    </row>
    <row r="12856" spans="1:9">
      <c r="A12856" s="1">
        <f ca="1">RAND()</f>
        <v>0.24199879078377795</v>
      </c>
      <c r="B12856" s="1"/>
      <c r="C12856">
        <v>4</v>
      </c>
      <c r="D12856" t="s">
        <v>25911</v>
      </c>
      <c r="E12856" t="s">
        <v>34132</v>
      </c>
      <c r="F12856">
        <v>5</v>
      </c>
      <c r="G12856" t="s">
        <v>14</v>
      </c>
      <c r="H12856" t="s">
        <v>25912</v>
      </c>
      <c r="I12856" t="s">
        <v>30540</v>
      </c>
    </row>
    <row r="12857" spans="1:9">
      <c r="A12857" s="1">
        <f ca="1">RAND()</f>
        <v>0.40970054108180565</v>
      </c>
      <c r="B12857" s="1"/>
      <c r="C12857">
        <v>6</v>
      </c>
      <c r="D12857" t="s">
        <v>25913</v>
      </c>
      <c r="E12857" t="s">
        <v>34132</v>
      </c>
      <c r="F12857">
        <v>4</v>
      </c>
      <c r="G12857" t="s">
        <v>14</v>
      </c>
      <c r="H12857" t="s">
        <v>25914</v>
      </c>
      <c r="I12857" t="s">
        <v>30540</v>
      </c>
    </row>
    <row r="12858" spans="1:9">
      <c r="A12858" s="1">
        <f ca="1">RAND()</f>
        <v>0.6062204917100722</v>
      </c>
      <c r="B12858" s="1"/>
      <c r="C12858">
        <v>12</v>
      </c>
      <c r="D12858" t="s">
        <v>25917</v>
      </c>
      <c r="E12858" t="s">
        <v>34132</v>
      </c>
      <c r="F12858">
        <v>4</v>
      </c>
      <c r="G12858" t="s">
        <v>0</v>
      </c>
      <c r="H12858" t="s">
        <v>25918</v>
      </c>
      <c r="I12858" t="s">
        <v>30540</v>
      </c>
    </row>
    <row r="12859" spans="1:9">
      <c r="A12859" s="1">
        <f ca="1">RAND()</f>
        <v>0.52391965984009059</v>
      </c>
      <c r="B12859" s="1"/>
      <c r="C12859">
        <v>7</v>
      </c>
      <c r="D12859" t="s">
        <v>25915</v>
      </c>
      <c r="E12859" t="s">
        <v>34132</v>
      </c>
      <c r="F12859">
        <v>2</v>
      </c>
      <c r="G12859" t="s">
        <v>1</v>
      </c>
      <c r="H12859" t="s">
        <v>25916</v>
      </c>
      <c r="I12859" t="s">
        <v>30540</v>
      </c>
    </row>
    <row r="12860" spans="1:9">
      <c r="A12860" s="1">
        <f ca="1">RAND()</f>
        <v>0.87152548873193381</v>
      </c>
      <c r="B12860" s="1"/>
      <c r="C12860">
        <v>11</v>
      </c>
      <c r="D12860" t="s">
        <v>25903</v>
      </c>
      <c r="E12860" t="s">
        <v>34133</v>
      </c>
      <c r="F12860">
        <v>4</v>
      </c>
      <c r="G12860" t="s">
        <v>14</v>
      </c>
      <c r="H12860" t="s">
        <v>25904</v>
      </c>
      <c r="I12860" t="s">
        <v>30540</v>
      </c>
    </row>
    <row r="12861" spans="1:9">
      <c r="A12861" s="1">
        <f ca="1">RAND()</f>
        <v>0.39387579538731243</v>
      </c>
      <c r="B12861" s="1"/>
      <c r="C12861">
        <v>15</v>
      </c>
      <c r="D12861" t="s">
        <v>25907</v>
      </c>
      <c r="E12861" t="s">
        <v>34133</v>
      </c>
      <c r="F12861">
        <v>4</v>
      </c>
      <c r="G12861" t="s">
        <v>14</v>
      </c>
      <c r="H12861" t="s">
        <v>25908</v>
      </c>
      <c r="I12861" t="s">
        <v>30540</v>
      </c>
    </row>
    <row r="12862" spans="1:9">
      <c r="A12862" s="1">
        <f ca="1">RAND()</f>
        <v>0.78780470559329197</v>
      </c>
      <c r="B12862" s="1"/>
      <c r="C12862">
        <v>14</v>
      </c>
      <c r="D12862" t="s">
        <v>25905</v>
      </c>
      <c r="E12862" t="s">
        <v>34133</v>
      </c>
      <c r="F12862">
        <v>2</v>
      </c>
      <c r="G12862" t="s">
        <v>14</v>
      </c>
      <c r="H12862" t="s">
        <v>25906</v>
      </c>
      <c r="I12862" t="s">
        <v>30540</v>
      </c>
    </row>
    <row r="12863" spans="1:9">
      <c r="A12863" s="1">
        <f ca="1">RAND()</f>
        <v>0.15101441857670728</v>
      </c>
      <c r="B12863" s="1"/>
      <c r="C12863">
        <v>17</v>
      </c>
      <c r="D12863" t="s">
        <v>25909</v>
      </c>
      <c r="E12863" t="s">
        <v>34133</v>
      </c>
      <c r="F12863">
        <v>2</v>
      </c>
      <c r="G12863" t="s">
        <v>1</v>
      </c>
      <c r="H12863" t="s">
        <v>25910</v>
      </c>
      <c r="I12863" t="s">
        <v>30540</v>
      </c>
    </row>
    <row r="12864" spans="1:9">
      <c r="A12864" s="1">
        <f ca="1">RAND()</f>
        <v>0.16455447322212713</v>
      </c>
      <c r="B12864" s="1"/>
      <c r="C12864">
        <v>3</v>
      </c>
      <c r="D12864" t="s">
        <v>25901</v>
      </c>
      <c r="E12864" t="s">
        <v>34134</v>
      </c>
      <c r="F12864">
        <v>4</v>
      </c>
      <c r="G12864" t="s">
        <v>762</v>
      </c>
      <c r="H12864" t="s">
        <v>25902</v>
      </c>
      <c r="I12864" t="s">
        <v>30540</v>
      </c>
    </row>
    <row r="12865" spans="1:9">
      <c r="A12865" s="1">
        <f ca="1">RAND()</f>
        <v>0.8433101295394958</v>
      </c>
      <c r="B12865" s="1"/>
      <c r="C12865">
        <v>16</v>
      </c>
      <c r="D12865" t="s">
        <v>25899</v>
      </c>
      <c r="E12865" t="s">
        <v>34135</v>
      </c>
      <c r="F12865">
        <v>5</v>
      </c>
      <c r="G12865" t="s">
        <v>14</v>
      </c>
      <c r="H12865" t="s">
        <v>25900</v>
      </c>
      <c r="I12865" t="s">
        <v>30540</v>
      </c>
    </row>
    <row r="12866" spans="1:9">
      <c r="A12866" s="1">
        <f ca="1">RAND()</f>
        <v>0.59741535383276079</v>
      </c>
      <c r="B12866" s="1"/>
      <c r="C12866">
        <v>10</v>
      </c>
      <c r="D12866" t="s">
        <v>25897</v>
      </c>
      <c r="E12866" t="s">
        <v>34135</v>
      </c>
      <c r="F12866">
        <v>4</v>
      </c>
      <c r="G12866" t="s">
        <v>14</v>
      </c>
      <c r="H12866" t="s">
        <v>25898</v>
      </c>
      <c r="I12866" t="s">
        <v>30540</v>
      </c>
    </row>
    <row r="12867" spans="1:9">
      <c r="A12867" s="1">
        <f ca="1">RAND()</f>
        <v>0.14998165041175904</v>
      </c>
      <c r="B12867" s="1"/>
      <c r="C12867">
        <v>9</v>
      </c>
      <c r="D12867" t="s">
        <v>25895</v>
      </c>
      <c r="E12867" t="s">
        <v>34135</v>
      </c>
      <c r="F12867">
        <v>4</v>
      </c>
      <c r="G12867" t="s">
        <v>2</v>
      </c>
      <c r="H12867" t="s">
        <v>25896</v>
      </c>
      <c r="I12867" t="s">
        <v>30540</v>
      </c>
    </row>
    <row r="12868" spans="1:9">
      <c r="A12868" s="1">
        <f ca="1">RAND()</f>
        <v>0.3612786626134924</v>
      </c>
      <c r="B12868" s="1"/>
      <c r="C12868">
        <v>12</v>
      </c>
      <c r="D12868" t="s">
        <v>25889</v>
      </c>
      <c r="E12868" t="s">
        <v>34136</v>
      </c>
      <c r="F12868">
        <v>5</v>
      </c>
      <c r="G12868" t="s">
        <v>14</v>
      </c>
      <c r="H12868" t="s">
        <v>25890</v>
      </c>
      <c r="I12868" t="s">
        <v>30540</v>
      </c>
    </row>
    <row r="12869" spans="1:9">
      <c r="A12869" s="1">
        <f ca="1">RAND()</f>
        <v>0.75219752518093841</v>
      </c>
      <c r="B12869" s="1"/>
      <c r="C12869">
        <v>14</v>
      </c>
      <c r="D12869" t="s">
        <v>25893</v>
      </c>
      <c r="E12869" t="s">
        <v>34136</v>
      </c>
      <c r="F12869">
        <v>5</v>
      </c>
      <c r="G12869" t="s">
        <v>14</v>
      </c>
      <c r="H12869" t="s">
        <v>25894</v>
      </c>
      <c r="I12869" t="s">
        <v>30540</v>
      </c>
    </row>
    <row r="12870" spans="1:9">
      <c r="A12870" s="1">
        <f ca="1">RAND()</f>
        <v>0.35607626165894757</v>
      </c>
      <c r="B12870" s="1"/>
      <c r="C12870">
        <v>11</v>
      </c>
      <c r="D12870" t="s">
        <v>25887</v>
      </c>
      <c r="E12870" t="s">
        <v>34136</v>
      </c>
      <c r="F12870">
        <v>4</v>
      </c>
      <c r="G12870" t="s">
        <v>14</v>
      </c>
      <c r="H12870" t="s">
        <v>25888</v>
      </c>
      <c r="I12870" t="s">
        <v>30540</v>
      </c>
    </row>
    <row r="12871" spans="1:9">
      <c r="A12871" s="1">
        <f ca="1">RAND()</f>
        <v>0.38364319845150419</v>
      </c>
      <c r="B12871" s="1"/>
      <c r="C12871">
        <v>13</v>
      </c>
      <c r="D12871" t="s">
        <v>25891</v>
      </c>
      <c r="E12871" t="s">
        <v>34136</v>
      </c>
      <c r="F12871">
        <v>2</v>
      </c>
      <c r="G12871" t="s">
        <v>1</v>
      </c>
      <c r="H12871" t="s">
        <v>25892</v>
      </c>
      <c r="I12871" t="s">
        <v>30540</v>
      </c>
    </row>
    <row r="12872" spans="1:9">
      <c r="A12872" s="1">
        <f ca="1">RAND()</f>
        <v>0.88471266886705879</v>
      </c>
      <c r="B12872" s="1"/>
      <c r="C12872">
        <v>8</v>
      </c>
      <c r="D12872" t="s">
        <v>25879</v>
      </c>
      <c r="E12872" t="s">
        <v>34137</v>
      </c>
      <c r="F12872">
        <v>5</v>
      </c>
      <c r="G12872" t="s">
        <v>14</v>
      </c>
      <c r="H12872" t="s">
        <v>25880</v>
      </c>
      <c r="I12872" t="s">
        <v>30540</v>
      </c>
    </row>
    <row r="12873" spans="1:9">
      <c r="A12873" s="1">
        <f ca="1">RAND()</f>
        <v>0.97801504013372054</v>
      </c>
      <c r="B12873" s="1"/>
      <c r="C12873">
        <v>10</v>
      </c>
      <c r="D12873" t="s">
        <v>25883</v>
      </c>
      <c r="E12873" t="s">
        <v>34137</v>
      </c>
      <c r="F12873">
        <v>4</v>
      </c>
      <c r="G12873" t="s">
        <v>14</v>
      </c>
      <c r="H12873" t="s">
        <v>25884</v>
      </c>
      <c r="I12873" t="s">
        <v>30540</v>
      </c>
    </row>
    <row r="12874" spans="1:9">
      <c r="A12874" s="1">
        <f ca="1">RAND()</f>
        <v>0.3082084018819562</v>
      </c>
      <c r="B12874" s="1"/>
      <c r="C12874">
        <v>3</v>
      </c>
      <c r="D12874" t="s">
        <v>25877</v>
      </c>
      <c r="E12874" t="s">
        <v>34137</v>
      </c>
      <c r="F12874">
        <v>3</v>
      </c>
      <c r="G12874" t="s">
        <v>15</v>
      </c>
      <c r="H12874" t="s">
        <v>25878</v>
      </c>
      <c r="I12874" t="s">
        <v>30540</v>
      </c>
    </row>
    <row r="12875" spans="1:9">
      <c r="A12875" s="1">
        <f ca="1">RAND()</f>
        <v>0.70550321771514379</v>
      </c>
      <c r="B12875" s="1"/>
      <c r="C12875">
        <v>9</v>
      </c>
      <c r="D12875" t="s">
        <v>25881</v>
      </c>
      <c r="E12875" t="s">
        <v>34137</v>
      </c>
      <c r="F12875">
        <v>3</v>
      </c>
      <c r="G12875" t="s">
        <v>0</v>
      </c>
      <c r="H12875" t="s">
        <v>25882</v>
      </c>
      <c r="I12875" t="s">
        <v>30540</v>
      </c>
    </row>
    <row r="12876" spans="1:9">
      <c r="A12876" s="1">
        <f ca="1">RAND()</f>
        <v>0.33444066276717122</v>
      </c>
      <c r="B12876" s="1"/>
      <c r="C12876">
        <v>11</v>
      </c>
      <c r="D12876" t="s">
        <v>25885</v>
      </c>
      <c r="E12876" t="s">
        <v>34137</v>
      </c>
      <c r="F12876">
        <v>2</v>
      </c>
      <c r="G12876" t="s">
        <v>1</v>
      </c>
      <c r="H12876" t="s">
        <v>25886</v>
      </c>
      <c r="I12876" t="s">
        <v>30540</v>
      </c>
    </row>
    <row r="12877" spans="1:9">
      <c r="A12877" s="1">
        <f ca="1">RAND()</f>
        <v>0.11317501489201642</v>
      </c>
      <c r="B12877" s="1"/>
      <c r="C12877">
        <v>5</v>
      </c>
      <c r="D12877" t="s">
        <v>25869</v>
      </c>
      <c r="E12877" t="s">
        <v>34138</v>
      </c>
      <c r="F12877">
        <v>5</v>
      </c>
      <c r="G12877" t="s">
        <v>2</v>
      </c>
      <c r="H12877" t="s">
        <v>25870</v>
      </c>
      <c r="I12877" t="s">
        <v>30540</v>
      </c>
    </row>
    <row r="12878" spans="1:9">
      <c r="A12878" s="1">
        <f ca="1">RAND()</f>
        <v>0.40091450773037096</v>
      </c>
      <c r="B12878" s="1"/>
      <c r="C12878">
        <v>7</v>
      </c>
      <c r="D12878" t="s">
        <v>25871</v>
      </c>
      <c r="E12878" t="s">
        <v>34138</v>
      </c>
      <c r="F12878">
        <v>4</v>
      </c>
      <c r="G12878" t="s">
        <v>14</v>
      </c>
      <c r="H12878" t="s">
        <v>25872</v>
      </c>
      <c r="I12878" t="s">
        <v>30540</v>
      </c>
    </row>
    <row r="12879" spans="1:9">
      <c r="A12879" s="1">
        <f ca="1">RAND()</f>
        <v>0.2336129827424307</v>
      </c>
      <c r="B12879" s="1"/>
      <c r="C12879">
        <v>13</v>
      </c>
      <c r="D12879" t="s">
        <v>25875</v>
      </c>
      <c r="E12879" t="s">
        <v>34138</v>
      </c>
      <c r="F12879">
        <v>4</v>
      </c>
      <c r="G12879" t="s">
        <v>14</v>
      </c>
      <c r="H12879" t="s">
        <v>25876</v>
      </c>
      <c r="I12879" t="s">
        <v>30540</v>
      </c>
    </row>
    <row r="12880" spans="1:9">
      <c r="A12880" s="1">
        <f ca="1">RAND()</f>
        <v>0.11301450695822779</v>
      </c>
      <c r="B12880" s="1"/>
      <c r="C12880">
        <v>10</v>
      </c>
      <c r="D12880" t="s">
        <v>25873</v>
      </c>
      <c r="E12880" t="s">
        <v>34138</v>
      </c>
      <c r="F12880">
        <v>4</v>
      </c>
      <c r="G12880" t="s">
        <v>1</v>
      </c>
      <c r="H12880" t="s">
        <v>25874</v>
      </c>
      <c r="I12880" t="s">
        <v>30540</v>
      </c>
    </row>
    <row r="12881" spans="1:9">
      <c r="A12881" s="1">
        <f ca="1">RAND()</f>
        <v>0.34094902653182813</v>
      </c>
      <c r="B12881" s="1"/>
      <c r="C12881">
        <v>18</v>
      </c>
      <c r="D12881" t="s">
        <v>25867</v>
      </c>
      <c r="E12881" t="s">
        <v>34139</v>
      </c>
      <c r="F12881">
        <v>5</v>
      </c>
      <c r="G12881" t="s">
        <v>1</v>
      </c>
      <c r="H12881" t="s">
        <v>25868</v>
      </c>
      <c r="I12881" t="s">
        <v>30540</v>
      </c>
    </row>
    <row r="12882" spans="1:9">
      <c r="A12882" s="1">
        <f ca="1">RAND()</f>
        <v>0.5629878148411096</v>
      </c>
      <c r="B12882" s="1"/>
      <c r="C12882">
        <v>15</v>
      </c>
      <c r="D12882" t="s">
        <v>25865</v>
      </c>
      <c r="E12882" t="s">
        <v>34139</v>
      </c>
      <c r="F12882">
        <v>5</v>
      </c>
      <c r="G12882" t="s">
        <v>13</v>
      </c>
      <c r="H12882" t="s">
        <v>25866</v>
      </c>
      <c r="I12882" t="s">
        <v>30540</v>
      </c>
    </row>
    <row r="12883" spans="1:9">
      <c r="A12883" s="1">
        <f ca="1">RAND()</f>
        <v>0.11847832770775135</v>
      </c>
      <c r="B12883" s="1"/>
      <c r="C12883">
        <v>10</v>
      </c>
      <c r="D12883" t="s">
        <v>25861</v>
      </c>
      <c r="E12883" t="s">
        <v>34139</v>
      </c>
      <c r="F12883">
        <v>4</v>
      </c>
      <c r="G12883" t="s">
        <v>9</v>
      </c>
      <c r="H12883" t="s">
        <v>25862</v>
      </c>
      <c r="I12883" t="s">
        <v>30540</v>
      </c>
    </row>
    <row r="12884" spans="1:9">
      <c r="A12884" s="1">
        <f ca="1">RAND()</f>
        <v>0.3317814797041182</v>
      </c>
      <c r="B12884" s="1"/>
      <c r="C12884">
        <v>13</v>
      </c>
      <c r="D12884" t="s">
        <v>25863</v>
      </c>
      <c r="E12884" t="s">
        <v>34139</v>
      </c>
      <c r="F12884">
        <v>4</v>
      </c>
      <c r="G12884" t="s">
        <v>14</v>
      </c>
      <c r="H12884" t="s">
        <v>25864</v>
      </c>
      <c r="I12884" t="s">
        <v>30540</v>
      </c>
    </row>
    <row r="12885" spans="1:9">
      <c r="A12885" s="1">
        <f ca="1">RAND()</f>
        <v>0.21814371345376016</v>
      </c>
      <c r="B12885" s="1"/>
      <c r="C12885">
        <v>8</v>
      </c>
      <c r="D12885" t="s">
        <v>25859</v>
      </c>
      <c r="E12885" t="s">
        <v>34139</v>
      </c>
      <c r="F12885">
        <v>1</v>
      </c>
      <c r="G12885" t="s">
        <v>14</v>
      </c>
      <c r="H12885" t="s">
        <v>25860</v>
      </c>
      <c r="I12885" t="s">
        <v>30540</v>
      </c>
    </row>
    <row r="12886" spans="1:9">
      <c r="A12886" s="1">
        <f ca="1">RAND()</f>
        <v>0.80793902683791385</v>
      </c>
      <c r="B12886" s="1"/>
      <c r="C12886">
        <v>12</v>
      </c>
      <c r="D12886" t="s">
        <v>25855</v>
      </c>
      <c r="E12886" t="s">
        <v>34140</v>
      </c>
      <c r="F12886">
        <v>5</v>
      </c>
      <c r="G12886" t="s">
        <v>14</v>
      </c>
      <c r="H12886" t="s">
        <v>25856</v>
      </c>
      <c r="I12886" t="s">
        <v>30540</v>
      </c>
    </row>
    <row r="12887" spans="1:9">
      <c r="A12887" s="1">
        <f ca="1">RAND()</f>
        <v>0.16378352815093622</v>
      </c>
      <c r="B12887" s="1"/>
      <c r="C12887">
        <v>4</v>
      </c>
      <c r="D12887" t="s">
        <v>25853</v>
      </c>
      <c r="E12887" t="s">
        <v>34140</v>
      </c>
      <c r="F12887">
        <v>4</v>
      </c>
      <c r="G12887" t="s">
        <v>14</v>
      </c>
      <c r="H12887" t="s">
        <v>25854</v>
      </c>
      <c r="I12887" t="s">
        <v>30540</v>
      </c>
    </row>
    <row r="12888" spans="1:9">
      <c r="A12888" s="1">
        <f ca="1">RAND()</f>
        <v>0.39949363371926205</v>
      </c>
      <c r="B12888" s="1"/>
      <c r="C12888">
        <v>1</v>
      </c>
      <c r="D12888" t="s">
        <v>25851</v>
      </c>
      <c r="E12888" t="s">
        <v>34140</v>
      </c>
      <c r="F12888">
        <v>3</v>
      </c>
      <c r="G12888" t="s">
        <v>2</v>
      </c>
      <c r="H12888" t="s">
        <v>25852</v>
      </c>
      <c r="I12888" t="s">
        <v>30540</v>
      </c>
    </row>
    <row r="12889" spans="1:9">
      <c r="A12889" s="1">
        <f ca="1">RAND()</f>
        <v>0.35640569978480474</v>
      </c>
      <c r="B12889" s="1"/>
      <c r="C12889">
        <v>13</v>
      </c>
      <c r="D12889" t="s">
        <v>25857</v>
      </c>
      <c r="E12889" t="s">
        <v>34140</v>
      </c>
      <c r="F12889">
        <v>3</v>
      </c>
      <c r="G12889" t="s">
        <v>1</v>
      </c>
      <c r="H12889" t="s">
        <v>25858</v>
      </c>
      <c r="I12889" t="s">
        <v>30540</v>
      </c>
    </row>
    <row r="12890" spans="1:9">
      <c r="A12890" s="1">
        <f ca="1">RAND()</f>
        <v>0.81276123676663314</v>
      </c>
      <c r="B12890" s="1"/>
      <c r="C12890">
        <v>12</v>
      </c>
      <c r="D12890" t="s">
        <v>25847</v>
      </c>
      <c r="E12890" t="s">
        <v>34141</v>
      </c>
      <c r="F12890">
        <v>4</v>
      </c>
      <c r="G12890" t="s">
        <v>14</v>
      </c>
      <c r="H12890" t="s">
        <v>25848</v>
      </c>
      <c r="I12890" t="s">
        <v>30540</v>
      </c>
    </row>
    <row r="12891" spans="1:9">
      <c r="A12891" s="1">
        <f ca="1">RAND()</f>
        <v>0.63139763002928828</v>
      </c>
      <c r="B12891" s="1"/>
      <c r="C12891">
        <v>13</v>
      </c>
      <c r="D12891" t="s">
        <v>25849</v>
      </c>
      <c r="E12891" t="s">
        <v>34141</v>
      </c>
      <c r="F12891">
        <v>4</v>
      </c>
      <c r="G12891" t="s">
        <v>14</v>
      </c>
      <c r="H12891" t="s">
        <v>25850</v>
      </c>
      <c r="I12891" t="s">
        <v>30540</v>
      </c>
    </row>
    <row r="12892" spans="1:9">
      <c r="A12892" s="1">
        <f ca="1">RAND()</f>
        <v>0.24389333688038817</v>
      </c>
      <c r="B12892" s="1"/>
      <c r="C12892">
        <v>6</v>
      </c>
      <c r="D12892" t="s">
        <v>25843</v>
      </c>
      <c r="E12892" t="s">
        <v>34141</v>
      </c>
      <c r="F12892">
        <v>4</v>
      </c>
      <c r="G12892" t="s">
        <v>9</v>
      </c>
      <c r="H12892" t="s">
        <v>25844</v>
      </c>
      <c r="I12892" t="s">
        <v>30540</v>
      </c>
    </row>
    <row r="12893" spans="1:9">
      <c r="A12893" s="1">
        <f ca="1">RAND()</f>
        <v>0.74889201395160088</v>
      </c>
      <c r="B12893" s="1"/>
      <c r="C12893">
        <v>10</v>
      </c>
      <c r="D12893" t="s">
        <v>25845</v>
      </c>
      <c r="E12893" t="s">
        <v>34141</v>
      </c>
      <c r="F12893">
        <v>3</v>
      </c>
      <c r="G12893" t="s">
        <v>9</v>
      </c>
      <c r="H12893" t="s">
        <v>25846</v>
      </c>
      <c r="I12893" t="s">
        <v>30540</v>
      </c>
    </row>
    <row r="12894" spans="1:9">
      <c r="A12894" s="1">
        <f ca="1">RAND()</f>
        <v>0.1381069532305732</v>
      </c>
      <c r="B12894" s="1"/>
      <c r="C12894">
        <v>15</v>
      </c>
      <c r="D12894" t="s">
        <v>25839</v>
      </c>
      <c r="E12894" t="s">
        <v>34142</v>
      </c>
      <c r="F12894">
        <v>5</v>
      </c>
      <c r="G12894" t="s">
        <v>2738</v>
      </c>
      <c r="H12894" t="s">
        <v>25840</v>
      </c>
      <c r="I12894" t="s">
        <v>30540</v>
      </c>
    </row>
    <row r="12895" spans="1:9">
      <c r="A12895" s="1">
        <f ca="1">RAND()</f>
        <v>0.6184274586563111</v>
      </c>
      <c r="B12895" s="1"/>
      <c r="C12895">
        <v>19</v>
      </c>
      <c r="D12895" t="s">
        <v>25841</v>
      </c>
      <c r="E12895" t="s">
        <v>34142</v>
      </c>
      <c r="F12895">
        <v>4</v>
      </c>
      <c r="G12895" t="s">
        <v>14</v>
      </c>
      <c r="H12895" t="s">
        <v>25842</v>
      </c>
      <c r="I12895" t="s">
        <v>30540</v>
      </c>
    </row>
    <row r="12896" spans="1:9">
      <c r="A12896" s="1">
        <f ca="1">RAND()</f>
        <v>0.67318623423741675</v>
      </c>
      <c r="B12896" s="1"/>
      <c r="C12896">
        <v>3</v>
      </c>
      <c r="D12896" t="s">
        <v>25837</v>
      </c>
      <c r="E12896" t="s">
        <v>34142</v>
      </c>
      <c r="F12896">
        <v>4</v>
      </c>
      <c r="G12896" t="s">
        <v>10</v>
      </c>
      <c r="H12896" t="s">
        <v>25838</v>
      </c>
      <c r="I12896" t="s">
        <v>30540</v>
      </c>
    </row>
    <row r="12897" spans="1:9">
      <c r="A12897" s="1">
        <f ca="1">RAND()</f>
        <v>0.716668082781447</v>
      </c>
      <c r="B12897" s="1"/>
      <c r="C12897">
        <v>12</v>
      </c>
      <c r="D12897" t="s">
        <v>25831</v>
      </c>
      <c r="E12897" t="s">
        <v>34143</v>
      </c>
      <c r="F12897">
        <v>4</v>
      </c>
      <c r="G12897" t="s">
        <v>14</v>
      </c>
      <c r="H12897" t="s">
        <v>25832</v>
      </c>
      <c r="I12897" t="s">
        <v>30540</v>
      </c>
    </row>
    <row r="12898" spans="1:9">
      <c r="A12898" s="1">
        <f ca="1">RAND()</f>
        <v>0.99319057208797923</v>
      </c>
      <c r="B12898" s="1"/>
      <c r="C12898">
        <v>14</v>
      </c>
      <c r="D12898" t="s">
        <v>25833</v>
      </c>
      <c r="E12898" t="s">
        <v>34143</v>
      </c>
      <c r="F12898">
        <v>4</v>
      </c>
      <c r="G12898" t="s">
        <v>14</v>
      </c>
      <c r="H12898" t="s">
        <v>25834</v>
      </c>
      <c r="I12898" t="s">
        <v>30540</v>
      </c>
    </row>
    <row r="12899" spans="1:9">
      <c r="A12899" s="1">
        <f ca="1">RAND()</f>
        <v>0.521114462114321</v>
      </c>
      <c r="B12899" s="1"/>
      <c r="C12899">
        <v>20</v>
      </c>
      <c r="D12899" t="s">
        <v>25835</v>
      </c>
      <c r="E12899" t="s">
        <v>34143</v>
      </c>
      <c r="F12899">
        <v>4</v>
      </c>
      <c r="G12899" t="s">
        <v>14</v>
      </c>
      <c r="H12899" t="s">
        <v>25836</v>
      </c>
      <c r="I12899" t="s">
        <v>30540</v>
      </c>
    </row>
    <row r="12900" spans="1:9">
      <c r="A12900" s="1">
        <f ca="1">RAND()</f>
        <v>3.4118773498953314E-2</v>
      </c>
      <c r="B12900" s="1"/>
      <c r="C12900">
        <v>1</v>
      </c>
      <c r="D12900" t="s">
        <v>25829</v>
      </c>
      <c r="E12900" t="s">
        <v>34143</v>
      </c>
      <c r="F12900">
        <v>2</v>
      </c>
      <c r="G12900" t="s">
        <v>2</v>
      </c>
      <c r="H12900" t="s">
        <v>25830</v>
      </c>
      <c r="I12900" t="s">
        <v>30540</v>
      </c>
    </row>
    <row r="12901" spans="1:9">
      <c r="A12901" s="1">
        <f ca="1">RAND()</f>
        <v>0.50134402855719196</v>
      </c>
      <c r="B12901" s="1"/>
      <c r="C12901">
        <v>10</v>
      </c>
      <c r="D12901" t="s">
        <v>25827</v>
      </c>
      <c r="E12901" t="s">
        <v>34144</v>
      </c>
      <c r="F12901">
        <v>5</v>
      </c>
      <c r="G12901" t="s">
        <v>14</v>
      </c>
      <c r="H12901" t="s">
        <v>25828</v>
      </c>
      <c r="I12901" t="s">
        <v>30540</v>
      </c>
    </row>
    <row r="12902" spans="1:9">
      <c r="A12902" s="1">
        <f ca="1">RAND()</f>
        <v>0.71800488341061464</v>
      </c>
      <c r="B12902" s="1"/>
      <c r="C12902">
        <v>6</v>
      </c>
      <c r="D12902" t="s">
        <v>25823</v>
      </c>
      <c r="E12902" t="s">
        <v>34144</v>
      </c>
      <c r="F12902">
        <v>5</v>
      </c>
      <c r="G12902" t="s">
        <v>14</v>
      </c>
      <c r="H12902" t="s">
        <v>25824</v>
      </c>
      <c r="I12902" t="s">
        <v>30540</v>
      </c>
    </row>
    <row r="12903" spans="1:9">
      <c r="A12903" s="1">
        <f ca="1">RAND()</f>
        <v>0.90841217820203335</v>
      </c>
      <c r="B12903" s="1"/>
      <c r="C12903">
        <v>9</v>
      </c>
      <c r="D12903" t="s">
        <v>25825</v>
      </c>
      <c r="E12903" t="s">
        <v>34144</v>
      </c>
      <c r="F12903">
        <v>4</v>
      </c>
      <c r="G12903" t="s">
        <v>14</v>
      </c>
      <c r="H12903" t="s">
        <v>25826</v>
      </c>
      <c r="I12903" t="s">
        <v>30540</v>
      </c>
    </row>
    <row r="12904" spans="1:9">
      <c r="A12904" s="1">
        <f ca="1">RAND()</f>
        <v>0.55005243619387356</v>
      </c>
      <c r="B12904" s="1"/>
      <c r="C12904">
        <v>4</v>
      </c>
      <c r="D12904" t="s">
        <v>25819</v>
      </c>
      <c r="E12904" t="s">
        <v>34145</v>
      </c>
      <c r="F12904">
        <v>5</v>
      </c>
      <c r="G12904" t="s">
        <v>14</v>
      </c>
      <c r="H12904" t="s">
        <v>25820</v>
      </c>
      <c r="I12904" t="s">
        <v>30540</v>
      </c>
    </row>
    <row r="12905" spans="1:9">
      <c r="A12905" s="1">
        <f ca="1">RAND()</f>
        <v>0.29653422882708003</v>
      </c>
      <c r="B12905" s="1"/>
      <c r="C12905">
        <v>13</v>
      </c>
      <c r="D12905" t="s">
        <v>25821</v>
      </c>
      <c r="E12905" t="s">
        <v>34145</v>
      </c>
      <c r="F12905">
        <v>5</v>
      </c>
      <c r="G12905" t="s">
        <v>14</v>
      </c>
      <c r="H12905" t="s">
        <v>25822</v>
      </c>
      <c r="I12905" t="s">
        <v>30540</v>
      </c>
    </row>
    <row r="12906" spans="1:9">
      <c r="A12906" s="1">
        <f ca="1">RAND()</f>
        <v>0.31297511527166877</v>
      </c>
      <c r="B12906" s="1"/>
      <c r="C12906">
        <v>17</v>
      </c>
      <c r="D12906" t="s">
        <v>25817</v>
      </c>
      <c r="E12906" t="s">
        <v>34146</v>
      </c>
      <c r="F12906">
        <v>5</v>
      </c>
      <c r="G12906" t="s">
        <v>14</v>
      </c>
      <c r="H12906" t="s">
        <v>25818</v>
      </c>
      <c r="I12906" t="s">
        <v>30540</v>
      </c>
    </row>
    <row r="12907" spans="1:9">
      <c r="A12907" s="1">
        <f ca="1">RAND()</f>
        <v>0.89989329247187055</v>
      </c>
      <c r="B12907" s="1"/>
      <c r="C12907">
        <v>13</v>
      </c>
      <c r="D12907" t="s">
        <v>25815</v>
      </c>
      <c r="E12907" t="s">
        <v>34146</v>
      </c>
      <c r="F12907">
        <v>4</v>
      </c>
      <c r="G12907" t="s">
        <v>14</v>
      </c>
      <c r="H12907" t="s">
        <v>25816</v>
      </c>
      <c r="I12907" t="s">
        <v>30540</v>
      </c>
    </row>
    <row r="12908" spans="1:9">
      <c r="A12908" s="1">
        <f ca="1">RAND()</f>
        <v>0.3689201948613785</v>
      </c>
      <c r="B12908" s="1"/>
      <c r="C12908">
        <v>8</v>
      </c>
      <c r="D12908" t="s">
        <v>25813</v>
      </c>
      <c r="E12908" t="s">
        <v>34146</v>
      </c>
      <c r="F12908">
        <v>4</v>
      </c>
      <c r="G12908" t="s">
        <v>1</v>
      </c>
      <c r="H12908" t="s">
        <v>25814</v>
      </c>
      <c r="I12908" t="s">
        <v>30540</v>
      </c>
    </row>
    <row r="12909" spans="1:9">
      <c r="A12909" s="1">
        <f ca="1">RAND()</f>
        <v>0.64113340866518342</v>
      </c>
      <c r="B12909" s="1"/>
      <c r="C12909">
        <v>2</v>
      </c>
      <c r="D12909" t="s">
        <v>25809</v>
      </c>
      <c r="E12909" t="s">
        <v>34146</v>
      </c>
      <c r="F12909">
        <v>4</v>
      </c>
      <c r="G12909" t="s">
        <v>14</v>
      </c>
      <c r="H12909" t="s">
        <v>25810</v>
      </c>
      <c r="I12909" t="s">
        <v>30540</v>
      </c>
    </row>
    <row r="12910" spans="1:9">
      <c r="A12910" s="1">
        <f ca="1">RAND()</f>
        <v>0.56439045535264276</v>
      </c>
      <c r="B12910" s="1"/>
      <c r="C12910">
        <v>1</v>
      </c>
      <c r="D12910" t="s">
        <v>25807</v>
      </c>
      <c r="E12910" t="s">
        <v>34146</v>
      </c>
      <c r="F12910">
        <v>3</v>
      </c>
      <c r="G12910" t="s">
        <v>2</v>
      </c>
      <c r="H12910" t="s">
        <v>25808</v>
      </c>
      <c r="I12910" t="s">
        <v>30540</v>
      </c>
    </row>
    <row r="12911" spans="1:9">
      <c r="A12911" s="1">
        <f ca="1">RAND()</f>
        <v>0.3179362187749355</v>
      </c>
      <c r="B12911" s="1"/>
      <c r="C12911">
        <v>5</v>
      </c>
      <c r="D12911" t="s">
        <v>25811</v>
      </c>
      <c r="E12911" t="s">
        <v>34146</v>
      </c>
      <c r="F12911">
        <v>2</v>
      </c>
      <c r="G12911" t="s">
        <v>13</v>
      </c>
      <c r="H12911" t="s">
        <v>25812</v>
      </c>
      <c r="I12911" t="s">
        <v>30540</v>
      </c>
    </row>
    <row r="12912" spans="1:9">
      <c r="A12912" s="1">
        <f ca="1">RAND()</f>
        <v>6.1383760898885975E-2</v>
      </c>
      <c r="B12912" s="1"/>
      <c r="C12912">
        <v>14</v>
      </c>
      <c r="D12912" t="s">
        <v>25805</v>
      </c>
      <c r="E12912" t="s">
        <v>34147</v>
      </c>
      <c r="F12912">
        <v>5</v>
      </c>
      <c r="G12912" t="s">
        <v>15</v>
      </c>
      <c r="H12912" t="s">
        <v>25806</v>
      </c>
      <c r="I12912" t="s">
        <v>30540</v>
      </c>
    </row>
    <row r="12913" spans="1:9">
      <c r="A12913" s="1">
        <f ca="1">RAND()</f>
        <v>0.15205172543136902</v>
      </c>
      <c r="B12913" s="1"/>
      <c r="C12913">
        <v>13</v>
      </c>
      <c r="D12913" t="s">
        <v>25803</v>
      </c>
      <c r="E12913" t="s">
        <v>34147</v>
      </c>
      <c r="F12913">
        <v>4</v>
      </c>
      <c r="G12913" t="s">
        <v>14</v>
      </c>
      <c r="H12913" t="s">
        <v>25804</v>
      </c>
      <c r="I12913" t="s">
        <v>30540</v>
      </c>
    </row>
    <row r="12914" spans="1:9">
      <c r="A12914" s="1">
        <f ca="1">RAND()</f>
        <v>4.2164227085069395E-2</v>
      </c>
      <c r="B12914" s="1"/>
      <c r="C12914">
        <v>5</v>
      </c>
      <c r="D12914" t="s">
        <v>25799</v>
      </c>
      <c r="E12914" t="s">
        <v>34147</v>
      </c>
      <c r="F12914">
        <v>4</v>
      </c>
      <c r="G12914" t="s">
        <v>10</v>
      </c>
      <c r="H12914" t="s">
        <v>25800</v>
      </c>
      <c r="I12914" t="s">
        <v>30540</v>
      </c>
    </row>
    <row r="12915" spans="1:9">
      <c r="A12915" s="1">
        <f ca="1">RAND()</f>
        <v>0.54167685577573521</v>
      </c>
      <c r="B12915" s="1"/>
      <c r="C12915">
        <v>8</v>
      </c>
      <c r="D12915" t="s">
        <v>25801</v>
      </c>
      <c r="E12915" t="s">
        <v>34147</v>
      </c>
      <c r="F12915">
        <v>3</v>
      </c>
      <c r="G12915" t="s">
        <v>769</v>
      </c>
      <c r="H12915" t="s">
        <v>25802</v>
      </c>
      <c r="I12915" t="s">
        <v>30540</v>
      </c>
    </row>
    <row r="12916" spans="1:9">
      <c r="A12916" s="1">
        <f ca="1">RAND()</f>
        <v>0.91496937189753846</v>
      </c>
      <c r="B12916" s="1"/>
      <c r="C12916">
        <v>18</v>
      </c>
      <c r="D12916" t="s">
        <v>25797</v>
      </c>
      <c r="E12916" t="s">
        <v>34148</v>
      </c>
      <c r="F12916">
        <v>5</v>
      </c>
      <c r="G12916" t="s">
        <v>10</v>
      </c>
      <c r="H12916" t="s">
        <v>25798</v>
      </c>
      <c r="I12916" t="s">
        <v>30540</v>
      </c>
    </row>
    <row r="12917" spans="1:9">
      <c r="A12917" s="1">
        <f ca="1">RAND()</f>
        <v>0.51815560325758303</v>
      </c>
      <c r="B12917" s="1"/>
      <c r="C12917">
        <v>1</v>
      </c>
      <c r="D12917" t="s">
        <v>25793</v>
      </c>
      <c r="E12917" t="s">
        <v>34148</v>
      </c>
      <c r="F12917">
        <v>5</v>
      </c>
      <c r="G12917" t="s">
        <v>10</v>
      </c>
      <c r="H12917" t="s">
        <v>25794</v>
      </c>
      <c r="I12917" t="s">
        <v>30540</v>
      </c>
    </row>
    <row r="12918" spans="1:9">
      <c r="A12918" s="1">
        <f ca="1">RAND()</f>
        <v>0.37297074346398884</v>
      </c>
      <c r="B12918" s="1"/>
      <c r="C12918">
        <v>3</v>
      </c>
      <c r="D12918" t="s">
        <v>25795</v>
      </c>
      <c r="E12918" t="s">
        <v>34148</v>
      </c>
      <c r="F12918">
        <v>4</v>
      </c>
      <c r="G12918" t="s">
        <v>14</v>
      </c>
      <c r="H12918" t="s">
        <v>25796</v>
      </c>
      <c r="I12918" t="s">
        <v>30540</v>
      </c>
    </row>
    <row r="12919" spans="1:9">
      <c r="A12919" s="1">
        <f ca="1">RAND()</f>
        <v>0.74155289219396914</v>
      </c>
      <c r="B12919" s="1"/>
      <c r="C12919">
        <v>10</v>
      </c>
      <c r="D12919" t="s">
        <v>25783</v>
      </c>
      <c r="E12919" t="s">
        <v>34149</v>
      </c>
      <c r="F12919">
        <v>5</v>
      </c>
      <c r="G12919" t="s">
        <v>14</v>
      </c>
      <c r="H12919" t="s">
        <v>25784</v>
      </c>
      <c r="I12919" t="s">
        <v>30540</v>
      </c>
    </row>
    <row r="12920" spans="1:9">
      <c r="A12920" s="1">
        <f ca="1">RAND()</f>
        <v>0.45766441288733939</v>
      </c>
      <c r="B12920" s="1"/>
      <c r="C12920">
        <v>18</v>
      </c>
      <c r="D12920" t="s">
        <v>25791</v>
      </c>
      <c r="E12920" t="s">
        <v>34149</v>
      </c>
      <c r="F12920">
        <v>5</v>
      </c>
      <c r="G12920" t="s">
        <v>14</v>
      </c>
      <c r="H12920" t="s">
        <v>25792</v>
      </c>
      <c r="I12920" t="s">
        <v>30540</v>
      </c>
    </row>
    <row r="12921" spans="1:9">
      <c r="A12921" s="1">
        <f ca="1">RAND()</f>
        <v>0.76280682261102151</v>
      </c>
      <c r="B12921" s="1"/>
      <c r="C12921">
        <v>14</v>
      </c>
      <c r="D12921" t="s">
        <v>25789</v>
      </c>
      <c r="E12921" t="s">
        <v>34149</v>
      </c>
      <c r="F12921">
        <v>5</v>
      </c>
      <c r="G12921" t="s">
        <v>1</v>
      </c>
      <c r="H12921" t="s">
        <v>25790</v>
      </c>
      <c r="I12921" t="s">
        <v>30540</v>
      </c>
    </row>
    <row r="12922" spans="1:9">
      <c r="A12922" s="1">
        <f ca="1">RAND()</f>
        <v>6.9277598900846726E-2</v>
      </c>
      <c r="B12922" s="1"/>
      <c r="C12922">
        <v>6</v>
      </c>
      <c r="D12922" t="s">
        <v>25779</v>
      </c>
      <c r="E12922" t="s">
        <v>34149</v>
      </c>
      <c r="F12922">
        <v>4</v>
      </c>
      <c r="G12922" t="s">
        <v>9</v>
      </c>
      <c r="H12922" t="s">
        <v>25780</v>
      </c>
      <c r="I12922" t="s">
        <v>30540</v>
      </c>
    </row>
    <row r="12923" spans="1:9">
      <c r="A12923" s="1">
        <f ca="1">RAND()</f>
        <v>0.53959990603061292</v>
      </c>
      <c r="B12923" s="1"/>
      <c r="C12923">
        <v>7</v>
      </c>
      <c r="D12923" t="s">
        <v>25781</v>
      </c>
      <c r="E12923" t="s">
        <v>34149</v>
      </c>
      <c r="F12923">
        <v>4</v>
      </c>
      <c r="G12923" t="s">
        <v>14</v>
      </c>
      <c r="H12923" t="s">
        <v>25782</v>
      </c>
      <c r="I12923" t="s">
        <v>30540</v>
      </c>
    </row>
    <row r="12924" spans="1:9">
      <c r="A12924" s="1">
        <f ca="1">RAND()</f>
        <v>0.49896051032806199</v>
      </c>
      <c r="B12924" s="1"/>
      <c r="C12924">
        <v>12</v>
      </c>
      <c r="D12924" t="s">
        <v>25785</v>
      </c>
      <c r="E12924" t="s">
        <v>34149</v>
      </c>
      <c r="F12924">
        <v>3</v>
      </c>
      <c r="G12924" t="s">
        <v>14</v>
      </c>
      <c r="H12924" t="s">
        <v>25786</v>
      </c>
      <c r="I12924" t="s">
        <v>30540</v>
      </c>
    </row>
    <row r="12925" spans="1:9">
      <c r="A12925" s="1">
        <f ca="1">RAND()</f>
        <v>0.70224023173622507</v>
      </c>
      <c r="B12925" s="1"/>
      <c r="C12925">
        <v>13</v>
      </c>
      <c r="D12925" t="s">
        <v>25787</v>
      </c>
      <c r="E12925" t="s">
        <v>34149</v>
      </c>
      <c r="F12925">
        <v>2</v>
      </c>
      <c r="G12925" t="s">
        <v>9</v>
      </c>
      <c r="H12925" t="s">
        <v>25788</v>
      </c>
      <c r="I12925" t="s">
        <v>30540</v>
      </c>
    </row>
    <row r="12926" spans="1:9">
      <c r="A12926" s="1">
        <f ca="1">RAND()</f>
        <v>0.31292937647814378</v>
      </c>
      <c r="B12926" s="1"/>
      <c r="C12926">
        <v>11</v>
      </c>
      <c r="D12926" t="s">
        <v>25775</v>
      </c>
      <c r="E12926" t="s">
        <v>34150</v>
      </c>
      <c r="F12926">
        <v>5</v>
      </c>
      <c r="G12926" t="s">
        <v>14</v>
      </c>
      <c r="H12926" t="s">
        <v>25776</v>
      </c>
      <c r="I12926" t="s">
        <v>30540</v>
      </c>
    </row>
    <row r="12927" spans="1:9">
      <c r="A12927" s="1">
        <f ca="1">RAND()</f>
        <v>0.34286861646632871</v>
      </c>
      <c r="B12927" s="1"/>
      <c r="C12927">
        <v>2</v>
      </c>
      <c r="D12927" t="s">
        <v>25771</v>
      </c>
      <c r="E12927" t="s">
        <v>34150</v>
      </c>
      <c r="F12927">
        <v>5</v>
      </c>
      <c r="G12927" t="s">
        <v>14</v>
      </c>
      <c r="H12927" t="s">
        <v>25772</v>
      </c>
      <c r="I12927" t="s">
        <v>30540</v>
      </c>
    </row>
    <row r="12928" spans="1:9">
      <c r="A12928" s="1">
        <f ca="1">RAND()</f>
        <v>0.17892267190134836</v>
      </c>
      <c r="B12928" s="1"/>
      <c r="C12928">
        <v>8</v>
      </c>
      <c r="D12928" t="s">
        <v>25773</v>
      </c>
      <c r="E12928" t="s">
        <v>34150</v>
      </c>
      <c r="F12928">
        <v>4</v>
      </c>
      <c r="G12928" t="s">
        <v>14</v>
      </c>
      <c r="H12928" t="s">
        <v>25774</v>
      </c>
      <c r="I12928" t="s">
        <v>30540</v>
      </c>
    </row>
    <row r="12929" spans="1:9">
      <c r="A12929" s="1">
        <f ca="1">RAND()</f>
        <v>0.97648376852223007</v>
      </c>
      <c r="B12929" s="1"/>
      <c r="C12929">
        <v>1</v>
      </c>
      <c r="D12929" t="s">
        <v>25769</v>
      </c>
      <c r="E12929" t="s">
        <v>34150</v>
      </c>
      <c r="F12929">
        <v>4</v>
      </c>
      <c r="G12929" t="s">
        <v>2</v>
      </c>
      <c r="H12929" t="s">
        <v>25770</v>
      </c>
      <c r="I12929" t="s">
        <v>30540</v>
      </c>
    </row>
    <row r="12930" spans="1:9">
      <c r="A12930" s="1">
        <f ca="1">RAND()</f>
        <v>0.89203515781640019</v>
      </c>
      <c r="B12930" s="1"/>
      <c r="C12930">
        <v>13</v>
      </c>
      <c r="D12930" t="s">
        <v>25777</v>
      </c>
      <c r="E12930" t="s">
        <v>34150</v>
      </c>
      <c r="F12930">
        <v>2</v>
      </c>
      <c r="G12930" t="s">
        <v>14</v>
      </c>
      <c r="H12930" t="s">
        <v>25778</v>
      </c>
      <c r="I12930" t="s">
        <v>30540</v>
      </c>
    </row>
    <row r="12931" spans="1:9">
      <c r="A12931" s="1">
        <f ca="1">RAND()</f>
        <v>0.68036121207587841</v>
      </c>
      <c r="B12931" s="1"/>
      <c r="C12931">
        <v>11</v>
      </c>
      <c r="D12931" t="s">
        <v>25765</v>
      </c>
      <c r="E12931" t="s">
        <v>34151</v>
      </c>
      <c r="F12931">
        <v>4</v>
      </c>
      <c r="G12931" t="s">
        <v>14</v>
      </c>
      <c r="H12931" t="s">
        <v>25766</v>
      </c>
      <c r="I12931" t="s">
        <v>30540</v>
      </c>
    </row>
    <row r="12932" spans="1:9">
      <c r="A12932" s="1">
        <f ca="1">RAND()</f>
        <v>0.2630844042036633</v>
      </c>
      <c r="B12932" s="1"/>
      <c r="C12932">
        <v>15</v>
      </c>
      <c r="D12932" t="s">
        <v>25767</v>
      </c>
      <c r="E12932" t="s">
        <v>34151</v>
      </c>
      <c r="F12932">
        <v>4</v>
      </c>
      <c r="G12932" t="s">
        <v>14</v>
      </c>
      <c r="H12932" t="s">
        <v>25768</v>
      </c>
      <c r="I12932" t="s">
        <v>30540</v>
      </c>
    </row>
    <row r="12933" spans="1:9">
      <c r="A12933" s="1">
        <f ca="1">RAND()</f>
        <v>0.81528562526520754</v>
      </c>
      <c r="B12933" s="1"/>
      <c r="C12933">
        <v>1</v>
      </c>
      <c r="D12933" t="s">
        <v>25761</v>
      </c>
      <c r="E12933" t="s">
        <v>34152</v>
      </c>
      <c r="F12933">
        <v>5</v>
      </c>
      <c r="G12933" t="s">
        <v>775</v>
      </c>
      <c r="H12933" t="s">
        <v>25762</v>
      </c>
      <c r="I12933" t="s">
        <v>30540</v>
      </c>
    </row>
    <row r="12934" spans="1:9">
      <c r="A12934" s="1">
        <f ca="1">RAND()</f>
        <v>0.14018633729636043</v>
      </c>
      <c r="B12934" s="1"/>
      <c r="C12934">
        <v>6</v>
      </c>
      <c r="D12934" t="s">
        <v>25763</v>
      </c>
      <c r="E12934" t="s">
        <v>34152</v>
      </c>
      <c r="F12934">
        <v>5</v>
      </c>
      <c r="G12934" t="s">
        <v>2</v>
      </c>
      <c r="H12934" t="s">
        <v>25764</v>
      </c>
      <c r="I12934" t="s">
        <v>30540</v>
      </c>
    </row>
    <row r="12935" spans="1:9">
      <c r="A12935" s="1">
        <f ca="1">RAND()</f>
        <v>3.42519881043446E-3</v>
      </c>
      <c r="B12935" s="1"/>
      <c r="C12935">
        <v>10</v>
      </c>
      <c r="D12935" t="s">
        <v>25753</v>
      </c>
      <c r="E12935" t="s">
        <v>34153</v>
      </c>
      <c r="F12935">
        <v>5</v>
      </c>
      <c r="G12935" t="s">
        <v>2</v>
      </c>
      <c r="H12935" t="s">
        <v>25754</v>
      </c>
      <c r="I12935" t="s">
        <v>30540</v>
      </c>
    </row>
    <row r="12936" spans="1:9">
      <c r="A12936" s="1">
        <f ca="1">RAND()</f>
        <v>0.93731321358357444</v>
      </c>
      <c r="B12936" s="1"/>
      <c r="C12936">
        <v>19</v>
      </c>
      <c r="D12936" t="s">
        <v>25757</v>
      </c>
      <c r="E12936" t="s">
        <v>34153</v>
      </c>
      <c r="F12936">
        <v>5</v>
      </c>
      <c r="G12936" t="s">
        <v>14</v>
      </c>
      <c r="H12936" t="s">
        <v>25758</v>
      </c>
      <c r="I12936" t="s">
        <v>30540</v>
      </c>
    </row>
    <row r="12937" spans="1:9">
      <c r="A12937" s="1">
        <f ca="1">RAND()</f>
        <v>0.3699138425436328</v>
      </c>
      <c r="B12937" s="1"/>
      <c r="C12937">
        <v>12</v>
      </c>
      <c r="D12937" t="s">
        <v>25755</v>
      </c>
      <c r="E12937" t="s">
        <v>34153</v>
      </c>
      <c r="F12937">
        <v>4</v>
      </c>
      <c r="G12937" t="s">
        <v>14</v>
      </c>
      <c r="H12937" t="s">
        <v>25756</v>
      </c>
      <c r="I12937" t="s">
        <v>30540</v>
      </c>
    </row>
    <row r="12938" spans="1:9">
      <c r="A12938" s="1">
        <f ca="1">RAND()</f>
        <v>0.36191156714862927</v>
      </c>
      <c r="B12938" s="1"/>
      <c r="C12938">
        <v>20</v>
      </c>
      <c r="D12938" t="s">
        <v>25759</v>
      </c>
      <c r="E12938" t="s">
        <v>34153</v>
      </c>
      <c r="F12938">
        <v>4</v>
      </c>
      <c r="G12938" t="s">
        <v>14</v>
      </c>
      <c r="H12938" t="s">
        <v>25760</v>
      </c>
      <c r="I12938" t="s">
        <v>30540</v>
      </c>
    </row>
    <row r="12939" spans="1:9">
      <c r="A12939" s="1">
        <f ca="1">RAND()</f>
        <v>0.3374739662261258</v>
      </c>
      <c r="B12939" s="1"/>
      <c r="C12939">
        <v>6</v>
      </c>
      <c r="D12939" t="s">
        <v>25751</v>
      </c>
      <c r="E12939" t="s">
        <v>34153</v>
      </c>
      <c r="F12939">
        <v>4</v>
      </c>
      <c r="G12939" t="s">
        <v>2</v>
      </c>
      <c r="H12939" t="s">
        <v>25752</v>
      </c>
      <c r="I12939" t="s">
        <v>30540</v>
      </c>
    </row>
    <row r="12940" spans="1:9">
      <c r="A12940" s="1">
        <f ca="1">RAND()</f>
        <v>0.1937393744493382</v>
      </c>
      <c r="B12940" s="1"/>
      <c r="C12940">
        <v>4</v>
      </c>
      <c r="D12940" t="s">
        <v>25749</v>
      </c>
      <c r="E12940" t="s">
        <v>34153</v>
      </c>
      <c r="F12940">
        <v>2</v>
      </c>
      <c r="G12940" t="s">
        <v>14</v>
      </c>
      <c r="H12940" t="s">
        <v>25750</v>
      </c>
      <c r="I12940" t="s">
        <v>30540</v>
      </c>
    </row>
    <row r="12941" spans="1:9">
      <c r="A12941" s="1">
        <f ca="1">RAND()</f>
        <v>9.5249841445257832E-2</v>
      </c>
      <c r="B12941" s="1"/>
      <c r="C12941">
        <v>20</v>
      </c>
      <c r="D12941" t="s">
        <v>25747</v>
      </c>
      <c r="E12941" t="s">
        <v>34154</v>
      </c>
      <c r="F12941">
        <v>4</v>
      </c>
      <c r="G12941" t="s">
        <v>14</v>
      </c>
      <c r="H12941" t="s">
        <v>25748</v>
      </c>
      <c r="I12941" t="s">
        <v>30540</v>
      </c>
    </row>
    <row r="12942" spans="1:9">
      <c r="A12942" s="1">
        <f ca="1">RAND()</f>
        <v>0.91826945242781222</v>
      </c>
      <c r="B12942" s="1"/>
      <c r="C12942">
        <v>14</v>
      </c>
      <c r="D12942" t="s">
        <v>25745</v>
      </c>
      <c r="E12942" t="s">
        <v>34154</v>
      </c>
      <c r="F12942">
        <v>4</v>
      </c>
      <c r="G12942" t="s">
        <v>9</v>
      </c>
      <c r="H12942" t="s">
        <v>25746</v>
      </c>
      <c r="I12942" t="s">
        <v>30540</v>
      </c>
    </row>
    <row r="12943" spans="1:9">
      <c r="A12943" s="1">
        <f ca="1">RAND()</f>
        <v>0.74157686541343881</v>
      </c>
      <c r="B12943" s="1"/>
      <c r="C12943">
        <v>11</v>
      </c>
      <c r="D12943" t="s">
        <v>25743</v>
      </c>
      <c r="E12943" t="s">
        <v>34154</v>
      </c>
      <c r="F12943">
        <v>4</v>
      </c>
      <c r="G12943" t="s">
        <v>14</v>
      </c>
      <c r="H12943" t="s">
        <v>25744</v>
      </c>
      <c r="I12943" t="s">
        <v>30540</v>
      </c>
    </row>
    <row r="12944" spans="1:9">
      <c r="A12944" s="1">
        <f ca="1">RAND()</f>
        <v>3.839055441471928E-2</v>
      </c>
      <c r="B12944" s="1"/>
      <c r="C12944">
        <v>10</v>
      </c>
      <c r="D12944" t="s">
        <v>25741</v>
      </c>
      <c r="E12944" t="s">
        <v>34154</v>
      </c>
      <c r="F12944">
        <v>3</v>
      </c>
      <c r="G12944" t="s">
        <v>14</v>
      </c>
      <c r="H12944" t="s">
        <v>25742</v>
      </c>
      <c r="I12944" t="s">
        <v>30540</v>
      </c>
    </row>
    <row r="12945" spans="1:9">
      <c r="A12945" s="1">
        <f ca="1">RAND()</f>
        <v>0.21659586244897266</v>
      </c>
      <c r="B12945" s="1"/>
      <c r="C12945">
        <v>16</v>
      </c>
      <c r="D12945" t="s">
        <v>25737</v>
      </c>
      <c r="E12945" t="s">
        <v>34155</v>
      </c>
      <c r="F12945">
        <v>5</v>
      </c>
      <c r="G12945" t="s">
        <v>14</v>
      </c>
      <c r="H12945" t="s">
        <v>25738</v>
      </c>
      <c r="I12945" t="s">
        <v>30540</v>
      </c>
    </row>
    <row r="12946" spans="1:9">
      <c r="A12946" s="1">
        <f ca="1">RAND()</f>
        <v>0.39142218172032617</v>
      </c>
      <c r="B12946" s="1"/>
      <c r="C12946">
        <v>3</v>
      </c>
      <c r="D12946" t="s">
        <v>25729</v>
      </c>
      <c r="E12946" t="s">
        <v>34155</v>
      </c>
      <c r="F12946">
        <v>5</v>
      </c>
      <c r="G12946" t="s">
        <v>14</v>
      </c>
      <c r="H12946" t="s">
        <v>25730</v>
      </c>
      <c r="I12946" t="s">
        <v>30540</v>
      </c>
    </row>
    <row r="12947" spans="1:9">
      <c r="A12947" s="1">
        <f ca="1">RAND()</f>
        <v>0.20783515271151187</v>
      </c>
      <c r="B12947" s="1"/>
      <c r="C12947">
        <v>11</v>
      </c>
      <c r="D12947" t="s">
        <v>25731</v>
      </c>
      <c r="E12947" t="s">
        <v>34155</v>
      </c>
      <c r="F12947">
        <v>5</v>
      </c>
      <c r="G12947" t="s">
        <v>14</v>
      </c>
      <c r="H12947" t="s">
        <v>25732</v>
      </c>
      <c r="I12947" t="s">
        <v>30540</v>
      </c>
    </row>
    <row r="12948" spans="1:9">
      <c r="A12948" s="1">
        <f ca="1">RAND()</f>
        <v>0.13342181610717363</v>
      </c>
      <c r="B12948" s="1"/>
      <c r="C12948">
        <v>15</v>
      </c>
      <c r="D12948" t="s">
        <v>25735</v>
      </c>
      <c r="E12948" t="s">
        <v>34155</v>
      </c>
      <c r="F12948">
        <v>4</v>
      </c>
      <c r="G12948" t="s">
        <v>14</v>
      </c>
      <c r="H12948" t="s">
        <v>25736</v>
      </c>
      <c r="I12948" t="s">
        <v>30540</v>
      </c>
    </row>
    <row r="12949" spans="1:9">
      <c r="A12949" s="1">
        <f ca="1">RAND()</f>
        <v>0.99435078446768266</v>
      </c>
      <c r="B12949" s="1"/>
      <c r="C12949">
        <v>18</v>
      </c>
      <c r="D12949" t="s">
        <v>25739</v>
      </c>
      <c r="E12949" t="s">
        <v>34155</v>
      </c>
      <c r="F12949">
        <v>4</v>
      </c>
      <c r="G12949" t="s">
        <v>14</v>
      </c>
      <c r="H12949" t="s">
        <v>25740</v>
      </c>
      <c r="I12949" t="s">
        <v>30540</v>
      </c>
    </row>
    <row r="12950" spans="1:9">
      <c r="A12950" s="1">
        <f ca="1">RAND()</f>
        <v>0.7550825826826153</v>
      </c>
      <c r="B12950" s="1"/>
      <c r="C12950">
        <v>14</v>
      </c>
      <c r="D12950" t="s">
        <v>25733</v>
      </c>
      <c r="E12950" t="s">
        <v>34155</v>
      </c>
      <c r="F12950">
        <v>2</v>
      </c>
      <c r="G12950" t="s">
        <v>1</v>
      </c>
      <c r="H12950" t="s">
        <v>25734</v>
      </c>
      <c r="I12950" t="s">
        <v>30540</v>
      </c>
    </row>
    <row r="12951" spans="1:9">
      <c r="A12951" s="1">
        <f ca="1">RAND()</f>
        <v>0.31434508414066875</v>
      </c>
      <c r="B12951" s="1"/>
      <c r="C12951">
        <v>12</v>
      </c>
      <c r="D12951" t="s">
        <v>25725</v>
      </c>
      <c r="E12951" t="s">
        <v>34156</v>
      </c>
      <c r="F12951">
        <v>5</v>
      </c>
      <c r="G12951" t="s">
        <v>14</v>
      </c>
      <c r="H12951" t="s">
        <v>25726</v>
      </c>
      <c r="I12951" t="s">
        <v>30540</v>
      </c>
    </row>
    <row r="12952" spans="1:9">
      <c r="A12952" s="1">
        <f ca="1">RAND()</f>
        <v>0.20259937966228214</v>
      </c>
      <c r="B12952" s="1"/>
      <c r="C12952">
        <v>4</v>
      </c>
      <c r="D12952" t="s">
        <v>25721</v>
      </c>
      <c r="E12952" t="s">
        <v>34156</v>
      </c>
      <c r="F12952">
        <v>5</v>
      </c>
      <c r="G12952" t="s">
        <v>14</v>
      </c>
      <c r="H12952" t="s">
        <v>25722</v>
      </c>
      <c r="I12952" t="s">
        <v>30540</v>
      </c>
    </row>
    <row r="12953" spans="1:9">
      <c r="A12953" s="1">
        <f ca="1">RAND()</f>
        <v>0.76729838327330036</v>
      </c>
      <c r="B12953" s="1"/>
      <c r="C12953">
        <v>15</v>
      </c>
      <c r="D12953" t="s">
        <v>25727</v>
      </c>
      <c r="E12953" t="s">
        <v>34156</v>
      </c>
      <c r="F12953">
        <v>5</v>
      </c>
      <c r="G12953" t="s">
        <v>14</v>
      </c>
      <c r="H12953" t="s">
        <v>25728</v>
      </c>
      <c r="I12953" t="s">
        <v>30540</v>
      </c>
    </row>
    <row r="12954" spans="1:9">
      <c r="A12954" s="1">
        <f ca="1">RAND()</f>
        <v>0.59104342119655628</v>
      </c>
      <c r="B12954" s="1"/>
      <c r="C12954">
        <v>10</v>
      </c>
      <c r="D12954" t="s">
        <v>25723</v>
      </c>
      <c r="E12954" t="s">
        <v>34156</v>
      </c>
      <c r="F12954">
        <v>4</v>
      </c>
      <c r="G12954" t="s">
        <v>14</v>
      </c>
      <c r="H12954" t="s">
        <v>25724</v>
      </c>
      <c r="I12954" t="s">
        <v>30540</v>
      </c>
    </row>
    <row r="12955" spans="1:9">
      <c r="A12955" s="1">
        <f ca="1">RAND()</f>
        <v>0.25407451984161689</v>
      </c>
      <c r="B12955" s="1"/>
      <c r="C12955">
        <v>10</v>
      </c>
      <c r="D12955" t="s">
        <v>25717</v>
      </c>
      <c r="E12955" t="s">
        <v>34157</v>
      </c>
      <c r="F12955">
        <v>4</v>
      </c>
      <c r="G12955" t="s">
        <v>762</v>
      </c>
      <c r="H12955" t="s">
        <v>25718</v>
      </c>
      <c r="I12955" t="s">
        <v>30540</v>
      </c>
    </row>
    <row r="12956" spans="1:9">
      <c r="A12956" s="1">
        <f ca="1">RAND()</f>
        <v>0.77444162733902466</v>
      </c>
      <c r="B12956" s="1"/>
      <c r="C12956">
        <v>17</v>
      </c>
      <c r="D12956" t="s">
        <v>25719</v>
      </c>
      <c r="E12956" t="s">
        <v>34157</v>
      </c>
      <c r="F12956">
        <v>4</v>
      </c>
      <c r="G12956" t="s">
        <v>2229</v>
      </c>
      <c r="H12956" t="s">
        <v>25720</v>
      </c>
      <c r="I12956" t="s">
        <v>30540</v>
      </c>
    </row>
    <row r="12957" spans="1:9">
      <c r="A12957" s="1">
        <f ca="1">RAND()</f>
        <v>0.53324043889500927</v>
      </c>
      <c r="B12957" s="1"/>
      <c r="C12957">
        <v>3</v>
      </c>
      <c r="D12957" t="s">
        <v>25715</v>
      </c>
      <c r="E12957" t="s">
        <v>34157</v>
      </c>
      <c r="F12957">
        <v>4</v>
      </c>
      <c r="G12957" t="s">
        <v>10</v>
      </c>
      <c r="H12957" t="s">
        <v>25716</v>
      </c>
      <c r="I12957" t="s">
        <v>30540</v>
      </c>
    </row>
    <row r="12958" spans="1:9">
      <c r="A12958" s="1">
        <f ca="1">RAND()</f>
        <v>0.72859219923206475</v>
      </c>
      <c r="B12958" s="1"/>
      <c r="C12958">
        <v>8</v>
      </c>
      <c r="D12958" t="s">
        <v>25709</v>
      </c>
      <c r="E12958" t="s">
        <v>34158</v>
      </c>
      <c r="F12958">
        <v>5</v>
      </c>
      <c r="G12958" t="s">
        <v>14</v>
      </c>
      <c r="H12958" t="s">
        <v>25710</v>
      </c>
      <c r="I12958" t="s">
        <v>30540</v>
      </c>
    </row>
    <row r="12959" spans="1:9">
      <c r="A12959" s="1">
        <f ca="1">RAND()</f>
        <v>0.67736284535138425</v>
      </c>
      <c r="B12959" s="1"/>
      <c r="C12959">
        <v>13</v>
      </c>
      <c r="D12959" t="s">
        <v>25713</v>
      </c>
      <c r="E12959" t="s">
        <v>34158</v>
      </c>
      <c r="F12959">
        <v>4</v>
      </c>
      <c r="G12959" t="s">
        <v>13</v>
      </c>
      <c r="H12959" t="s">
        <v>25714</v>
      </c>
      <c r="I12959" t="s">
        <v>30540</v>
      </c>
    </row>
    <row r="12960" spans="1:9">
      <c r="A12960" s="1">
        <f ca="1">RAND()</f>
        <v>0.12709978900531749</v>
      </c>
      <c r="B12960" s="1"/>
      <c r="C12960">
        <v>11</v>
      </c>
      <c r="D12960" t="s">
        <v>25711</v>
      </c>
      <c r="E12960" t="s">
        <v>34158</v>
      </c>
      <c r="F12960">
        <v>4</v>
      </c>
      <c r="G12960" t="s">
        <v>0</v>
      </c>
      <c r="H12960" t="s">
        <v>25712</v>
      </c>
      <c r="I12960" t="s">
        <v>30540</v>
      </c>
    </row>
    <row r="12961" spans="1:9">
      <c r="A12961" s="1">
        <f ca="1">RAND()</f>
        <v>0.2766976965984953</v>
      </c>
      <c r="B12961" s="1"/>
      <c r="C12961">
        <v>17</v>
      </c>
      <c r="D12961" t="s">
        <v>25705</v>
      </c>
      <c r="E12961" t="s">
        <v>34159</v>
      </c>
      <c r="F12961">
        <v>5</v>
      </c>
      <c r="G12961" t="s">
        <v>14</v>
      </c>
      <c r="H12961" t="s">
        <v>25706</v>
      </c>
      <c r="I12961" t="s">
        <v>30540</v>
      </c>
    </row>
    <row r="12962" spans="1:9">
      <c r="A12962" s="1">
        <f ca="1">RAND()</f>
        <v>0.78888964153161933</v>
      </c>
      <c r="B12962" s="1"/>
      <c r="C12962">
        <v>3</v>
      </c>
      <c r="D12962" t="s">
        <v>25699</v>
      </c>
      <c r="E12962" t="s">
        <v>34159</v>
      </c>
      <c r="F12962">
        <v>4</v>
      </c>
      <c r="G12962" t="s">
        <v>2</v>
      </c>
      <c r="H12962" t="s">
        <v>25700</v>
      </c>
      <c r="I12962" t="s">
        <v>30540</v>
      </c>
    </row>
    <row r="12963" spans="1:9">
      <c r="A12963" s="1">
        <f ca="1">RAND()</f>
        <v>0.40320420923406675</v>
      </c>
      <c r="B12963" s="1"/>
      <c r="C12963">
        <v>15</v>
      </c>
      <c r="D12963" t="s">
        <v>25703</v>
      </c>
      <c r="E12963" t="s">
        <v>34159</v>
      </c>
      <c r="F12963">
        <v>4</v>
      </c>
      <c r="G12963" t="s">
        <v>9</v>
      </c>
      <c r="H12963" t="s">
        <v>25704</v>
      </c>
      <c r="I12963" t="s">
        <v>30540</v>
      </c>
    </row>
    <row r="12964" spans="1:9">
      <c r="A12964" s="1">
        <f ca="1">RAND()</f>
        <v>0.64873087940599383</v>
      </c>
      <c r="B12964" s="1"/>
      <c r="C12964">
        <v>4</v>
      </c>
      <c r="D12964" t="s">
        <v>25701</v>
      </c>
      <c r="E12964" t="s">
        <v>34159</v>
      </c>
      <c r="F12964">
        <v>4</v>
      </c>
      <c r="G12964" t="s">
        <v>14</v>
      </c>
      <c r="H12964" t="s">
        <v>25702</v>
      </c>
      <c r="I12964" t="s">
        <v>30540</v>
      </c>
    </row>
    <row r="12965" spans="1:9">
      <c r="A12965" s="1">
        <f ca="1">RAND()</f>
        <v>0.70748058234475386</v>
      </c>
      <c r="B12965" s="1"/>
      <c r="C12965">
        <v>18</v>
      </c>
      <c r="D12965" t="s">
        <v>25707</v>
      </c>
      <c r="E12965" t="s">
        <v>34159</v>
      </c>
      <c r="F12965">
        <v>3</v>
      </c>
      <c r="G12965" t="s">
        <v>14</v>
      </c>
      <c r="H12965" t="s">
        <v>25708</v>
      </c>
      <c r="I12965" t="s">
        <v>30540</v>
      </c>
    </row>
    <row r="12966" spans="1:9">
      <c r="A12966" s="1">
        <f ca="1">RAND()</f>
        <v>0.70546625568869281</v>
      </c>
      <c r="B12966" s="1"/>
      <c r="C12966">
        <v>18</v>
      </c>
      <c r="D12966" t="s">
        <v>25697</v>
      </c>
      <c r="E12966" t="s">
        <v>34160</v>
      </c>
      <c r="F12966">
        <v>5</v>
      </c>
      <c r="G12966" t="s">
        <v>0</v>
      </c>
      <c r="H12966" t="s">
        <v>25698</v>
      </c>
      <c r="I12966" t="s">
        <v>30540</v>
      </c>
    </row>
    <row r="12967" spans="1:9">
      <c r="A12967" s="1">
        <f ca="1">RAND()</f>
        <v>0.26471946941493674</v>
      </c>
      <c r="B12967" s="1"/>
      <c r="C12967">
        <v>9</v>
      </c>
      <c r="D12967" t="s">
        <v>25693</v>
      </c>
      <c r="E12967" t="s">
        <v>34160</v>
      </c>
      <c r="F12967">
        <v>4</v>
      </c>
      <c r="G12967" t="s">
        <v>14</v>
      </c>
      <c r="H12967" t="s">
        <v>25694</v>
      </c>
      <c r="I12967" t="s">
        <v>30540</v>
      </c>
    </row>
    <row r="12968" spans="1:9">
      <c r="A12968" s="1">
        <f ca="1">RAND()</f>
        <v>0.39116048683759552</v>
      </c>
      <c r="B12968" s="1"/>
      <c r="C12968">
        <v>12</v>
      </c>
      <c r="D12968" t="s">
        <v>25695</v>
      </c>
      <c r="E12968" t="s">
        <v>34160</v>
      </c>
      <c r="F12968">
        <v>4</v>
      </c>
      <c r="G12968" t="s">
        <v>14</v>
      </c>
      <c r="H12968" t="s">
        <v>25696</v>
      </c>
      <c r="I12968" t="s">
        <v>30540</v>
      </c>
    </row>
    <row r="12969" spans="1:9">
      <c r="A12969" s="1">
        <f ca="1">RAND()</f>
        <v>0.55514677844524496</v>
      </c>
      <c r="B12969" s="1"/>
      <c r="C12969">
        <v>8</v>
      </c>
      <c r="D12969" t="s">
        <v>25687</v>
      </c>
      <c r="E12969" t="s">
        <v>34161</v>
      </c>
      <c r="F12969">
        <v>4</v>
      </c>
      <c r="G12969" t="s">
        <v>14</v>
      </c>
      <c r="H12969" t="s">
        <v>25688</v>
      </c>
      <c r="I12969" t="s">
        <v>30540</v>
      </c>
    </row>
    <row r="12970" spans="1:9">
      <c r="A12970" s="1">
        <f ca="1">RAND()</f>
        <v>0.73612590501995601</v>
      </c>
      <c r="B12970" s="1"/>
      <c r="C12970">
        <v>20</v>
      </c>
      <c r="D12970" t="s">
        <v>25691</v>
      </c>
      <c r="E12970" t="s">
        <v>34161</v>
      </c>
      <c r="F12970">
        <v>4</v>
      </c>
      <c r="G12970" t="s">
        <v>14</v>
      </c>
      <c r="H12970" t="s">
        <v>25692</v>
      </c>
      <c r="I12970" t="s">
        <v>30540</v>
      </c>
    </row>
    <row r="12971" spans="1:9">
      <c r="A12971" s="1">
        <f ca="1">RAND()</f>
        <v>0.30271569909036455</v>
      </c>
      <c r="B12971" s="1"/>
      <c r="C12971">
        <v>17</v>
      </c>
      <c r="D12971" t="s">
        <v>25689</v>
      </c>
      <c r="E12971" t="s">
        <v>34161</v>
      </c>
      <c r="F12971">
        <v>4</v>
      </c>
      <c r="G12971" t="s">
        <v>0</v>
      </c>
      <c r="H12971" t="s">
        <v>25690</v>
      </c>
      <c r="I12971" t="s">
        <v>30540</v>
      </c>
    </row>
    <row r="12972" spans="1:9">
      <c r="A12972" s="1">
        <f ca="1">RAND()</f>
        <v>0.85969310812736222</v>
      </c>
      <c r="B12972" s="1"/>
      <c r="C12972">
        <v>18</v>
      </c>
      <c r="D12972" t="s">
        <v>25683</v>
      </c>
      <c r="E12972" t="s">
        <v>34162</v>
      </c>
      <c r="F12972">
        <v>5</v>
      </c>
      <c r="G12972" t="s">
        <v>14</v>
      </c>
      <c r="H12972" t="s">
        <v>25684</v>
      </c>
      <c r="I12972" t="s">
        <v>30540</v>
      </c>
    </row>
    <row r="12973" spans="1:9">
      <c r="A12973" s="1">
        <f ca="1">RAND()</f>
        <v>0.51923615413331548</v>
      </c>
      <c r="B12973" s="1"/>
      <c r="C12973">
        <v>5</v>
      </c>
      <c r="D12973" t="s">
        <v>25679</v>
      </c>
      <c r="E12973" t="s">
        <v>34162</v>
      </c>
      <c r="F12973">
        <v>4</v>
      </c>
      <c r="G12973" t="s">
        <v>762</v>
      </c>
      <c r="H12973" t="s">
        <v>25680</v>
      </c>
      <c r="I12973" t="s">
        <v>30540</v>
      </c>
    </row>
    <row r="12974" spans="1:9">
      <c r="A12974" s="1">
        <f ca="1">RAND()</f>
        <v>3.2742445832668388E-2</v>
      </c>
      <c r="B12974" s="1"/>
      <c r="C12974">
        <v>2</v>
      </c>
      <c r="D12974" t="s">
        <v>25677</v>
      </c>
      <c r="E12974" t="s">
        <v>34162</v>
      </c>
      <c r="F12974">
        <v>4</v>
      </c>
      <c r="G12974" t="s">
        <v>769</v>
      </c>
      <c r="H12974" t="s">
        <v>25678</v>
      </c>
      <c r="I12974" t="s">
        <v>30540</v>
      </c>
    </row>
    <row r="12975" spans="1:9">
      <c r="A12975" s="1">
        <f ca="1">RAND()</f>
        <v>0.85298577025410194</v>
      </c>
      <c r="B12975" s="1"/>
      <c r="C12975">
        <v>19</v>
      </c>
      <c r="D12975" t="s">
        <v>25685</v>
      </c>
      <c r="E12975" t="s">
        <v>34162</v>
      </c>
      <c r="F12975">
        <v>4</v>
      </c>
      <c r="G12975" t="s">
        <v>774</v>
      </c>
      <c r="H12975" t="s">
        <v>25686</v>
      </c>
      <c r="I12975" t="s">
        <v>30540</v>
      </c>
    </row>
    <row r="12976" spans="1:9">
      <c r="A12976" s="1">
        <f ca="1">RAND()</f>
        <v>0.60996791678078388</v>
      </c>
      <c r="B12976" s="1"/>
      <c r="C12976">
        <v>16</v>
      </c>
      <c r="D12976" t="s">
        <v>25681</v>
      </c>
      <c r="E12976" t="s">
        <v>34162</v>
      </c>
      <c r="F12976">
        <v>3</v>
      </c>
      <c r="G12976" t="s">
        <v>2</v>
      </c>
      <c r="H12976" t="s">
        <v>25682</v>
      </c>
      <c r="I12976" t="s">
        <v>30540</v>
      </c>
    </row>
    <row r="12977" spans="1:9">
      <c r="A12977" s="1">
        <f ca="1">RAND()</f>
        <v>0.42661314933488348</v>
      </c>
      <c r="B12977" s="1"/>
      <c r="C12977">
        <v>4</v>
      </c>
      <c r="D12977" t="s">
        <v>25669</v>
      </c>
      <c r="E12977" t="s">
        <v>34163</v>
      </c>
      <c r="F12977">
        <v>4</v>
      </c>
      <c r="G12977" t="s">
        <v>14</v>
      </c>
      <c r="H12977" t="s">
        <v>25670</v>
      </c>
      <c r="I12977" t="s">
        <v>30540</v>
      </c>
    </row>
    <row r="12978" spans="1:9">
      <c r="A12978" s="1">
        <f ca="1">RAND()</f>
        <v>0.21521775920164343</v>
      </c>
      <c r="B12978" s="1"/>
      <c r="C12978">
        <v>11</v>
      </c>
      <c r="D12978" t="s">
        <v>25673</v>
      </c>
      <c r="E12978" t="s">
        <v>34163</v>
      </c>
      <c r="F12978">
        <v>4</v>
      </c>
      <c r="G12978" t="s">
        <v>13</v>
      </c>
      <c r="H12978" t="s">
        <v>25674</v>
      </c>
      <c r="I12978" t="s">
        <v>30540</v>
      </c>
    </row>
    <row r="12979" spans="1:9">
      <c r="A12979" s="1">
        <f ca="1">RAND()</f>
        <v>0.88196915599111636</v>
      </c>
      <c r="B12979" s="1"/>
      <c r="C12979">
        <v>5</v>
      </c>
      <c r="D12979" t="s">
        <v>25671</v>
      </c>
      <c r="E12979" t="s">
        <v>34163</v>
      </c>
      <c r="F12979">
        <v>4</v>
      </c>
      <c r="G12979" t="s">
        <v>10</v>
      </c>
      <c r="H12979" t="s">
        <v>25672</v>
      </c>
      <c r="I12979" t="s">
        <v>30540</v>
      </c>
    </row>
    <row r="12980" spans="1:9">
      <c r="A12980" s="1">
        <f ca="1">RAND()</f>
        <v>7.8644446612210595E-2</v>
      </c>
      <c r="B12980" s="1"/>
      <c r="C12980">
        <v>15</v>
      </c>
      <c r="D12980" t="s">
        <v>25675</v>
      </c>
      <c r="E12980" t="s">
        <v>34163</v>
      </c>
      <c r="F12980">
        <v>4</v>
      </c>
      <c r="G12980" t="s">
        <v>0</v>
      </c>
      <c r="H12980" t="s">
        <v>25676</v>
      </c>
      <c r="I12980" t="s">
        <v>30540</v>
      </c>
    </row>
    <row r="12981" spans="1:9">
      <c r="A12981" s="1">
        <f ca="1">RAND()</f>
        <v>0.93284608990315465</v>
      </c>
      <c r="B12981" s="1"/>
      <c r="C12981">
        <v>3</v>
      </c>
      <c r="D12981" t="s">
        <v>25667</v>
      </c>
      <c r="E12981" t="s">
        <v>34163</v>
      </c>
      <c r="F12981">
        <v>4</v>
      </c>
      <c r="G12981" t="s">
        <v>14</v>
      </c>
      <c r="H12981" t="s">
        <v>25668</v>
      </c>
      <c r="I12981" t="s">
        <v>30540</v>
      </c>
    </row>
    <row r="12982" spans="1:9">
      <c r="A12982" s="1">
        <f ca="1">RAND()</f>
        <v>0.52473613257592877</v>
      </c>
      <c r="B12982" s="1"/>
      <c r="C12982">
        <v>12</v>
      </c>
      <c r="D12982" t="s">
        <v>25657</v>
      </c>
      <c r="E12982" t="s">
        <v>34164</v>
      </c>
      <c r="F12982">
        <v>5</v>
      </c>
      <c r="G12982" t="s">
        <v>14</v>
      </c>
      <c r="H12982" t="s">
        <v>25658</v>
      </c>
      <c r="I12982" t="s">
        <v>30540</v>
      </c>
    </row>
    <row r="12983" spans="1:9">
      <c r="A12983" s="1">
        <f ca="1">RAND()</f>
        <v>0.15235730381602874</v>
      </c>
      <c r="B12983" s="1"/>
      <c r="C12983">
        <v>16</v>
      </c>
      <c r="D12983" t="s">
        <v>25665</v>
      </c>
      <c r="E12983" t="s">
        <v>34164</v>
      </c>
      <c r="F12983">
        <v>4</v>
      </c>
      <c r="G12983" t="s">
        <v>13</v>
      </c>
      <c r="H12983" t="s">
        <v>25666</v>
      </c>
      <c r="I12983" t="s">
        <v>30540</v>
      </c>
    </row>
    <row r="12984" spans="1:9">
      <c r="A12984" s="1">
        <f ca="1">RAND()</f>
        <v>0.38786690040700178</v>
      </c>
      <c r="B12984" s="1"/>
      <c r="C12984">
        <v>14</v>
      </c>
      <c r="D12984" t="s">
        <v>25661</v>
      </c>
      <c r="E12984" t="s">
        <v>34164</v>
      </c>
      <c r="F12984">
        <v>4</v>
      </c>
      <c r="G12984" t="s">
        <v>14</v>
      </c>
      <c r="H12984" t="s">
        <v>25662</v>
      </c>
      <c r="I12984" t="s">
        <v>30540</v>
      </c>
    </row>
    <row r="12985" spans="1:9">
      <c r="A12985" s="1">
        <f ca="1">RAND()</f>
        <v>0.38343392479909133</v>
      </c>
      <c r="B12985" s="1"/>
      <c r="C12985">
        <v>13</v>
      </c>
      <c r="D12985" t="s">
        <v>25659</v>
      </c>
      <c r="E12985" t="s">
        <v>34164</v>
      </c>
      <c r="F12985">
        <v>4</v>
      </c>
      <c r="G12985" t="s">
        <v>2</v>
      </c>
      <c r="H12985" t="s">
        <v>25660</v>
      </c>
      <c r="I12985" t="s">
        <v>30540</v>
      </c>
    </row>
    <row r="12986" spans="1:9">
      <c r="A12986" s="1">
        <f ca="1">RAND()</f>
        <v>2.7804328213486995E-2</v>
      </c>
      <c r="B12986" s="1"/>
      <c r="C12986">
        <v>3</v>
      </c>
      <c r="D12986" t="s">
        <v>25655</v>
      </c>
      <c r="E12986" t="s">
        <v>34164</v>
      </c>
      <c r="F12986">
        <v>4</v>
      </c>
      <c r="G12986" t="s">
        <v>9</v>
      </c>
      <c r="H12986" t="s">
        <v>25656</v>
      </c>
      <c r="I12986" t="s">
        <v>30540</v>
      </c>
    </row>
    <row r="12987" spans="1:9">
      <c r="A12987" s="1">
        <f ca="1">RAND()</f>
        <v>0.75665353886315767</v>
      </c>
      <c r="B12987" s="1"/>
      <c r="C12987">
        <v>15</v>
      </c>
      <c r="D12987" t="s">
        <v>25663</v>
      </c>
      <c r="E12987" t="s">
        <v>34164</v>
      </c>
      <c r="F12987">
        <v>4</v>
      </c>
      <c r="G12987" t="s">
        <v>14</v>
      </c>
      <c r="H12987" t="s">
        <v>25664</v>
      </c>
      <c r="I12987" t="s">
        <v>30540</v>
      </c>
    </row>
    <row r="12988" spans="1:9">
      <c r="A12988" s="1">
        <f ca="1">RAND()</f>
        <v>0.51371376748586317</v>
      </c>
      <c r="B12988" s="1"/>
      <c r="C12988">
        <v>7</v>
      </c>
      <c r="D12988" t="s">
        <v>25651</v>
      </c>
      <c r="E12988" t="s">
        <v>34165</v>
      </c>
      <c r="F12988">
        <v>5</v>
      </c>
      <c r="G12988" t="s">
        <v>14</v>
      </c>
      <c r="H12988" t="s">
        <v>25652</v>
      </c>
      <c r="I12988" t="s">
        <v>30540</v>
      </c>
    </row>
    <row r="12989" spans="1:9">
      <c r="A12989" s="1">
        <f ca="1">RAND()</f>
        <v>0.19337806134197</v>
      </c>
      <c r="B12989" s="1"/>
      <c r="C12989">
        <v>3</v>
      </c>
      <c r="D12989" t="s">
        <v>25647</v>
      </c>
      <c r="E12989" t="s">
        <v>34165</v>
      </c>
      <c r="F12989">
        <v>4</v>
      </c>
      <c r="G12989" t="s">
        <v>2</v>
      </c>
      <c r="H12989" t="s">
        <v>25648</v>
      </c>
      <c r="I12989" t="s">
        <v>30540</v>
      </c>
    </row>
    <row r="12990" spans="1:9">
      <c r="A12990" s="1">
        <f ca="1">RAND()</f>
        <v>4.3002040328546709E-2</v>
      </c>
      <c r="B12990" s="1"/>
      <c r="C12990">
        <v>4</v>
      </c>
      <c r="D12990" t="s">
        <v>25649</v>
      </c>
      <c r="E12990" t="s">
        <v>34165</v>
      </c>
      <c r="F12990">
        <v>4</v>
      </c>
      <c r="G12990" t="s">
        <v>15</v>
      </c>
      <c r="H12990" t="s">
        <v>25650</v>
      </c>
      <c r="I12990" t="s">
        <v>30540</v>
      </c>
    </row>
    <row r="12991" spans="1:9">
      <c r="A12991" s="1">
        <f ca="1">RAND()</f>
        <v>0.82266286554474832</v>
      </c>
      <c r="B12991" s="1"/>
      <c r="C12991">
        <v>16</v>
      </c>
      <c r="D12991" t="s">
        <v>25653</v>
      </c>
      <c r="E12991" t="s">
        <v>34165</v>
      </c>
      <c r="F12991">
        <v>4</v>
      </c>
      <c r="G12991" t="s">
        <v>14</v>
      </c>
      <c r="H12991" t="s">
        <v>25654</v>
      </c>
      <c r="I12991" t="s">
        <v>30540</v>
      </c>
    </row>
    <row r="12992" spans="1:9">
      <c r="A12992" s="1">
        <f ca="1">RAND()</f>
        <v>0.59871919105198768</v>
      </c>
      <c r="B12992" s="1"/>
      <c r="C12992">
        <v>11</v>
      </c>
      <c r="D12992" t="s">
        <v>25645</v>
      </c>
      <c r="E12992" t="s">
        <v>34166</v>
      </c>
      <c r="F12992">
        <v>5</v>
      </c>
      <c r="G12992" t="s">
        <v>1</v>
      </c>
      <c r="H12992" t="s">
        <v>25646</v>
      </c>
      <c r="I12992" t="s">
        <v>30540</v>
      </c>
    </row>
    <row r="12993" spans="1:9">
      <c r="A12993" s="1">
        <f ca="1">RAND()</f>
        <v>0.72881602556020453</v>
      </c>
      <c r="B12993" s="1"/>
      <c r="C12993">
        <v>2</v>
      </c>
      <c r="D12993" t="s">
        <v>25635</v>
      </c>
      <c r="E12993" t="s">
        <v>34166</v>
      </c>
      <c r="F12993">
        <v>5</v>
      </c>
      <c r="G12993" t="s">
        <v>14</v>
      </c>
      <c r="H12993" t="s">
        <v>25636</v>
      </c>
      <c r="I12993" t="s">
        <v>30540</v>
      </c>
    </row>
    <row r="12994" spans="1:9">
      <c r="A12994" s="1">
        <f ca="1">RAND()</f>
        <v>0.34090565891711422</v>
      </c>
      <c r="B12994" s="1"/>
      <c r="C12994">
        <v>6</v>
      </c>
      <c r="D12994" t="s">
        <v>25637</v>
      </c>
      <c r="E12994" t="s">
        <v>34166</v>
      </c>
      <c r="F12994">
        <v>4</v>
      </c>
      <c r="G12994" t="s">
        <v>9</v>
      </c>
      <c r="H12994" t="s">
        <v>25638</v>
      </c>
      <c r="I12994" t="s">
        <v>30540</v>
      </c>
    </row>
    <row r="12995" spans="1:9">
      <c r="A12995" s="1">
        <f ca="1">RAND()</f>
        <v>0.24219354472257448</v>
      </c>
      <c r="B12995" s="1"/>
      <c r="C12995">
        <v>7</v>
      </c>
      <c r="D12995" t="s">
        <v>25639</v>
      </c>
      <c r="E12995" t="s">
        <v>34166</v>
      </c>
      <c r="F12995">
        <v>4</v>
      </c>
      <c r="G12995" t="s">
        <v>0</v>
      </c>
      <c r="H12995" t="s">
        <v>25640</v>
      </c>
      <c r="I12995" t="s">
        <v>30540</v>
      </c>
    </row>
    <row r="12996" spans="1:9">
      <c r="A12996" s="1">
        <f ca="1">RAND()</f>
        <v>0.59479206800344542</v>
      </c>
      <c r="B12996" s="1"/>
      <c r="C12996">
        <v>10</v>
      </c>
      <c r="D12996" t="s">
        <v>25643</v>
      </c>
      <c r="E12996" t="s">
        <v>34166</v>
      </c>
      <c r="F12996">
        <v>3</v>
      </c>
      <c r="G12996" t="s">
        <v>14</v>
      </c>
      <c r="H12996" t="s">
        <v>25644</v>
      </c>
      <c r="I12996" t="s">
        <v>30540</v>
      </c>
    </row>
    <row r="12997" spans="1:9">
      <c r="A12997" s="1">
        <f ca="1">RAND()</f>
        <v>0.20265869107586276</v>
      </c>
      <c r="B12997" s="1"/>
      <c r="C12997">
        <v>8</v>
      </c>
      <c r="D12997" t="s">
        <v>25641</v>
      </c>
      <c r="E12997" t="s">
        <v>34166</v>
      </c>
      <c r="F12997">
        <v>3</v>
      </c>
      <c r="G12997" t="s">
        <v>14</v>
      </c>
      <c r="H12997" t="s">
        <v>25642</v>
      </c>
      <c r="I12997" t="s">
        <v>30540</v>
      </c>
    </row>
    <row r="12998" spans="1:9">
      <c r="A12998" s="1">
        <f ca="1">RAND()</f>
        <v>0.8314684262203127</v>
      </c>
      <c r="B12998" s="1"/>
      <c r="C12998">
        <v>19</v>
      </c>
      <c r="D12998" t="s">
        <v>25633</v>
      </c>
      <c r="E12998" t="s">
        <v>34167</v>
      </c>
      <c r="F12998">
        <v>4</v>
      </c>
      <c r="G12998" t="s">
        <v>14</v>
      </c>
      <c r="H12998" t="s">
        <v>25634</v>
      </c>
      <c r="I12998" t="s">
        <v>30540</v>
      </c>
    </row>
    <row r="12999" spans="1:9">
      <c r="A12999" s="1">
        <f ca="1">RAND()</f>
        <v>0.34343781649768979</v>
      </c>
      <c r="B12999" s="1"/>
      <c r="C12999">
        <v>9</v>
      </c>
      <c r="D12999" t="s">
        <v>25631</v>
      </c>
      <c r="E12999" t="s">
        <v>34167</v>
      </c>
      <c r="F12999">
        <v>4</v>
      </c>
      <c r="G12999" t="s">
        <v>769</v>
      </c>
      <c r="H12999" t="s">
        <v>25632</v>
      </c>
      <c r="I12999" t="s">
        <v>30540</v>
      </c>
    </row>
    <row r="13000" spans="1:9">
      <c r="A13000" s="1">
        <f ca="1">RAND()</f>
        <v>0.41390459784291378</v>
      </c>
      <c r="B13000" s="1"/>
      <c r="C13000">
        <v>3</v>
      </c>
      <c r="D13000" t="s">
        <v>25629</v>
      </c>
      <c r="E13000" t="s">
        <v>34167</v>
      </c>
      <c r="F13000">
        <v>2</v>
      </c>
      <c r="G13000" t="s">
        <v>15</v>
      </c>
      <c r="H13000" t="s">
        <v>25630</v>
      </c>
      <c r="I13000" t="s">
        <v>30540</v>
      </c>
    </row>
    <row r="13001" spans="1:9">
      <c r="A13001" s="1">
        <f ca="1">RAND()</f>
        <v>0.19635530486482444</v>
      </c>
      <c r="B13001" s="1"/>
      <c r="C13001">
        <v>1</v>
      </c>
      <c r="D13001" t="s">
        <v>25627</v>
      </c>
      <c r="E13001" t="s">
        <v>34167</v>
      </c>
      <c r="F13001">
        <v>2</v>
      </c>
      <c r="G13001" t="s">
        <v>1431</v>
      </c>
      <c r="H13001" t="s">
        <v>25628</v>
      </c>
      <c r="I13001" t="s">
        <v>30540</v>
      </c>
    </row>
    <row r="13002" spans="1:9">
      <c r="A13002" s="1">
        <f ca="1">RAND()</f>
        <v>0.98016045965661946</v>
      </c>
      <c r="B13002" s="1"/>
      <c r="C13002">
        <v>20</v>
      </c>
      <c r="D13002" t="s">
        <v>25625</v>
      </c>
      <c r="E13002" t="s">
        <v>34168</v>
      </c>
      <c r="F13002">
        <v>5</v>
      </c>
      <c r="G13002" t="s">
        <v>14</v>
      </c>
      <c r="H13002" t="s">
        <v>25626</v>
      </c>
      <c r="I13002" t="s">
        <v>30540</v>
      </c>
    </row>
    <row r="13003" spans="1:9">
      <c r="A13003" s="1">
        <f ca="1">RAND()</f>
        <v>0.33998433982790544</v>
      </c>
      <c r="B13003" s="1"/>
      <c r="C13003">
        <v>13</v>
      </c>
      <c r="D13003" t="s">
        <v>25621</v>
      </c>
      <c r="E13003" t="s">
        <v>34168</v>
      </c>
      <c r="F13003">
        <v>5</v>
      </c>
      <c r="G13003" t="s">
        <v>14</v>
      </c>
      <c r="H13003" t="s">
        <v>25622</v>
      </c>
      <c r="I13003" t="s">
        <v>30540</v>
      </c>
    </row>
    <row r="13004" spans="1:9">
      <c r="A13004" s="1">
        <f ca="1">RAND()</f>
        <v>0.58650211682327513</v>
      </c>
      <c r="B13004" s="1"/>
      <c r="C13004">
        <v>15</v>
      </c>
      <c r="D13004" t="s">
        <v>25623</v>
      </c>
      <c r="E13004" t="s">
        <v>34168</v>
      </c>
      <c r="F13004">
        <v>4</v>
      </c>
      <c r="G13004" t="s">
        <v>14</v>
      </c>
      <c r="H13004" t="s">
        <v>25624</v>
      </c>
      <c r="I13004" t="s">
        <v>30540</v>
      </c>
    </row>
    <row r="13005" spans="1:9">
      <c r="A13005" s="1">
        <f ca="1">RAND()</f>
        <v>0.86039342862054136</v>
      </c>
      <c r="B13005" s="1"/>
      <c r="C13005">
        <v>20</v>
      </c>
      <c r="D13005" t="s">
        <v>25619</v>
      </c>
      <c r="E13005" t="s">
        <v>34169</v>
      </c>
      <c r="F13005">
        <v>4</v>
      </c>
      <c r="G13005" t="s">
        <v>14</v>
      </c>
      <c r="H13005" t="s">
        <v>25620</v>
      </c>
      <c r="I13005" t="s">
        <v>30540</v>
      </c>
    </row>
    <row r="13006" spans="1:9">
      <c r="A13006" s="1">
        <f ca="1">RAND()</f>
        <v>0.84048060953213433</v>
      </c>
      <c r="B13006" s="1"/>
      <c r="C13006">
        <v>10</v>
      </c>
      <c r="D13006" t="s">
        <v>25615</v>
      </c>
      <c r="E13006" t="s">
        <v>34169</v>
      </c>
      <c r="F13006">
        <v>4</v>
      </c>
      <c r="G13006" t="s">
        <v>14</v>
      </c>
      <c r="H13006" t="s">
        <v>25616</v>
      </c>
      <c r="I13006" t="s">
        <v>30540</v>
      </c>
    </row>
    <row r="13007" spans="1:9">
      <c r="A13007" s="1">
        <f ca="1">RAND()</f>
        <v>6.5501811880148808E-2</v>
      </c>
      <c r="B13007" s="1"/>
      <c r="C13007">
        <v>13</v>
      </c>
      <c r="D13007" t="s">
        <v>25617</v>
      </c>
      <c r="E13007" t="s">
        <v>34169</v>
      </c>
      <c r="F13007">
        <v>4</v>
      </c>
      <c r="G13007" t="s">
        <v>14</v>
      </c>
      <c r="H13007" t="s">
        <v>25618</v>
      </c>
      <c r="I13007" t="s">
        <v>30540</v>
      </c>
    </row>
    <row r="13008" spans="1:9">
      <c r="A13008" s="1">
        <f ca="1">RAND()</f>
        <v>0.33406399640034634</v>
      </c>
      <c r="B13008" s="1"/>
      <c r="C13008">
        <v>3</v>
      </c>
      <c r="D13008" t="s">
        <v>25613</v>
      </c>
      <c r="E13008" t="s">
        <v>34169</v>
      </c>
      <c r="F13008">
        <v>4</v>
      </c>
      <c r="G13008" t="s">
        <v>9</v>
      </c>
      <c r="H13008" t="s">
        <v>25614</v>
      </c>
      <c r="I13008" t="s">
        <v>30540</v>
      </c>
    </row>
    <row r="13009" spans="1:9">
      <c r="A13009" s="1">
        <f ca="1">RAND()</f>
        <v>0.40132754500813439</v>
      </c>
      <c r="B13009" s="1"/>
      <c r="C13009">
        <v>2</v>
      </c>
      <c r="D13009" t="s">
        <v>25607</v>
      </c>
      <c r="E13009" t="s">
        <v>34170</v>
      </c>
      <c r="F13009">
        <v>4</v>
      </c>
      <c r="G13009" t="s">
        <v>9</v>
      </c>
      <c r="H13009" t="s">
        <v>25608</v>
      </c>
      <c r="I13009" t="s">
        <v>30540</v>
      </c>
    </row>
    <row r="13010" spans="1:9">
      <c r="A13010" s="1">
        <f ca="1">RAND()</f>
        <v>4.7523894593513916E-2</v>
      </c>
      <c r="B13010" s="1"/>
      <c r="C13010">
        <v>12</v>
      </c>
      <c r="D13010" t="s">
        <v>25611</v>
      </c>
      <c r="E13010" t="s">
        <v>34170</v>
      </c>
      <c r="F13010">
        <v>3</v>
      </c>
      <c r="G13010" t="s">
        <v>14</v>
      </c>
      <c r="H13010" t="s">
        <v>25612</v>
      </c>
      <c r="I13010" t="s">
        <v>30540</v>
      </c>
    </row>
    <row r="13011" spans="1:9">
      <c r="A13011" s="1">
        <f ca="1">RAND()</f>
        <v>0.38031490223140552</v>
      </c>
      <c r="B13011" s="1"/>
      <c r="C13011">
        <v>4</v>
      </c>
      <c r="D13011" t="s">
        <v>25609</v>
      </c>
      <c r="E13011" t="s">
        <v>34170</v>
      </c>
      <c r="F13011">
        <v>1</v>
      </c>
      <c r="G13011" t="s">
        <v>14</v>
      </c>
      <c r="H13011" t="s">
        <v>25610</v>
      </c>
      <c r="I13011" t="s">
        <v>30540</v>
      </c>
    </row>
    <row r="13012" spans="1:9">
      <c r="A13012" s="1">
        <f ca="1">RAND()</f>
        <v>0.18424248127905218</v>
      </c>
      <c r="B13012" s="1"/>
      <c r="C13012">
        <v>10</v>
      </c>
      <c r="D13012" t="s">
        <v>25601</v>
      </c>
      <c r="E13012" t="s">
        <v>34171</v>
      </c>
      <c r="F13012">
        <v>4</v>
      </c>
      <c r="G13012" t="s">
        <v>14</v>
      </c>
      <c r="H13012" t="s">
        <v>25602</v>
      </c>
      <c r="I13012" t="s">
        <v>30540</v>
      </c>
    </row>
    <row r="13013" spans="1:9">
      <c r="A13013" s="1">
        <f ca="1">RAND()</f>
        <v>0.8730679076939446</v>
      </c>
      <c r="B13013" s="1"/>
      <c r="C13013">
        <v>16</v>
      </c>
      <c r="D13013" t="s">
        <v>25603</v>
      </c>
      <c r="E13013" t="s">
        <v>34171</v>
      </c>
      <c r="F13013">
        <v>4</v>
      </c>
      <c r="G13013" t="s">
        <v>14</v>
      </c>
      <c r="H13013" t="s">
        <v>25604</v>
      </c>
      <c r="I13013" t="s">
        <v>30540</v>
      </c>
    </row>
    <row r="13014" spans="1:9">
      <c r="A13014" s="1">
        <f ca="1">RAND()</f>
        <v>0.2236160290604372</v>
      </c>
      <c r="B13014" s="1"/>
      <c r="C13014">
        <v>17</v>
      </c>
      <c r="D13014" t="s">
        <v>25605</v>
      </c>
      <c r="E13014" t="s">
        <v>34171</v>
      </c>
      <c r="F13014">
        <v>4</v>
      </c>
      <c r="G13014" t="s">
        <v>14</v>
      </c>
      <c r="H13014" t="s">
        <v>25606</v>
      </c>
      <c r="I13014" t="s">
        <v>30540</v>
      </c>
    </row>
    <row r="13015" spans="1:9">
      <c r="A13015" s="1">
        <f ca="1">RAND()</f>
        <v>0.13715295046461395</v>
      </c>
      <c r="B13015" s="1"/>
      <c r="C13015">
        <v>11</v>
      </c>
      <c r="D13015" t="s">
        <v>25597</v>
      </c>
      <c r="E13015" t="s">
        <v>34172</v>
      </c>
      <c r="F13015">
        <v>4</v>
      </c>
      <c r="G13015" t="s">
        <v>14</v>
      </c>
      <c r="H13015" t="s">
        <v>25598</v>
      </c>
      <c r="I13015" t="s">
        <v>30540</v>
      </c>
    </row>
    <row r="13016" spans="1:9">
      <c r="A13016" s="1">
        <f ca="1">RAND()</f>
        <v>0.76835867267801172</v>
      </c>
      <c r="B13016" s="1"/>
      <c r="C13016">
        <v>20</v>
      </c>
      <c r="D13016" t="s">
        <v>25599</v>
      </c>
      <c r="E13016" t="s">
        <v>34172</v>
      </c>
      <c r="F13016">
        <v>3</v>
      </c>
      <c r="G13016" t="s">
        <v>1431</v>
      </c>
      <c r="H13016" t="s">
        <v>25600</v>
      </c>
      <c r="I13016" t="s">
        <v>30540</v>
      </c>
    </row>
    <row r="13017" spans="1:9">
      <c r="A13017" s="1">
        <f ca="1">RAND()</f>
        <v>0.65966648812533135</v>
      </c>
      <c r="B13017" s="1"/>
      <c r="C13017">
        <v>13</v>
      </c>
      <c r="D13017" t="s">
        <v>25595</v>
      </c>
      <c r="E13017" t="s">
        <v>34173</v>
      </c>
      <c r="F13017">
        <v>4</v>
      </c>
      <c r="G13017" t="s">
        <v>14</v>
      </c>
      <c r="H13017" t="s">
        <v>25596</v>
      </c>
      <c r="I13017" t="s">
        <v>30540</v>
      </c>
    </row>
    <row r="13018" spans="1:9">
      <c r="A13018" s="1">
        <f ca="1">RAND()</f>
        <v>0.45298044491963918</v>
      </c>
      <c r="B13018" s="1"/>
      <c r="C13018">
        <v>11</v>
      </c>
      <c r="D13018" t="s">
        <v>25593</v>
      </c>
      <c r="E13018" t="s">
        <v>34173</v>
      </c>
      <c r="F13018">
        <v>3</v>
      </c>
      <c r="G13018" t="s">
        <v>14</v>
      </c>
      <c r="H13018" t="s">
        <v>25594</v>
      </c>
      <c r="I13018" t="s">
        <v>30540</v>
      </c>
    </row>
    <row r="13019" spans="1:9">
      <c r="A13019" s="1">
        <f ca="1">RAND()</f>
        <v>0.34600374899839104</v>
      </c>
      <c r="B13019" s="1"/>
      <c r="C13019">
        <v>3</v>
      </c>
      <c r="D13019" t="s">
        <v>25591</v>
      </c>
      <c r="E13019" t="s">
        <v>34173</v>
      </c>
      <c r="F13019">
        <v>2</v>
      </c>
      <c r="G13019" t="s">
        <v>14</v>
      </c>
      <c r="H13019" t="s">
        <v>25592</v>
      </c>
      <c r="I13019" t="s">
        <v>30540</v>
      </c>
    </row>
    <row r="13020" spans="1:9">
      <c r="A13020" s="1">
        <f ca="1">RAND()</f>
        <v>0.58793532651909131</v>
      </c>
      <c r="B13020" s="1"/>
      <c r="C13020">
        <v>18</v>
      </c>
      <c r="D13020" t="s">
        <v>25589</v>
      </c>
      <c r="E13020" t="s">
        <v>34174</v>
      </c>
      <c r="F13020">
        <v>4</v>
      </c>
      <c r="G13020" t="s">
        <v>10</v>
      </c>
      <c r="H13020" t="s">
        <v>25590</v>
      </c>
      <c r="I13020" t="s">
        <v>30540</v>
      </c>
    </row>
    <row r="13021" spans="1:9">
      <c r="A13021" s="1">
        <f ca="1">RAND()</f>
        <v>0.4685222877286217</v>
      </c>
      <c r="B13021" s="1"/>
      <c r="C13021">
        <v>15</v>
      </c>
      <c r="D13021" t="s">
        <v>25587</v>
      </c>
      <c r="E13021" t="s">
        <v>34174</v>
      </c>
      <c r="F13021">
        <v>4</v>
      </c>
      <c r="G13021" t="s">
        <v>10</v>
      </c>
      <c r="H13021" t="s">
        <v>25588</v>
      </c>
      <c r="I13021" t="s">
        <v>30540</v>
      </c>
    </row>
    <row r="13022" spans="1:9">
      <c r="A13022" s="1">
        <f ca="1">RAND()</f>
        <v>5.4576127523771056E-3</v>
      </c>
      <c r="B13022" s="1"/>
      <c r="C13022">
        <v>3</v>
      </c>
      <c r="D13022" t="s">
        <v>25585</v>
      </c>
      <c r="E13022" t="s">
        <v>34174</v>
      </c>
      <c r="F13022">
        <v>4</v>
      </c>
      <c r="G13022" t="s">
        <v>15</v>
      </c>
      <c r="H13022" t="s">
        <v>25586</v>
      </c>
      <c r="I13022" t="s">
        <v>30540</v>
      </c>
    </row>
    <row r="13023" spans="1:9">
      <c r="A13023" s="1">
        <f ca="1">RAND()</f>
        <v>0.91972145842411102</v>
      </c>
      <c r="B13023" s="1"/>
      <c r="C13023">
        <v>1</v>
      </c>
      <c r="D13023" t="s">
        <v>25577</v>
      </c>
      <c r="E13023" t="s">
        <v>34175</v>
      </c>
      <c r="F13023">
        <v>4</v>
      </c>
      <c r="G13023" t="s">
        <v>9</v>
      </c>
      <c r="H13023" t="s">
        <v>25578</v>
      </c>
      <c r="I13023" t="s">
        <v>30540</v>
      </c>
    </row>
    <row r="13024" spans="1:9">
      <c r="A13024" s="1">
        <f ca="1">RAND()</f>
        <v>0.20794966664957903</v>
      </c>
      <c r="B13024" s="1"/>
      <c r="C13024">
        <v>11</v>
      </c>
      <c r="D13024" t="s">
        <v>25579</v>
      </c>
      <c r="E13024" t="s">
        <v>34175</v>
      </c>
      <c r="F13024">
        <v>4</v>
      </c>
      <c r="G13024" t="s">
        <v>14</v>
      </c>
      <c r="H13024" t="s">
        <v>25580</v>
      </c>
      <c r="I13024" t="s">
        <v>30540</v>
      </c>
    </row>
    <row r="13025" spans="1:9">
      <c r="A13025" s="1">
        <f ca="1">RAND()</f>
        <v>0.43091722474347527</v>
      </c>
      <c r="B13025" s="1"/>
      <c r="C13025">
        <v>19</v>
      </c>
      <c r="D13025" t="s">
        <v>25583</v>
      </c>
      <c r="E13025" t="s">
        <v>34175</v>
      </c>
      <c r="F13025">
        <v>4</v>
      </c>
      <c r="G13025" t="s">
        <v>14</v>
      </c>
      <c r="H13025" t="s">
        <v>25584</v>
      </c>
      <c r="I13025" t="s">
        <v>30540</v>
      </c>
    </row>
    <row r="13026" spans="1:9">
      <c r="A13026" s="1">
        <f ca="1">RAND()</f>
        <v>0.17905148331527432</v>
      </c>
      <c r="B13026" s="1"/>
      <c r="C13026">
        <v>14</v>
      </c>
      <c r="D13026" t="s">
        <v>25581</v>
      </c>
      <c r="E13026" t="s">
        <v>34175</v>
      </c>
      <c r="F13026">
        <v>3</v>
      </c>
      <c r="G13026" t="s">
        <v>14</v>
      </c>
      <c r="H13026" t="s">
        <v>25582</v>
      </c>
      <c r="I13026" t="s">
        <v>30540</v>
      </c>
    </row>
    <row r="13027" spans="1:9">
      <c r="A13027" s="1">
        <f ca="1">RAND()</f>
        <v>0.93409594156408582</v>
      </c>
      <c r="B13027" s="1"/>
      <c r="C13027">
        <v>18</v>
      </c>
      <c r="D13027" t="s">
        <v>25573</v>
      </c>
      <c r="E13027" t="s">
        <v>34176</v>
      </c>
      <c r="F13027">
        <v>4</v>
      </c>
      <c r="G13027" t="s">
        <v>14</v>
      </c>
      <c r="H13027" t="s">
        <v>25574</v>
      </c>
      <c r="I13027" t="s">
        <v>30540</v>
      </c>
    </row>
    <row r="13028" spans="1:9">
      <c r="A13028" s="1">
        <f ca="1">RAND()</f>
        <v>0.74852474894029719</v>
      </c>
      <c r="B13028" s="1"/>
      <c r="C13028">
        <v>11</v>
      </c>
      <c r="D13028" t="s">
        <v>25571</v>
      </c>
      <c r="E13028" t="s">
        <v>34176</v>
      </c>
      <c r="F13028">
        <v>4</v>
      </c>
      <c r="G13028" t="s">
        <v>14</v>
      </c>
      <c r="H13028" t="s">
        <v>25572</v>
      </c>
      <c r="I13028" t="s">
        <v>30540</v>
      </c>
    </row>
    <row r="13029" spans="1:9">
      <c r="A13029" s="1">
        <f ca="1">RAND()</f>
        <v>0.50076738215894079</v>
      </c>
      <c r="B13029" s="1"/>
      <c r="C13029">
        <v>19</v>
      </c>
      <c r="D13029" t="s">
        <v>25575</v>
      </c>
      <c r="E13029" t="s">
        <v>34176</v>
      </c>
      <c r="F13029">
        <v>3</v>
      </c>
      <c r="G13029" t="s">
        <v>14</v>
      </c>
      <c r="H13029" t="s">
        <v>25576</v>
      </c>
      <c r="I13029" t="s">
        <v>30540</v>
      </c>
    </row>
    <row r="13030" spans="1:9">
      <c r="A13030" s="1">
        <f ca="1">RAND()</f>
        <v>0.91557210189379346</v>
      </c>
      <c r="B13030" s="1"/>
      <c r="C13030">
        <v>20</v>
      </c>
      <c r="D13030" t="s">
        <v>25569</v>
      </c>
      <c r="E13030" t="s">
        <v>34177</v>
      </c>
      <c r="F13030">
        <v>5</v>
      </c>
      <c r="G13030" t="s">
        <v>770</v>
      </c>
      <c r="H13030" t="s">
        <v>25570</v>
      </c>
      <c r="I13030" t="s">
        <v>30540</v>
      </c>
    </row>
    <row r="13031" spans="1:9">
      <c r="A13031" s="1">
        <f ca="1">RAND()</f>
        <v>0.50971968150670122</v>
      </c>
      <c r="B13031" s="1"/>
      <c r="C13031">
        <v>7</v>
      </c>
      <c r="D13031" t="s">
        <v>25567</v>
      </c>
      <c r="E13031" t="s">
        <v>34177</v>
      </c>
      <c r="F13031">
        <v>4</v>
      </c>
      <c r="G13031" t="s">
        <v>771</v>
      </c>
      <c r="H13031" t="s">
        <v>25568</v>
      </c>
      <c r="I13031" t="s">
        <v>30540</v>
      </c>
    </row>
    <row r="13032" spans="1:9">
      <c r="A13032" s="1">
        <f ca="1">RAND()</f>
        <v>7.6340922754706497E-2</v>
      </c>
      <c r="B13032" s="1"/>
      <c r="C13032">
        <v>12</v>
      </c>
      <c r="D13032" t="s">
        <v>25563</v>
      </c>
      <c r="E13032" t="s">
        <v>34178</v>
      </c>
      <c r="F13032">
        <v>5</v>
      </c>
      <c r="G13032" t="s">
        <v>14</v>
      </c>
      <c r="H13032" t="s">
        <v>25564</v>
      </c>
      <c r="I13032" t="s">
        <v>30540</v>
      </c>
    </row>
    <row r="13033" spans="1:9">
      <c r="A13033" s="1">
        <f ca="1">RAND()</f>
        <v>0.30508794316715238</v>
      </c>
      <c r="B13033" s="1"/>
      <c r="C13033">
        <v>13</v>
      </c>
      <c r="D13033" t="s">
        <v>25565</v>
      </c>
      <c r="E13033" t="s">
        <v>34178</v>
      </c>
      <c r="F13033">
        <v>4</v>
      </c>
      <c r="G13033" t="s">
        <v>14</v>
      </c>
      <c r="H13033" t="s">
        <v>25566</v>
      </c>
      <c r="I13033" t="s">
        <v>30540</v>
      </c>
    </row>
    <row r="13034" spans="1:9">
      <c r="A13034" s="1">
        <f ca="1">RAND()</f>
        <v>0.51588802846774118</v>
      </c>
      <c r="B13034" s="1"/>
      <c r="C13034">
        <v>10</v>
      </c>
      <c r="D13034" t="s">
        <v>25561</v>
      </c>
      <c r="E13034" t="s">
        <v>34178</v>
      </c>
      <c r="F13034">
        <v>4</v>
      </c>
      <c r="G13034" t="s">
        <v>2</v>
      </c>
      <c r="H13034" t="s">
        <v>25562</v>
      </c>
      <c r="I13034" t="s">
        <v>30540</v>
      </c>
    </row>
    <row r="13035" spans="1:9">
      <c r="A13035" s="1">
        <f ca="1">RAND()</f>
        <v>0.11678468139410703</v>
      </c>
      <c r="B13035" s="1"/>
      <c r="C13035">
        <v>10</v>
      </c>
      <c r="D13035" t="s">
        <v>25555</v>
      </c>
      <c r="E13035" t="s">
        <v>34179</v>
      </c>
      <c r="F13035">
        <v>5</v>
      </c>
      <c r="G13035" t="s">
        <v>14</v>
      </c>
      <c r="H13035" t="s">
        <v>25556</v>
      </c>
      <c r="I13035" t="s">
        <v>30540</v>
      </c>
    </row>
    <row r="13036" spans="1:9">
      <c r="A13036" s="1">
        <f ca="1">RAND()</f>
        <v>0.52433974171506115</v>
      </c>
      <c r="B13036" s="1"/>
      <c r="C13036">
        <v>18</v>
      </c>
      <c r="D13036" t="s">
        <v>25559</v>
      </c>
      <c r="E13036" t="s">
        <v>34179</v>
      </c>
      <c r="F13036">
        <v>5</v>
      </c>
      <c r="G13036" t="s">
        <v>14</v>
      </c>
      <c r="H13036" t="s">
        <v>25560</v>
      </c>
      <c r="I13036" t="s">
        <v>30540</v>
      </c>
    </row>
    <row r="13037" spans="1:9">
      <c r="A13037" s="1">
        <f ca="1">RAND()</f>
        <v>8.7052244894184283E-2</v>
      </c>
      <c r="B13037" s="1"/>
      <c r="C13037">
        <v>17</v>
      </c>
      <c r="D13037" t="s">
        <v>25557</v>
      </c>
      <c r="E13037" t="s">
        <v>34179</v>
      </c>
      <c r="F13037">
        <v>1</v>
      </c>
      <c r="G13037" t="s">
        <v>14</v>
      </c>
      <c r="H13037" t="s">
        <v>25558</v>
      </c>
      <c r="I13037" t="s">
        <v>30540</v>
      </c>
    </row>
    <row r="13038" spans="1:9">
      <c r="A13038" s="1">
        <f ca="1">RAND()</f>
        <v>0.14081064823756217</v>
      </c>
      <c r="B13038" s="1"/>
      <c r="C13038">
        <v>9</v>
      </c>
      <c r="D13038" t="s">
        <v>25553</v>
      </c>
      <c r="E13038" t="s">
        <v>34180</v>
      </c>
      <c r="F13038">
        <v>5</v>
      </c>
      <c r="G13038" t="s">
        <v>14</v>
      </c>
      <c r="H13038" t="s">
        <v>25554</v>
      </c>
      <c r="I13038" t="s">
        <v>30540</v>
      </c>
    </row>
    <row r="13039" spans="1:9">
      <c r="A13039" s="1">
        <f ca="1">RAND()</f>
        <v>0.71417542921761668</v>
      </c>
      <c r="B13039" s="1"/>
      <c r="C13039">
        <v>1</v>
      </c>
      <c r="D13039" t="s">
        <v>25551</v>
      </c>
      <c r="E13039" t="s">
        <v>34180</v>
      </c>
      <c r="F13039">
        <v>4</v>
      </c>
      <c r="G13039" t="s">
        <v>14</v>
      </c>
      <c r="H13039" t="s">
        <v>25552</v>
      </c>
      <c r="I13039" t="s">
        <v>30540</v>
      </c>
    </row>
    <row r="13040" spans="1:9">
      <c r="A13040" s="1">
        <f ca="1">RAND()</f>
        <v>0.60399562002259966</v>
      </c>
      <c r="B13040" s="1"/>
      <c r="C13040">
        <v>19</v>
      </c>
      <c r="D13040" t="s">
        <v>25549</v>
      </c>
      <c r="E13040" t="s">
        <v>34181</v>
      </c>
      <c r="F13040">
        <v>4</v>
      </c>
      <c r="G13040" t="s">
        <v>14</v>
      </c>
      <c r="H13040" t="s">
        <v>25550</v>
      </c>
      <c r="I13040" t="s">
        <v>30540</v>
      </c>
    </row>
    <row r="13041" spans="1:9">
      <c r="A13041" s="1">
        <f ca="1">RAND()</f>
        <v>8.8396667481462576E-2</v>
      </c>
      <c r="B13041" s="1"/>
      <c r="C13041">
        <v>13</v>
      </c>
      <c r="D13041" t="s">
        <v>25545</v>
      </c>
      <c r="E13041" t="s">
        <v>34181</v>
      </c>
      <c r="F13041">
        <v>4</v>
      </c>
      <c r="G13041" t="s">
        <v>14</v>
      </c>
      <c r="H13041" t="s">
        <v>25546</v>
      </c>
      <c r="I13041" t="s">
        <v>30540</v>
      </c>
    </row>
    <row r="13042" spans="1:9">
      <c r="A13042" s="1">
        <f ca="1">RAND()</f>
        <v>0.3886218901501105</v>
      </c>
      <c r="B13042" s="1"/>
      <c r="C13042">
        <v>15</v>
      </c>
      <c r="D13042" t="s">
        <v>25547</v>
      </c>
      <c r="E13042" t="s">
        <v>34181</v>
      </c>
      <c r="F13042">
        <v>3</v>
      </c>
      <c r="G13042" t="s">
        <v>9</v>
      </c>
      <c r="H13042" t="s">
        <v>25548</v>
      </c>
      <c r="I13042" t="s">
        <v>30540</v>
      </c>
    </row>
    <row r="13043" spans="1:9">
      <c r="A13043" s="1">
        <f ca="1">RAND()</f>
        <v>0.6612221274891551</v>
      </c>
      <c r="B13043" s="1"/>
      <c r="C13043">
        <v>9</v>
      </c>
      <c r="D13043" t="s">
        <v>25541</v>
      </c>
      <c r="E13043" t="s">
        <v>34182</v>
      </c>
      <c r="F13043">
        <v>4</v>
      </c>
      <c r="G13043" t="s">
        <v>1</v>
      </c>
      <c r="H13043" t="s">
        <v>25542</v>
      </c>
      <c r="I13043" t="s">
        <v>30540</v>
      </c>
    </row>
    <row r="13044" spans="1:9">
      <c r="A13044" s="1">
        <f ca="1">RAND()</f>
        <v>0.34409990309118266</v>
      </c>
      <c r="B13044" s="1"/>
      <c r="C13044">
        <v>2</v>
      </c>
      <c r="D13044" t="s">
        <v>25535</v>
      </c>
      <c r="E13044" t="s">
        <v>34182</v>
      </c>
      <c r="F13044">
        <v>4</v>
      </c>
      <c r="G13044" t="s">
        <v>10</v>
      </c>
      <c r="H13044" t="s">
        <v>25536</v>
      </c>
      <c r="I13044" t="s">
        <v>30540</v>
      </c>
    </row>
    <row r="13045" spans="1:9">
      <c r="A13045" s="1">
        <f ca="1">RAND()</f>
        <v>0.32390071047922531</v>
      </c>
      <c r="B13045" s="1"/>
      <c r="C13045">
        <v>4</v>
      </c>
      <c r="D13045" t="s">
        <v>25537</v>
      </c>
      <c r="E13045" t="s">
        <v>34182</v>
      </c>
      <c r="F13045">
        <v>4</v>
      </c>
      <c r="G13045" t="s">
        <v>1426</v>
      </c>
      <c r="H13045" t="s">
        <v>25538</v>
      </c>
      <c r="I13045" t="s">
        <v>30540</v>
      </c>
    </row>
    <row r="13046" spans="1:9">
      <c r="A13046" s="1">
        <f ca="1">RAND()</f>
        <v>0.51973262445973101</v>
      </c>
      <c r="B13046" s="1"/>
      <c r="C13046">
        <v>8</v>
      </c>
      <c r="D13046" t="s">
        <v>25539</v>
      </c>
      <c r="E13046" t="s">
        <v>34182</v>
      </c>
      <c r="F13046">
        <v>4</v>
      </c>
      <c r="G13046" t="s">
        <v>1295</v>
      </c>
      <c r="H13046" t="s">
        <v>25540</v>
      </c>
      <c r="I13046" t="s">
        <v>30540</v>
      </c>
    </row>
    <row r="13047" spans="1:9">
      <c r="A13047" s="1">
        <f ca="1">RAND()</f>
        <v>0.24549584265151281</v>
      </c>
      <c r="B13047" s="1"/>
      <c r="C13047">
        <v>18</v>
      </c>
      <c r="D13047" t="s">
        <v>25543</v>
      </c>
      <c r="E13047" t="s">
        <v>34182</v>
      </c>
      <c r="F13047">
        <v>3</v>
      </c>
      <c r="G13047" t="s">
        <v>2738</v>
      </c>
      <c r="H13047" t="s">
        <v>25544</v>
      </c>
      <c r="I13047" t="s">
        <v>30540</v>
      </c>
    </row>
    <row r="13048" spans="1:9">
      <c r="A13048" s="1">
        <f ca="1">RAND()</f>
        <v>0.77551727026519579</v>
      </c>
      <c r="B13048" s="1"/>
      <c r="C13048">
        <v>11</v>
      </c>
      <c r="D13048" t="s">
        <v>25531</v>
      </c>
      <c r="E13048" t="s">
        <v>34183</v>
      </c>
      <c r="F13048">
        <v>5</v>
      </c>
      <c r="G13048" t="s">
        <v>14</v>
      </c>
      <c r="H13048" t="s">
        <v>25532</v>
      </c>
      <c r="I13048" t="s">
        <v>30540</v>
      </c>
    </row>
    <row r="13049" spans="1:9">
      <c r="A13049" s="1">
        <f ca="1">RAND()</f>
        <v>0.25974232115837936</v>
      </c>
      <c r="B13049" s="1"/>
      <c r="C13049">
        <v>15</v>
      </c>
      <c r="D13049" t="s">
        <v>25533</v>
      </c>
      <c r="E13049" t="s">
        <v>34183</v>
      </c>
      <c r="F13049">
        <v>4</v>
      </c>
      <c r="G13049" t="s">
        <v>14</v>
      </c>
      <c r="H13049" t="s">
        <v>25534</v>
      </c>
      <c r="I13049" t="s">
        <v>30540</v>
      </c>
    </row>
    <row r="13050" spans="1:9">
      <c r="A13050" s="1">
        <f ca="1">RAND()</f>
        <v>0.18250491583666717</v>
      </c>
      <c r="B13050" s="1"/>
      <c r="C13050">
        <v>4</v>
      </c>
      <c r="D13050" t="s">
        <v>25529</v>
      </c>
      <c r="E13050" t="s">
        <v>34183</v>
      </c>
      <c r="F13050">
        <v>4</v>
      </c>
      <c r="G13050" t="s">
        <v>14</v>
      </c>
      <c r="H13050" t="s">
        <v>25530</v>
      </c>
      <c r="I13050" t="s">
        <v>30540</v>
      </c>
    </row>
    <row r="13051" spans="1:9">
      <c r="A13051" s="1">
        <f ca="1">RAND()</f>
        <v>8.6044502716027371E-2</v>
      </c>
      <c r="B13051" s="1"/>
      <c r="C13051">
        <v>9</v>
      </c>
      <c r="D13051" t="s">
        <v>25523</v>
      </c>
      <c r="E13051" t="s">
        <v>34184</v>
      </c>
      <c r="F13051">
        <v>4</v>
      </c>
      <c r="G13051" t="s">
        <v>14</v>
      </c>
      <c r="H13051" t="s">
        <v>25524</v>
      </c>
      <c r="I13051" t="s">
        <v>30540</v>
      </c>
    </row>
    <row r="13052" spans="1:9">
      <c r="A13052" s="1">
        <f ca="1">RAND()</f>
        <v>0.12293751474384229</v>
      </c>
      <c r="B13052" s="1"/>
      <c r="C13052">
        <v>11</v>
      </c>
      <c r="D13052" t="s">
        <v>25525</v>
      </c>
      <c r="E13052" t="s">
        <v>34184</v>
      </c>
      <c r="F13052">
        <v>4</v>
      </c>
      <c r="G13052" t="s">
        <v>14</v>
      </c>
      <c r="H13052" t="s">
        <v>25526</v>
      </c>
      <c r="I13052" t="s">
        <v>30540</v>
      </c>
    </row>
    <row r="13053" spans="1:9">
      <c r="A13053" s="1">
        <f ca="1">RAND()</f>
        <v>0.65661757189395931</v>
      </c>
      <c r="B13053" s="1"/>
      <c r="C13053">
        <v>15</v>
      </c>
      <c r="D13053" t="s">
        <v>25527</v>
      </c>
      <c r="E13053" t="s">
        <v>34184</v>
      </c>
      <c r="F13053">
        <v>4</v>
      </c>
      <c r="G13053" t="s">
        <v>2</v>
      </c>
      <c r="H13053" t="s">
        <v>25528</v>
      </c>
      <c r="I13053" t="s">
        <v>30540</v>
      </c>
    </row>
    <row r="13054" spans="1:9">
      <c r="A13054" s="1">
        <f ca="1">RAND()</f>
        <v>0.75311200092389396</v>
      </c>
      <c r="B13054" s="1"/>
      <c r="C13054">
        <v>7</v>
      </c>
      <c r="D13054" t="s">
        <v>25521</v>
      </c>
      <c r="E13054" t="s">
        <v>34184</v>
      </c>
      <c r="F13054">
        <v>4</v>
      </c>
      <c r="G13054" t="s">
        <v>0</v>
      </c>
      <c r="H13054" t="s">
        <v>25522</v>
      </c>
      <c r="I13054" t="s">
        <v>30540</v>
      </c>
    </row>
    <row r="13055" spans="1:9">
      <c r="A13055" s="1">
        <f ca="1">RAND()</f>
        <v>8.044491257768005E-2</v>
      </c>
      <c r="B13055" s="1"/>
      <c r="C13055">
        <v>3</v>
      </c>
      <c r="D13055" t="s">
        <v>25517</v>
      </c>
      <c r="E13055" t="s">
        <v>34184</v>
      </c>
      <c r="F13055">
        <v>4</v>
      </c>
      <c r="G13055" t="s">
        <v>9</v>
      </c>
      <c r="H13055" t="s">
        <v>25518</v>
      </c>
      <c r="I13055" t="s">
        <v>30540</v>
      </c>
    </row>
    <row r="13056" spans="1:9">
      <c r="A13056" s="1">
        <f ca="1">RAND()</f>
        <v>0.71673349909514383</v>
      </c>
      <c r="B13056" s="1"/>
      <c r="C13056">
        <v>5</v>
      </c>
      <c r="D13056" t="s">
        <v>25519</v>
      </c>
      <c r="E13056" t="s">
        <v>34184</v>
      </c>
      <c r="F13056">
        <v>3</v>
      </c>
      <c r="G13056" t="s">
        <v>9</v>
      </c>
      <c r="H13056" t="s">
        <v>25520</v>
      </c>
      <c r="I13056" t="s">
        <v>30540</v>
      </c>
    </row>
    <row r="13057" spans="1:9">
      <c r="A13057" s="1">
        <f ca="1">RAND()</f>
        <v>5.0540314755217253E-2</v>
      </c>
      <c r="B13057" s="1"/>
      <c r="C13057">
        <v>9</v>
      </c>
      <c r="D13057" t="s">
        <v>25511</v>
      </c>
      <c r="E13057" t="s">
        <v>34185</v>
      </c>
      <c r="F13057">
        <v>5</v>
      </c>
      <c r="G13057" t="s">
        <v>14</v>
      </c>
      <c r="H13057" t="s">
        <v>25512</v>
      </c>
      <c r="I13057" t="s">
        <v>30540</v>
      </c>
    </row>
    <row r="13058" spans="1:9">
      <c r="A13058" s="1">
        <f ca="1">RAND()</f>
        <v>0.49606544886203563</v>
      </c>
      <c r="B13058" s="1"/>
      <c r="C13058">
        <v>3</v>
      </c>
      <c r="D13058" t="s">
        <v>25509</v>
      </c>
      <c r="E13058" t="s">
        <v>34185</v>
      </c>
      <c r="F13058">
        <v>4</v>
      </c>
      <c r="G13058" t="s">
        <v>13</v>
      </c>
      <c r="H13058" t="s">
        <v>25510</v>
      </c>
      <c r="I13058" t="s">
        <v>30540</v>
      </c>
    </row>
    <row r="13059" spans="1:9">
      <c r="A13059" s="1">
        <f ca="1">RAND()</f>
        <v>0.77193725994553786</v>
      </c>
      <c r="B13059" s="1"/>
      <c r="C13059">
        <v>14</v>
      </c>
      <c r="D13059" t="s">
        <v>25513</v>
      </c>
      <c r="E13059" t="s">
        <v>34185</v>
      </c>
      <c r="F13059">
        <v>4</v>
      </c>
      <c r="G13059" t="s">
        <v>14</v>
      </c>
      <c r="H13059" t="s">
        <v>25514</v>
      </c>
      <c r="I13059" t="s">
        <v>30540</v>
      </c>
    </row>
    <row r="13060" spans="1:9">
      <c r="A13060" s="1">
        <f ca="1">RAND()</f>
        <v>5.9862300443373817E-2</v>
      </c>
      <c r="B13060" s="1"/>
      <c r="C13060">
        <v>16</v>
      </c>
      <c r="D13060" t="s">
        <v>25515</v>
      </c>
      <c r="E13060" t="s">
        <v>34185</v>
      </c>
      <c r="F13060">
        <v>3</v>
      </c>
      <c r="G13060" t="s">
        <v>14</v>
      </c>
      <c r="H13060" t="s">
        <v>25516</v>
      </c>
      <c r="I13060" t="s">
        <v>30540</v>
      </c>
    </row>
    <row r="13061" spans="1:9">
      <c r="A13061" s="1">
        <f ca="1">RAND()</f>
        <v>0.64242968498382602</v>
      </c>
      <c r="B13061" s="1"/>
      <c r="C13061">
        <v>6</v>
      </c>
      <c r="D13061" t="s">
        <v>25507</v>
      </c>
      <c r="E13061" t="s">
        <v>34186</v>
      </c>
      <c r="F13061">
        <v>4</v>
      </c>
      <c r="G13061" t="s">
        <v>14</v>
      </c>
      <c r="H13061" t="s">
        <v>25508</v>
      </c>
      <c r="I13061" t="s">
        <v>30540</v>
      </c>
    </row>
    <row r="13062" spans="1:9">
      <c r="A13062" s="1">
        <f ca="1">RAND()</f>
        <v>0.90879160238190737</v>
      </c>
      <c r="B13062" s="1"/>
      <c r="C13062">
        <v>3</v>
      </c>
      <c r="D13062" t="s">
        <v>25505</v>
      </c>
      <c r="E13062" t="s">
        <v>34186</v>
      </c>
      <c r="F13062">
        <v>3</v>
      </c>
      <c r="G13062" t="s">
        <v>9</v>
      </c>
      <c r="H13062" t="s">
        <v>25506</v>
      </c>
      <c r="I13062" t="s">
        <v>30540</v>
      </c>
    </row>
    <row r="13063" spans="1:9">
      <c r="A13063" s="1">
        <f ca="1">RAND()</f>
        <v>0.49101085949053869</v>
      </c>
      <c r="B13063" s="1"/>
      <c r="C13063">
        <v>11</v>
      </c>
      <c r="D13063" t="s">
        <v>25499</v>
      </c>
      <c r="E13063" t="s">
        <v>34187</v>
      </c>
      <c r="F13063">
        <v>4</v>
      </c>
      <c r="G13063" t="s">
        <v>2</v>
      </c>
      <c r="H13063" t="s">
        <v>25500</v>
      </c>
      <c r="I13063" t="s">
        <v>30540</v>
      </c>
    </row>
    <row r="13064" spans="1:9">
      <c r="A13064" s="1">
        <f ca="1">RAND()</f>
        <v>0.29639990751439504</v>
      </c>
      <c r="B13064" s="1"/>
      <c r="C13064">
        <v>14</v>
      </c>
      <c r="D13064" t="s">
        <v>25503</v>
      </c>
      <c r="E13064" t="s">
        <v>34187</v>
      </c>
      <c r="F13064">
        <v>4</v>
      </c>
      <c r="G13064" t="s">
        <v>14</v>
      </c>
      <c r="H13064" t="s">
        <v>25504</v>
      </c>
      <c r="I13064" t="s">
        <v>30540</v>
      </c>
    </row>
    <row r="13065" spans="1:9">
      <c r="A13065" s="1">
        <f ca="1">RAND()</f>
        <v>0.40139621811659865</v>
      </c>
      <c r="B13065" s="1"/>
      <c r="C13065">
        <v>1</v>
      </c>
      <c r="D13065" t="s">
        <v>25497</v>
      </c>
      <c r="E13065" t="s">
        <v>34187</v>
      </c>
      <c r="F13065">
        <v>4</v>
      </c>
      <c r="G13065" t="s">
        <v>10</v>
      </c>
      <c r="H13065" t="s">
        <v>25498</v>
      </c>
      <c r="I13065" t="s">
        <v>30540</v>
      </c>
    </row>
    <row r="13066" spans="1:9">
      <c r="A13066" s="1">
        <f ca="1">RAND()</f>
        <v>0.83874094600003679</v>
      </c>
      <c r="B13066" s="1"/>
      <c r="C13066">
        <v>13</v>
      </c>
      <c r="D13066" t="s">
        <v>25501</v>
      </c>
      <c r="E13066" t="s">
        <v>34187</v>
      </c>
      <c r="F13066">
        <v>4</v>
      </c>
      <c r="G13066" t="s">
        <v>14</v>
      </c>
      <c r="H13066" t="s">
        <v>25502</v>
      </c>
      <c r="I13066" t="s">
        <v>30540</v>
      </c>
    </row>
    <row r="13067" spans="1:9">
      <c r="A13067" s="1">
        <f ca="1">RAND()</f>
        <v>0.21312109675231383</v>
      </c>
      <c r="B13067" s="1"/>
      <c r="C13067">
        <v>20</v>
      </c>
      <c r="D13067" t="s">
        <v>25495</v>
      </c>
      <c r="E13067" t="s">
        <v>34188</v>
      </c>
      <c r="F13067">
        <v>4</v>
      </c>
      <c r="G13067" t="s">
        <v>13</v>
      </c>
      <c r="H13067" t="s">
        <v>25496</v>
      </c>
      <c r="I13067" t="s">
        <v>30540</v>
      </c>
    </row>
    <row r="13068" spans="1:9">
      <c r="A13068" s="1">
        <f ca="1">RAND()</f>
        <v>0.67702854890339903</v>
      </c>
      <c r="B13068" s="1"/>
      <c r="C13068">
        <v>9</v>
      </c>
      <c r="D13068" t="s">
        <v>25491</v>
      </c>
      <c r="E13068" t="s">
        <v>34188</v>
      </c>
      <c r="F13068">
        <v>4</v>
      </c>
      <c r="G13068" t="s">
        <v>14</v>
      </c>
      <c r="H13068" t="s">
        <v>25492</v>
      </c>
      <c r="I13068" t="s">
        <v>30540</v>
      </c>
    </row>
    <row r="13069" spans="1:9">
      <c r="A13069" s="1">
        <f ca="1">RAND()</f>
        <v>0.14945291533677407</v>
      </c>
      <c r="B13069" s="1"/>
      <c r="C13069">
        <v>19</v>
      </c>
      <c r="D13069" t="s">
        <v>25493</v>
      </c>
      <c r="E13069" t="s">
        <v>34188</v>
      </c>
      <c r="F13069">
        <v>4</v>
      </c>
      <c r="G13069" t="s">
        <v>14</v>
      </c>
      <c r="H13069" t="s">
        <v>25494</v>
      </c>
      <c r="I13069" t="s">
        <v>30540</v>
      </c>
    </row>
    <row r="13070" spans="1:9">
      <c r="A13070" s="1">
        <f ca="1">RAND()</f>
        <v>0.34374102873903856</v>
      </c>
      <c r="B13070" s="1"/>
      <c r="C13070">
        <v>14</v>
      </c>
      <c r="D13070" t="s">
        <v>25489</v>
      </c>
      <c r="E13070" t="s">
        <v>34189</v>
      </c>
      <c r="F13070">
        <v>5</v>
      </c>
      <c r="G13070" t="s">
        <v>14</v>
      </c>
      <c r="H13070" t="s">
        <v>25490</v>
      </c>
      <c r="I13070" t="s">
        <v>30540</v>
      </c>
    </row>
    <row r="13071" spans="1:9">
      <c r="A13071" s="1">
        <f ca="1">RAND()</f>
        <v>0.24983635526890602</v>
      </c>
      <c r="B13071" s="1"/>
      <c r="C13071">
        <v>2</v>
      </c>
      <c r="D13071" t="s">
        <v>25487</v>
      </c>
      <c r="E13071" t="s">
        <v>34189</v>
      </c>
      <c r="F13071">
        <v>4</v>
      </c>
      <c r="G13071" t="s">
        <v>9</v>
      </c>
      <c r="H13071" t="s">
        <v>25488</v>
      </c>
      <c r="I13071" t="s">
        <v>30540</v>
      </c>
    </row>
    <row r="13072" spans="1:9">
      <c r="A13072" s="1">
        <f ca="1">RAND()</f>
        <v>0.1525089438783318</v>
      </c>
      <c r="B13072" s="1"/>
      <c r="C13072">
        <v>15</v>
      </c>
      <c r="D13072" t="s">
        <v>25485</v>
      </c>
      <c r="E13072" t="s">
        <v>34190</v>
      </c>
      <c r="F13072">
        <v>5</v>
      </c>
      <c r="G13072" t="s">
        <v>14</v>
      </c>
      <c r="H13072" t="s">
        <v>25486</v>
      </c>
      <c r="I13072" t="s">
        <v>30540</v>
      </c>
    </row>
    <row r="13073" spans="1:9">
      <c r="A13073" s="1">
        <f ca="1">RAND()</f>
        <v>0.43331024564645337</v>
      </c>
      <c r="B13073" s="1"/>
      <c r="C13073">
        <v>8</v>
      </c>
      <c r="D13073" t="s">
        <v>25479</v>
      </c>
      <c r="E13073" t="s">
        <v>34190</v>
      </c>
      <c r="F13073">
        <v>4</v>
      </c>
      <c r="G13073" t="s">
        <v>14</v>
      </c>
      <c r="H13073" t="s">
        <v>25480</v>
      </c>
      <c r="I13073" t="s">
        <v>30540</v>
      </c>
    </row>
    <row r="13074" spans="1:9">
      <c r="A13074" s="1">
        <f ca="1">RAND()</f>
        <v>0.2624686436137863</v>
      </c>
      <c r="B13074" s="1"/>
      <c r="C13074">
        <v>14</v>
      </c>
      <c r="D13074" t="s">
        <v>25483</v>
      </c>
      <c r="E13074" t="s">
        <v>34190</v>
      </c>
      <c r="F13074">
        <v>4</v>
      </c>
      <c r="G13074" t="s">
        <v>14</v>
      </c>
      <c r="H13074" t="s">
        <v>25484</v>
      </c>
      <c r="I13074" t="s">
        <v>30540</v>
      </c>
    </row>
    <row r="13075" spans="1:9">
      <c r="A13075" s="1">
        <f ca="1">RAND()</f>
        <v>0.65041330023076116</v>
      </c>
      <c r="B13075" s="1"/>
      <c r="C13075">
        <v>11</v>
      </c>
      <c r="D13075" t="s">
        <v>25481</v>
      </c>
      <c r="E13075" t="s">
        <v>34190</v>
      </c>
      <c r="F13075">
        <v>4</v>
      </c>
      <c r="G13075" t="s">
        <v>0</v>
      </c>
      <c r="H13075" t="s">
        <v>25482</v>
      </c>
      <c r="I13075" t="s">
        <v>30540</v>
      </c>
    </row>
    <row r="13076" spans="1:9">
      <c r="A13076" s="1">
        <f ca="1">RAND()</f>
        <v>0.71874264589058912</v>
      </c>
      <c r="B13076" s="1"/>
      <c r="C13076">
        <v>2</v>
      </c>
      <c r="D13076" t="s">
        <v>25477</v>
      </c>
      <c r="E13076" t="s">
        <v>34190</v>
      </c>
      <c r="F13076">
        <v>4</v>
      </c>
      <c r="G13076" t="s">
        <v>13</v>
      </c>
      <c r="H13076" t="s">
        <v>25478</v>
      </c>
      <c r="I13076" t="s">
        <v>30540</v>
      </c>
    </row>
    <row r="13077" spans="1:9">
      <c r="A13077" s="1">
        <f ca="1">RAND()</f>
        <v>0.41022775282816626</v>
      </c>
      <c r="B13077" s="1"/>
      <c r="C13077">
        <v>2</v>
      </c>
      <c r="D13077" t="s">
        <v>25465</v>
      </c>
      <c r="E13077" t="s">
        <v>34191</v>
      </c>
      <c r="F13077">
        <v>5</v>
      </c>
      <c r="G13077" t="s">
        <v>2</v>
      </c>
      <c r="H13077" t="s">
        <v>25466</v>
      </c>
      <c r="I13077" t="s">
        <v>30540</v>
      </c>
    </row>
    <row r="13078" spans="1:9">
      <c r="A13078" s="1">
        <f ca="1">RAND()</f>
        <v>0.1637917829109119</v>
      </c>
      <c r="B13078" s="1"/>
      <c r="C13078">
        <v>16</v>
      </c>
      <c r="D13078" t="s">
        <v>25475</v>
      </c>
      <c r="E13078" t="s">
        <v>34191</v>
      </c>
      <c r="F13078">
        <v>4</v>
      </c>
      <c r="G13078" t="s">
        <v>14</v>
      </c>
      <c r="H13078" t="s">
        <v>25476</v>
      </c>
      <c r="I13078" t="s">
        <v>30540</v>
      </c>
    </row>
    <row r="13079" spans="1:9">
      <c r="A13079" s="1">
        <f ca="1">RAND()</f>
        <v>0.86876581903566108</v>
      </c>
      <c r="B13079" s="1"/>
      <c r="C13079">
        <v>7</v>
      </c>
      <c r="D13079" t="s">
        <v>25469</v>
      </c>
      <c r="E13079" t="s">
        <v>34191</v>
      </c>
      <c r="F13079">
        <v>4</v>
      </c>
      <c r="G13079" t="s">
        <v>14</v>
      </c>
      <c r="H13079" t="s">
        <v>25470</v>
      </c>
      <c r="I13079" t="s">
        <v>30540</v>
      </c>
    </row>
    <row r="13080" spans="1:9">
      <c r="A13080" s="1">
        <f ca="1">RAND()</f>
        <v>0.86857298568511543</v>
      </c>
      <c r="B13080" s="1"/>
      <c r="C13080">
        <v>13</v>
      </c>
      <c r="D13080" t="s">
        <v>25473</v>
      </c>
      <c r="E13080" t="s">
        <v>34191</v>
      </c>
      <c r="F13080">
        <v>4</v>
      </c>
      <c r="G13080" t="s">
        <v>14</v>
      </c>
      <c r="H13080" t="s">
        <v>25474</v>
      </c>
      <c r="I13080" t="s">
        <v>30540</v>
      </c>
    </row>
    <row r="13081" spans="1:9">
      <c r="A13081" s="1">
        <f ca="1">RAND()</f>
        <v>0.26482174138045911</v>
      </c>
      <c r="B13081" s="1"/>
      <c r="C13081">
        <v>4</v>
      </c>
      <c r="D13081" t="s">
        <v>25467</v>
      </c>
      <c r="E13081" t="s">
        <v>34191</v>
      </c>
      <c r="F13081">
        <v>4</v>
      </c>
      <c r="G13081" t="s">
        <v>15</v>
      </c>
      <c r="H13081" t="s">
        <v>25468</v>
      </c>
      <c r="I13081" t="s">
        <v>30540</v>
      </c>
    </row>
    <row r="13082" spans="1:9">
      <c r="A13082" s="1">
        <f ca="1">RAND()</f>
        <v>0.9894479184566789</v>
      </c>
      <c r="B13082" s="1"/>
      <c r="C13082">
        <v>8</v>
      </c>
      <c r="D13082" t="s">
        <v>25471</v>
      </c>
      <c r="E13082" t="s">
        <v>34191</v>
      </c>
      <c r="F13082">
        <v>4</v>
      </c>
      <c r="G13082" t="s">
        <v>2</v>
      </c>
      <c r="H13082" t="s">
        <v>25472</v>
      </c>
      <c r="I13082" t="s">
        <v>30540</v>
      </c>
    </row>
    <row r="13083" spans="1:9">
      <c r="A13083" s="1">
        <f ca="1">RAND()</f>
        <v>0.16588726564096856</v>
      </c>
      <c r="B13083" s="1"/>
      <c r="C13083">
        <v>20</v>
      </c>
      <c r="D13083" t="s">
        <v>25463</v>
      </c>
      <c r="E13083" t="s">
        <v>34192</v>
      </c>
      <c r="F13083">
        <v>5</v>
      </c>
      <c r="G13083" t="s">
        <v>14</v>
      </c>
      <c r="H13083" t="s">
        <v>25464</v>
      </c>
      <c r="I13083" t="s">
        <v>30540</v>
      </c>
    </row>
    <row r="13084" spans="1:9">
      <c r="A13084" s="1">
        <f ca="1">RAND()</f>
        <v>0.66260109462743855</v>
      </c>
      <c r="B13084" s="1"/>
      <c r="C13084">
        <v>8</v>
      </c>
      <c r="D13084" t="s">
        <v>25461</v>
      </c>
      <c r="E13084" t="s">
        <v>34192</v>
      </c>
      <c r="F13084">
        <v>4</v>
      </c>
      <c r="G13084" t="s">
        <v>1431</v>
      </c>
      <c r="H13084" t="s">
        <v>25462</v>
      </c>
      <c r="I13084" t="s">
        <v>30540</v>
      </c>
    </row>
    <row r="13085" spans="1:9">
      <c r="A13085" s="1">
        <f ca="1">RAND()</f>
        <v>0.50563383114409521</v>
      </c>
      <c r="B13085" s="1"/>
      <c r="C13085">
        <v>4</v>
      </c>
      <c r="D13085" t="s">
        <v>25459</v>
      </c>
      <c r="E13085" t="s">
        <v>34192</v>
      </c>
      <c r="F13085">
        <v>4</v>
      </c>
      <c r="G13085" t="s">
        <v>14</v>
      </c>
      <c r="H13085" t="s">
        <v>25460</v>
      </c>
      <c r="I13085" t="s">
        <v>30540</v>
      </c>
    </row>
    <row r="13086" spans="1:9">
      <c r="A13086" s="1">
        <f ca="1">RAND()</f>
        <v>0.27289961602666157</v>
      </c>
      <c r="B13086" s="1"/>
      <c r="C13086">
        <v>8</v>
      </c>
      <c r="D13086" t="s">
        <v>25453</v>
      </c>
      <c r="E13086" t="s">
        <v>34193</v>
      </c>
      <c r="F13086">
        <v>4</v>
      </c>
      <c r="G13086" t="s">
        <v>14</v>
      </c>
      <c r="H13086" t="s">
        <v>25454</v>
      </c>
      <c r="I13086" t="s">
        <v>30540</v>
      </c>
    </row>
    <row r="13087" spans="1:9">
      <c r="A13087" s="1">
        <f ca="1">RAND()</f>
        <v>0.2154222991459388</v>
      </c>
      <c r="B13087" s="1"/>
      <c r="C13087">
        <v>7</v>
      </c>
      <c r="D13087" t="s">
        <v>25451</v>
      </c>
      <c r="E13087" t="s">
        <v>34193</v>
      </c>
      <c r="F13087">
        <v>4</v>
      </c>
      <c r="G13087" t="s">
        <v>14</v>
      </c>
      <c r="H13087" t="s">
        <v>25452</v>
      </c>
      <c r="I13087" t="s">
        <v>30540</v>
      </c>
    </row>
    <row r="13088" spans="1:9">
      <c r="A13088" s="1">
        <f ca="1">RAND()</f>
        <v>0.17377757857833154</v>
      </c>
      <c r="B13088" s="1"/>
      <c r="C13088">
        <v>13</v>
      </c>
      <c r="D13088" t="s">
        <v>25455</v>
      </c>
      <c r="E13088" t="s">
        <v>34193</v>
      </c>
      <c r="F13088">
        <v>4</v>
      </c>
      <c r="G13088" t="s">
        <v>1</v>
      </c>
      <c r="H13088" t="s">
        <v>25456</v>
      </c>
      <c r="I13088" t="s">
        <v>30540</v>
      </c>
    </row>
    <row r="13089" spans="1:9">
      <c r="A13089" s="1">
        <f ca="1">RAND()</f>
        <v>0.38905727716337668</v>
      </c>
      <c r="B13089" s="1"/>
      <c r="C13089">
        <v>4</v>
      </c>
      <c r="D13089" t="s">
        <v>25449</v>
      </c>
      <c r="E13089" t="s">
        <v>34193</v>
      </c>
      <c r="F13089">
        <v>1</v>
      </c>
      <c r="G13089" t="s">
        <v>10</v>
      </c>
      <c r="H13089" t="s">
        <v>25450</v>
      </c>
      <c r="I13089" t="s">
        <v>30540</v>
      </c>
    </row>
    <row r="13090" spans="1:9">
      <c r="A13090" s="1">
        <f ca="1">RAND()</f>
        <v>0.7304692526307266</v>
      </c>
      <c r="B13090" s="1"/>
      <c r="C13090">
        <v>15</v>
      </c>
      <c r="D13090" t="s">
        <v>25457</v>
      </c>
      <c r="E13090" t="s">
        <v>34193</v>
      </c>
      <c r="F13090">
        <v>1</v>
      </c>
      <c r="G13090" t="s">
        <v>14</v>
      </c>
      <c r="H13090" t="s">
        <v>25458</v>
      </c>
      <c r="I13090" t="s">
        <v>30540</v>
      </c>
    </row>
    <row r="13091" spans="1:9">
      <c r="A13091" s="1">
        <f ca="1">RAND()</f>
        <v>0.48929749333917905</v>
      </c>
      <c r="B13091" s="1"/>
      <c r="C13091">
        <v>19</v>
      </c>
      <c r="D13091" t="s">
        <v>25447</v>
      </c>
      <c r="E13091" t="s">
        <v>34194</v>
      </c>
      <c r="F13091">
        <v>5</v>
      </c>
      <c r="G13091" t="s">
        <v>14</v>
      </c>
      <c r="H13091" t="s">
        <v>25448</v>
      </c>
      <c r="I13091" t="s">
        <v>30540</v>
      </c>
    </row>
    <row r="13092" spans="1:9">
      <c r="A13092" s="1">
        <f ca="1">RAND()</f>
        <v>0.45208563954545533</v>
      </c>
      <c r="B13092" s="1"/>
      <c r="C13092">
        <v>6</v>
      </c>
      <c r="D13092" t="s">
        <v>25441</v>
      </c>
      <c r="E13092" t="s">
        <v>34194</v>
      </c>
      <c r="F13092">
        <v>5</v>
      </c>
      <c r="G13092" t="s">
        <v>14</v>
      </c>
      <c r="H13092" t="s">
        <v>25442</v>
      </c>
      <c r="I13092" t="s">
        <v>30540</v>
      </c>
    </row>
    <row r="13093" spans="1:9">
      <c r="A13093" s="1">
        <f ca="1">RAND()</f>
        <v>0.93803161561320603</v>
      </c>
      <c r="B13093" s="1"/>
      <c r="C13093">
        <v>13</v>
      </c>
      <c r="D13093" t="s">
        <v>25445</v>
      </c>
      <c r="E13093" t="s">
        <v>34194</v>
      </c>
      <c r="F13093">
        <v>4</v>
      </c>
      <c r="G13093" t="s">
        <v>14</v>
      </c>
      <c r="H13093" t="s">
        <v>25446</v>
      </c>
      <c r="I13093" t="s">
        <v>30540</v>
      </c>
    </row>
    <row r="13094" spans="1:9">
      <c r="A13094" s="1">
        <f ca="1">RAND()</f>
        <v>0.30990686843411275</v>
      </c>
      <c r="B13094" s="1"/>
      <c r="C13094">
        <v>1</v>
      </c>
      <c r="D13094" t="s">
        <v>25439</v>
      </c>
      <c r="E13094" t="s">
        <v>34194</v>
      </c>
      <c r="F13094">
        <v>4</v>
      </c>
      <c r="G13094" t="s">
        <v>2</v>
      </c>
      <c r="H13094" t="s">
        <v>25440</v>
      </c>
      <c r="I13094" t="s">
        <v>30540</v>
      </c>
    </row>
    <row r="13095" spans="1:9">
      <c r="A13095" s="1">
        <f ca="1">RAND()</f>
        <v>0.46982482017038107</v>
      </c>
      <c r="B13095" s="1"/>
      <c r="C13095">
        <v>11</v>
      </c>
      <c r="D13095" t="s">
        <v>25443</v>
      </c>
      <c r="E13095" t="s">
        <v>34194</v>
      </c>
      <c r="F13095">
        <v>4</v>
      </c>
      <c r="G13095" t="s">
        <v>9</v>
      </c>
      <c r="H13095" t="s">
        <v>25444</v>
      </c>
      <c r="I13095" t="s">
        <v>30540</v>
      </c>
    </row>
    <row r="13096" spans="1:9">
      <c r="A13096" s="1">
        <f ca="1">RAND()</f>
        <v>0.78221595926079623</v>
      </c>
      <c r="B13096" s="1"/>
      <c r="C13096">
        <v>7</v>
      </c>
      <c r="D13096" t="s">
        <v>25437</v>
      </c>
      <c r="E13096" t="s">
        <v>34195</v>
      </c>
      <c r="F13096">
        <v>4</v>
      </c>
      <c r="G13096" t="s">
        <v>14</v>
      </c>
      <c r="H13096" t="s">
        <v>25438</v>
      </c>
      <c r="I13096" t="s">
        <v>30540</v>
      </c>
    </row>
    <row r="13097" spans="1:9">
      <c r="A13097" s="1">
        <f ca="1">RAND()</f>
        <v>2.9015825431673692E-2</v>
      </c>
      <c r="B13097" s="1"/>
      <c r="C13097">
        <v>1</v>
      </c>
      <c r="D13097" t="s">
        <v>25429</v>
      </c>
      <c r="E13097" t="s">
        <v>34196</v>
      </c>
      <c r="F13097">
        <v>4</v>
      </c>
      <c r="G13097" t="s">
        <v>770</v>
      </c>
      <c r="H13097" t="s">
        <v>25430</v>
      </c>
      <c r="I13097" t="s">
        <v>30540</v>
      </c>
    </row>
    <row r="13098" spans="1:9">
      <c r="A13098" s="1">
        <f ca="1">RAND()</f>
        <v>0.38315095499436924</v>
      </c>
      <c r="B13098" s="1"/>
      <c r="C13098">
        <v>14</v>
      </c>
      <c r="D13098" t="s">
        <v>25433</v>
      </c>
      <c r="E13098" t="s">
        <v>34196</v>
      </c>
      <c r="F13098">
        <v>4</v>
      </c>
      <c r="G13098" t="s">
        <v>10</v>
      </c>
      <c r="H13098" t="s">
        <v>25434</v>
      </c>
      <c r="I13098" t="s">
        <v>30540</v>
      </c>
    </row>
    <row r="13099" spans="1:9">
      <c r="A13099" s="1">
        <f ca="1">RAND()</f>
        <v>0.51219491003786788</v>
      </c>
      <c r="B13099" s="1"/>
      <c r="C13099">
        <v>15</v>
      </c>
      <c r="D13099" t="s">
        <v>25435</v>
      </c>
      <c r="E13099" t="s">
        <v>34196</v>
      </c>
      <c r="F13099">
        <v>4</v>
      </c>
      <c r="G13099" t="s">
        <v>10</v>
      </c>
      <c r="H13099" t="s">
        <v>25436</v>
      </c>
      <c r="I13099" t="s">
        <v>30540</v>
      </c>
    </row>
    <row r="13100" spans="1:9">
      <c r="A13100" s="1">
        <f ca="1">RAND()</f>
        <v>0.8574477133195062</v>
      </c>
      <c r="B13100" s="1"/>
      <c r="C13100">
        <v>10</v>
      </c>
      <c r="D13100" t="s">
        <v>25431</v>
      </c>
      <c r="E13100" t="s">
        <v>34196</v>
      </c>
      <c r="F13100">
        <v>4</v>
      </c>
      <c r="G13100" t="s">
        <v>10</v>
      </c>
      <c r="H13100" t="s">
        <v>25432</v>
      </c>
      <c r="I13100" t="s">
        <v>30540</v>
      </c>
    </row>
    <row r="13101" spans="1:9">
      <c r="A13101" s="1">
        <f ca="1">RAND()</f>
        <v>0.48458844253773947</v>
      </c>
      <c r="B13101" s="1"/>
      <c r="C13101">
        <v>8</v>
      </c>
      <c r="D13101" t="s">
        <v>25417</v>
      </c>
      <c r="E13101" t="s">
        <v>34197</v>
      </c>
      <c r="F13101">
        <v>5</v>
      </c>
      <c r="G13101" t="s">
        <v>10</v>
      </c>
      <c r="H13101" t="s">
        <v>25418</v>
      </c>
      <c r="I13101" t="s">
        <v>30540</v>
      </c>
    </row>
    <row r="13102" spans="1:9">
      <c r="A13102" s="1">
        <f ca="1">RAND()</f>
        <v>0.70712083663389669</v>
      </c>
      <c r="B13102" s="1"/>
      <c r="C13102">
        <v>6</v>
      </c>
      <c r="D13102" t="s">
        <v>25415</v>
      </c>
      <c r="E13102" t="s">
        <v>34197</v>
      </c>
      <c r="F13102">
        <v>5</v>
      </c>
      <c r="G13102" t="s">
        <v>10</v>
      </c>
      <c r="H13102" t="s">
        <v>25416</v>
      </c>
      <c r="I13102" t="s">
        <v>30540</v>
      </c>
    </row>
    <row r="13103" spans="1:9">
      <c r="A13103" s="1">
        <f ca="1">RAND()</f>
        <v>0.40264659042994488</v>
      </c>
      <c r="B13103" s="1"/>
      <c r="C13103">
        <v>12</v>
      </c>
      <c r="D13103" t="s">
        <v>25423</v>
      </c>
      <c r="E13103" t="s">
        <v>34197</v>
      </c>
      <c r="F13103">
        <v>5</v>
      </c>
      <c r="G13103" t="s">
        <v>1</v>
      </c>
      <c r="H13103" t="s">
        <v>25424</v>
      </c>
      <c r="I13103" t="s">
        <v>30540</v>
      </c>
    </row>
    <row r="13104" spans="1:9">
      <c r="A13104" s="1">
        <f ca="1">RAND()</f>
        <v>0.68953685407183141</v>
      </c>
      <c r="B13104" s="1"/>
      <c r="C13104">
        <v>3</v>
      </c>
      <c r="D13104" t="s">
        <v>25413</v>
      </c>
      <c r="E13104" t="s">
        <v>34197</v>
      </c>
      <c r="F13104">
        <v>4</v>
      </c>
      <c r="G13104" t="s">
        <v>2</v>
      </c>
      <c r="H13104" t="s">
        <v>25414</v>
      </c>
      <c r="I13104" t="s">
        <v>30540</v>
      </c>
    </row>
    <row r="13105" spans="1:9">
      <c r="A13105" s="1">
        <f ca="1">RAND()</f>
        <v>0.66679567598853251</v>
      </c>
      <c r="B13105" s="1"/>
      <c r="C13105">
        <v>20</v>
      </c>
      <c r="D13105" t="s">
        <v>25427</v>
      </c>
      <c r="E13105" t="s">
        <v>34197</v>
      </c>
      <c r="F13105">
        <v>4</v>
      </c>
      <c r="G13105" t="s">
        <v>10</v>
      </c>
      <c r="H13105" t="s">
        <v>25428</v>
      </c>
      <c r="I13105" t="s">
        <v>30540</v>
      </c>
    </row>
    <row r="13106" spans="1:9">
      <c r="A13106" s="1">
        <f ca="1">RAND()</f>
        <v>0.71377378718892215</v>
      </c>
      <c r="B13106" s="1"/>
      <c r="C13106">
        <v>11</v>
      </c>
      <c r="D13106" t="s">
        <v>25421</v>
      </c>
      <c r="E13106" t="s">
        <v>34197</v>
      </c>
      <c r="F13106">
        <v>3</v>
      </c>
      <c r="G13106" t="s">
        <v>10</v>
      </c>
      <c r="H13106" t="s">
        <v>25422</v>
      </c>
      <c r="I13106" t="s">
        <v>30540</v>
      </c>
    </row>
    <row r="13107" spans="1:9">
      <c r="A13107" s="1">
        <f ca="1">RAND()</f>
        <v>8.3023457719768601E-3</v>
      </c>
      <c r="B13107" s="1"/>
      <c r="C13107">
        <v>19</v>
      </c>
      <c r="D13107" t="s">
        <v>25425</v>
      </c>
      <c r="E13107" t="s">
        <v>34197</v>
      </c>
      <c r="F13107">
        <v>3</v>
      </c>
      <c r="G13107" t="s">
        <v>2</v>
      </c>
      <c r="H13107" t="s">
        <v>25426</v>
      </c>
      <c r="I13107" t="s">
        <v>30540</v>
      </c>
    </row>
    <row r="13108" spans="1:9">
      <c r="A13108" s="1">
        <f ca="1">RAND()</f>
        <v>0.13742816208291819</v>
      </c>
      <c r="B13108" s="1"/>
      <c r="C13108">
        <v>9</v>
      </c>
      <c r="D13108" t="s">
        <v>25419</v>
      </c>
      <c r="E13108" t="s">
        <v>34197</v>
      </c>
      <c r="F13108">
        <v>3</v>
      </c>
      <c r="G13108" t="s">
        <v>2</v>
      </c>
      <c r="H13108" t="s">
        <v>25420</v>
      </c>
      <c r="I13108" t="s">
        <v>30540</v>
      </c>
    </row>
    <row r="13109" spans="1:9">
      <c r="A13109" s="1">
        <f ca="1">RAND()</f>
        <v>0.57282149112333369</v>
      </c>
      <c r="B13109" s="1"/>
      <c r="C13109">
        <v>17</v>
      </c>
      <c r="D13109" t="s">
        <v>25409</v>
      </c>
      <c r="E13109" t="s">
        <v>34198</v>
      </c>
      <c r="F13109">
        <v>5</v>
      </c>
      <c r="G13109" t="s">
        <v>14</v>
      </c>
      <c r="H13109" t="s">
        <v>25410</v>
      </c>
      <c r="I13109" t="s">
        <v>30540</v>
      </c>
    </row>
    <row r="13110" spans="1:9">
      <c r="A13110" s="1">
        <f ca="1">RAND()</f>
        <v>3.315188702770866E-2</v>
      </c>
      <c r="B13110" s="1"/>
      <c r="C13110">
        <v>13</v>
      </c>
      <c r="D13110" t="s">
        <v>25407</v>
      </c>
      <c r="E13110" t="s">
        <v>34198</v>
      </c>
      <c r="F13110">
        <v>4</v>
      </c>
      <c r="G13110" t="s">
        <v>14</v>
      </c>
      <c r="H13110" t="s">
        <v>25408</v>
      </c>
      <c r="I13110" t="s">
        <v>30540</v>
      </c>
    </row>
    <row r="13111" spans="1:9">
      <c r="A13111" s="1">
        <f ca="1">RAND()</f>
        <v>0.58146198910444225</v>
      </c>
      <c r="B13111" s="1"/>
      <c r="C13111">
        <v>18</v>
      </c>
      <c r="D13111" t="s">
        <v>25411</v>
      </c>
      <c r="E13111" t="s">
        <v>34198</v>
      </c>
      <c r="F13111">
        <v>4</v>
      </c>
      <c r="G13111" t="s">
        <v>14</v>
      </c>
      <c r="H13111" t="s">
        <v>25412</v>
      </c>
      <c r="I13111" t="s">
        <v>30540</v>
      </c>
    </row>
    <row r="13112" spans="1:9">
      <c r="A13112" s="1">
        <f ca="1">RAND()</f>
        <v>0.61974692860142522</v>
      </c>
      <c r="B13112" s="1"/>
      <c r="C13112">
        <v>8</v>
      </c>
      <c r="D13112" t="s">
        <v>25405</v>
      </c>
      <c r="E13112" t="s">
        <v>34198</v>
      </c>
      <c r="F13112">
        <v>4</v>
      </c>
      <c r="G13112" t="s">
        <v>14</v>
      </c>
      <c r="H13112" t="s">
        <v>25406</v>
      </c>
      <c r="I13112" t="s">
        <v>30540</v>
      </c>
    </row>
    <row r="13113" spans="1:9">
      <c r="A13113" s="1">
        <f ca="1">RAND()</f>
        <v>0.13642004227172799</v>
      </c>
      <c r="B13113" s="1"/>
      <c r="C13113">
        <v>1</v>
      </c>
      <c r="D13113" t="s">
        <v>25397</v>
      </c>
      <c r="E13113" t="s">
        <v>34199</v>
      </c>
      <c r="F13113">
        <v>4</v>
      </c>
      <c r="G13113" t="s">
        <v>15</v>
      </c>
      <c r="H13113" t="s">
        <v>25398</v>
      </c>
      <c r="I13113" t="s">
        <v>30540</v>
      </c>
    </row>
    <row r="13114" spans="1:9">
      <c r="A13114" s="1">
        <f ca="1">RAND()</f>
        <v>0.69434776483467031</v>
      </c>
      <c r="B13114" s="1"/>
      <c r="C13114">
        <v>7</v>
      </c>
      <c r="D13114" t="s">
        <v>25401</v>
      </c>
      <c r="E13114" t="s">
        <v>34199</v>
      </c>
      <c r="F13114">
        <v>4</v>
      </c>
      <c r="G13114" t="s">
        <v>14</v>
      </c>
      <c r="H13114" t="s">
        <v>25402</v>
      </c>
      <c r="I13114" t="s">
        <v>30540</v>
      </c>
    </row>
    <row r="13115" spans="1:9">
      <c r="A13115" s="1">
        <f ca="1">RAND()</f>
        <v>0.14875334082477087</v>
      </c>
      <c r="B13115" s="1"/>
      <c r="C13115">
        <v>9</v>
      </c>
      <c r="D13115" t="s">
        <v>25403</v>
      </c>
      <c r="E13115" t="s">
        <v>34199</v>
      </c>
      <c r="F13115">
        <v>4</v>
      </c>
      <c r="G13115" t="s">
        <v>14</v>
      </c>
      <c r="H13115" t="s">
        <v>25404</v>
      </c>
      <c r="I13115" t="s">
        <v>30540</v>
      </c>
    </row>
    <row r="13116" spans="1:9">
      <c r="A13116" s="1">
        <f ca="1">RAND()</f>
        <v>0.78378676798038371</v>
      </c>
      <c r="B13116" s="1"/>
      <c r="C13116">
        <v>6</v>
      </c>
      <c r="D13116" t="s">
        <v>25399</v>
      </c>
      <c r="E13116" t="s">
        <v>34199</v>
      </c>
      <c r="F13116">
        <v>3</v>
      </c>
      <c r="G13116" t="s">
        <v>14</v>
      </c>
      <c r="H13116" t="s">
        <v>25400</v>
      </c>
      <c r="I13116" t="s">
        <v>30540</v>
      </c>
    </row>
    <row r="13117" spans="1:9">
      <c r="A13117" s="1">
        <f ca="1">RAND()</f>
        <v>0.5984238046507343</v>
      </c>
      <c r="B13117" s="1"/>
      <c r="C13117">
        <v>16</v>
      </c>
      <c r="D13117" t="s">
        <v>25395</v>
      </c>
      <c r="E13117" t="s">
        <v>34200</v>
      </c>
      <c r="F13117">
        <v>5</v>
      </c>
      <c r="G13117" t="s">
        <v>14</v>
      </c>
      <c r="H13117" t="s">
        <v>25396</v>
      </c>
      <c r="I13117" t="s">
        <v>30540</v>
      </c>
    </row>
    <row r="13118" spans="1:9">
      <c r="A13118" s="1">
        <f ca="1">RAND()</f>
        <v>0.44992623274059251</v>
      </c>
      <c r="B13118" s="1"/>
      <c r="C13118">
        <v>11</v>
      </c>
      <c r="D13118" t="s">
        <v>25393</v>
      </c>
      <c r="E13118" t="s">
        <v>34200</v>
      </c>
      <c r="F13118">
        <v>4</v>
      </c>
      <c r="G13118" t="s">
        <v>10</v>
      </c>
      <c r="H13118" t="s">
        <v>25394</v>
      </c>
      <c r="I13118" t="s">
        <v>30540</v>
      </c>
    </row>
    <row r="13119" spans="1:9">
      <c r="A13119" s="1">
        <f ca="1">RAND()</f>
        <v>0.36040998517662881</v>
      </c>
      <c r="B13119" s="1"/>
      <c r="C13119">
        <v>8</v>
      </c>
      <c r="D13119" t="s">
        <v>25391</v>
      </c>
      <c r="E13119" t="s">
        <v>34200</v>
      </c>
      <c r="F13119">
        <v>4</v>
      </c>
      <c r="G13119" t="s">
        <v>9</v>
      </c>
      <c r="H13119" t="s">
        <v>25392</v>
      </c>
      <c r="I13119" t="s">
        <v>30540</v>
      </c>
    </row>
    <row r="13120" spans="1:9">
      <c r="A13120" s="1">
        <f ca="1">RAND()</f>
        <v>0.42353292129711007</v>
      </c>
      <c r="B13120" s="1"/>
      <c r="C13120">
        <v>19</v>
      </c>
      <c r="D13120" t="s">
        <v>25389</v>
      </c>
      <c r="E13120" t="s">
        <v>34201</v>
      </c>
      <c r="F13120">
        <v>5</v>
      </c>
      <c r="G13120" t="s">
        <v>14</v>
      </c>
      <c r="H13120" t="s">
        <v>25390</v>
      </c>
      <c r="I13120" t="s">
        <v>30540</v>
      </c>
    </row>
    <row r="13121" spans="1:9">
      <c r="A13121" s="1">
        <f ca="1">RAND()</f>
        <v>0.49076774025862979</v>
      </c>
      <c r="B13121" s="1"/>
      <c r="C13121">
        <v>16</v>
      </c>
      <c r="D13121" t="s">
        <v>25387</v>
      </c>
      <c r="E13121" t="s">
        <v>34201</v>
      </c>
      <c r="F13121">
        <v>5</v>
      </c>
      <c r="G13121" t="s">
        <v>762</v>
      </c>
      <c r="H13121" t="s">
        <v>25388</v>
      </c>
      <c r="I13121" t="s">
        <v>30540</v>
      </c>
    </row>
    <row r="13122" spans="1:9">
      <c r="A13122" s="1">
        <f ca="1">RAND()</f>
        <v>0.41426627434338181</v>
      </c>
      <c r="B13122" s="1"/>
      <c r="C13122">
        <v>8</v>
      </c>
      <c r="D13122" t="s">
        <v>25381</v>
      </c>
      <c r="E13122" t="s">
        <v>34202</v>
      </c>
      <c r="F13122">
        <v>5</v>
      </c>
      <c r="G13122" t="s">
        <v>14</v>
      </c>
      <c r="H13122" t="s">
        <v>25382</v>
      </c>
      <c r="I13122" t="s">
        <v>30540</v>
      </c>
    </row>
    <row r="13123" spans="1:9">
      <c r="A13123" s="1">
        <f ca="1">RAND()</f>
        <v>0.32650196942969456</v>
      </c>
      <c r="B13123" s="1"/>
      <c r="C13123">
        <v>5</v>
      </c>
      <c r="D13123" t="s">
        <v>25379</v>
      </c>
      <c r="E13123" t="s">
        <v>34202</v>
      </c>
      <c r="F13123">
        <v>5</v>
      </c>
      <c r="G13123" t="s">
        <v>14</v>
      </c>
      <c r="H13123" t="s">
        <v>25380</v>
      </c>
      <c r="I13123" t="s">
        <v>30540</v>
      </c>
    </row>
    <row r="13124" spans="1:9">
      <c r="A13124" s="1">
        <f ca="1">RAND()</f>
        <v>0.2514760655637277</v>
      </c>
      <c r="B13124" s="1"/>
      <c r="C13124">
        <v>11</v>
      </c>
      <c r="D13124" t="s">
        <v>25383</v>
      </c>
      <c r="E13124" t="s">
        <v>34202</v>
      </c>
      <c r="F13124">
        <v>4</v>
      </c>
      <c r="G13124" t="s">
        <v>14</v>
      </c>
      <c r="H13124" t="s">
        <v>25384</v>
      </c>
      <c r="I13124" t="s">
        <v>30540</v>
      </c>
    </row>
    <row r="13125" spans="1:9">
      <c r="A13125" s="1">
        <f ca="1">RAND()</f>
        <v>0.86003752228451003</v>
      </c>
      <c r="B13125" s="1"/>
      <c r="C13125">
        <v>17</v>
      </c>
      <c r="D13125" t="s">
        <v>25385</v>
      </c>
      <c r="E13125" t="s">
        <v>34202</v>
      </c>
      <c r="F13125">
        <v>4</v>
      </c>
      <c r="G13125" t="s">
        <v>14</v>
      </c>
      <c r="H13125" t="s">
        <v>25386</v>
      </c>
      <c r="I13125" t="s">
        <v>30540</v>
      </c>
    </row>
    <row r="13126" spans="1:9">
      <c r="A13126" s="1">
        <f ca="1">RAND()</f>
        <v>0.6808907059862136</v>
      </c>
      <c r="B13126" s="1"/>
      <c r="C13126">
        <v>6</v>
      </c>
      <c r="D13126" t="s">
        <v>25375</v>
      </c>
      <c r="E13126" t="s">
        <v>34203</v>
      </c>
      <c r="F13126">
        <v>5</v>
      </c>
      <c r="G13126" t="s">
        <v>14</v>
      </c>
      <c r="H13126" t="s">
        <v>25376</v>
      </c>
      <c r="I13126" t="s">
        <v>30540</v>
      </c>
    </row>
    <row r="13127" spans="1:9">
      <c r="A13127" s="1">
        <f ca="1">RAND()</f>
        <v>0.49275458336486544</v>
      </c>
      <c r="B13127" s="1"/>
      <c r="C13127">
        <v>5</v>
      </c>
      <c r="D13127" t="s">
        <v>25373</v>
      </c>
      <c r="E13127" t="s">
        <v>34203</v>
      </c>
      <c r="F13127">
        <v>5</v>
      </c>
      <c r="G13127" t="s">
        <v>14</v>
      </c>
      <c r="H13127" t="s">
        <v>25374</v>
      </c>
      <c r="I13127" t="s">
        <v>30540</v>
      </c>
    </row>
    <row r="13128" spans="1:9">
      <c r="A13128" s="1">
        <f ca="1">RAND()</f>
        <v>0.97436515154405445</v>
      </c>
      <c r="B13128" s="1"/>
      <c r="C13128">
        <v>10</v>
      </c>
      <c r="D13128" t="s">
        <v>25377</v>
      </c>
      <c r="E13128" t="s">
        <v>34203</v>
      </c>
      <c r="F13128">
        <v>2</v>
      </c>
      <c r="G13128" t="s">
        <v>14</v>
      </c>
      <c r="H13128" t="s">
        <v>25378</v>
      </c>
      <c r="I13128" t="s">
        <v>30540</v>
      </c>
    </row>
    <row r="13129" spans="1:9">
      <c r="A13129" s="1">
        <f ca="1">RAND()</f>
        <v>0.58431800773955023</v>
      </c>
      <c r="B13129" s="1"/>
      <c r="C13129">
        <v>9</v>
      </c>
      <c r="D13129" t="s">
        <v>25369</v>
      </c>
      <c r="E13129" t="s">
        <v>34204</v>
      </c>
      <c r="F13129">
        <v>4</v>
      </c>
      <c r="G13129" t="s">
        <v>14</v>
      </c>
      <c r="H13129" t="s">
        <v>25370</v>
      </c>
      <c r="I13129" t="s">
        <v>30540</v>
      </c>
    </row>
    <row r="13130" spans="1:9">
      <c r="A13130" s="1">
        <f ca="1">RAND()</f>
        <v>0.309257321356603</v>
      </c>
      <c r="B13130" s="1"/>
      <c r="C13130">
        <v>13</v>
      </c>
      <c r="D13130" t="s">
        <v>25371</v>
      </c>
      <c r="E13130" t="s">
        <v>34204</v>
      </c>
      <c r="F13130">
        <v>4</v>
      </c>
      <c r="G13130" t="s">
        <v>14</v>
      </c>
      <c r="H13130" t="s">
        <v>25372</v>
      </c>
      <c r="I13130" t="s">
        <v>30540</v>
      </c>
    </row>
    <row r="13131" spans="1:9">
      <c r="A13131" s="1">
        <f ca="1">RAND()</f>
        <v>0.58478132292306273</v>
      </c>
      <c r="B13131" s="1"/>
      <c r="C13131">
        <v>9</v>
      </c>
      <c r="D13131" t="s">
        <v>25363</v>
      </c>
      <c r="E13131" t="s">
        <v>34205</v>
      </c>
      <c r="F13131">
        <v>5</v>
      </c>
      <c r="G13131" t="s">
        <v>13</v>
      </c>
      <c r="H13131" t="s">
        <v>25364</v>
      </c>
      <c r="I13131" t="s">
        <v>30540</v>
      </c>
    </row>
    <row r="13132" spans="1:9">
      <c r="A13132" s="1">
        <f ca="1">RAND()</f>
        <v>0.68259369994967756</v>
      </c>
      <c r="B13132" s="1"/>
      <c r="C13132">
        <v>5</v>
      </c>
      <c r="D13132" t="s">
        <v>25361</v>
      </c>
      <c r="E13132" t="s">
        <v>34205</v>
      </c>
      <c r="F13132">
        <v>5</v>
      </c>
      <c r="G13132" t="s">
        <v>9</v>
      </c>
      <c r="H13132" t="s">
        <v>25362</v>
      </c>
      <c r="I13132" t="s">
        <v>30540</v>
      </c>
    </row>
    <row r="13133" spans="1:9">
      <c r="A13133" s="1">
        <f ca="1">RAND()</f>
        <v>0.1636555790204467</v>
      </c>
      <c r="B13133" s="1"/>
      <c r="C13133">
        <v>5</v>
      </c>
      <c r="D13133" t="s">
        <v>25361</v>
      </c>
      <c r="E13133" t="s">
        <v>34205</v>
      </c>
      <c r="F13133">
        <v>5</v>
      </c>
      <c r="G13133" t="s">
        <v>9</v>
      </c>
      <c r="H13133" t="s">
        <v>25362</v>
      </c>
      <c r="I13133" t="s">
        <v>30540</v>
      </c>
    </row>
    <row r="13134" spans="1:9">
      <c r="A13134" s="1">
        <f ca="1">RAND()</f>
        <v>0.6477547124997729</v>
      </c>
      <c r="B13134" s="1"/>
      <c r="C13134">
        <v>9</v>
      </c>
      <c r="D13134" t="s">
        <v>25363</v>
      </c>
      <c r="E13134" t="s">
        <v>34205</v>
      </c>
      <c r="F13134">
        <v>5</v>
      </c>
      <c r="G13134" t="s">
        <v>13</v>
      </c>
      <c r="H13134" t="s">
        <v>25364</v>
      </c>
      <c r="I13134" t="s">
        <v>30540</v>
      </c>
    </row>
    <row r="13135" spans="1:9">
      <c r="A13135" s="1">
        <f ca="1">RAND()</f>
        <v>0.17770047669092381</v>
      </c>
      <c r="B13135" s="1"/>
      <c r="C13135">
        <v>14</v>
      </c>
      <c r="D13135" t="s">
        <v>25367</v>
      </c>
      <c r="E13135" t="s">
        <v>34205</v>
      </c>
      <c r="F13135">
        <v>4</v>
      </c>
      <c r="G13135" t="s">
        <v>14</v>
      </c>
      <c r="H13135" t="s">
        <v>25368</v>
      </c>
      <c r="I13135" t="s">
        <v>30540</v>
      </c>
    </row>
    <row r="13136" spans="1:9">
      <c r="A13136" s="1">
        <f ca="1">RAND()</f>
        <v>0.68680980260457458</v>
      </c>
      <c r="B13136" s="1"/>
      <c r="C13136">
        <v>10</v>
      </c>
      <c r="D13136" t="s">
        <v>25365</v>
      </c>
      <c r="E13136" t="s">
        <v>34205</v>
      </c>
      <c r="F13136">
        <v>4</v>
      </c>
      <c r="G13136" t="s">
        <v>14</v>
      </c>
      <c r="H13136" t="s">
        <v>25366</v>
      </c>
      <c r="I13136" t="s">
        <v>30540</v>
      </c>
    </row>
    <row r="13137" spans="1:9">
      <c r="A13137" s="1">
        <f ca="1">RAND()</f>
        <v>0.78171084738489516</v>
      </c>
      <c r="B13137" s="1"/>
      <c r="C13137">
        <v>10</v>
      </c>
      <c r="D13137" t="s">
        <v>25365</v>
      </c>
      <c r="E13137" t="s">
        <v>34205</v>
      </c>
      <c r="F13137">
        <v>4</v>
      </c>
      <c r="G13137" t="s">
        <v>14</v>
      </c>
      <c r="H13137" t="s">
        <v>25366</v>
      </c>
      <c r="I13137" t="s">
        <v>30540</v>
      </c>
    </row>
    <row r="13138" spans="1:9">
      <c r="A13138" s="1">
        <f ca="1">RAND()</f>
        <v>9.6245179031824724E-2</v>
      </c>
      <c r="B13138" s="1"/>
      <c r="C13138">
        <v>14</v>
      </c>
      <c r="D13138" t="s">
        <v>25367</v>
      </c>
      <c r="E13138" t="s">
        <v>34205</v>
      </c>
      <c r="F13138">
        <v>4</v>
      </c>
      <c r="G13138" t="s">
        <v>14</v>
      </c>
      <c r="H13138" t="s">
        <v>25368</v>
      </c>
      <c r="I13138" t="s">
        <v>30540</v>
      </c>
    </row>
    <row r="13139" spans="1:9">
      <c r="A13139" s="1">
        <f ca="1">RAND()</f>
        <v>8.4562348221312589E-2</v>
      </c>
      <c r="B13139" s="1"/>
      <c r="C13139">
        <v>15</v>
      </c>
      <c r="D13139" t="s">
        <v>25359</v>
      </c>
      <c r="E13139" t="s">
        <v>34206</v>
      </c>
      <c r="F13139">
        <v>4</v>
      </c>
      <c r="G13139" t="s">
        <v>13</v>
      </c>
      <c r="H13139" t="s">
        <v>25360</v>
      </c>
      <c r="I13139" t="s">
        <v>30540</v>
      </c>
    </row>
    <row r="13140" spans="1:9">
      <c r="A13140" s="1">
        <f ca="1">RAND()</f>
        <v>0.40497613052507075</v>
      </c>
      <c r="B13140" s="1"/>
      <c r="C13140">
        <v>15</v>
      </c>
      <c r="D13140" t="s">
        <v>25359</v>
      </c>
      <c r="E13140" t="s">
        <v>34206</v>
      </c>
      <c r="F13140">
        <v>4</v>
      </c>
      <c r="G13140" t="s">
        <v>13</v>
      </c>
      <c r="H13140" t="s">
        <v>25360</v>
      </c>
      <c r="I13140" t="s">
        <v>30540</v>
      </c>
    </row>
    <row r="13141" spans="1:9">
      <c r="A13141" s="1">
        <f ca="1">RAND()</f>
        <v>0.99709987795079702</v>
      </c>
      <c r="B13141" s="1"/>
      <c r="C13141">
        <v>5</v>
      </c>
      <c r="D13141" t="s">
        <v>25353</v>
      </c>
      <c r="E13141" t="s">
        <v>34206</v>
      </c>
      <c r="F13141">
        <v>4</v>
      </c>
      <c r="G13141" t="s">
        <v>10</v>
      </c>
      <c r="H13141" t="s">
        <v>25354</v>
      </c>
      <c r="I13141" t="s">
        <v>30540</v>
      </c>
    </row>
    <row r="13142" spans="1:9">
      <c r="A13142" s="1">
        <f ca="1">RAND()</f>
        <v>0.80687950671074238</v>
      </c>
      <c r="B13142" s="1"/>
      <c r="C13142">
        <v>6</v>
      </c>
      <c r="D13142" t="s">
        <v>25355</v>
      </c>
      <c r="E13142" t="s">
        <v>34206</v>
      </c>
      <c r="F13142">
        <v>4</v>
      </c>
      <c r="G13142" t="s">
        <v>14</v>
      </c>
      <c r="H13142" t="s">
        <v>25356</v>
      </c>
      <c r="I13142" t="s">
        <v>30540</v>
      </c>
    </row>
    <row r="13143" spans="1:9">
      <c r="A13143" s="1">
        <f ca="1">RAND()</f>
        <v>0.3133415883987043</v>
      </c>
      <c r="B13143" s="1"/>
      <c r="C13143">
        <v>12</v>
      </c>
      <c r="D13143" t="s">
        <v>25357</v>
      </c>
      <c r="E13143" t="s">
        <v>34206</v>
      </c>
      <c r="F13143">
        <v>4</v>
      </c>
      <c r="G13143" t="s">
        <v>14</v>
      </c>
      <c r="H13143" t="s">
        <v>25358</v>
      </c>
      <c r="I13143" t="s">
        <v>30540</v>
      </c>
    </row>
    <row r="13144" spans="1:9">
      <c r="A13144" s="1">
        <f ca="1">RAND()</f>
        <v>0.75947801368078705</v>
      </c>
      <c r="B13144" s="1"/>
      <c r="C13144">
        <v>6</v>
      </c>
      <c r="D13144" t="s">
        <v>25355</v>
      </c>
      <c r="E13144" t="s">
        <v>34206</v>
      </c>
      <c r="F13144">
        <v>4</v>
      </c>
      <c r="G13144" t="s">
        <v>14</v>
      </c>
      <c r="H13144" t="s">
        <v>25356</v>
      </c>
      <c r="I13144" t="s">
        <v>30540</v>
      </c>
    </row>
    <row r="13145" spans="1:9">
      <c r="A13145" s="1">
        <f ca="1">RAND()</f>
        <v>0.49683309098241346</v>
      </c>
      <c r="B13145" s="1"/>
      <c r="C13145">
        <v>5</v>
      </c>
      <c r="D13145" t="s">
        <v>25353</v>
      </c>
      <c r="E13145" t="s">
        <v>34206</v>
      </c>
      <c r="F13145">
        <v>4</v>
      </c>
      <c r="G13145" t="s">
        <v>10</v>
      </c>
      <c r="H13145" t="s">
        <v>25354</v>
      </c>
      <c r="I13145" t="s">
        <v>30540</v>
      </c>
    </row>
    <row r="13146" spans="1:9">
      <c r="A13146" s="1">
        <f ca="1">RAND()</f>
        <v>0.27991059060051715</v>
      </c>
      <c r="B13146" s="1"/>
      <c r="C13146">
        <v>12</v>
      </c>
      <c r="D13146" t="s">
        <v>25357</v>
      </c>
      <c r="E13146" t="s">
        <v>34206</v>
      </c>
      <c r="F13146">
        <v>4</v>
      </c>
      <c r="G13146" t="s">
        <v>14</v>
      </c>
      <c r="H13146" t="s">
        <v>25358</v>
      </c>
      <c r="I13146" t="s">
        <v>30540</v>
      </c>
    </row>
    <row r="13147" spans="1:9">
      <c r="A13147" s="1">
        <f ca="1">RAND()</f>
        <v>0.17865119102304994</v>
      </c>
      <c r="B13147" s="1"/>
      <c r="C13147">
        <v>10</v>
      </c>
      <c r="D13147" t="s">
        <v>25347</v>
      </c>
      <c r="E13147" t="s">
        <v>34207</v>
      </c>
      <c r="F13147">
        <v>5</v>
      </c>
      <c r="G13147" t="s">
        <v>0</v>
      </c>
      <c r="H13147" t="s">
        <v>25348</v>
      </c>
      <c r="I13147" t="s">
        <v>30540</v>
      </c>
    </row>
    <row r="13148" spans="1:9">
      <c r="A13148" s="1">
        <f ca="1">RAND()</f>
        <v>0.82184521732677662</v>
      </c>
      <c r="B13148" s="1"/>
      <c r="C13148">
        <v>10</v>
      </c>
      <c r="D13148" t="s">
        <v>25347</v>
      </c>
      <c r="E13148" t="s">
        <v>34207</v>
      </c>
      <c r="F13148">
        <v>5</v>
      </c>
      <c r="G13148" t="s">
        <v>0</v>
      </c>
      <c r="H13148" t="s">
        <v>25348</v>
      </c>
      <c r="I13148" t="s">
        <v>30540</v>
      </c>
    </row>
    <row r="13149" spans="1:9">
      <c r="A13149" s="1">
        <f ca="1">RAND()</f>
        <v>0.88567545794275815</v>
      </c>
      <c r="B13149" s="1"/>
      <c r="C13149">
        <v>16</v>
      </c>
      <c r="D13149" t="s">
        <v>25351</v>
      </c>
      <c r="E13149" t="s">
        <v>34207</v>
      </c>
      <c r="F13149">
        <v>4</v>
      </c>
      <c r="G13149" t="s">
        <v>14</v>
      </c>
      <c r="H13149" t="s">
        <v>25352</v>
      </c>
      <c r="I13149" t="s">
        <v>30540</v>
      </c>
    </row>
    <row r="13150" spans="1:9">
      <c r="A13150" s="1">
        <f ca="1">RAND()</f>
        <v>0.96914248700548555</v>
      </c>
      <c r="B13150" s="1"/>
      <c r="C13150">
        <v>2</v>
      </c>
      <c r="D13150" t="s">
        <v>25341</v>
      </c>
      <c r="E13150" t="s">
        <v>34207</v>
      </c>
      <c r="F13150">
        <v>4</v>
      </c>
      <c r="G13150" t="s">
        <v>15</v>
      </c>
      <c r="H13150" t="s">
        <v>25342</v>
      </c>
      <c r="I13150" t="s">
        <v>30540</v>
      </c>
    </row>
    <row r="13151" spans="1:9">
      <c r="A13151" s="1">
        <f ca="1">RAND()</f>
        <v>9.4362116998980006E-2</v>
      </c>
      <c r="B13151" s="1"/>
      <c r="C13151">
        <v>7</v>
      </c>
      <c r="D13151" t="s">
        <v>25345</v>
      </c>
      <c r="E13151" t="s">
        <v>34207</v>
      </c>
      <c r="F13151">
        <v>4</v>
      </c>
      <c r="G13151" t="s">
        <v>14</v>
      </c>
      <c r="H13151" t="s">
        <v>25346</v>
      </c>
      <c r="I13151" t="s">
        <v>30540</v>
      </c>
    </row>
    <row r="13152" spans="1:9">
      <c r="A13152" s="1">
        <f ca="1">RAND()</f>
        <v>0.77278252658209445</v>
      </c>
      <c r="B13152" s="1"/>
      <c r="C13152">
        <v>7</v>
      </c>
      <c r="D13152" t="s">
        <v>25345</v>
      </c>
      <c r="E13152" t="s">
        <v>34207</v>
      </c>
      <c r="F13152">
        <v>4</v>
      </c>
      <c r="G13152" t="s">
        <v>14</v>
      </c>
      <c r="H13152" t="s">
        <v>25346</v>
      </c>
      <c r="I13152" t="s">
        <v>30540</v>
      </c>
    </row>
    <row r="13153" spans="1:9">
      <c r="A13153" s="1">
        <f ca="1">RAND()</f>
        <v>0.53188170270678414</v>
      </c>
      <c r="B13153" s="1"/>
      <c r="C13153">
        <v>2</v>
      </c>
      <c r="D13153" t="s">
        <v>25341</v>
      </c>
      <c r="E13153" t="s">
        <v>34207</v>
      </c>
      <c r="F13153">
        <v>4</v>
      </c>
      <c r="G13153" t="s">
        <v>15</v>
      </c>
      <c r="H13153" t="s">
        <v>25342</v>
      </c>
      <c r="I13153" t="s">
        <v>30540</v>
      </c>
    </row>
    <row r="13154" spans="1:9">
      <c r="A13154" s="1">
        <f ca="1">RAND()</f>
        <v>0.19360457825322097</v>
      </c>
      <c r="B13154" s="1"/>
      <c r="C13154">
        <v>16</v>
      </c>
      <c r="D13154" t="s">
        <v>25351</v>
      </c>
      <c r="E13154" t="s">
        <v>34207</v>
      </c>
      <c r="F13154">
        <v>4</v>
      </c>
      <c r="G13154" t="s">
        <v>14</v>
      </c>
      <c r="H13154" t="s">
        <v>25352</v>
      </c>
      <c r="I13154" t="s">
        <v>30540</v>
      </c>
    </row>
    <row r="13155" spans="1:9">
      <c r="A13155" s="1">
        <f ca="1">RAND()</f>
        <v>0.78187489332386084</v>
      </c>
      <c r="B13155" s="1"/>
      <c r="C13155">
        <v>11</v>
      </c>
      <c r="D13155" t="s">
        <v>25349</v>
      </c>
      <c r="E13155" t="s">
        <v>34207</v>
      </c>
      <c r="F13155">
        <v>4</v>
      </c>
      <c r="G13155" t="s">
        <v>14</v>
      </c>
      <c r="H13155" t="s">
        <v>25350</v>
      </c>
      <c r="I13155" t="s">
        <v>30540</v>
      </c>
    </row>
    <row r="13156" spans="1:9">
      <c r="A13156" s="1">
        <f ca="1">RAND()</f>
        <v>0.35743846865678808</v>
      </c>
      <c r="B13156" s="1"/>
      <c r="C13156">
        <v>11</v>
      </c>
      <c r="D13156" t="s">
        <v>25349</v>
      </c>
      <c r="E13156" t="s">
        <v>34207</v>
      </c>
      <c r="F13156">
        <v>4</v>
      </c>
      <c r="G13156" t="s">
        <v>14</v>
      </c>
      <c r="H13156" t="s">
        <v>25350</v>
      </c>
      <c r="I13156" t="s">
        <v>30540</v>
      </c>
    </row>
    <row r="13157" spans="1:9">
      <c r="A13157" s="1">
        <f ca="1">RAND()</f>
        <v>0.81090427872083481</v>
      </c>
      <c r="B13157" s="1"/>
      <c r="C13157">
        <v>3</v>
      </c>
      <c r="D13157" t="s">
        <v>25343</v>
      </c>
      <c r="E13157" t="s">
        <v>34207</v>
      </c>
      <c r="F13157">
        <v>3</v>
      </c>
      <c r="G13157" t="s">
        <v>14</v>
      </c>
      <c r="H13157" t="s">
        <v>25344</v>
      </c>
      <c r="I13157" t="s">
        <v>30540</v>
      </c>
    </row>
    <row r="13158" spans="1:9">
      <c r="A13158" s="1">
        <f ca="1">RAND()</f>
        <v>0.88571170422135437</v>
      </c>
      <c r="B13158" s="1"/>
      <c r="C13158">
        <v>3</v>
      </c>
      <c r="D13158" t="s">
        <v>25343</v>
      </c>
      <c r="E13158" t="s">
        <v>34207</v>
      </c>
      <c r="F13158">
        <v>3</v>
      </c>
      <c r="G13158" t="s">
        <v>14</v>
      </c>
      <c r="H13158" t="s">
        <v>25344</v>
      </c>
      <c r="I13158" t="s">
        <v>30540</v>
      </c>
    </row>
    <row r="13159" spans="1:9">
      <c r="A13159" s="1">
        <f ca="1">RAND()</f>
        <v>8.0152340544510481E-2</v>
      </c>
      <c r="B13159" s="1"/>
      <c r="C13159">
        <v>3</v>
      </c>
      <c r="D13159" t="s">
        <v>25335</v>
      </c>
      <c r="E13159" t="s">
        <v>34208</v>
      </c>
      <c r="F13159">
        <v>4</v>
      </c>
      <c r="G13159" t="s">
        <v>14</v>
      </c>
      <c r="H13159" t="s">
        <v>25336</v>
      </c>
      <c r="I13159" t="s">
        <v>30540</v>
      </c>
    </row>
    <row r="13160" spans="1:9">
      <c r="A13160" s="1">
        <f ca="1">RAND()</f>
        <v>0.39562788677592375</v>
      </c>
      <c r="B13160" s="1"/>
      <c r="C13160">
        <v>3</v>
      </c>
      <c r="D13160" t="s">
        <v>25335</v>
      </c>
      <c r="E13160" t="s">
        <v>34208</v>
      </c>
      <c r="F13160">
        <v>4</v>
      </c>
      <c r="G13160" t="s">
        <v>14</v>
      </c>
      <c r="H13160" t="s">
        <v>25336</v>
      </c>
      <c r="I13160" t="s">
        <v>30540</v>
      </c>
    </row>
    <row r="13161" spans="1:9">
      <c r="A13161" s="1">
        <f ca="1">RAND()</f>
        <v>0.17165234866220103</v>
      </c>
      <c r="B13161" s="1"/>
      <c r="C13161">
        <v>6</v>
      </c>
      <c r="D13161" t="s">
        <v>25337</v>
      </c>
      <c r="E13161" t="s">
        <v>34208</v>
      </c>
      <c r="F13161">
        <v>3</v>
      </c>
      <c r="G13161" t="s">
        <v>14</v>
      </c>
      <c r="H13161" t="s">
        <v>25338</v>
      </c>
      <c r="I13161" t="s">
        <v>30540</v>
      </c>
    </row>
    <row r="13162" spans="1:9">
      <c r="A13162" s="1">
        <f ca="1">RAND()</f>
        <v>0.94950949697245002</v>
      </c>
      <c r="B13162" s="1"/>
      <c r="C13162">
        <v>6</v>
      </c>
      <c r="D13162" t="s">
        <v>25337</v>
      </c>
      <c r="E13162" t="s">
        <v>34208</v>
      </c>
      <c r="F13162">
        <v>3</v>
      </c>
      <c r="G13162" t="s">
        <v>14</v>
      </c>
      <c r="H13162" t="s">
        <v>25338</v>
      </c>
      <c r="I13162" t="s">
        <v>30540</v>
      </c>
    </row>
    <row r="13163" spans="1:9">
      <c r="A13163" s="1">
        <f ca="1">RAND()</f>
        <v>0.80461275409453237</v>
      </c>
      <c r="B13163" s="1"/>
      <c r="C13163">
        <v>9</v>
      </c>
      <c r="D13163" t="s">
        <v>25339</v>
      </c>
      <c r="E13163" t="s">
        <v>34208</v>
      </c>
      <c r="F13163">
        <v>3</v>
      </c>
      <c r="G13163" t="s">
        <v>9</v>
      </c>
      <c r="H13163" t="s">
        <v>25340</v>
      </c>
      <c r="I13163" t="s">
        <v>30540</v>
      </c>
    </row>
    <row r="13164" spans="1:9">
      <c r="A13164" s="1">
        <f ca="1">RAND()</f>
        <v>0.11757866177478826</v>
      </c>
      <c r="B13164" s="1"/>
      <c r="C13164">
        <v>9</v>
      </c>
      <c r="D13164" t="s">
        <v>25339</v>
      </c>
      <c r="E13164" t="s">
        <v>34208</v>
      </c>
      <c r="F13164">
        <v>3</v>
      </c>
      <c r="G13164" t="s">
        <v>9</v>
      </c>
      <c r="H13164" t="s">
        <v>25340</v>
      </c>
      <c r="I13164" t="s">
        <v>30540</v>
      </c>
    </row>
    <row r="13165" spans="1:9">
      <c r="A13165" s="1">
        <f ca="1">RAND()</f>
        <v>0.70079362709892146</v>
      </c>
      <c r="B13165" s="1"/>
      <c r="C13165">
        <v>1</v>
      </c>
      <c r="D13165" t="s">
        <v>25333</v>
      </c>
      <c r="E13165" t="s">
        <v>34209</v>
      </c>
      <c r="F13165">
        <v>4</v>
      </c>
      <c r="G13165" t="s">
        <v>10</v>
      </c>
      <c r="H13165" t="s">
        <v>25334</v>
      </c>
      <c r="I13165" t="s">
        <v>30540</v>
      </c>
    </row>
    <row r="13166" spans="1:9">
      <c r="A13166" s="1">
        <f ca="1">RAND()</f>
        <v>0.34192061118311357</v>
      </c>
      <c r="B13166" s="1"/>
      <c r="C13166">
        <v>1</v>
      </c>
      <c r="D13166" t="s">
        <v>25333</v>
      </c>
      <c r="E13166" t="s">
        <v>34209</v>
      </c>
      <c r="F13166">
        <v>4</v>
      </c>
      <c r="G13166" t="s">
        <v>10</v>
      </c>
      <c r="H13166" t="s">
        <v>25334</v>
      </c>
      <c r="I13166" t="s">
        <v>30540</v>
      </c>
    </row>
    <row r="13167" spans="1:9">
      <c r="A13167" s="1">
        <f ca="1">RAND()</f>
        <v>0.188224350207013</v>
      </c>
      <c r="B13167" s="1"/>
      <c r="C13167">
        <v>11</v>
      </c>
      <c r="D13167" t="s">
        <v>25331</v>
      </c>
      <c r="E13167" t="s">
        <v>34210</v>
      </c>
      <c r="F13167">
        <v>4</v>
      </c>
      <c r="G13167" t="s">
        <v>14</v>
      </c>
      <c r="H13167" t="s">
        <v>25332</v>
      </c>
      <c r="I13167" t="s">
        <v>30540</v>
      </c>
    </row>
    <row r="13168" spans="1:9">
      <c r="A13168" s="1">
        <f ca="1">RAND()</f>
        <v>0.82501690502390224</v>
      </c>
      <c r="B13168" s="1"/>
      <c r="C13168">
        <v>6</v>
      </c>
      <c r="D13168" t="s">
        <v>25329</v>
      </c>
      <c r="E13168" t="s">
        <v>34210</v>
      </c>
      <c r="F13168">
        <v>4</v>
      </c>
      <c r="G13168" t="s">
        <v>15</v>
      </c>
      <c r="H13168" t="s">
        <v>25330</v>
      </c>
      <c r="I13168" t="s">
        <v>30540</v>
      </c>
    </row>
    <row r="13169" spans="1:9">
      <c r="A13169" s="1">
        <f ca="1">RAND()</f>
        <v>0.52182410350360309</v>
      </c>
      <c r="B13169" s="1"/>
      <c r="C13169">
        <v>11</v>
      </c>
      <c r="D13169" t="s">
        <v>25331</v>
      </c>
      <c r="E13169" t="s">
        <v>34210</v>
      </c>
      <c r="F13169">
        <v>4</v>
      </c>
      <c r="G13169" t="s">
        <v>14</v>
      </c>
      <c r="H13169" t="s">
        <v>25332</v>
      </c>
      <c r="I13169" t="s">
        <v>30540</v>
      </c>
    </row>
    <row r="13170" spans="1:9">
      <c r="A13170" s="1">
        <f ca="1">RAND()</f>
        <v>0.20088133780678574</v>
      </c>
      <c r="B13170" s="1"/>
      <c r="C13170">
        <v>6</v>
      </c>
      <c r="D13170" t="s">
        <v>25329</v>
      </c>
      <c r="E13170" t="s">
        <v>34210</v>
      </c>
      <c r="F13170">
        <v>4</v>
      </c>
      <c r="G13170" t="s">
        <v>15</v>
      </c>
      <c r="H13170" t="s">
        <v>25330</v>
      </c>
      <c r="I13170" t="s">
        <v>30540</v>
      </c>
    </row>
    <row r="13171" spans="1:9">
      <c r="A13171" s="1">
        <f ca="1">RAND()</f>
        <v>0.42910937838711771</v>
      </c>
      <c r="B13171" s="1"/>
      <c r="C13171">
        <v>9</v>
      </c>
      <c r="D13171" t="s">
        <v>25325</v>
      </c>
      <c r="E13171" t="s">
        <v>34211</v>
      </c>
      <c r="F13171">
        <v>5</v>
      </c>
      <c r="G13171" t="s">
        <v>14</v>
      </c>
      <c r="H13171" t="s">
        <v>25326</v>
      </c>
      <c r="I13171" t="s">
        <v>30540</v>
      </c>
    </row>
    <row r="13172" spans="1:9">
      <c r="A13172" s="1">
        <f ca="1">RAND()</f>
        <v>0.64387658830685401</v>
      </c>
      <c r="B13172" s="1"/>
      <c r="C13172">
        <v>9</v>
      </c>
      <c r="D13172" t="s">
        <v>25325</v>
      </c>
      <c r="E13172" t="s">
        <v>34211</v>
      </c>
      <c r="F13172">
        <v>5</v>
      </c>
      <c r="G13172" t="s">
        <v>14</v>
      </c>
      <c r="H13172" t="s">
        <v>25326</v>
      </c>
      <c r="I13172" t="s">
        <v>30540</v>
      </c>
    </row>
    <row r="13173" spans="1:9">
      <c r="A13173" s="1">
        <f ca="1">RAND()</f>
        <v>0.55010635778695716</v>
      </c>
      <c r="B13173" s="1"/>
      <c r="C13173">
        <v>8</v>
      </c>
      <c r="D13173" t="s">
        <v>25323</v>
      </c>
      <c r="E13173" t="s">
        <v>34211</v>
      </c>
      <c r="F13173">
        <v>4</v>
      </c>
      <c r="G13173" t="s">
        <v>9</v>
      </c>
      <c r="H13173" t="s">
        <v>25324</v>
      </c>
      <c r="I13173" t="s">
        <v>30540</v>
      </c>
    </row>
    <row r="13174" spans="1:9">
      <c r="A13174" s="1">
        <f ca="1">RAND()</f>
        <v>0.98951592927722321</v>
      </c>
      <c r="B13174" s="1"/>
      <c r="C13174">
        <v>16</v>
      </c>
      <c r="D13174" t="s">
        <v>25327</v>
      </c>
      <c r="E13174" t="s">
        <v>34211</v>
      </c>
      <c r="F13174">
        <v>4</v>
      </c>
      <c r="G13174" t="s">
        <v>14</v>
      </c>
      <c r="H13174" t="s">
        <v>25328</v>
      </c>
      <c r="I13174" t="s">
        <v>30540</v>
      </c>
    </row>
    <row r="13175" spans="1:9">
      <c r="A13175" s="1">
        <f ca="1">RAND()</f>
        <v>0.66695949216610029</v>
      </c>
      <c r="B13175" s="1"/>
      <c r="C13175">
        <v>8</v>
      </c>
      <c r="D13175" t="s">
        <v>25323</v>
      </c>
      <c r="E13175" t="s">
        <v>34211</v>
      </c>
      <c r="F13175">
        <v>4</v>
      </c>
      <c r="G13175" t="s">
        <v>9</v>
      </c>
      <c r="H13175" t="s">
        <v>25324</v>
      </c>
      <c r="I13175" t="s">
        <v>30540</v>
      </c>
    </row>
    <row r="13176" spans="1:9">
      <c r="A13176" s="1">
        <f ca="1">RAND()</f>
        <v>9.8043382979992044E-3</v>
      </c>
      <c r="B13176" s="1"/>
      <c r="C13176">
        <v>16</v>
      </c>
      <c r="D13176" t="s">
        <v>25327</v>
      </c>
      <c r="E13176" t="s">
        <v>34211</v>
      </c>
      <c r="F13176">
        <v>4</v>
      </c>
      <c r="G13176" t="s">
        <v>14</v>
      </c>
      <c r="H13176" t="s">
        <v>25328</v>
      </c>
      <c r="I13176" t="s">
        <v>30540</v>
      </c>
    </row>
    <row r="13177" spans="1:9">
      <c r="A13177" s="1">
        <f ca="1">RAND()</f>
        <v>0.12332699175467288</v>
      </c>
      <c r="B13177" s="1"/>
      <c r="C13177">
        <v>13</v>
      </c>
      <c r="D13177" t="s">
        <v>25321</v>
      </c>
      <c r="E13177" t="s">
        <v>34212</v>
      </c>
      <c r="F13177">
        <v>4</v>
      </c>
      <c r="G13177" t="s">
        <v>14</v>
      </c>
      <c r="H13177" t="s">
        <v>25322</v>
      </c>
      <c r="I13177" t="s">
        <v>30540</v>
      </c>
    </row>
    <row r="13178" spans="1:9">
      <c r="A13178" s="1">
        <f ca="1">RAND()</f>
        <v>0.82556203727483901</v>
      </c>
      <c r="B13178" s="1"/>
      <c r="C13178">
        <v>1</v>
      </c>
      <c r="D13178" t="s">
        <v>25319</v>
      </c>
      <c r="E13178" t="s">
        <v>34212</v>
      </c>
      <c r="F13178">
        <v>4</v>
      </c>
      <c r="G13178" t="s">
        <v>2</v>
      </c>
      <c r="H13178" t="s">
        <v>25320</v>
      </c>
      <c r="I13178" t="s">
        <v>30540</v>
      </c>
    </row>
    <row r="13179" spans="1:9">
      <c r="A13179" s="1">
        <f ca="1">RAND()</f>
        <v>0.33783801421115045</v>
      </c>
      <c r="B13179" s="1"/>
      <c r="C13179">
        <v>13</v>
      </c>
      <c r="D13179" t="s">
        <v>25321</v>
      </c>
      <c r="E13179" t="s">
        <v>34212</v>
      </c>
      <c r="F13179">
        <v>4</v>
      </c>
      <c r="G13179" t="s">
        <v>14</v>
      </c>
      <c r="H13179" t="s">
        <v>25322</v>
      </c>
      <c r="I13179" t="s">
        <v>30540</v>
      </c>
    </row>
    <row r="13180" spans="1:9">
      <c r="A13180" s="1">
        <f ca="1">RAND()</f>
        <v>0.6929036620206771</v>
      </c>
      <c r="B13180" s="1"/>
      <c r="C13180">
        <v>1</v>
      </c>
      <c r="D13180" t="s">
        <v>25319</v>
      </c>
      <c r="E13180" t="s">
        <v>34212</v>
      </c>
      <c r="F13180">
        <v>4</v>
      </c>
      <c r="G13180" t="s">
        <v>2</v>
      </c>
      <c r="H13180" t="s">
        <v>25320</v>
      </c>
      <c r="I13180" t="s">
        <v>30540</v>
      </c>
    </row>
    <row r="13181" spans="1:9">
      <c r="A13181" s="1">
        <f ca="1">RAND()</f>
        <v>0.40805508538216284</v>
      </c>
      <c r="B13181" s="1"/>
      <c r="C13181">
        <v>12</v>
      </c>
      <c r="D13181" t="s">
        <v>25315</v>
      </c>
      <c r="E13181" t="s">
        <v>34213</v>
      </c>
      <c r="F13181">
        <v>4</v>
      </c>
      <c r="G13181" t="s">
        <v>14</v>
      </c>
      <c r="H13181" t="s">
        <v>25316</v>
      </c>
      <c r="I13181" t="s">
        <v>30540</v>
      </c>
    </row>
    <row r="13182" spans="1:9">
      <c r="A13182" s="1">
        <f ca="1">RAND()</f>
        <v>0.89736485060288718</v>
      </c>
      <c r="B13182" s="1"/>
      <c r="C13182">
        <v>12</v>
      </c>
      <c r="D13182" t="s">
        <v>25315</v>
      </c>
      <c r="E13182" t="s">
        <v>34213</v>
      </c>
      <c r="F13182">
        <v>4</v>
      </c>
      <c r="G13182" t="s">
        <v>14</v>
      </c>
      <c r="H13182" t="s">
        <v>25316</v>
      </c>
      <c r="I13182" t="s">
        <v>30540</v>
      </c>
    </row>
    <row r="13183" spans="1:9">
      <c r="A13183" s="1">
        <f ca="1">RAND()</f>
        <v>0.71760476607201895</v>
      </c>
      <c r="B13183" s="1"/>
      <c r="C13183">
        <v>15</v>
      </c>
      <c r="D13183" t="s">
        <v>25317</v>
      </c>
      <c r="E13183" t="s">
        <v>34213</v>
      </c>
      <c r="F13183">
        <v>2</v>
      </c>
      <c r="G13183" t="s">
        <v>14</v>
      </c>
      <c r="H13183" t="s">
        <v>25318</v>
      </c>
      <c r="I13183" t="s">
        <v>30540</v>
      </c>
    </row>
    <row r="13184" spans="1:9">
      <c r="A13184" s="1">
        <f ca="1">RAND()</f>
        <v>0.58377680145585664</v>
      </c>
      <c r="B13184" s="1"/>
      <c r="C13184">
        <v>15</v>
      </c>
      <c r="D13184" t="s">
        <v>25317</v>
      </c>
      <c r="E13184" t="s">
        <v>34213</v>
      </c>
      <c r="F13184">
        <v>2</v>
      </c>
      <c r="G13184" t="s">
        <v>14</v>
      </c>
      <c r="H13184" t="s">
        <v>25318</v>
      </c>
      <c r="I13184" t="s">
        <v>30540</v>
      </c>
    </row>
    <row r="13185" spans="1:9">
      <c r="A13185" s="1">
        <f ca="1">RAND()</f>
        <v>0.28357123074763335</v>
      </c>
      <c r="B13185" s="1"/>
      <c r="C13185">
        <v>1</v>
      </c>
      <c r="D13185" t="s">
        <v>25307</v>
      </c>
      <c r="E13185" t="s">
        <v>34214</v>
      </c>
      <c r="F13185">
        <v>5</v>
      </c>
      <c r="G13185" t="s">
        <v>10</v>
      </c>
      <c r="H13185" t="s">
        <v>25308</v>
      </c>
      <c r="I13185" t="s">
        <v>30540</v>
      </c>
    </row>
    <row r="13186" spans="1:9">
      <c r="A13186" s="1">
        <f ca="1">RAND()</f>
        <v>3.2534966911431651E-2</v>
      </c>
      <c r="B13186" s="1"/>
      <c r="C13186">
        <v>14</v>
      </c>
      <c r="D13186" t="s">
        <v>25313</v>
      </c>
      <c r="E13186" t="s">
        <v>34214</v>
      </c>
      <c r="F13186">
        <v>5</v>
      </c>
      <c r="G13186" t="s">
        <v>2226</v>
      </c>
      <c r="H13186" t="s">
        <v>25314</v>
      </c>
      <c r="I13186" t="s">
        <v>30540</v>
      </c>
    </row>
    <row r="13187" spans="1:9">
      <c r="A13187" s="1">
        <f ca="1">RAND()</f>
        <v>0.40749304874473902</v>
      </c>
      <c r="B13187" s="1"/>
      <c r="C13187">
        <v>1</v>
      </c>
      <c r="D13187" t="s">
        <v>25307</v>
      </c>
      <c r="E13187" t="s">
        <v>34214</v>
      </c>
      <c r="F13187">
        <v>5</v>
      </c>
      <c r="G13187" t="s">
        <v>10</v>
      </c>
      <c r="H13187" t="s">
        <v>25308</v>
      </c>
      <c r="I13187" t="s">
        <v>30540</v>
      </c>
    </row>
    <row r="13188" spans="1:9">
      <c r="A13188" s="1">
        <f ca="1">RAND()</f>
        <v>0.61780518831260167</v>
      </c>
      <c r="B13188" s="1"/>
      <c r="C13188">
        <v>14</v>
      </c>
      <c r="D13188" t="s">
        <v>25313</v>
      </c>
      <c r="E13188" t="s">
        <v>34214</v>
      </c>
      <c r="F13188">
        <v>5</v>
      </c>
      <c r="G13188" t="s">
        <v>2226</v>
      </c>
      <c r="H13188" t="s">
        <v>25314</v>
      </c>
      <c r="I13188" t="s">
        <v>30540</v>
      </c>
    </row>
    <row r="13189" spans="1:9">
      <c r="A13189" s="1">
        <f ca="1">RAND()</f>
        <v>0.93259838283284113</v>
      </c>
      <c r="B13189" s="1"/>
      <c r="C13189">
        <v>13</v>
      </c>
      <c r="D13189" t="s">
        <v>25311</v>
      </c>
      <c r="E13189" t="s">
        <v>34214</v>
      </c>
      <c r="F13189">
        <v>4</v>
      </c>
      <c r="G13189" t="s">
        <v>2</v>
      </c>
      <c r="H13189" t="s">
        <v>25312</v>
      </c>
      <c r="I13189" t="s">
        <v>30540</v>
      </c>
    </row>
    <row r="13190" spans="1:9">
      <c r="A13190" s="1">
        <f ca="1">RAND()</f>
        <v>0.38636850619824192</v>
      </c>
      <c r="B13190" s="1"/>
      <c r="C13190">
        <v>13</v>
      </c>
      <c r="D13190" t="s">
        <v>25311</v>
      </c>
      <c r="E13190" t="s">
        <v>34214</v>
      </c>
      <c r="F13190">
        <v>4</v>
      </c>
      <c r="G13190" t="s">
        <v>2</v>
      </c>
      <c r="H13190" t="s">
        <v>25312</v>
      </c>
      <c r="I13190" t="s">
        <v>30540</v>
      </c>
    </row>
    <row r="13191" spans="1:9">
      <c r="A13191" s="1">
        <f ca="1">RAND()</f>
        <v>0.69761033884680734</v>
      </c>
      <c r="B13191" s="1"/>
      <c r="C13191">
        <v>9</v>
      </c>
      <c r="D13191" t="s">
        <v>25309</v>
      </c>
      <c r="E13191" t="s">
        <v>34214</v>
      </c>
      <c r="F13191">
        <v>4</v>
      </c>
      <c r="G13191" t="s">
        <v>14</v>
      </c>
      <c r="H13191" t="s">
        <v>25310</v>
      </c>
      <c r="I13191" t="s">
        <v>30540</v>
      </c>
    </row>
    <row r="13192" spans="1:9">
      <c r="A13192" s="1">
        <f ca="1">RAND()</f>
        <v>0.48114908554509439</v>
      </c>
      <c r="B13192" s="1"/>
      <c r="C13192">
        <v>9</v>
      </c>
      <c r="D13192" t="s">
        <v>25309</v>
      </c>
      <c r="E13192" t="s">
        <v>34214</v>
      </c>
      <c r="F13192">
        <v>4</v>
      </c>
      <c r="G13192" t="s">
        <v>14</v>
      </c>
      <c r="H13192" t="s">
        <v>25310</v>
      </c>
      <c r="I13192" t="s">
        <v>30540</v>
      </c>
    </row>
    <row r="13193" spans="1:9">
      <c r="A13193" s="1">
        <f ca="1">RAND()</f>
        <v>2.7310508146982548E-2</v>
      </c>
      <c r="B13193" s="1"/>
      <c r="C13193">
        <v>17</v>
      </c>
      <c r="D13193" t="s">
        <v>25303</v>
      </c>
      <c r="E13193" t="s">
        <v>34215</v>
      </c>
      <c r="F13193">
        <v>5</v>
      </c>
      <c r="G13193" t="s">
        <v>0</v>
      </c>
      <c r="H13193" t="s">
        <v>25304</v>
      </c>
      <c r="I13193" t="s">
        <v>30540</v>
      </c>
    </row>
    <row r="13194" spans="1:9">
      <c r="A13194" s="1">
        <f ca="1">RAND()</f>
        <v>0.86910455169916701</v>
      </c>
      <c r="B13194" s="1"/>
      <c r="C13194">
        <v>18</v>
      </c>
      <c r="D13194" t="s">
        <v>25305</v>
      </c>
      <c r="E13194" t="s">
        <v>34215</v>
      </c>
      <c r="F13194">
        <v>5</v>
      </c>
      <c r="G13194" t="s">
        <v>14</v>
      </c>
      <c r="H13194" t="s">
        <v>25306</v>
      </c>
      <c r="I13194" t="s">
        <v>30540</v>
      </c>
    </row>
    <row r="13195" spans="1:9">
      <c r="A13195" s="1">
        <f ca="1">RAND()</f>
        <v>0.37759120551106529</v>
      </c>
      <c r="B13195" s="1"/>
      <c r="C13195">
        <v>18</v>
      </c>
      <c r="D13195" t="s">
        <v>25305</v>
      </c>
      <c r="E13195" t="s">
        <v>34215</v>
      </c>
      <c r="F13195">
        <v>5</v>
      </c>
      <c r="G13195" t="s">
        <v>14</v>
      </c>
      <c r="H13195" t="s">
        <v>25306</v>
      </c>
      <c r="I13195" t="s">
        <v>30540</v>
      </c>
    </row>
    <row r="13196" spans="1:9">
      <c r="A13196" s="1">
        <f ca="1">RAND()</f>
        <v>0.66201193043026285</v>
      </c>
      <c r="B13196" s="1"/>
      <c r="C13196">
        <v>17</v>
      </c>
      <c r="D13196" t="s">
        <v>25303</v>
      </c>
      <c r="E13196" t="s">
        <v>34215</v>
      </c>
      <c r="F13196">
        <v>5</v>
      </c>
      <c r="G13196" t="s">
        <v>0</v>
      </c>
      <c r="H13196" t="s">
        <v>25304</v>
      </c>
      <c r="I13196" t="s">
        <v>30540</v>
      </c>
    </row>
    <row r="13197" spans="1:9">
      <c r="A13197" s="1">
        <f ca="1">RAND()</f>
        <v>0.64230312064840467</v>
      </c>
      <c r="B13197" s="1"/>
      <c r="C13197">
        <v>16</v>
      </c>
      <c r="D13197" t="s">
        <v>25301</v>
      </c>
      <c r="E13197" t="s">
        <v>34215</v>
      </c>
      <c r="F13197">
        <v>5</v>
      </c>
      <c r="G13197" t="s">
        <v>14</v>
      </c>
      <c r="H13197" t="s">
        <v>25302</v>
      </c>
      <c r="I13197" t="s">
        <v>30540</v>
      </c>
    </row>
    <row r="13198" spans="1:9">
      <c r="A13198" s="1">
        <f ca="1">RAND()</f>
        <v>0.82275271404016537</v>
      </c>
      <c r="B13198" s="1"/>
      <c r="C13198">
        <v>16</v>
      </c>
      <c r="D13198" t="s">
        <v>25301</v>
      </c>
      <c r="E13198" t="s">
        <v>34215</v>
      </c>
      <c r="F13198">
        <v>5</v>
      </c>
      <c r="G13198" t="s">
        <v>14</v>
      </c>
      <c r="H13198" t="s">
        <v>25302</v>
      </c>
      <c r="I13198" t="s">
        <v>30540</v>
      </c>
    </row>
    <row r="13199" spans="1:9">
      <c r="A13199" s="1">
        <f ca="1">RAND()</f>
        <v>0.97633641151702488</v>
      </c>
      <c r="B13199" s="1"/>
      <c r="C13199">
        <v>7</v>
      </c>
      <c r="D13199" t="s">
        <v>25297</v>
      </c>
      <c r="E13199" t="s">
        <v>34215</v>
      </c>
      <c r="F13199">
        <v>4</v>
      </c>
      <c r="G13199" t="s">
        <v>14</v>
      </c>
      <c r="H13199" t="s">
        <v>25298</v>
      </c>
      <c r="I13199" t="s">
        <v>30540</v>
      </c>
    </row>
    <row r="13200" spans="1:9">
      <c r="A13200" s="1">
        <f ca="1">RAND()</f>
        <v>0.80623458988680274</v>
      </c>
      <c r="B13200" s="1"/>
      <c r="C13200">
        <v>10</v>
      </c>
      <c r="D13200" t="s">
        <v>25299</v>
      </c>
      <c r="E13200" t="s">
        <v>34215</v>
      </c>
      <c r="F13200">
        <v>4</v>
      </c>
      <c r="G13200" t="s">
        <v>13</v>
      </c>
      <c r="H13200" t="s">
        <v>25300</v>
      </c>
      <c r="I13200" t="s">
        <v>30540</v>
      </c>
    </row>
    <row r="13201" spans="1:9">
      <c r="A13201" s="1">
        <f ca="1">RAND()</f>
        <v>0.22174985964044325</v>
      </c>
      <c r="B13201" s="1"/>
      <c r="C13201">
        <v>6</v>
      </c>
      <c r="D13201" t="s">
        <v>25295</v>
      </c>
      <c r="E13201" t="s">
        <v>34215</v>
      </c>
      <c r="F13201">
        <v>4</v>
      </c>
      <c r="G13201" t="s">
        <v>9</v>
      </c>
      <c r="H13201" t="s">
        <v>25296</v>
      </c>
      <c r="I13201" t="s">
        <v>30540</v>
      </c>
    </row>
    <row r="13202" spans="1:9">
      <c r="A13202" s="1">
        <f ca="1">RAND()</f>
        <v>0.12591628569523061</v>
      </c>
      <c r="B13202" s="1"/>
      <c r="C13202">
        <v>10</v>
      </c>
      <c r="D13202" t="s">
        <v>25299</v>
      </c>
      <c r="E13202" t="s">
        <v>34215</v>
      </c>
      <c r="F13202">
        <v>4</v>
      </c>
      <c r="G13202" t="s">
        <v>13</v>
      </c>
      <c r="H13202" t="s">
        <v>25300</v>
      </c>
      <c r="I13202" t="s">
        <v>30540</v>
      </c>
    </row>
    <row r="13203" spans="1:9">
      <c r="A13203" s="1">
        <f ca="1">RAND()</f>
        <v>0.64010976154317556</v>
      </c>
      <c r="B13203" s="1"/>
      <c r="C13203">
        <v>7</v>
      </c>
      <c r="D13203" t="s">
        <v>25297</v>
      </c>
      <c r="E13203" t="s">
        <v>34215</v>
      </c>
      <c r="F13203">
        <v>4</v>
      </c>
      <c r="G13203" t="s">
        <v>14</v>
      </c>
      <c r="H13203" t="s">
        <v>25298</v>
      </c>
      <c r="I13203" t="s">
        <v>30540</v>
      </c>
    </row>
    <row r="13204" spans="1:9">
      <c r="A13204" s="1">
        <f ca="1">RAND()</f>
        <v>8.2843673720347843E-2</v>
      </c>
      <c r="B13204" s="1"/>
      <c r="C13204">
        <v>6</v>
      </c>
      <c r="D13204" t="s">
        <v>25295</v>
      </c>
      <c r="E13204" t="s">
        <v>34215</v>
      </c>
      <c r="F13204">
        <v>4</v>
      </c>
      <c r="G13204" t="s">
        <v>9</v>
      </c>
      <c r="H13204" t="s">
        <v>25296</v>
      </c>
      <c r="I13204" t="s">
        <v>30540</v>
      </c>
    </row>
    <row r="13205" spans="1:9">
      <c r="A13205" s="1">
        <f ca="1">RAND()</f>
        <v>0.51024468917828192</v>
      </c>
      <c r="B13205" s="1"/>
      <c r="C13205">
        <v>3</v>
      </c>
      <c r="D13205" t="s">
        <v>25293</v>
      </c>
      <c r="E13205" t="s">
        <v>34215</v>
      </c>
      <c r="F13205">
        <v>1</v>
      </c>
      <c r="G13205" t="s">
        <v>10</v>
      </c>
      <c r="H13205" t="s">
        <v>25294</v>
      </c>
      <c r="I13205" t="s">
        <v>30540</v>
      </c>
    </row>
    <row r="13206" spans="1:9">
      <c r="A13206" s="1">
        <f ca="1">RAND()</f>
        <v>0.56457176577645396</v>
      </c>
      <c r="B13206" s="1"/>
      <c r="C13206">
        <v>3</v>
      </c>
      <c r="D13206" t="s">
        <v>25293</v>
      </c>
      <c r="E13206" t="s">
        <v>34215</v>
      </c>
      <c r="F13206">
        <v>1</v>
      </c>
      <c r="G13206" t="s">
        <v>10</v>
      </c>
      <c r="H13206" t="s">
        <v>25294</v>
      </c>
      <c r="I13206" t="s">
        <v>30540</v>
      </c>
    </row>
    <row r="13207" spans="1:9">
      <c r="A13207" s="1">
        <f ca="1">RAND()</f>
        <v>0.53037466039686054</v>
      </c>
      <c r="B13207" s="1"/>
      <c r="C13207">
        <v>16</v>
      </c>
      <c r="D13207" t="s">
        <v>25291</v>
      </c>
      <c r="E13207" t="s">
        <v>34216</v>
      </c>
      <c r="F13207">
        <v>4</v>
      </c>
      <c r="G13207" t="s">
        <v>14</v>
      </c>
      <c r="H13207" t="s">
        <v>25292</v>
      </c>
      <c r="I13207" t="s">
        <v>30540</v>
      </c>
    </row>
    <row r="13208" spans="1:9">
      <c r="A13208" s="1">
        <f ca="1">RAND()</f>
        <v>0.666070325810315</v>
      </c>
      <c r="B13208" s="1"/>
      <c r="C13208">
        <v>16</v>
      </c>
      <c r="D13208" t="s">
        <v>25291</v>
      </c>
      <c r="E13208" t="s">
        <v>34216</v>
      </c>
      <c r="F13208">
        <v>4</v>
      </c>
      <c r="G13208" t="s">
        <v>14</v>
      </c>
      <c r="H13208" t="s">
        <v>25292</v>
      </c>
      <c r="I13208" t="s">
        <v>30540</v>
      </c>
    </row>
    <row r="13209" spans="1:9">
      <c r="A13209" s="1">
        <f ca="1">RAND()</f>
        <v>0.77234891816214235</v>
      </c>
      <c r="B13209" s="1"/>
      <c r="C13209">
        <v>10</v>
      </c>
      <c r="D13209" t="s">
        <v>25285</v>
      </c>
      <c r="E13209" t="s">
        <v>34216</v>
      </c>
      <c r="F13209">
        <v>4</v>
      </c>
      <c r="G13209" t="s">
        <v>14</v>
      </c>
      <c r="H13209" t="s">
        <v>25286</v>
      </c>
      <c r="I13209" t="s">
        <v>30540</v>
      </c>
    </row>
    <row r="13210" spans="1:9">
      <c r="A13210" s="1">
        <f ca="1">RAND()</f>
        <v>0.94373978105955558</v>
      </c>
      <c r="B13210" s="1"/>
      <c r="C13210">
        <v>10</v>
      </c>
      <c r="D13210" t="s">
        <v>25285</v>
      </c>
      <c r="E13210" t="s">
        <v>34216</v>
      </c>
      <c r="F13210">
        <v>4</v>
      </c>
      <c r="G13210" t="s">
        <v>14</v>
      </c>
      <c r="H13210" t="s">
        <v>25286</v>
      </c>
      <c r="I13210" t="s">
        <v>30540</v>
      </c>
    </row>
    <row r="13211" spans="1:9">
      <c r="A13211" s="1">
        <f ca="1">RAND()</f>
        <v>0.22903456041611514</v>
      </c>
      <c r="B13211" s="1"/>
      <c r="C13211">
        <v>14</v>
      </c>
      <c r="D13211" t="s">
        <v>25289</v>
      </c>
      <c r="E13211" t="s">
        <v>34216</v>
      </c>
      <c r="F13211">
        <v>3</v>
      </c>
      <c r="G13211" t="s">
        <v>14</v>
      </c>
      <c r="H13211" t="s">
        <v>25290</v>
      </c>
      <c r="I13211" t="s">
        <v>30540</v>
      </c>
    </row>
    <row r="13212" spans="1:9">
      <c r="A13212" s="1">
        <f ca="1">RAND()</f>
        <v>0.24079257759837547</v>
      </c>
      <c r="B13212" s="1"/>
      <c r="C13212">
        <v>14</v>
      </c>
      <c r="D13212" t="s">
        <v>25289</v>
      </c>
      <c r="E13212" t="s">
        <v>34216</v>
      </c>
      <c r="F13212">
        <v>3</v>
      </c>
      <c r="G13212" t="s">
        <v>14</v>
      </c>
      <c r="H13212" t="s">
        <v>25290</v>
      </c>
      <c r="I13212" t="s">
        <v>30540</v>
      </c>
    </row>
    <row r="13213" spans="1:9">
      <c r="A13213" s="1">
        <f ca="1">RAND()</f>
        <v>0.17616531461394969</v>
      </c>
      <c r="B13213" s="1"/>
      <c r="C13213">
        <v>11</v>
      </c>
      <c r="D13213" t="s">
        <v>25287</v>
      </c>
      <c r="E13213" t="s">
        <v>34216</v>
      </c>
      <c r="F13213">
        <v>2</v>
      </c>
      <c r="G13213" t="s">
        <v>14</v>
      </c>
      <c r="H13213" t="s">
        <v>25288</v>
      </c>
      <c r="I13213" t="s">
        <v>30540</v>
      </c>
    </row>
    <row r="13214" spans="1:9">
      <c r="A13214" s="1">
        <f ca="1">RAND()</f>
        <v>0.20557384993841776</v>
      </c>
      <c r="B13214" s="1"/>
      <c r="C13214">
        <v>11</v>
      </c>
      <c r="D13214" t="s">
        <v>25287</v>
      </c>
      <c r="E13214" t="s">
        <v>34216</v>
      </c>
      <c r="F13214">
        <v>2</v>
      </c>
      <c r="G13214" t="s">
        <v>14</v>
      </c>
      <c r="H13214" t="s">
        <v>25288</v>
      </c>
      <c r="I13214" t="s">
        <v>30540</v>
      </c>
    </row>
    <row r="13215" spans="1:9">
      <c r="A13215" s="1">
        <f ca="1">RAND()</f>
        <v>0.40268599747637446</v>
      </c>
      <c r="B13215" s="1"/>
      <c r="C13215">
        <v>12</v>
      </c>
      <c r="D13215" t="s">
        <v>25283</v>
      </c>
      <c r="E13215" t="s">
        <v>34217</v>
      </c>
      <c r="F13215">
        <v>5</v>
      </c>
      <c r="G13215" t="s">
        <v>13</v>
      </c>
      <c r="H13215" t="s">
        <v>25284</v>
      </c>
      <c r="I13215" t="s">
        <v>30540</v>
      </c>
    </row>
    <row r="13216" spans="1:9">
      <c r="A13216" s="1">
        <f ca="1">RAND()</f>
        <v>8.1190476300661563E-2</v>
      </c>
      <c r="B13216" s="1"/>
      <c r="C13216">
        <v>12</v>
      </c>
      <c r="D13216" t="s">
        <v>25283</v>
      </c>
      <c r="E13216" t="s">
        <v>34217</v>
      </c>
      <c r="F13216">
        <v>5</v>
      </c>
      <c r="G13216" t="s">
        <v>13</v>
      </c>
      <c r="H13216" t="s">
        <v>25284</v>
      </c>
      <c r="I13216" t="s">
        <v>30540</v>
      </c>
    </row>
    <row r="13217" spans="1:9">
      <c r="A13217" s="1">
        <f ca="1">RAND()</f>
        <v>0.38395401215817604</v>
      </c>
      <c r="B13217" s="1"/>
      <c r="C13217">
        <v>10</v>
      </c>
      <c r="D13217" t="s">
        <v>25281</v>
      </c>
      <c r="E13217" t="s">
        <v>34217</v>
      </c>
      <c r="F13217">
        <v>4</v>
      </c>
      <c r="G13217" t="s">
        <v>14</v>
      </c>
      <c r="H13217" t="s">
        <v>25282</v>
      </c>
      <c r="I13217" t="s">
        <v>30540</v>
      </c>
    </row>
    <row r="13218" spans="1:9">
      <c r="A13218" s="1">
        <f ca="1">RAND()</f>
        <v>0.25574515976443546</v>
      </c>
      <c r="B13218" s="1"/>
      <c r="C13218">
        <v>10</v>
      </c>
      <c r="D13218" t="s">
        <v>25281</v>
      </c>
      <c r="E13218" t="s">
        <v>34217</v>
      </c>
      <c r="F13218">
        <v>4</v>
      </c>
      <c r="G13218" t="s">
        <v>14</v>
      </c>
      <c r="H13218" t="s">
        <v>25282</v>
      </c>
      <c r="I13218" t="s">
        <v>30540</v>
      </c>
    </row>
    <row r="13219" spans="1:9">
      <c r="A13219" s="1">
        <f ca="1">RAND()</f>
        <v>0.93206578504976123</v>
      </c>
      <c r="B13219" s="1"/>
      <c r="C13219">
        <v>13</v>
      </c>
      <c r="D13219" t="s">
        <v>25277</v>
      </c>
      <c r="E13219" t="s">
        <v>34218</v>
      </c>
      <c r="F13219">
        <v>4</v>
      </c>
      <c r="G13219" t="s">
        <v>2</v>
      </c>
      <c r="H13219" t="s">
        <v>25278</v>
      </c>
      <c r="I13219" t="s">
        <v>30540</v>
      </c>
    </row>
    <row r="13220" spans="1:9">
      <c r="A13220" s="1">
        <f ca="1">RAND()</f>
        <v>0.19351089493349283</v>
      </c>
      <c r="B13220" s="1"/>
      <c r="C13220">
        <v>7</v>
      </c>
      <c r="D13220" t="s">
        <v>25275</v>
      </c>
      <c r="E13220" t="s">
        <v>34218</v>
      </c>
      <c r="F13220">
        <v>4</v>
      </c>
      <c r="G13220" t="s">
        <v>14</v>
      </c>
      <c r="H13220" t="s">
        <v>25276</v>
      </c>
      <c r="I13220" t="s">
        <v>30540</v>
      </c>
    </row>
    <row r="13221" spans="1:9">
      <c r="A13221" s="1">
        <f ca="1">RAND()</f>
        <v>0.8385472751143227</v>
      </c>
      <c r="B13221" s="1"/>
      <c r="C13221">
        <v>7</v>
      </c>
      <c r="D13221" t="s">
        <v>25275</v>
      </c>
      <c r="E13221" t="s">
        <v>34218</v>
      </c>
      <c r="F13221">
        <v>4</v>
      </c>
      <c r="G13221" t="s">
        <v>14</v>
      </c>
      <c r="H13221" t="s">
        <v>25276</v>
      </c>
      <c r="I13221" t="s">
        <v>30540</v>
      </c>
    </row>
    <row r="13222" spans="1:9">
      <c r="A13222" s="1">
        <f ca="1">RAND()</f>
        <v>0.93536854944390135</v>
      </c>
      <c r="B13222" s="1"/>
      <c r="C13222">
        <v>13</v>
      </c>
      <c r="D13222" t="s">
        <v>25277</v>
      </c>
      <c r="E13222" t="s">
        <v>34218</v>
      </c>
      <c r="F13222">
        <v>4</v>
      </c>
      <c r="G13222" t="s">
        <v>2</v>
      </c>
      <c r="H13222" t="s">
        <v>25278</v>
      </c>
      <c r="I13222" t="s">
        <v>30540</v>
      </c>
    </row>
    <row r="13223" spans="1:9">
      <c r="A13223" s="1">
        <f ca="1">RAND()</f>
        <v>0.24046657434378094</v>
      </c>
      <c r="B13223" s="1"/>
      <c r="C13223">
        <v>15</v>
      </c>
      <c r="D13223" t="s">
        <v>25279</v>
      </c>
      <c r="E13223" t="s">
        <v>34218</v>
      </c>
      <c r="F13223">
        <v>3</v>
      </c>
      <c r="G13223" t="s">
        <v>14</v>
      </c>
      <c r="H13223" t="s">
        <v>25280</v>
      </c>
      <c r="I13223" t="s">
        <v>30540</v>
      </c>
    </row>
    <row r="13224" spans="1:9">
      <c r="A13224" s="1">
        <f ca="1">RAND()</f>
        <v>0.223516481998423</v>
      </c>
      <c r="B13224" s="1"/>
      <c r="C13224">
        <v>15</v>
      </c>
      <c r="D13224" t="s">
        <v>25279</v>
      </c>
      <c r="E13224" t="s">
        <v>34218</v>
      </c>
      <c r="F13224">
        <v>3</v>
      </c>
      <c r="G13224" t="s">
        <v>14</v>
      </c>
      <c r="H13224" t="s">
        <v>25280</v>
      </c>
      <c r="I13224" t="s">
        <v>30540</v>
      </c>
    </row>
    <row r="13225" spans="1:9">
      <c r="A13225" s="1">
        <f ca="1">RAND()</f>
        <v>0.14142249111533767</v>
      </c>
      <c r="B13225" s="1"/>
      <c r="C13225">
        <v>15</v>
      </c>
      <c r="D13225" t="s">
        <v>25271</v>
      </c>
      <c r="E13225" t="s">
        <v>34219</v>
      </c>
      <c r="F13225">
        <v>5</v>
      </c>
      <c r="G13225" t="s">
        <v>14</v>
      </c>
      <c r="H13225" t="s">
        <v>25272</v>
      </c>
      <c r="I13225" t="s">
        <v>30540</v>
      </c>
    </row>
    <row r="13226" spans="1:9">
      <c r="A13226" s="1">
        <f ca="1">RAND()</f>
        <v>0.52080847303088507</v>
      </c>
      <c r="B13226" s="1"/>
      <c r="C13226">
        <v>7</v>
      </c>
      <c r="D13226" t="s">
        <v>25269</v>
      </c>
      <c r="E13226" t="s">
        <v>34219</v>
      </c>
      <c r="F13226">
        <v>5</v>
      </c>
      <c r="G13226" t="s">
        <v>10</v>
      </c>
      <c r="H13226" t="s">
        <v>25270</v>
      </c>
      <c r="I13226" t="s">
        <v>30540</v>
      </c>
    </row>
    <row r="13227" spans="1:9">
      <c r="A13227" s="1">
        <f ca="1">RAND()</f>
        <v>8.3024008369222746E-2</v>
      </c>
      <c r="B13227" s="1"/>
      <c r="C13227">
        <v>17</v>
      </c>
      <c r="D13227" t="s">
        <v>25273</v>
      </c>
      <c r="E13227" t="s">
        <v>34219</v>
      </c>
      <c r="F13227">
        <v>5</v>
      </c>
      <c r="G13227" t="s">
        <v>762</v>
      </c>
      <c r="H13227" t="s">
        <v>25274</v>
      </c>
      <c r="I13227" t="s">
        <v>30540</v>
      </c>
    </row>
    <row r="13228" spans="1:9">
      <c r="A13228" s="1">
        <f ca="1">RAND()</f>
        <v>0.70157722220440699</v>
      </c>
      <c r="B13228" s="1"/>
      <c r="C13228">
        <v>15</v>
      </c>
      <c r="D13228" t="s">
        <v>25271</v>
      </c>
      <c r="E13228" t="s">
        <v>34219</v>
      </c>
      <c r="F13228">
        <v>5</v>
      </c>
      <c r="G13228" t="s">
        <v>14</v>
      </c>
      <c r="H13228" t="s">
        <v>25272</v>
      </c>
      <c r="I13228" t="s">
        <v>30540</v>
      </c>
    </row>
    <row r="13229" spans="1:9">
      <c r="A13229" s="1">
        <f ca="1">RAND()</f>
        <v>0.61663268394472182</v>
      </c>
      <c r="B13229" s="1"/>
      <c r="C13229">
        <v>7</v>
      </c>
      <c r="D13229" t="s">
        <v>25269</v>
      </c>
      <c r="E13229" t="s">
        <v>34219</v>
      </c>
      <c r="F13229">
        <v>5</v>
      </c>
      <c r="G13229" t="s">
        <v>10</v>
      </c>
      <c r="H13229" t="s">
        <v>25270</v>
      </c>
      <c r="I13229" t="s">
        <v>30540</v>
      </c>
    </row>
    <row r="13230" spans="1:9">
      <c r="A13230" s="1">
        <f ca="1">RAND()</f>
        <v>7.8734255408285936E-4</v>
      </c>
      <c r="B13230" s="1"/>
      <c r="C13230">
        <v>17</v>
      </c>
      <c r="D13230" t="s">
        <v>25273</v>
      </c>
      <c r="E13230" t="s">
        <v>34219</v>
      </c>
      <c r="F13230">
        <v>5</v>
      </c>
      <c r="G13230" t="s">
        <v>762</v>
      </c>
      <c r="H13230" t="s">
        <v>25274</v>
      </c>
      <c r="I13230" t="s">
        <v>30540</v>
      </c>
    </row>
    <row r="13231" spans="1:9">
      <c r="A13231" s="1">
        <f ca="1">RAND()</f>
        <v>0.97720026447722197</v>
      </c>
      <c r="B13231" s="1"/>
      <c r="C13231">
        <v>2</v>
      </c>
      <c r="D13231" t="s">
        <v>25265</v>
      </c>
      <c r="E13231" t="s">
        <v>34220</v>
      </c>
      <c r="F13231">
        <v>4</v>
      </c>
      <c r="G13231" t="s">
        <v>9</v>
      </c>
      <c r="H13231" t="s">
        <v>25266</v>
      </c>
      <c r="I13231" t="s">
        <v>30540</v>
      </c>
    </row>
    <row r="13232" spans="1:9">
      <c r="A13232" s="1">
        <f ca="1">RAND()</f>
        <v>0.90780639212425807</v>
      </c>
      <c r="B13232" s="1"/>
      <c r="C13232">
        <v>2</v>
      </c>
      <c r="D13232" t="s">
        <v>25265</v>
      </c>
      <c r="E13232" t="s">
        <v>34220</v>
      </c>
      <c r="F13232">
        <v>4</v>
      </c>
      <c r="G13232" t="s">
        <v>9</v>
      </c>
      <c r="H13232" t="s">
        <v>25266</v>
      </c>
      <c r="I13232" t="s">
        <v>30540</v>
      </c>
    </row>
    <row r="13233" spans="1:9">
      <c r="A13233" s="1">
        <f ca="1">RAND()</f>
        <v>0.59687255531489469</v>
      </c>
      <c r="B13233" s="1"/>
      <c r="C13233">
        <v>16</v>
      </c>
      <c r="D13233" t="s">
        <v>25267</v>
      </c>
      <c r="E13233" t="s">
        <v>34220</v>
      </c>
      <c r="F13233">
        <v>3</v>
      </c>
      <c r="G13233" t="s">
        <v>14</v>
      </c>
      <c r="H13233" t="s">
        <v>25268</v>
      </c>
      <c r="I13233" t="s">
        <v>30540</v>
      </c>
    </row>
    <row r="13234" spans="1:9">
      <c r="A13234" s="1">
        <f ca="1">RAND()</f>
        <v>4.7103183272477644E-2</v>
      </c>
      <c r="B13234" s="1"/>
      <c r="C13234">
        <v>16</v>
      </c>
      <c r="D13234" t="s">
        <v>25267</v>
      </c>
      <c r="E13234" t="s">
        <v>34220</v>
      </c>
      <c r="F13234">
        <v>3</v>
      </c>
      <c r="G13234" t="s">
        <v>14</v>
      </c>
      <c r="H13234" t="s">
        <v>25268</v>
      </c>
      <c r="I13234" t="s">
        <v>30540</v>
      </c>
    </row>
    <row r="13235" spans="1:9">
      <c r="A13235" s="1">
        <f ca="1">RAND()</f>
        <v>0.58254759844995474</v>
      </c>
      <c r="B13235" s="1"/>
      <c r="C13235">
        <v>2</v>
      </c>
      <c r="D13235" t="s">
        <v>25259</v>
      </c>
      <c r="E13235" t="s">
        <v>34221</v>
      </c>
      <c r="F13235">
        <v>4</v>
      </c>
      <c r="G13235" t="s">
        <v>9</v>
      </c>
      <c r="H13235" t="s">
        <v>25260</v>
      </c>
      <c r="I13235" t="s">
        <v>30540</v>
      </c>
    </row>
    <row r="13236" spans="1:9">
      <c r="A13236" s="1">
        <f ca="1">RAND()</f>
        <v>0.72237089564600543</v>
      </c>
      <c r="B13236" s="1"/>
      <c r="C13236">
        <v>20</v>
      </c>
      <c r="D13236" t="s">
        <v>25263</v>
      </c>
      <c r="E13236" t="s">
        <v>34221</v>
      </c>
      <c r="F13236">
        <v>4</v>
      </c>
      <c r="G13236" t="s">
        <v>14</v>
      </c>
      <c r="H13236" t="s">
        <v>25264</v>
      </c>
      <c r="I13236" t="s">
        <v>30540</v>
      </c>
    </row>
    <row r="13237" spans="1:9">
      <c r="A13237" s="1">
        <f ca="1">RAND()</f>
        <v>2.8826649812000116E-2</v>
      </c>
      <c r="B13237" s="1"/>
      <c r="C13237">
        <v>6</v>
      </c>
      <c r="D13237" t="s">
        <v>25261</v>
      </c>
      <c r="E13237" t="s">
        <v>34221</v>
      </c>
      <c r="F13237">
        <v>4</v>
      </c>
      <c r="G13237" t="s">
        <v>14</v>
      </c>
      <c r="H13237" t="s">
        <v>25262</v>
      </c>
      <c r="I13237" t="s">
        <v>30540</v>
      </c>
    </row>
    <row r="13238" spans="1:9">
      <c r="A13238" s="1">
        <f ca="1">RAND()</f>
        <v>0.10397307582016868</v>
      </c>
      <c r="B13238" s="1"/>
      <c r="C13238">
        <v>18</v>
      </c>
      <c r="D13238" t="s">
        <v>25257</v>
      </c>
      <c r="E13238" t="s">
        <v>34222</v>
      </c>
      <c r="F13238">
        <v>4</v>
      </c>
      <c r="G13238" t="s">
        <v>14</v>
      </c>
      <c r="H13238" t="s">
        <v>25258</v>
      </c>
      <c r="I13238" t="s">
        <v>30540</v>
      </c>
    </row>
    <row r="13239" spans="1:9">
      <c r="A13239" s="1">
        <f ca="1">RAND()</f>
        <v>5.3230904067953166E-2</v>
      </c>
      <c r="B13239" s="1"/>
      <c r="C13239">
        <v>15</v>
      </c>
      <c r="D13239" t="s">
        <v>25255</v>
      </c>
      <c r="E13239" t="s">
        <v>34222</v>
      </c>
      <c r="F13239">
        <v>3</v>
      </c>
      <c r="G13239" t="s">
        <v>1</v>
      </c>
      <c r="H13239" t="s">
        <v>25256</v>
      </c>
      <c r="I13239" t="s">
        <v>30540</v>
      </c>
    </row>
    <row r="13240" spans="1:9">
      <c r="A13240" s="1">
        <f ca="1">RAND()</f>
        <v>0.84387052727947387</v>
      </c>
      <c r="B13240" s="1"/>
      <c r="C13240">
        <v>20</v>
      </c>
      <c r="D13240" t="s">
        <v>25253</v>
      </c>
      <c r="E13240" t="s">
        <v>34223</v>
      </c>
      <c r="F13240">
        <v>5</v>
      </c>
      <c r="G13240" t="s">
        <v>14</v>
      </c>
      <c r="H13240" t="s">
        <v>25254</v>
      </c>
      <c r="I13240" t="s">
        <v>30540</v>
      </c>
    </row>
    <row r="13241" spans="1:9">
      <c r="A13241" s="1">
        <f ca="1">RAND()</f>
        <v>0.98359702797491333</v>
      </c>
      <c r="B13241" s="1"/>
      <c r="C13241">
        <v>9</v>
      </c>
      <c r="D13241" t="s">
        <v>25249</v>
      </c>
      <c r="E13241" t="s">
        <v>34223</v>
      </c>
      <c r="F13241">
        <v>5</v>
      </c>
      <c r="G13241" t="s">
        <v>14</v>
      </c>
      <c r="H13241" t="s">
        <v>25250</v>
      </c>
      <c r="I13241" t="s">
        <v>30540</v>
      </c>
    </row>
    <row r="13242" spans="1:9">
      <c r="A13242" s="1">
        <f ca="1">RAND()</f>
        <v>0.91493913281129891</v>
      </c>
      <c r="B13242" s="1"/>
      <c r="C13242">
        <v>10</v>
      </c>
      <c r="D13242" t="s">
        <v>25251</v>
      </c>
      <c r="E13242" t="s">
        <v>34223</v>
      </c>
      <c r="F13242">
        <v>4</v>
      </c>
      <c r="G13242" t="s">
        <v>14</v>
      </c>
      <c r="H13242" t="s">
        <v>25252</v>
      </c>
      <c r="I13242" t="s">
        <v>30540</v>
      </c>
    </row>
    <row r="13243" spans="1:9">
      <c r="A13243" s="1">
        <f ca="1">RAND()</f>
        <v>0.75529597507258994</v>
      </c>
      <c r="B13243" s="1"/>
      <c r="C13243">
        <v>8</v>
      </c>
      <c r="D13243" t="s">
        <v>25243</v>
      </c>
      <c r="E13243" t="s">
        <v>34224</v>
      </c>
      <c r="F13243">
        <v>4</v>
      </c>
      <c r="G13243" t="s">
        <v>1426</v>
      </c>
      <c r="H13243" t="s">
        <v>25244</v>
      </c>
      <c r="I13243" t="s">
        <v>30540</v>
      </c>
    </row>
    <row r="13244" spans="1:9">
      <c r="A13244" s="1">
        <f ca="1">RAND()</f>
        <v>0.12002086415561453</v>
      </c>
      <c r="B13244" s="1"/>
      <c r="C13244">
        <v>1</v>
      </c>
      <c r="D13244" t="s">
        <v>25239</v>
      </c>
      <c r="E13244" t="s">
        <v>34224</v>
      </c>
      <c r="F13244">
        <v>4</v>
      </c>
      <c r="G13244" t="s">
        <v>10</v>
      </c>
      <c r="H13244" t="s">
        <v>25240</v>
      </c>
      <c r="I13244" t="s">
        <v>30540</v>
      </c>
    </row>
    <row r="13245" spans="1:9">
      <c r="A13245" s="1">
        <f ca="1">RAND()</f>
        <v>0.36752109768987973</v>
      </c>
      <c r="B13245" s="1"/>
      <c r="C13245">
        <v>12</v>
      </c>
      <c r="D13245" t="s">
        <v>25245</v>
      </c>
      <c r="E13245" t="s">
        <v>34224</v>
      </c>
      <c r="F13245">
        <v>4</v>
      </c>
      <c r="G13245" t="s">
        <v>1431</v>
      </c>
      <c r="H13245" t="s">
        <v>25246</v>
      </c>
      <c r="I13245" t="s">
        <v>30540</v>
      </c>
    </row>
    <row r="13246" spans="1:9">
      <c r="A13246" s="1">
        <f ca="1">RAND()</f>
        <v>0.98775432264322149</v>
      </c>
      <c r="B13246" s="1"/>
      <c r="C13246">
        <v>2</v>
      </c>
      <c r="D13246" t="s">
        <v>25241</v>
      </c>
      <c r="E13246" t="s">
        <v>34224</v>
      </c>
      <c r="F13246">
        <v>3</v>
      </c>
      <c r="G13246" t="s">
        <v>762</v>
      </c>
      <c r="H13246" t="s">
        <v>25242</v>
      </c>
      <c r="I13246" t="s">
        <v>30540</v>
      </c>
    </row>
    <row r="13247" spans="1:9">
      <c r="A13247" s="1">
        <f ca="1">RAND()</f>
        <v>0.42143256262539308</v>
      </c>
      <c r="B13247" s="1"/>
      <c r="C13247">
        <v>13</v>
      </c>
      <c r="D13247" t="s">
        <v>25247</v>
      </c>
      <c r="E13247" t="s">
        <v>34224</v>
      </c>
      <c r="F13247">
        <v>2</v>
      </c>
      <c r="G13247" t="s">
        <v>14</v>
      </c>
      <c r="H13247" t="s">
        <v>25248</v>
      </c>
      <c r="I13247" t="s">
        <v>30540</v>
      </c>
    </row>
    <row r="13248" spans="1:9">
      <c r="A13248" s="1">
        <f ca="1">RAND()</f>
        <v>0.81912842813535203</v>
      </c>
      <c r="B13248" s="1"/>
      <c r="C13248">
        <v>15</v>
      </c>
      <c r="D13248" t="s">
        <v>25235</v>
      </c>
      <c r="E13248" t="s">
        <v>34225</v>
      </c>
      <c r="F13248">
        <v>4</v>
      </c>
      <c r="G13248" t="s">
        <v>14</v>
      </c>
      <c r="H13248" t="s">
        <v>25236</v>
      </c>
      <c r="I13248" t="s">
        <v>30540</v>
      </c>
    </row>
    <row r="13249" spans="1:9">
      <c r="A13249" s="1">
        <f ca="1">RAND()</f>
        <v>0.68981514454444803</v>
      </c>
      <c r="B13249" s="1"/>
      <c r="C13249">
        <v>17</v>
      </c>
      <c r="D13249" t="s">
        <v>25237</v>
      </c>
      <c r="E13249" t="s">
        <v>34225</v>
      </c>
      <c r="F13249">
        <v>4</v>
      </c>
      <c r="G13249" t="s">
        <v>14</v>
      </c>
      <c r="H13249" t="s">
        <v>25238</v>
      </c>
      <c r="I13249" t="s">
        <v>30540</v>
      </c>
    </row>
    <row r="13250" spans="1:9">
      <c r="A13250" s="1">
        <f ca="1">RAND()</f>
        <v>0.39644516221841608</v>
      </c>
      <c r="B13250" s="1"/>
      <c r="C13250">
        <v>10</v>
      </c>
      <c r="D13250" t="s">
        <v>25231</v>
      </c>
      <c r="E13250" t="s">
        <v>34226</v>
      </c>
      <c r="F13250">
        <v>4</v>
      </c>
      <c r="G13250" t="s">
        <v>14</v>
      </c>
      <c r="H13250" t="s">
        <v>25232</v>
      </c>
      <c r="I13250" t="s">
        <v>30540</v>
      </c>
    </row>
    <row r="13251" spans="1:9">
      <c r="A13251" s="1">
        <f ca="1">RAND()</f>
        <v>0.93444996492181664</v>
      </c>
      <c r="B13251" s="1"/>
      <c r="C13251">
        <v>6</v>
      </c>
      <c r="D13251" t="s">
        <v>25229</v>
      </c>
      <c r="E13251" t="s">
        <v>34226</v>
      </c>
      <c r="F13251">
        <v>4</v>
      </c>
      <c r="G13251" t="s">
        <v>9</v>
      </c>
      <c r="H13251" t="s">
        <v>25230</v>
      </c>
      <c r="I13251" t="s">
        <v>30540</v>
      </c>
    </row>
    <row r="13252" spans="1:9">
      <c r="A13252" s="1">
        <f ca="1">RAND()</f>
        <v>0.96181881502908051</v>
      </c>
      <c r="B13252" s="1"/>
      <c r="C13252">
        <v>5</v>
      </c>
      <c r="D13252" t="s">
        <v>25227</v>
      </c>
      <c r="E13252" t="s">
        <v>34226</v>
      </c>
      <c r="F13252">
        <v>4</v>
      </c>
      <c r="G13252" t="s">
        <v>9</v>
      </c>
      <c r="H13252" t="s">
        <v>25228</v>
      </c>
      <c r="I13252" t="s">
        <v>30540</v>
      </c>
    </row>
    <row r="13253" spans="1:9">
      <c r="A13253" s="1">
        <f ca="1">RAND()</f>
        <v>0.20403794899181937</v>
      </c>
      <c r="B13253" s="1"/>
      <c r="C13253">
        <v>11</v>
      </c>
      <c r="D13253" t="s">
        <v>25233</v>
      </c>
      <c r="E13253" t="s">
        <v>34226</v>
      </c>
      <c r="F13253">
        <v>2</v>
      </c>
      <c r="G13253" t="s">
        <v>14</v>
      </c>
      <c r="H13253" t="s">
        <v>25234</v>
      </c>
      <c r="I13253" t="s">
        <v>30540</v>
      </c>
    </row>
    <row r="13254" spans="1:9">
      <c r="A13254" s="1">
        <f ca="1">RAND()</f>
        <v>0.49490000499551245</v>
      </c>
      <c r="B13254" s="1"/>
      <c r="C13254">
        <v>13</v>
      </c>
      <c r="D13254" t="s">
        <v>25225</v>
      </c>
      <c r="E13254" t="s">
        <v>34227</v>
      </c>
      <c r="F13254">
        <v>5</v>
      </c>
      <c r="G13254" t="s">
        <v>14</v>
      </c>
      <c r="H13254" t="s">
        <v>25226</v>
      </c>
      <c r="I13254" t="s">
        <v>30540</v>
      </c>
    </row>
    <row r="13255" spans="1:9">
      <c r="A13255" s="1">
        <f ca="1">RAND()</f>
        <v>0.51600009135098912</v>
      </c>
      <c r="B13255" s="1"/>
      <c r="C13255">
        <v>12</v>
      </c>
      <c r="D13255" t="s">
        <v>25223</v>
      </c>
      <c r="E13255" t="s">
        <v>34227</v>
      </c>
      <c r="F13255">
        <v>4</v>
      </c>
      <c r="G13255" t="s">
        <v>14</v>
      </c>
      <c r="H13255" t="s">
        <v>25224</v>
      </c>
      <c r="I13255" t="s">
        <v>30540</v>
      </c>
    </row>
    <row r="13256" spans="1:9">
      <c r="A13256" s="1">
        <f ca="1">RAND()</f>
        <v>0.69480557561977918</v>
      </c>
      <c r="B13256" s="1"/>
      <c r="C13256">
        <v>3</v>
      </c>
      <c r="D13256" t="s">
        <v>25221</v>
      </c>
      <c r="E13256" t="s">
        <v>34227</v>
      </c>
      <c r="F13256">
        <v>4</v>
      </c>
      <c r="G13256" t="s">
        <v>14</v>
      </c>
      <c r="H13256" t="s">
        <v>25222</v>
      </c>
      <c r="I13256" t="s">
        <v>30540</v>
      </c>
    </row>
    <row r="13257" spans="1:9">
      <c r="A13257" s="1">
        <f ca="1">RAND()</f>
        <v>0.51319644650897667</v>
      </c>
      <c r="B13257" s="1"/>
      <c r="C13257">
        <v>10</v>
      </c>
      <c r="D13257" t="s">
        <v>25215</v>
      </c>
      <c r="E13257" t="s">
        <v>34228</v>
      </c>
      <c r="F13257">
        <v>4</v>
      </c>
      <c r="G13257" t="s">
        <v>14</v>
      </c>
      <c r="H13257" t="s">
        <v>25216</v>
      </c>
      <c r="I13257" t="s">
        <v>30540</v>
      </c>
    </row>
    <row r="13258" spans="1:9">
      <c r="A13258" s="1">
        <f ca="1">RAND()</f>
        <v>0.89279908330124458</v>
      </c>
      <c r="B13258" s="1"/>
      <c r="C13258">
        <v>17</v>
      </c>
      <c r="D13258" t="s">
        <v>25217</v>
      </c>
      <c r="E13258" t="s">
        <v>34228</v>
      </c>
      <c r="F13258">
        <v>4</v>
      </c>
      <c r="G13258" t="s">
        <v>14</v>
      </c>
      <c r="H13258" t="s">
        <v>25218</v>
      </c>
      <c r="I13258" t="s">
        <v>30540</v>
      </c>
    </row>
    <row r="13259" spans="1:9">
      <c r="A13259" s="1">
        <f ca="1">RAND()</f>
        <v>0.84876872921408852</v>
      </c>
      <c r="B13259" s="1"/>
      <c r="C13259">
        <v>20</v>
      </c>
      <c r="D13259" t="s">
        <v>25219</v>
      </c>
      <c r="E13259" t="s">
        <v>34228</v>
      </c>
      <c r="F13259">
        <v>4</v>
      </c>
      <c r="G13259" t="s">
        <v>14</v>
      </c>
      <c r="H13259" t="s">
        <v>25220</v>
      </c>
      <c r="I13259" t="s">
        <v>30540</v>
      </c>
    </row>
    <row r="13260" spans="1:9">
      <c r="A13260" s="1">
        <f ca="1">RAND()</f>
        <v>6.6942336025009874E-2</v>
      </c>
      <c r="B13260" s="1"/>
      <c r="C13260">
        <v>14</v>
      </c>
      <c r="D13260" t="s">
        <v>25209</v>
      </c>
      <c r="E13260" t="s">
        <v>34229</v>
      </c>
      <c r="F13260">
        <v>5</v>
      </c>
      <c r="G13260" t="s">
        <v>14</v>
      </c>
      <c r="H13260" t="s">
        <v>25210</v>
      </c>
      <c r="I13260" t="s">
        <v>30540</v>
      </c>
    </row>
    <row r="13261" spans="1:9">
      <c r="A13261" s="1">
        <f ca="1">RAND()</f>
        <v>2.8717724093364816E-2</v>
      </c>
      <c r="B13261" s="1"/>
      <c r="C13261">
        <v>17</v>
      </c>
      <c r="D13261" t="s">
        <v>25211</v>
      </c>
      <c r="E13261" t="s">
        <v>34229</v>
      </c>
      <c r="F13261">
        <v>4</v>
      </c>
      <c r="G13261" t="s">
        <v>769</v>
      </c>
      <c r="H13261" t="s">
        <v>25212</v>
      </c>
      <c r="I13261" t="s">
        <v>30540</v>
      </c>
    </row>
    <row r="13262" spans="1:9">
      <c r="A13262" s="1">
        <f ca="1">RAND()</f>
        <v>0.47759454797118372</v>
      </c>
      <c r="B13262" s="1"/>
      <c r="C13262">
        <v>18</v>
      </c>
      <c r="D13262" t="s">
        <v>25213</v>
      </c>
      <c r="E13262" t="s">
        <v>34229</v>
      </c>
      <c r="F13262">
        <v>2</v>
      </c>
      <c r="G13262" t="s">
        <v>14</v>
      </c>
      <c r="H13262" t="s">
        <v>25214</v>
      </c>
      <c r="I13262" t="s">
        <v>30540</v>
      </c>
    </row>
    <row r="13263" spans="1:9">
      <c r="A13263" s="1">
        <f ca="1">RAND()</f>
        <v>0.50392442462590537</v>
      </c>
      <c r="B13263" s="1"/>
      <c r="C13263">
        <v>11</v>
      </c>
      <c r="D13263" t="s">
        <v>25203</v>
      </c>
      <c r="E13263" t="s">
        <v>34230</v>
      </c>
      <c r="F13263">
        <v>5</v>
      </c>
      <c r="G13263" t="s">
        <v>14</v>
      </c>
      <c r="H13263" t="s">
        <v>25204</v>
      </c>
      <c r="I13263" t="s">
        <v>30540</v>
      </c>
    </row>
    <row r="13264" spans="1:9">
      <c r="A13264" s="1">
        <f ca="1">RAND()</f>
        <v>2.3629203134346022E-2</v>
      </c>
      <c r="B13264" s="1"/>
      <c r="C13264">
        <v>9</v>
      </c>
      <c r="D13264" t="s">
        <v>25199</v>
      </c>
      <c r="E13264" t="s">
        <v>34230</v>
      </c>
      <c r="F13264">
        <v>5</v>
      </c>
      <c r="G13264" t="s">
        <v>14</v>
      </c>
      <c r="H13264" t="s">
        <v>25200</v>
      </c>
      <c r="I13264" t="s">
        <v>30540</v>
      </c>
    </row>
    <row r="13265" spans="1:9">
      <c r="A13265" s="1">
        <f ca="1">RAND()</f>
        <v>0.49215134656375659</v>
      </c>
      <c r="B13265" s="1"/>
      <c r="C13265">
        <v>10</v>
      </c>
      <c r="D13265" t="s">
        <v>25201</v>
      </c>
      <c r="E13265" t="s">
        <v>34230</v>
      </c>
      <c r="F13265">
        <v>4</v>
      </c>
      <c r="G13265" t="s">
        <v>14</v>
      </c>
      <c r="H13265" t="s">
        <v>25202</v>
      </c>
      <c r="I13265" t="s">
        <v>30540</v>
      </c>
    </row>
    <row r="13266" spans="1:9">
      <c r="A13266" s="1">
        <f ca="1">RAND()</f>
        <v>0.61565912945610635</v>
      </c>
      <c r="B13266" s="1"/>
      <c r="C13266">
        <v>12</v>
      </c>
      <c r="D13266" t="s">
        <v>25205</v>
      </c>
      <c r="E13266" t="s">
        <v>34230</v>
      </c>
      <c r="F13266">
        <v>4</v>
      </c>
      <c r="G13266" t="s">
        <v>14</v>
      </c>
      <c r="H13266" t="s">
        <v>25206</v>
      </c>
      <c r="I13266" t="s">
        <v>30540</v>
      </c>
    </row>
    <row r="13267" spans="1:9">
      <c r="A13267" s="1">
        <f ca="1">RAND()</f>
        <v>9.9413124947030918E-3</v>
      </c>
      <c r="B13267" s="1"/>
      <c r="C13267">
        <v>19</v>
      </c>
      <c r="D13267" t="s">
        <v>25207</v>
      </c>
      <c r="E13267" t="s">
        <v>34230</v>
      </c>
      <c r="F13267">
        <v>4</v>
      </c>
      <c r="G13267" t="s">
        <v>15</v>
      </c>
      <c r="H13267" t="s">
        <v>25208</v>
      </c>
      <c r="I13267" t="s">
        <v>30540</v>
      </c>
    </row>
    <row r="13268" spans="1:9">
      <c r="A13268" s="1">
        <f ca="1">RAND()</f>
        <v>0.59299330382016424</v>
      </c>
      <c r="B13268" s="1"/>
      <c r="C13268">
        <v>15</v>
      </c>
      <c r="D13268" t="s">
        <v>25193</v>
      </c>
      <c r="E13268" t="s">
        <v>34231</v>
      </c>
      <c r="F13268">
        <v>5</v>
      </c>
      <c r="G13268" t="s">
        <v>14</v>
      </c>
      <c r="H13268" t="s">
        <v>25194</v>
      </c>
      <c r="I13268" t="s">
        <v>30540</v>
      </c>
    </row>
    <row r="13269" spans="1:9">
      <c r="A13269" s="1">
        <f ca="1">RAND()</f>
        <v>0.11467865582590386</v>
      </c>
      <c r="B13269" s="1"/>
      <c r="C13269">
        <v>16</v>
      </c>
      <c r="D13269" t="s">
        <v>25195</v>
      </c>
      <c r="E13269" t="s">
        <v>34231</v>
      </c>
      <c r="F13269">
        <v>4</v>
      </c>
      <c r="G13269" t="s">
        <v>9</v>
      </c>
      <c r="H13269" t="s">
        <v>25196</v>
      </c>
      <c r="I13269" t="s">
        <v>30540</v>
      </c>
    </row>
    <row r="13270" spans="1:9">
      <c r="A13270" s="1">
        <f ca="1">RAND()</f>
        <v>0.73615246863883999</v>
      </c>
      <c r="B13270" s="1"/>
      <c r="C13270">
        <v>12</v>
      </c>
      <c r="D13270" t="s">
        <v>25191</v>
      </c>
      <c r="E13270" t="s">
        <v>34231</v>
      </c>
      <c r="F13270">
        <v>4</v>
      </c>
      <c r="G13270" t="s">
        <v>14</v>
      </c>
      <c r="H13270" t="s">
        <v>25192</v>
      </c>
      <c r="I13270" t="s">
        <v>30540</v>
      </c>
    </row>
    <row r="13271" spans="1:9">
      <c r="A13271" s="1">
        <f ca="1">RAND()</f>
        <v>0.52436616271850578</v>
      </c>
      <c r="B13271" s="1"/>
      <c r="C13271">
        <v>9</v>
      </c>
      <c r="D13271" t="s">
        <v>25189</v>
      </c>
      <c r="E13271" t="s">
        <v>34231</v>
      </c>
      <c r="F13271">
        <v>4</v>
      </c>
      <c r="G13271" t="s">
        <v>9</v>
      </c>
      <c r="H13271" t="s">
        <v>25190</v>
      </c>
      <c r="I13271" t="s">
        <v>30540</v>
      </c>
    </row>
    <row r="13272" spans="1:9">
      <c r="A13272" s="1">
        <f ca="1">RAND()</f>
        <v>0.45153075810568422</v>
      </c>
      <c r="B13272" s="1"/>
      <c r="C13272">
        <v>17</v>
      </c>
      <c r="D13272" t="s">
        <v>25197</v>
      </c>
      <c r="E13272" t="s">
        <v>34231</v>
      </c>
      <c r="F13272">
        <v>3</v>
      </c>
      <c r="G13272" t="s">
        <v>14</v>
      </c>
      <c r="H13272" t="s">
        <v>25198</v>
      </c>
      <c r="I13272" t="s">
        <v>30540</v>
      </c>
    </row>
    <row r="13273" spans="1:9">
      <c r="A13273" s="1">
        <f ca="1">RAND()</f>
        <v>0.83008471768207359</v>
      </c>
      <c r="B13273" s="1"/>
      <c r="C13273">
        <v>3</v>
      </c>
      <c r="D13273" t="s">
        <v>25187</v>
      </c>
      <c r="E13273" t="s">
        <v>34231</v>
      </c>
      <c r="F13273">
        <v>3</v>
      </c>
      <c r="G13273" t="s">
        <v>14</v>
      </c>
      <c r="H13273" t="s">
        <v>25188</v>
      </c>
      <c r="I13273" t="s">
        <v>30540</v>
      </c>
    </row>
    <row r="13274" spans="1:9">
      <c r="A13274" s="1">
        <f ca="1">RAND()</f>
        <v>0.70998648193686076</v>
      </c>
      <c r="B13274" s="1"/>
      <c r="C13274">
        <v>4</v>
      </c>
      <c r="D13274" t="s">
        <v>25177</v>
      </c>
      <c r="E13274" t="s">
        <v>34232</v>
      </c>
      <c r="F13274">
        <v>5</v>
      </c>
      <c r="G13274" t="s">
        <v>14</v>
      </c>
      <c r="H13274" t="s">
        <v>25178</v>
      </c>
      <c r="I13274" t="s">
        <v>30540</v>
      </c>
    </row>
    <row r="13275" spans="1:9">
      <c r="A13275" s="1">
        <f ca="1">RAND()</f>
        <v>0.25711790792287459</v>
      </c>
      <c r="B13275" s="1"/>
      <c r="C13275">
        <v>13</v>
      </c>
      <c r="D13275" t="s">
        <v>25183</v>
      </c>
      <c r="E13275" t="s">
        <v>34232</v>
      </c>
      <c r="F13275">
        <v>5</v>
      </c>
      <c r="G13275" t="s">
        <v>14</v>
      </c>
      <c r="H13275" t="s">
        <v>25184</v>
      </c>
      <c r="I13275" t="s">
        <v>30540</v>
      </c>
    </row>
    <row r="13276" spans="1:9">
      <c r="A13276" s="1">
        <f ca="1">RAND()</f>
        <v>0.43478931075341787</v>
      </c>
      <c r="B13276" s="1"/>
      <c r="C13276">
        <v>7</v>
      </c>
      <c r="D13276" t="s">
        <v>25179</v>
      </c>
      <c r="E13276" t="s">
        <v>34232</v>
      </c>
      <c r="F13276">
        <v>4</v>
      </c>
      <c r="G13276" t="s">
        <v>14</v>
      </c>
      <c r="H13276" t="s">
        <v>25180</v>
      </c>
      <c r="I13276" t="s">
        <v>30540</v>
      </c>
    </row>
    <row r="13277" spans="1:9">
      <c r="A13277" s="1">
        <f ca="1">RAND()</f>
        <v>0.48280395023773692</v>
      </c>
      <c r="B13277" s="1"/>
      <c r="C13277">
        <v>12</v>
      </c>
      <c r="D13277" t="s">
        <v>25181</v>
      </c>
      <c r="E13277" t="s">
        <v>34232</v>
      </c>
      <c r="F13277">
        <v>4</v>
      </c>
      <c r="G13277" t="s">
        <v>14</v>
      </c>
      <c r="H13277" t="s">
        <v>25182</v>
      </c>
      <c r="I13277" t="s">
        <v>30540</v>
      </c>
    </row>
    <row r="13278" spans="1:9">
      <c r="A13278" s="1">
        <f ca="1">RAND()</f>
        <v>0.8785533120457234</v>
      </c>
      <c r="B13278" s="1"/>
      <c r="C13278">
        <v>17</v>
      </c>
      <c r="D13278" t="s">
        <v>25185</v>
      </c>
      <c r="E13278" t="s">
        <v>34232</v>
      </c>
      <c r="F13278">
        <v>4</v>
      </c>
      <c r="G13278" t="s">
        <v>1</v>
      </c>
      <c r="H13278" t="s">
        <v>25186</v>
      </c>
      <c r="I13278" t="s">
        <v>30540</v>
      </c>
    </row>
    <row r="13279" spans="1:9">
      <c r="A13279" s="1">
        <f ca="1">RAND()</f>
        <v>0.77326447024412748</v>
      </c>
      <c r="B13279" s="1"/>
      <c r="C13279">
        <v>16</v>
      </c>
      <c r="D13279" t="s">
        <v>25175</v>
      </c>
      <c r="E13279" t="s">
        <v>34233</v>
      </c>
      <c r="F13279">
        <v>5</v>
      </c>
      <c r="G13279" t="s">
        <v>14</v>
      </c>
      <c r="H13279" t="s">
        <v>25176</v>
      </c>
      <c r="I13279" t="s">
        <v>30540</v>
      </c>
    </row>
    <row r="13280" spans="1:9">
      <c r="A13280" s="1">
        <f ca="1">RAND()</f>
        <v>0.73748895917835888</v>
      </c>
      <c r="B13280" s="1"/>
      <c r="C13280">
        <v>14</v>
      </c>
      <c r="D13280" t="s">
        <v>25173</v>
      </c>
      <c r="E13280" t="s">
        <v>34233</v>
      </c>
      <c r="F13280">
        <v>4</v>
      </c>
      <c r="G13280" t="s">
        <v>14</v>
      </c>
      <c r="H13280" t="s">
        <v>25174</v>
      </c>
      <c r="I13280" t="s">
        <v>30540</v>
      </c>
    </row>
    <row r="13281" spans="1:9">
      <c r="A13281" s="1">
        <f ca="1">RAND()</f>
        <v>0.15539848123338629</v>
      </c>
      <c r="B13281" s="1"/>
      <c r="C13281">
        <v>9</v>
      </c>
      <c r="D13281" t="s">
        <v>25171</v>
      </c>
      <c r="E13281" t="s">
        <v>34233</v>
      </c>
      <c r="F13281">
        <v>4</v>
      </c>
      <c r="G13281" t="s">
        <v>15</v>
      </c>
      <c r="H13281" t="s">
        <v>25172</v>
      </c>
      <c r="I13281" t="s">
        <v>30540</v>
      </c>
    </row>
    <row r="13282" spans="1:9">
      <c r="A13282" s="1">
        <f ca="1">RAND()</f>
        <v>0.12681811114090735</v>
      </c>
      <c r="B13282" s="1"/>
      <c r="C13282">
        <v>8</v>
      </c>
      <c r="D13282" t="s">
        <v>25169</v>
      </c>
      <c r="E13282" t="s">
        <v>34233</v>
      </c>
      <c r="F13282">
        <v>3</v>
      </c>
      <c r="G13282" t="s">
        <v>14</v>
      </c>
      <c r="H13282" t="s">
        <v>25170</v>
      </c>
      <c r="I13282" t="s">
        <v>30540</v>
      </c>
    </row>
    <row r="13283" spans="1:9">
      <c r="A13283" s="1">
        <f ca="1">RAND()</f>
        <v>0.96840144583919552</v>
      </c>
      <c r="B13283" s="1"/>
      <c r="C13283">
        <v>12</v>
      </c>
      <c r="D13283" t="s">
        <v>25161</v>
      </c>
      <c r="E13283" t="s">
        <v>34234</v>
      </c>
      <c r="F13283">
        <v>5</v>
      </c>
      <c r="G13283" t="s">
        <v>14</v>
      </c>
      <c r="H13283" t="s">
        <v>25162</v>
      </c>
      <c r="I13283" t="s">
        <v>30540</v>
      </c>
    </row>
    <row r="13284" spans="1:9">
      <c r="A13284" s="1">
        <f ca="1">RAND()</f>
        <v>0.51904875963424257</v>
      </c>
      <c r="B13284" s="1"/>
      <c r="C13284">
        <v>1</v>
      </c>
      <c r="D13284" t="s">
        <v>25159</v>
      </c>
      <c r="E13284" t="s">
        <v>34234</v>
      </c>
      <c r="F13284">
        <v>5</v>
      </c>
      <c r="G13284" t="s">
        <v>10</v>
      </c>
      <c r="H13284" t="s">
        <v>25160</v>
      </c>
      <c r="I13284" t="s">
        <v>30540</v>
      </c>
    </row>
    <row r="13285" spans="1:9">
      <c r="A13285" s="1">
        <f ca="1">RAND()</f>
        <v>0.55463302747968624</v>
      </c>
      <c r="B13285" s="1"/>
      <c r="C13285">
        <v>15</v>
      </c>
      <c r="D13285" t="s">
        <v>25165</v>
      </c>
      <c r="E13285" t="s">
        <v>34234</v>
      </c>
      <c r="F13285">
        <v>4</v>
      </c>
      <c r="G13285" t="s">
        <v>766</v>
      </c>
      <c r="H13285" t="s">
        <v>25166</v>
      </c>
      <c r="I13285" t="s">
        <v>30540</v>
      </c>
    </row>
    <row r="13286" spans="1:9">
      <c r="A13286" s="1">
        <f ca="1">RAND()</f>
        <v>0.61672148474051736</v>
      </c>
      <c r="B13286" s="1"/>
      <c r="C13286">
        <v>17</v>
      </c>
      <c r="D13286" t="s">
        <v>25167</v>
      </c>
      <c r="E13286" t="s">
        <v>34234</v>
      </c>
      <c r="F13286">
        <v>4</v>
      </c>
      <c r="G13286" t="s">
        <v>2</v>
      </c>
      <c r="H13286" t="s">
        <v>25168</v>
      </c>
      <c r="I13286" t="s">
        <v>30540</v>
      </c>
    </row>
    <row r="13287" spans="1:9">
      <c r="A13287" s="1">
        <f ca="1">RAND()</f>
        <v>0.79088155902898027</v>
      </c>
      <c r="B13287" s="1"/>
      <c r="C13287">
        <v>13</v>
      </c>
      <c r="D13287" t="s">
        <v>25163</v>
      </c>
      <c r="E13287" t="s">
        <v>34234</v>
      </c>
      <c r="F13287">
        <v>3</v>
      </c>
      <c r="G13287" t="s">
        <v>1426</v>
      </c>
      <c r="H13287" t="s">
        <v>25164</v>
      </c>
      <c r="I13287" t="s">
        <v>30540</v>
      </c>
    </row>
    <row r="13288" spans="1:9">
      <c r="A13288" s="1">
        <f ca="1">RAND()</f>
        <v>0.81864290080427349</v>
      </c>
      <c r="B13288" s="1"/>
      <c r="C13288">
        <v>5</v>
      </c>
      <c r="D13288" t="s">
        <v>25157</v>
      </c>
      <c r="E13288" t="s">
        <v>34235</v>
      </c>
      <c r="F13288">
        <v>4</v>
      </c>
      <c r="G13288" t="s">
        <v>14</v>
      </c>
      <c r="H13288" t="s">
        <v>25158</v>
      </c>
      <c r="I13288" t="s">
        <v>30540</v>
      </c>
    </row>
    <row r="13289" spans="1:9">
      <c r="A13289" s="1">
        <f ca="1">RAND()</f>
        <v>0.76932893857048013</v>
      </c>
      <c r="B13289" s="1"/>
      <c r="C13289">
        <v>2</v>
      </c>
      <c r="D13289" t="s">
        <v>25151</v>
      </c>
      <c r="E13289" t="s">
        <v>34236</v>
      </c>
      <c r="F13289">
        <v>5</v>
      </c>
      <c r="G13289" t="s">
        <v>15</v>
      </c>
      <c r="H13289" t="s">
        <v>25152</v>
      </c>
      <c r="I13289" t="s">
        <v>30540</v>
      </c>
    </row>
    <row r="13290" spans="1:9">
      <c r="A13290" s="1">
        <f ca="1">RAND()</f>
        <v>0.90231701412902954</v>
      </c>
      <c r="B13290" s="1"/>
      <c r="C13290">
        <v>11</v>
      </c>
      <c r="D13290" t="s">
        <v>25153</v>
      </c>
      <c r="E13290" t="s">
        <v>34236</v>
      </c>
      <c r="F13290">
        <v>4</v>
      </c>
      <c r="G13290" t="s">
        <v>14</v>
      </c>
      <c r="H13290" t="s">
        <v>25154</v>
      </c>
      <c r="I13290" t="s">
        <v>30540</v>
      </c>
    </row>
    <row r="13291" spans="1:9">
      <c r="A13291" s="1">
        <f ca="1">RAND()</f>
        <v>0.92977910667196562</v>
      </c>
      <c r="B13291" s="1"/>
      <c r="C13291">
        <v>13</v>
      </c>
      <c r="D13291" t="s">
        <v>25155</v>
      </c>
      <c r="E13291" t="s">
        <v>34236</v>
      </c>
      <c r="F13291">
        <v>4</v>
      </c>
      <c r="G13291" t="s">
        <v>14</v>
      </c>
      <c r="H13291" t="s">
        <v>25156</v>
      </c>
      <c r="I13291" t="s">
        <v>30540</v>
      </c>
    </row>
    <row r="13292" spans="1:9">
      <c r="A13292" s="1">
        <f ca="1">RAND()</f>
        <v>0.45761632147609566</v>
      </c>
      <c r="B13292" s="1"/>
      <c r="C13292">
        <v>3</v>
      </c>
      <c r="D13292" t="s">
        <v>25143</v>
      </c>
      <c r="E13292" t="s">
        <v>34237</v>
      </c>
      <c r="F13292">
        <v>4</v>
      </c>
      <c r="G13292" t="s">
        <v>14</v>
      </c>
      <c r="H13292" t="s">
        <v>25144</v>
      </c>
      <c r="I13292" t="s">
        <v>30540</v>
      </c>
    </row>
    <row r="13293" spans="1:9">
      <c r="A13293" s="1">
        <f ca="1">RAND()</f>
        <v>0.43243666565876482</v>
      </c>
      <c r="B13293" s="1"/>
      <c r="C13293">
        <v>11</v>
      </c>
      <c r="D13293" t="s">
        <v>25147</v>
      </c>
      <c r="E13293" t="s">
        <v>34237</v>
      </c>
      <c r="F13293">
        <v>4</v>
      </c>
      <c r="G13293" t="s">
        <v>14</v>
      </c>
      <c r="H13293" t="s">
        <v>25148</v>
      </c>
      <c r="I13293" t="s">
        <v>30540</v>
      </c>
    </row>
    <row r="13294" spans="1:9">
      <c r="A13294" s="1">
        <f ca="1">RAND()</f>
        <v>0.39492984252738117</v>
      </c>
      <c r="B13294" s="1"/>
      <c r="C13294">
        <v>5</v>
      </c>
      <c r="D13294" t="s">
        <v>25145</v>
      </c>
      <c r="E13294" t="s">
        <v>34237</v>
      </c>
      <c r="F13294">
        <v>4</v>
      </c>
      <c r="G13294" t="s">
        <v>2</v>
      </c>
      <c r="H13294" t="s">
        <v>25146</v>
      </c>
      <c r="I13294" t="s">
        <v>30540</v>
      </c>
    </row>
    <row r="13295" spans="1:9">
      <c r="A13295" s="1">
        <f ca="1">RAND()</f>
        <v>0.54117390822199185</v>
      </c>
      <c r="B13295" s="1"/>
      <c r="C13295">
        <v>12</v>
      </c>
      <c r="D13295" t="s">
        <v>25149</v>
      </c>
      <c r="E13295" t="s">
        <v>34237</v>
      </c>
      <c r="F13295">
        <v>2</v>
      </c>
      <c r="G13295" t="s">
        <v>14</v>
      </c>
      <c r="H13295" t="s">
        <v>25150</v>
      </c>
      <c r="I13295" t="s">
        <v>30540</v>
      </c>
    </row>
    <row r="13296" spans="1:9">
      <c r="A13296" s="1">
        <f ca="1">RAND()</f>
        <v>0.26630660227031033</v>
      </c>
      <c r="B13296" s="1"/>
      <c r="C13296">
        <v>15</v>
      </c>
      <c r="D13296" t="s">
        <v>25139</v>
      </c>
      <c r="E13296" t="s">
        <v>34238</v>
      </c>
      <c r="F13296">
        <v>5</v>
      </c>
      <c r="G13296" t="s">
        <v>14</v>
      </c>
      <c r="H13296" t="s">
        <v>25140</v>
      </c>
      <c r="I13296" t="s">
        <v>30540</v>
      </c>
    </row>
    <row r="13297" spans="1:9">
      <c r="A13297" s="1">
        <f ca="1">RAND()</f>
        <v>0.23455196383115962</v>
      </c>
      <c r="B13297" s="1"/>
      <c r="C13297">
        <v>17</v>
      </c>
      <c r="D13297" t="s">
        <v>25141</v>
      </c>
      <c r="E13297" t="s">
        <v>34238</v>
      </c>
      <c r="F13297">
        <v>4</v>
      </c>
      <c r="G13297" t="s">
        <v>14</v>
      </c>
      <c r="H13297" t="s">
        <v>25142</v>
      </c>
      <c r="I13297" t="s">
        <v>30540</v>
      </c>
    </row>
    <row r="13298" spans="1:9">
      <c r="A13298" s="1">
        <f ca="1">RAND()</f>
        <v>0.13445298925690441</v>
      </c>
      <c r="B13298" s="1"/>
      <c r="C13298">
        <v>2</v>
      </c>
      <c r="D13298" t="s">
        <v>25133</v>
      </c>
      <c r="E13298" t="s">
        <v>34238</v>
      </c>
      <c r="F13298">
        <v>4</v>
      </c>
      <c r="G13298" t="s">
        <v>14</v>
      </c>
      <c r="H13298" t="s">
        <v>25134</v>
      </c>
      <c r="I13298" t="s">
        <v>30540</v>
      </c>
    </row>
    <row r="13299" spans="1:9">
      <c r="A13299" s="1">
        <f ca="1">RAND()</f>
        <v>0.48828597155818021</v>
      </c>
      <c r="B13299" s="1"/>
      <c r="C13299">
        <v>4</v>
      </c>
      <c r="D13299" t="s">
        <v>25135</v>
      </c>
      <c r="E13299" t="s">
        <v>34238</v>
      </c>
      <c r="F13299">
        <v>4</v>
      </c>
      <c r="G13299" t="s">
        <v>14</v>
      </c>
      <c r="H13299" t="s">
        <v>25136</v>
      </c>
      <c r="I13299" t="s">
        <v>30540</v>
      </c>
    </row>
    <row r="13300" spans="1:9">
      <c r="A13300" s="1">
        <f ca="1">RAND()</f>
        <v>0.71675239551884595</v>
      </c>
      <c r="B13300" s="1"/>
      <c r="C13300">
        <v>14</v>
      </c>
      <c r="D13300" t="s">
        <v>25137</v>
      </c>
      <c r="E13300" t="s">
        <v>34238</v>
      </c>
      <c r="F13300">
        <v>3</v>
      </c>
      <c r="G13300" t="s">
        <v>15</v>
      </c>
      <c r="H13300" t="s">
        <v>25138</v>
      </c>
      <c r="I13300" t="s">
        <v>30540</v>
      </c>
    </row>
    <row r="13301" spans="1:9">
      <c r="A13301" s="1">
        <f ca="1">RAND()</f>
        <v>0.52061688350188051</v>
      </c>
      <c r="B13301" s="1"/>
      <c r="C13301">
        <v>2</v>
      </c>
      <c r="D13301" t="s">
        <v>25131</v>
      </c>
      <c r="E13301" t="s">
        <v>34239</v>
      </c>
      <c r="F13301">
        <v>4</v>
      </c>
      <c r="G13301" t="s">
        <v>10</v>
      </c>
      <c r="H13301" t="s">
        <v>25132</v>
      </c>
      <c r="I13301" t="s">
        <v>30540</v>
      </c>
    </row>
    <row r="13302" spans="1:9">
      <c r="A13302" s="1">
        <f ca="1">RAND()</f>
        <v>9.8430877695811381E-2</v>
      </c>
      <c r="B13302" s="1"/>
      <c r="C13302">
        <v>19</v>
      </c>
      <c r="D13302" t="s">
        <v>25129</v>
      </c>
      <c r="E13302" t="s">
        <v>34240</v>
      </c>
      <c r="F13302">
        <v>5</v>
      </c>
      <c r="G13302" t="s">
        <v>14</v>
      </c>
      <c r="H13302" t="s">
        <v>25130</v>
      </c>
      <c r="I13302" t="s">
        <v>30540</v>
      </c>
    </row>
    <row r="13303" spans="1:9">
      <c r="A13303" s="1">
        <f ca="1">RAND()</f>
        <v>0.29690336643562376</v>
      </c>
      <c r="B13303" s="1"/>
      <c r="C13303">
        <v>5</v>
      </c>
      <c r="D13303" t="s">
        <v>25123</v>
      </c>
      <c r="E13303" t="s">
        <v>34240</v>
      </c>
      <c r="F13303">
        <v>4</v>
      </c>
      <c r="G13303" t="s">
        <v>14</v>
      </c>
      <c r="H13303" t="s">
        <v>25124</v>
      </c>
      <c r="I13303" t="s">
        <v>30540</v>
      </c>
    </row>
    <row r="13304" spans="1:9">
      <c r="A13304" s="1">
        <f ca="1">RAND()</f>
        <v>8.7299065219486049E-2</v>
      </c>
      <c r="B13304" s="1"/>
      <c r="C13304">
        <v>8</v>
      </c>
      <c r="D13304" t="s">
        <v>25125</v>
      </c>
      <c r="E13304" t="s">
        <v>34240</v>
      </c>
      <c r="F13304">
        <v>4</v>
      </c>
      <c r="G13304" t="s">
        <v>14</v>
      </c>
      <c r="H13304" t="s">
        <v>25126</v>
      </c>
      <c r="I13304" t="s">
        <v>30540</v>
      </c>
    </row>
    <row r="13305" spans="1:9">
      <c r="A13305" s="1">
        <f ca="1">RAND()</f>
        <v>0.88958774210506752</v>
      </c>
      <c r="B13305" s="1"/>
      <c r="C13305">
        <v>15</v>
      </c>
      <c r="D13305" t="s">
        <v>25127</v>
      </c>
      <c r="E13305" t="s">
        <v>34240</v>
      </c>
      <c r="F13305">
        <v>3</v>
      </c>
      <c r="G13305" t="s">
        <v>14</v>
      </c>
      <c r="H13305" t="s">
        <v>25128</v>
      </c>
      <c r="I13305" t="s">
        <v>30540</v>
      </c>
    </row>
    <row r="13306" spans="1:9">
      <c r="A13306" s="1">
        <f ca="1">RAND()</f>
        <v>0.47907703305075278</v>
      </c>
      <c r="B13306" s="1"/>
      <c r="C13306">
        <v>20</v>
      </c>
      <c r="D13306" t="s">
        <v>25121</v>
      </c>
      <c r="E13306" t="s">
        <v>34241</v>
      </c>
      <c r="F13306">
        <v>5</v>
      </c>
      <c r="G13306" t="s">
        <v>14</v>
      </c>
      <c r="H13306" t="s">
        <v>25122</v>
      </c>
      <c r="I13306" t="s">
        <v>30540</v>
      </c>
    </row>
    <row r="13307" spans="1:9">
      <c r="A13307" s="1">
        <f ca="1">RAND()</f>
        <v>0.14683300282147704</v>
      </c>
      <c r="B13307" s="1"/>
      <c r="C13307">
        <v>15</v>
      </c>
      <c r="D13307" t="s">
        <v>25117</v>
      </c>
      <c r="E13307" t="s">
        <v>34241</v>
      </c>
      <c r="F13307">
        <v>4</v>
      </c>
      <c r="G13307" t="s">
        <v>14</v>
      </c>
      <c r="H13307" t="s">
        <v>25118</v>
      </c>
      <c r="I13307" t="s">
        <v>30540</v>
      </c>
    </row>
    <row r="13308" spans="1:9">
      <c r="A13308" s="1">
        <f ca="1">RAND()</f>
        <v>0.12105158777928382</v>
      </c>
      <c r="B13308" s="1"/>
      <c r="C13308">
        <v>13</v>
      </c>
      <c r="D13308" t="s">
        <v>25115</v>
      </c>
      <c r="E13308" t="s">
        <v>34241</v>
      </c>
      <c r="F13308">
        <v>4</v>
      </c>
      <c r="G13308" t="s">
        <v>14</v>
      </c>
      <c r="H13308" t="s">
        <v>25116</v>
      </c>
      <c r="I13308" t="s">
        <v>30540</v>
      </c>
    </row>
    <row r="13309" spans="1:9">
      <c r="A13309" s="1">
        <f ca="1">RAND()</f>
        <v>0.10925336011622455</v>
      </c>
      <c r="B13309" s="1"/>
      <c r="C13309">
        <v>1</v>
      </c>
      <c r="D13309" t="s">
        <v>25111</v>
      </c>
      <c r="E13309" t="s">
        <v>34241</v>
      </c>
      <c r="F13309">
        <v>3</v>
      </c>
      <c r="G13309" t="s">
        <v>2</v>
      </c>
      <c r="H13309" t="s">
        <v>25112</v>
      </c>
      <c r="I13309" t="s">
        <v>30540</v>
      </c>
    </row>
    <row r="13310" spans="1:9">
      <c r="A13310" s="1">
        <f ca="1">RAND()</f>
        <v>3.4705111193506166E-2</v>
      </c>
      <c r="B13310" s="1"/>
      <c r="C13310">
        <v>16</v>
      </c>
      <c r="D13310" t="s">
        <v>25119</v>
      </c>
      <c r="E13310" t="s">
        <v>34241</v>
      </c>
      <c r="F13310">
        <v>2</v>
      </c>
      <c r="G13310" t="s">
        <v>14</v>
      </c>
      <c r="H13310" t="s">
        <v>25120</v>
      </c>
      <c r="I13310" t="s">
        <v>30540</v>
      </c>
    </row>
    <row r="13311" spans="1:9">
      <c r="A13311" s="1">
        <f ca="1">RAND()</f>
        <v>0.92670593617892549</v>
      </c>
      <c r="B13311" s="1"/>
      <c r="C13311">
        <v>5</v>
      </c>
      <c r="D13311" t="s">
        <v>25113</v>
      </c>
      <c r="E13311" t="s">
        <v>34241</v>
      </c>
      <c r="F13311">
        <v>1</v>
      </c>
      <c r="G13311" t="s">
        <v>14</v>
      </c>
      <c r="H13311" t="s">
        <v>25114</v>
      </c>
      <c r="I13311" t="s">
        <v>30540</v>
      </c>
    </row>
    <row r="13312" spans="1:9">
      <c r="A13312" s="1">
        <f ca="1">RAND()</f>
        <v>0.313674278815259</v>
      </c>
      <c r="B13312" s="1"/>
      <c r="C13312">
        <v>17</v>
      </c>
      <c r="D13312" t="s">
        <v>25107</v>
      </c>
      <c r="E13312" t="s">
        <v>34242</v>
      </c>
      <c r="F13312">
        <v>5</v>
      </c>
      <c r="G13312" t="s">
        <v>14</v>
      </c>
      <c r="H13312" t="s">
        <v>25108</v>
      </c>
      <c r="I13312" t="s">
        <v>30540</v>
      </c>
    </row>
    <row r="13313" spans="1:9">
      <c r="A13313" s="1">
        <f ca="1">RAND()</f>
        <v>0.71193254948041818</v>
      </c>
      <c r="B13313" s="1"/>
      <c r="C13313">
        <v>15</v>
      </c>
      <c r="D13313" t="s">
        <v>25103</v>
      </c>
      <c r="E13313" t="s">
        <v>34242</v>
      </c>
      <c r="F13313">
        <v>5</v>
      </c>
      <c r="G13313" t="s">
        <v>14</v>
      </c>
      <c r="H13313" t="s">
        <v>25104</v>
      </c>
      <c r="I13313" t="s">
        <v>30540</v>
      </c>
    </row>
    <row r="13314" spans="1:9">
      <c r="A13314" s="1">
        <f ca="1">RAND()</f>
        <v>0.8230910488356189</v>
      </c>
      <c r="B13314" s="1"/>
      <c r="C13314">
        <v>20</v>
      </c>
      <c r="D13314" t="s">
        <v>25109</v>
      </c>
      <c r="E13314" t="s">
        <v>34242</v>
      </c>
      <c r="F13314">
        <v>4</v>
      </c>
      <c r="G13314" t="s">
        <v>14</v>
      </c>
      <c r="H13314" t="s">
        <v>25110</v>
      </c>
      <c r="I13314" t="s">
        <v>30540</v>
      </c>
    </row>
    <row r="13315" spans="1:9">
      <c r="A13315" s="1">
        <f ca="1">RAND()</f>
        <v>0.12375196714791936</v>
      </c>
      <c r="B13315" s="1"/>
      <c r="C13315">
        <v>16</v>
      </c>
      <c r="D13315" t="s">
        <v>25105</v>
      </c>
      <c r="E13315" t="s">
        <v>34242</v>
      </c>
      <c r="F13315">
        <v>4</v>
      </c>
      <c r="G13315" t="s">
        <v>14</v>
      </c>
      <c r="H13315" t="s">
        <v>25106</v>
      </c>
      <c r="I13315" t="s">
        <v>30540</v>
      </c>
    </row>
    <row r="13316" spans="1:9">
      <c r="A13316" s="1">
        <f ca="1">RAND()</f>
        <v>0.42403178600986646</v>
      </c>
      <c r="B13316" s="1"/>
      <c r="C13316">
        <v>10</v>
      </c>
      <c r="D13316" t="s">
        <v>25101</v>
      </c>
      <c r="E13316" t="s">
        <v>34242</v>
      </c>
      <c r="F13316">
        <v>2</v>
      </c>
      <c r="G13316" t="s">
        <v>14</v>
      </c>
      <c r="H13316" t="s">
        <v>25102</v>
      </c>
      <c r="I13316" t="s">
        <v>30540</v>
      </c>
    </row>
    <row r="13317" spans="1:9">
      <c r="A13317" s="1">
        <f ca="1">RAND()</f>
        <v>7.8371594808335776E-2</v>
      </c>
      <c r="B13317" s="1"/>
      <c r="C13317">
        <v>15</v>
      </c>
      <c r="D13317" t="s">
        <v>25099</v>
      </c>
      <c r="E13317" t="s">
        <v>34243</v>
      </c>
      <c r="F13317">
        <v>5</v>
      </c>
      <c r="G13317" t="s">
        <v>14</v>
      </c>
      <c r="H13317" t="s">
        <v>25100</v>
      </c>
      <c r="I13317" t="s">
        <v>30540</v>
      </c>
    </row>
    <row r="13318" spans="1:9">
      <c r="A13318" s="1">
        <f ca="1">RAND()</f>
        <v>0.99341741933929939</v>
      </c>
      <c r="B13318" s="1"/>
      <c r="C13318">
        <v>2</v>
      </c>
      <c r="D13318" t="s">
        <v>25095</v>
      </c>
      <c r="E13318" t="s">
        <v>34243</v>
      </c>
      <c r="F13318">
        <v>5</v>
      </c>
      <c r="G13318" t="s">
        <v>14</v>
      </c>
      <c r="H13318" t="s">
        <v>25096</v>
      </c>
      <c r="I13318" t="s">
        <v>30540</v>
      </c>
    </row>
    <row r="13319" spans="1:9">
      <c r="A13319" s="1">
        <f ca="1">RAND()</f>
        <v>0.8223004183938063</v>
      </c>
      <c r="B13319" s="1"/>
      <c r="C13319">
        <v>6</v>
      </c>
      <c r="D13319" t="s">
        <v>25097</v>
      </c>
      <c r="E13319" t="s">
        <v>34243</v>
      </c>
      <c r="F13319">
        <v>4</v>
      </c>
      <c r="G13319" t="s">
        <v>14</v>
      </c>
      <c r="H13319" t="s">
        <v>25098</v>
      </c>
      <c r="I13319" t="s">
        <v>30540</v>
      </c>
    </row>
    <row r="13320" spans="1:9">
      <c r="A13320" s="1">
        <f ca="1">RAND()</f>
        <v>0.31220694523144688</v>
      </c>
      <c r="B13320" s="1"/>
      <c r="C13320">
        <v>8</v>
      </c>
      <c r="D13320" t="s">
        <v>25091</v>
      </c>
      <c r="E13320" t="s">
        <v>34244</v>
      </c>
      <c r="F13320">
        <v>5</v>
      </c>
      <c r="G13320" t="s">
        <v>769</v>
      </c>
      <c r="H13320" t="s">
        <v>25092</v>
      </c>
      <c r="I13320" t="s">
        <v>30540</v>
      </c>
    </row>
    <row r="13321" spans="1:9">
      <c r="A13321" s="1">
        <f ca="1">RAND()</f>
        <v>0.54939556665841804</v>
      </c>
      <c r="B13321" s="1"/>
      <c r="C13321">
        <v>6</v>
      </c>
      <c r="D13321" t="s">
        <v>25089</v>
      </c>
      <c r="E13321" t="s">
        <v>34244</v>
      </c>
      <c r="F13321">
        <v>4</v>
      </c>
      <c r="G13321" t="s">
        <v>13</v>
      </c>
      <c r="H13321" t="s">
        <v>25090</v>
      </c>
      <c r="I13321" t="s">
        <v>30540</v>
      </c>
    </row>
    <row r="13322" spans="1:9">
      <c r="A13322" s="1">
        <f ca="1">RAND()</f>
        <v>0.99614810977508783</v>
      </c>
      <c r="B13322" s="1"/>
      <c r="C13322">
        <v>1</v>
      </c>
      <c r="D13322" t="s">
        <v>25087</v>
      </c>
      <c r="E13322" t="s">
        <v>34244</v>
      </c>
      <c r="F13322">
        <v>4</v>
      </c>
      <c r="G13322" t="s">
        <v>10</v>
      </c>
      <c r="H13322" t="s">
        <v>25088</v>
      </c>
      <c r="I13322" t="s">
        <v>30540</v>
      </c>
    </row>
    <row r="13323" spans="1:9">
      <c r="A13323" s="1">
        <f ca="1">RAND()</f>
        <v>0.35914041436022615</v>
      </c>
      <c r="B13323" s="1"/>
      <c r="C13323">
        <v>14</v>
      </c>
      <c r="D13323" t="s">
        <v>25093</v>
      </c>
      <c r="E13323" t="s">
        <v>34244</v>
      </c>
      <c r="F13323">
        <v>3</v>
      </c>
      <c r="G13323" t="s">
        <v>770</v>
      </c>
      <c r="H13323" t="s">
        <v>25094</v>
      </c>
      <c r="I13323" t="s">
        <v>30540</v>
      </c>
    </row>
    <row r="13324" spans="1:9">
      <c r="A13324" s="1">
        <f ca="1">RAND()</f>
        <v>0.35912277362604517</v>
      </c>
      <c r="B13324" s="1"/>
      <c r="C13324">
        <v>11</v>
      </c>
      <c r="D13324" t="s">
        <v>25083</v>
      </c>
      <c r="E13324" t="s">
        <v>34245</v>
      </c>
      <c r="F13324">
        <v>4</v>
      </c>
      <c r="G13324" t="s">
        <v>14</v>
      </c>
      <c r="H13324" t="s">
        <v>25084</v>
      </c>
      <c r="I13324" t="s">
        <v>30540</v>
      </c>
    </row>
    <row r="13325" spans="1:9">
      <c r="A13325" s="1">
        <f ca="1">RAND()</f>
        <v>0.52727167971513555</v>
      </c>
      <c r="B13325" s="1"/>
      <c r="C13325">
        <v>17</v>
      </c>
      <c r="D13325" t="s">
        <v>25085</v>
      </c>
      <c r="E13325" t="s">
        <v>34245</v>
      </c>
      <c r="F13325">
        <v>4</v>
      </c>
      <c r="G13325" t="s">
        <v>14</v>
      </c>
      <c r="H13325" t="s">
        <v>25086</v>
      </c>
      <c r="I13325" t="s">
        <v>30540</v>
      </c>
    </row>
    <row r="13326" spans="1:9">
      <c r="A13326" s="1">
        <f ca="1">RAND()</f>
        <v>0.90396665818065713</v>
      </c>
      <c r="B13326" s="1"/>
      <c r="C13326">
        <v>6</v>
      </c>
      <c r="D13326" t="s">
        <v>25075</v>
      </c>
      <c r="E13326" t="s">
        <v>34246</v>
      </c>
      <c r="F13326">
        <v>4</v>
      </c>
      <c r="G13326" t="s">
        <v>14</v>
      </c>
      <c r="H13326" t="s">
        <v>25076</v>
      </c>
      <c r="I13326" t="s">
        <v>30540</v>
      </c>
    </row>
    <row r="13327" spans="1:9">
      <c r="A13327" s="1">
        <f ca="1">RAND()</f>
        <v>0.61469846444346921</v>
      </c>
      <c r="B13327" s="1"/>
      <c r="C13327">
        <v>7</v>
      </c>
      <c r="D13327" t="s">
        <v>25077</v>
      </c>
      <c r="E13327" t="s">
        <v>34246</v>
      </c>
      <c r="F13327">
        <v>4</v>
      </c>
      <c r="G13327" t="s">
        <v>9</v>
      </c>
      <c r="H13327" t="s">
        <v>25078</v>
      </c>
      <c r="I13327" t="s">
        <v>30540</v>
      </c>
    </row>
    <row r="13328" spans="1:9">
      <c r="A13328" s="1">
        <f ca="1">RAND()</f>
        <v>0.38505036880895505</v>
      </c>
      <c r="B13328" s="1"/>
      <c r="C13328">
        <v>5</v>
      </c>
      <c r="D13328" t="s">
        <v>25073</v>
      </c>
      <c r="E13328" t="s">
        <v>34246</v>
      </c>
      <c r="F13328">
        <v>4</v>
      </c>
      <c r="G13328" t="s">
        <v>9</v>
      </c>
      <c r="H13328" t="s">
        <v>25074</v>
      </c>
      <c r="I13328" t="s">
        <v>30540</v>
      </c>
    </row>
    <row r="13329" spans="1:9">
      <c r="A13329" s="1">
        <f ca="1">RAND()</f>
        <v>0.78311115804320375</v>
      </c>
      <c r="B13329" s="1"/>
      <c r="C13329">
        <v>14</v>
      </c>
      <c r="D13329" t="s">
        <v>25079</v>
      </c>
      <c r="E13329" t="s">
        <v>34246</v>
      </c>
      <c r="F13329">
        <v>4</v>
      </c>
      <c r="G13329" t="s">
        <v>14</v>
      </c>
      <c r="H13329" t="s">
        <v>25080</v>
      </c>
      <c r="I13329" t="s">
        <v>30540</v>
      </c>
    </row>
    <row r="13330" spans="1:9">
      <c r="A13330" s="1">
        <f ca="1">RAND()</f>
        <v>0.10472178637091012</v>
      </c>
      <c r="B13330" s="1"/>
      <c r="C13330">
        <v>15</v>
      </c>
      <c r="D13330" t="s">
        <v>25081</v>
      </c>
      <c r="E13330" t="s">
        <v>34246</v>
      </c>
      <c r="F13330">
        <v>1</v>
      </c>
      <c r="G13330" t="s">
        <v>14</v>
      </c>
      <c r="H13330" t="s">
        <v>25082</v>
      </c>
      <c r="I13330" t="s">
        <v>30540</v>
      </c>
    </row>
    <row r="13331" spans="1:9">
      <c r="A13331" s="1">
        <f ca="1">RAND()</f>
        <v>0.69901568510943046</v>
      </c>
      <c r="B13331" s="1"/>
      <c r="C13331">
        <v>13</v>
      </c>
      <c r="D13331" t="s">
        <v>25071</v>
      </c>
      <c r="E13331" t="s">
        <v>34247</v>
      </c>
      <c r="F13331">
        <v>4</v>
      </c>
      <c r="G13331" t="s">
        <v>14</v>
      </c>
      <c r="H13331" t="s">
        <v>25072</v>
      </c>
      <c r="I13331" t="s">
        <v>30540</v>
      </c>
    </row>
    <row r="13332" spans="1:9">
      <c r="A13332" s="1">
        <f ca="1">RAND()</f>
        <v>0.55404035480025238</v>
      </c>
      <c r="B13332" s="1"/>
      <c r="C13332">
        <v>5</v>
      </c>
      <c r="D13332" t="s">
        <v>25065</v>
      </c>
      <c r="E13332" t="s">
        <v>34247</v>
      </c>
      <c r="F13332">
        <v>4</v>
      </c>
      <c r="G13332" t="s">
        <v>14</v>
      </c>
      <c r="H13332" t="s">
        <v>25066</v>
      </c>
      <c r="I13332" t="s">
        <v>30540</v>
      </c>
    </row>
    <row r="13333" spans="1:9">
      <c r="A13333" s="1">
        <f ca="1">RAND()</f>
        <v>0.41376978575905066</v>
      </c>
      <c r="B13333" s="1"/>
      <c r="C13333">
        <v>12</v>
      </c>
      <c r="D13333" t="s">
        <v>25069</v>
      </c>
      <c r="E13333" t="s">
        <v>34247</v>
      </c>
      <c r="F13333">
        <v>2</v>
      </c>
      <c r="G13333" t="s">
        <v>1</v>
      </c>
      <c r="H13333" t="s">
        <v>25070</v>
      </c>
      <c r="I13333" t="s">
        <v>30540</v>
      </c>
    </row>
    <row r="13334" spans="1:9">
      <c r="A13334" s="1">
        <f ca="1">RAND()</f>
        <v>0.20624928238117479</v>
      </c>
      <c r="B13334" s="1"/>
      <c r="C13334">
        <v>6</v>
      </c>
      <c r="D13334" t="s">
        <v>25067</v>
      </c>
      <c r="E13334" t="s">
        <v>34247</v>
      </c>
      <c r="F13334">
        <v>1</v>
      </c>
      <c r="G13334" t="s">
        <v>9</v>
      </c>
      <c r="H13334" t="s">
        <v>25068</v>
      </c>
      <c r="I13334" t="s">
        <v>30540</v>
      </c>
    </row>
    <row r="13335" spans="1:9">
      <c r="A13335" s="1">
        <f ca="1">RAND()</f>
        <v>0.20356081130938086</v>
      </c>
      <c r="B13335" s="1"/>
      <c r="C13335">
        <v>4</v>
      </c>
      <c r="D13335" t="s">
        <v>25061</v>
      </c>
      <c r="E13335" t="s">
        <v>34248</v>
      </c>
      <c r="F13335">
        <v>4</v>
      </c>
      <c r="G13335" t="s">
        <v>1</v>
      </c>
      <c r="H13335" t="s">
        <v>25062</v>
      </c>
      <c r="I13335" t="s">
        <v>30540</v>
      </c>
    </row>
    <row r="13336" spans="1:9">
      <c r="A13336" s="1">
        <f ca="1">RAND()</f>
        <v>0.98785364959959276</v>
      </c>
      <c r="B13336" s="1"/>
      <c r="C13336">
        <v>14</v>
      </c>
      <c r="D13336" t="s">
        <v>25063</v>
      </c>
      <c r="E13336" t="s">
        <v>34248</v>
      </c>
      <c r="F13336">
        <v>1</v>
      </c>
      <c r="G13336" t="s">
        <v>10</v>
      </c>
      <c r="H13336" t="s">
        <v>25064</v>
      </c>
      <c r="I13336" t="s">
        <v>30540</v>
      </c>
    </row>
    <row r="13337" spans="1:9">
      <c r="A13337" s="1">
        <f ca="1">RAND()</f>
        <v>0.40224592014804827</v>
      </c>
      <c r="B13337" s="1"/>
      <c r="C13337">
        <v>6</v>
      </c>
      <c r="D13337" t="s">
        <v>25047</v>
      </c>
      <c r="E13337" t="s">
        <v>34249</v>
      </c>
      <c r="F13337">
        <v>4</v>
      </c>
      <c r="G13337" t="s">
        <v>762</v>
      </c>
      <c r="H13337" t="s">
        <v>25048</v>
      </c>
      <c r="I13337" t="s">
        <v>30540</v>
      </c>
    </row>
    <row r="13338" spans="1:9">
      <c r="A13338" s="1">
        <f ca="1">RAND()</f>
        <v>0.4173321677790548</v>
      </c>
      <c r="B13338" s="1"/>
      <c r="C13338">
        <v>7</v>
      </c>
      <c r="D13338" t="s">
        <v>25049</v>
      </c>
      <c r="E13338" t="s">
        <v>34249</v>
      </c>
      <c r="F13338">
        <v>4</v>
      </c>
      <c r="G13338" t="s">
        <v>14</v>
      </c>
      <c r="H13338" t="s">
        <v>25050</v>
      </c>
      <c r="I13338" t="s">
        <v>30540</v>
      </c>
    </row>
    <row r="13339" spans="1:9">
      <c r="A13339" s="1">
        <f ca="1">RAND()</f>
        <v>0.37701998056398334</v>
      </c>
      <c r="B13339" s="1"/>
      <c r="C13339">
        <v>12</v>
      </c>
      <c r="D13339" t="s">
        <v>25053</v>
      </c>
      <c r="E13339" t="s">
        <v>34249</v>
      </c>
      <c r="F13339">
        <v>4</v>
      </c>
      <c r="G13339" t="s">
        <v>2229</v>
      </c>
      <c r="H13339" t="s">
        <v>25054</v>
      </c>
      <c r="I13339" t="s">
        <v>30540</v>
      </c>
    </row>
    <row r="13340" spans="1:9">
      <c r="A13340" s="1">
        <f ca="1">RAND()</f>
        <v>0.76090669164121116</v>
      </c>
      <c r="B13340" s="1"/>
      <c r="C13340">
        <v>20</v>
      </c>
      <c r="D13340" t="s">
        <v>25059</v>
      </c>
      <c r="E13340" t="s">
        <v>34249</v>
      </c>
      <c r="F13340">
        <v>4</v>
      </c>
      <c r="G13340" t="s">
        <v>14</v>
      </c>
      <c r="H13340" t="s">
        <v>25060</v>
      </c>
      <c r="I13340" t="s">
        <v>30540</v>
      </c>
    </row>
    <row r="13341" spans="1:9">
      <c r="A13341" s="1">
        <f ca="1">RAND()</f>
        <v>0.57878850501237344</v>
      </c>
      <c r="B13341" s="1"/>
      <c r="C13341">
        <v>17</v>
      </c>
      <c r="D13341" t="s">
        <v>25057</v>
      </c>
      <c r="E13341" t="s">
        <v>34249</v>
      </c>
      <c r="F13341">
        <v>4</v>
      </c>
      <c r="G13341" t="s">
        <v>10</v>
      </c>
      <c r="H13341" t="s">
        <v>25058</v>
      </c>
      <c r="I13341" t="s">
        <v>30540</v>
      </c>
    </row>
    <row r="13342" spans="1:9">
      <c r="A13342" s="1">
        <f ca="1">RAND()</f>
        <v>0.59580946186557571</v>
      </c>
      <c r="B13342" s="1"/>
      <c r="C13342">
        <v>16</v>
      </c>
      <c r="D13342" t="s">
        <v>25055</v>
      </c>
      <c r="E13342" t="s">
        <v>34249</v>
      </c>
      <c r="F13342">
        <v>4</v>
      </c>
      <c r="G13342" t="s">
        <v>2738</v>
      </c>
      <c r="H13342" t="s">
        <v>25056</v>
      </c>
      <c r="I13342" t="s">
        <v>30540</v>
      </c>
    </row>
    <row r="13343" spans="1:9">
      <c r="A13343" s="1">
        <f ca="1">RAND()</f>
        <v>6.6281536040117772E-2</v>
      </c>
      <c r="B13343" s="1"/>
      <c r="C13343">
        <v>1</v>
      </c>
      <c r="D13343" t="s">
        <v>25045</v>
      </c>
      <c r="E13343" t="s">
        <v>34249</v>
      </c>
      <c r="F13343">
        <v>3</v>
      </c>
      <c r="G13343" t="s">
        <v>10</v>
      </c>
      <c r="H13343" t="s">
        <v>25046</v>
      </c>
      <c r="I13343" t="s">
        <v>30540</v>
      </c>
    </row>
    <row r="13344" spans="1:9">
      <c r="A13344" s="1">
        <f ca="1">RAND()</f>
        <v>0.13738903662247282</v>
      </c>
      <c r="B13344" s="1"/>
      <c r="C13344">
        <v>8</v>
      </c>
      <c r="D13344" t="s">
        <v>25051</v>
      </c>
      <c r="E13344" t="s">
        <v>34249</v>
      </c>
      <c r="F13344">
        <v>2</v>
      </c>
      <c r="G13344" t="s">
        <v>775</v>
      </c>
      <c r="H13344" t="s">
        <v>25052</v>
      </c>
      <c r="I13344" t="s">
        <v>30540</v>
      </c>
    </row>
    <row r="13345" spans="1:9">
      <c r="A13345" s="1">
        <f ca="1">RAND()</f>
        <v>0.31725857042487393</v>
      </c>
      <c r="B13345" s="1"/>
      <c r="C13345">
        <v>12</v>
      </c>
      <c r="D13345" t="s">
        <v>25043</v>
      </c>
      <c r="E13345" t="s">
        <v>34250</v>
      </c>
      <c r="F13345">
        <v>5</v>
      </c>
      <c r="G13345" t="s">
        <v>14</v>
      </c>
      <c r="H13345" t="s">
        <v>25044</v>
      </c>
      <c r="I13345" t="s">
        <v>30540</v>
      </c>
    </row>
    <row r="13346" spans="1:9">
      <c r="A13346" s="1">
        <f ca="1">RAND()</f>
        <v>0.67223667878785542</v>
      </c>
      <c r="B13346" s="1"/>
      <c r="C13346">
        <v>4</v>
      </c>
      <c r="D13346" t="s">
        <v>25041</v>
      </c>
      <c r="E13346" t="s">
        <v>34250</v>
      </c>
      <c r="F13346">
        <v>4</v>
      </c>
      <c r="G13346" t="s">
        <v>14</v>
      </c>
      <c r="H13346" t="s">
        <v>25042</v>
      </c>
      <c r="I13346" t="s">
        <v>30540</v>
      </c>
    </row>
    <row r="13347" spans="1:9">
      <c r="A13347" s="1">
        <f ca="1">RAND()</f>
        <v>0.32324318753524761</v>
      </c>
      <c r="B13347" s="1"/>
      <c r="C13347">
        <v>18</v>
      </c>
      <c r="D13347" t="s">
        <v>25039</v>
      </c>
      <c r="E13347" t="s">
        <v>34251</v>
      </c>
      <c r="F13347">
        <v>2</v>
      </c>
      <c r="G13347" t="s">
        <v>14</v>
      </c>
      <c r="H13347" t="s">
        <v>25040</v>
      </c>
      <c r="I13347" t="s">
        <v>30540</v>
      </c>
    </row>
    <row r="13348" spans="1:9">
      <c r="A13348" s="1">
        <f ca="1">RAND()</f>
        <v>0.80560484467042293</v>
      </c>
      <c r="B13348" s="1"/>
      <c r="C13348">
        <v>3</v>
      </c>
      <c r="D13348" t="s">
        <v>25033</v>
      </c>
      <c r="E13348" t="s">
        <v>34252</v>
      </c>
      <c r="F13348">
        <v>4</v>
      </c>
      <c r="G13348" t="s">
        <v>15</v>
      </c>
      <c r="H13348" t="s">
        <v>25034</v>
      </c>
      <c r="I13348" t="s">
        <v>30540</v>
      </c>
    </row>
    <row r="13349" spans="1:9">
      <c r="A13349" s="1">
        <f ca="1">RAND()</f>
        <v>7.8586960990298826E-2</v>
      </c>
      <c r="B13349" s="1"/>
      <c r="C13349">
        <v>9</v>
      </c>
      <c r="D13349" t="s">
        <v>25035</v>
      </c>
      <c r="E13349" t="s">
        <v>34252</v>
      </c>
      <c r="F13349">
        <v>2</v>
      </c>
      <c r="G13349" t="s">
        <v>1</v>
      </c>
      <c r="H13349" t="s">
        <v>25036</v>
      </c>
      <c r="I13349" t="s">
        <v>30540</v>
      </c>
    </row>
    <row r="13350" spans="1:9">
      <c r="A13350" s="1">
        <f ca="1">RAND()</f>
        <v>0.65978602770294015</v>
      </c>
      <c r="B13350" s="1"/>
      <c r="C13350">
        <v>11</v>
      </c>
      <c r="D13350" t="s">
        <v>25037</v>
      </c>
      <c r="E13350" t="s">
        <v>34252</v>
      </c>
      <c r="F13350">
        <v>2</v>
      </c>
      <c r="G13350" t="s">
        <v>14</v>
      </c>
      <c r="H13350" t="s">
        <v>25038</v>
      </c>
      <c r="I13350" t="s">
        <v>30540</v>
      </c>
    </row>
    <row r="13351" spans="1:9">
      <c r="A13351" s="1">
        <f ca="1">RAND()</f>
        <v>8.7201938108784294E-2</v>
      </c>
      <c r="B13351" s="1"/>
      <c r="C13351">
        <v>9</v>
      </c>
      <c r="D13351" t="s">
        <v>25023</v>
      </c>
      <c r="E13351" t="s">
        <v>34253</v>
      </c>
      <c r="F13351">
        <v>4</v>
      </c>
      <c r="G13351" t="s">
        <v>14</v>
      </c>
      <c r="H13351" t="s">
        <v>25024</v>
      </c>
      <c r="I13351" t="s">
        <v>30540</v>
      </c>
    </row>
    <row r="13352" spans="1:9">
      <c r="A13352" s="1">
        <f ca="1">RAND()</f>
        <v>0.47328421558821965</v>
      </c>
      <c r="B13352" s="1"/>
      <c r="C13352">
        <v>17</v>
      </c>
      <c r="D13352" t="s">
        <v>25027</v>
      </c>
      <c r="E13352" t="s">
        <v>34253</v>
      </c>
      <c r="F13352">
        <v>4</v>
      </c>
      <c r="G13352" t="s">
        <v>14</v>
      </c>
      <c r="H13352" t="s">
        <v>25028</v>
      </c>
      <c r="I13352" t="s">
        <v>30540</v>
      </c>
    </row>
    <row r="13353" spans="1:9">
      <c r="A13353" s="1">
        <f ca="1">RAND()</f>
        <v>0.52875492577989358</v>
      </c>
      <c r="B13353" s="1"/>
      <c r="C13353">
        <v>20</v>
      </c>
      <c r="D13353" t="s">
        <v>25031</v>
      </c>
      <c r="E13353" t="s">
        <v>34253</v>
      </c>
      <c r="F13353">
        <v>4</v>
      </c>
      <c r="G13353" t="s">
        <v>15</v>
      </c>
      <c r="H13353" t="s">
        <v>25032</v>
      </c>
      <c r="I13353" t="s">
        <v>30540</v>
      </c>
    </row>
    <row r="13354" spans="1:9">
      <c r="A13354" s="1">
        <f ca="1">RAND()</f>
        <v>0.6917830019880219</v>
      </c>
      <c r="B13354" s="1"/>
      <c r="C13354">
        <v>19</v>
      </c>
      <c r="D13354" t="s">
        <v>25029</v>
      </c>
      <c r="E13354" t="s">
        <v>34253</v>
      </c>
      <c r="F13354">
        <v>4</v>
      </c>
      <c r="G13354" t="s">
        <v>14</v>
      </c>
      <c r="H13354" t="s">
        <v>25030</v>
      </c>
      <c r="I13354" t="s">
        <v>30540</v>
      </c>
    </row>
    <row r="13355" spans="1:9">
      <c r="A13355" s="1">
        <f ca="1">RAND()</f>
        <v>0.25280615540669249</v>
      </c>
      <c r="B13355" s="1"/>
      <c r="C13355">
        <v>11</v>
      </c>
      <c r="D13355" t="s">
        <v>25025</v>
      </c>
      <c r="E13355" t="s">
        <v>34253</v>
      </c>
      <c r="F13355">
        <v>2</v>
      </c>
      <c r="G13355" t="s">
        <v>14</v>
      </c>
      <c r="H13355" t="s">
        <v>25026</v>
      </c>
      <c r="I13355" t="s">
        <v>30540</v>
      </c>
    </row>
    <row r="13356" spans="1:9">
      <c r="A13356" s="1">
        <f ca="1">RAND()</f>
        <v>0.52384580643818479</v>
      </c>
      <c r="B13356" s="1"/>
      <c r="C13356">
        <v>2</v>
      </c>
      <c r="D13356" t="s">
        <v>25021</v>
      </c>
      <c r="E13356" t="s">
        <v>34253</v>
      </c>
      <c r="F13356">
        <v>2</v>
      </c>
      <c r="G13356" t="s">
        <v>1</v>
      </c>
      <c r="H13356" t="s">
        <v>25022</v>
      </c>
      <c r="I13356" t="s">
        <v>30540</v>
      </c>
    </row>
    <row r="13357" spans="1:9">
      <c r="A13357" s="1">
        <f ca="1">RAND()</f>
        <v>0.31506313907705163</v>
      </c>
      <c r="B13357" s="1"/>
      <c r="C13357">
        <v>1</v>
      </c>
      <c r="D13357" t="s">
        <v>25013</v>
      </c>
      <c r="E13357" t="s">
        <v>34254</v>
      </c>
      <c r="F13357">
        <v>4</v>
      </c>
      <c r="G13357" t="s">
        <v>10</v>
      </c>
      <c r="H13357" t="s">
        <v>25014</v>
      </c>
      <c r="I13357" t="s">
        <v>30540</v>
      </c>
    </row>
    <row r="13358" spans="1:9">
      <c r="A13358" s="1">
        <f ca="1">RAND()</f>
        <v>0.58042909763345174</v>
      </c>
      <c r="B13358" s="1"/>
      <c r="C13358">
        <v>3</v>
      </c>
      <c r="D13358" t="s">
        <v>25015</v>
      </c>
      <c r="E13358" t="s">
        <v>34254</v>
      </c>
      <c r="F13358">
        <v>3</v>
      </c>
      <c r="G13358" t="s">
        <v>14</v>
      </c>
      <c r="H13358" t="s">
        <v>25016</v>
      </c>
      <c r="I13358" t="s">
        <v>30540</v>
      </c>
    </row>
    <row r="13359" spans="1:9">
      <c r="A13359" s="1">
        <f ca="1">RAND()</f>
        <v>8.8574551281689562E-2</v>
      </c>
      <c r="B13359" s="1"/>
      <c r="C13359">
        <v>13</v>
      </c>
      <c r="D13359" t="s">
        <v>25017</v>
      </c>
      <c r="E13359" t="s">
        <v>34254</v>
      </c>
      <c r="F13359">
        <v>2</v>
      </c>
      <c r="G13359" t="s">
        <v>762</v>
      </c>
      <c r="H13359" t="s">
        <v>25018</v>
      </c>
      <c r="I13359" t="s">
        <v>30540</v>
      </c>
    </row>
    <row r="13360" spans="1:9">
      <c r="A13360" s="1">
        <f ca="1">RAND()</f>
        <v>0.42773157267029716</v>
      </c>
      <c r="B13360" s="1"/>
      <c r="C13360">
        <v>14</v>
      </c>
      <c r="D13360" t="s">
        <v>25019</v>
      </c>
      <c r="E13360" t="s">
        <v>34254</v>
      </c>
      <c r="F13360">
        <v>2</v>
      </c>
      <c r="G13360" t="s">
        <v>2229</v>
      </c>
      <c r="H13360" t="s">
        <v>25020</v>
      </c>
      <c r="I13360" t="s">
        <v>30540</v>
      </c>
    </row>
    <row r="13361" spans="1:9">
      <c r="A13361" s="1">
        <f ca="1">RAND()</f>
        <v>0.53669293754022795</v>
      </c>
      <c r="B13361" s="1"/>
      <c r="C13361">
        <v>11</v>
      </c>
      <c r="D13361" t="s">
        <v>25005</v>
      </c>
      <c r="E13361" t="s">
        <v>34255</v>
      </c>
      <c r="F13361">
        <v>5</v>
      </c>
      <c r="G13361" t="s">
        <v>14</v>
      </c>
      <c r="H13361" t="s">
        <v>25006</v>
      </c>
      <c r="I13361" t="s">
        <v>30540</v>
      </c>
    </row>
    <row r="13362" spans="1:9">
      <c r="A13362" s="1">
        <f ca="1">RAND()</f>
        <v>0.23086955819485566</v>
      </c>
      <c r="B13362" s="1"/>
      <c r="C13362">
        <v>8</v>
      </c>
      <c r="D13362" t="s">
        <v>25003</v>
      </c>
      <c r="E13362" t="s">
        <v>34255</v>
      </c>
      <c r="F13362">
        <v>5</v>
      </c>
      <c r="G13362" t="s">
        <v>15</v>
      </c>
      <c r="H13362" t="s">
        <v>25004</v>
      </c>
      <c r="I13362" t="s">
        <v>30540</v>
      </c>
    </row>
    <row r="13363" spans="1:9">
      <c r="A13363" s="1">
        <f ca="1">RAND()</f>
        <v>0.12217985367774908</v>
      </c>
      <c r="B13363" s="1"/>
      <c r="C13363">
        <v>18</v>
      </c>
      <c r="D13363" t="s">
        <v>25011</v>
      </c>
      <c r="E13363" t="s">
        <v>34255</v>
      </c>
      <c r="F13363">
        <v>4</v>
      </c>
      <c r="G13363" t="s">
        <v>0</v>
      </c>
      <c r="H13363" t="s">
        <v>25012</v>
      </c>
      <c r="I13363" t="s">
        <v>30540</v>
      </c>
    </row>
    <row r="13364" spans="1:9">
      <c r="A13364" s="1">
        <f ca="1">RAND()</f>
        <v>0.57438912019281552</v>
      </c>
      <c r="B13364" s="1"/>
      <c r="C13364">
        <v>16</v>
      </c>
      <c r="D13364" t="s">
        <v>25009</v>
      </c>
      <c r="E13364" t="s">
        <v>34255</v>
      </c>
      <c r="F13364">
        <v>2</v>
      </c>
      <c r="G13364" t="s">
        <v>14</v>
      </c>
      <c r="H13364" t="s">
        <v>25010</v>
      </c>
      <c r="I13364" t="s">
        <v>30540</v>
      </c>
    </row>
    <row r="13365" spans="1:9">
      <c r="A13365" s="1">
        <f ca="1">RAND()</f>
        <v>0.21124506613988769</v>
      </c>
      <c r="B13365" s="1"/>
      <c r="C13365">
        <v>14</v>
      </c>
      <c r="D13365" t="s">
        <v>25007</v>
      </c>
      <c r="E13365" t="s">
        <v>34255</v>
      </c>
      <c r="F13365">
        <v>2</v>
      </c>
      <c r="G13365" t="s">
        <v>1</v>
      </c>
      <c r="H13365" t="s">
        <v>25008</v>
      </c>
      <c r="I13365" t="s">
        <v>30540</v>
      </c>
    </row>
    <row r="13366" spans="1:9">
      <c r="A13366" s="1">
        <f ca="1">RAND()</f>
        <v>0.34886621087626191</v>
      </c>
      <c r="B13366" s="1"/>
      <c r="C13366">
        <v>11</v>
      </c>
      <c r="D13366" t="s">
        <v>24999</v>
      </c>
      <c r="E13366" t="s">
        <v>34256</v>
      </c>
      <c r="F13366">
        <v>5</v>
      </c>
      <c r="G13366" t="s">
        <v>14</v>
      </c>
      <c r="H13366" t="s">
        <v>25000</v>
      </c>
      <c r="I13366" t="s">
        <v>30540</v>
      </c>
    </row>
    <row r="13367" spans="1:9">
      <c r="A13367" s="1">
        <f ca="1">RAND()</f>
        <v>0.72135859651567369</v>
      </c>
      <c r="B13367" s="1"/>
      <c r="C13367">
        <v>16</v>
      </c>
      <c r="D13367" t="s">
        <v>25001</v>
      </c>
      <c r="E13367" t="s">
        <v>34256</v>
      </c>
      <c r="F13367">
        <v>4</v>
      </c>
      <c r="G13367" t="s">
        <v>14</v>
      </c>
      <c r="H13367" t="s">
        <v>25002</v>
      </c>
      <c r="I13367" t="s">
        <v>30540</v>
      </c>
    </row>
    <row r="13368" spans="1:9">
      <c r="A13368" s="1">
        <f ca="1">RAND()</f>
        <v>7.4250973297437017E-2</v>
      </c>
      <c r="B13368" s="1"/>
      <c r="C13368">
        <v>9</v>
      </c>
      <c r="D13368" t="s">
        <v>24997</v>
      </c>
      <c r="E13368" t="s">
        <v>34257</v>
      </c>
      <c r="F13368">
        <v>5</v>
      </c>
      <c r="G13368" t="s">
        <v>14</v>
      </c>
      <c r="H13368" t="s">
        <v>24998</v>
      </c>
      <c r="I13368" t="s">
        <v>30540</v>
      </c>
    </row>
    <row r="13369" spans="1:9">
      <c r="A13369" s="1">
        <f ca="1">RAND()</f>
        <v>8.8574326005686599E-2</v>
      </c>
      <c r="B13369" s="1"/>
      <c r="C13369">
        <v>7</v>
      </c>
      <c r="D13369" t="s">
        <v>24993</v>
      </c>
      <c r="E13369" t="s">
        <v>34257</v>
      </c>
      <c r="F13369">
        <v>4</v>
      </c>
      <c r="G13369" t="s">
        <v>14</v>
      </c>
      <c r="H13369" t="s">
        <v>24994</v>
      </c>
      <c r="I13369" t="s">
        <v>30540</v>
      </c>
    </row>
    <row r="13370" spans="1:9">
      <c r="A13370" s="1">
        <f ca="1">RAND()</f>
        <v>0.51565961232905178</v>
      </c>
      <c r="B13370" s="1"/>
      <c r="C13370">
        <v>8</v>
      </c>
      <c r="D13370" t="s">
        <v>24995</v>
      </c>
      <c r="E13370" t="s">
        <v>34257</v>
      </c>
      <c r="F13370">
        <v>4</v>
      </c>
      <c r="G13370" t="s">
        <v>9</v>
      </c>
      <c r="H13370" t="s">
        <v>24996</v>
      </c>
      <c r="I13370" t="s">
        <v>30540</v>
      </c>
    </row>
    <row r="13371" spans="1:9">
      <c r="A13371" s="1">
        <f ca="1">RAND()</f>
        <v>0.31706165196549618</v>
      </c>
      <c r="B13371" s="1"/>
      <c r="C13371">
        <v>6</v>
      </c>
      <c r="D13371" t="s">
        <v>24991</v>
      </c>
      <c r="E13371" t="s">
        <v>34257</v>
      </c>
      <c r="F13371">
        <v>4</v>
      </c>
      <c r="G13371" t="s">
        <v>14</v>
      </c>
      <c r="H13371" t="s">
        <v>24992</v>
      </c>
      <c r="I13371" t="s">
        <v>30540</v>
      </c>
    </row>
    <row r="13372" spans="1:9">
      <c r="A13372" s="1">
        <f ca="1">RAND()</f>
        <v>0.94195027023961275</v>
      </c>
      <c r="B13372" s="1"/>
      <c r="C13372">
        <v>9</v>
      </c>
      <c r="D13372" t="s">
        <v>24987</v>
      </c>
      <c r="E13372" t="s">
        <v>34258</v>
      </c>
      <c r="F13372">
        <v>4</v>
      </c>
      <c r="G13372" t="s">
        <v>14</v>
      </c>
      <c r="H13372" t="s">
        <v>24988</v>
      </c>
      <c r="I13372" t="s">
        <v>30540</v>
      </c>
    </row>
    <row r="13373" spans="1:9">
      <c r="A13373" s="1">
        <f ca="1">RAND()</f>
        <v>0.76436239581546295</v>
      </c>
      <c r="B13373" s="1"/>
      <c r="C13373">
        <v>8</v>
      </c>
      <c r="D13373" t="s">
        <v>24985</v>
      </c>
      <c r="E13373" t="s">
        <v>34258</v>
      </c>
      <c r="F13373">
        <v>4</v>
      </c>
      <c r="G13373" t="s">
        <v>15</v>
      </c>
      <c r="H13373" t="s">
        <v>24986</v>
      </c>
      <c r="I13373" t="s">
        <v>30540</v>
      </c>
    </row>
    <row r="13374" spans="1:9">
      <c r="A13374" s="1">
        <f ca="1">RAND()</f>
        <v>0.10637704356098376</v>
      </c>
      <c r="B13374" s="1"/>
      <c r="C13374">
        <v>20</v>
      </c>
      <c r="D13374" t="s">
        <v>24989</v>
      </c>
      <c r="E13374" t="s">
        <v>34258</v>
      </c>
      <c r="F13374">
        <v>2</v>
      </c>
      <c r="G13374" t="s">
        <v>14</v>
      </c>
      <c r="H13374" t="s">
        <v>24990</v>
      </c>
      <c r="I13374" t="s">
        <v>30540</v>
      </c>
    </row>
    <row r="13375" spans="1:9">
      <c r="A13375" s="1">
        <f ca="1">RAND()</f>
        <v>0.23816957760998014</v>
      </c>
      <c r="B13375" s="1"/>
      <c r="C13375">
        <v>3</v>
      </c>
      <c r="D13375" t="s">
        <v>24981</v>
      </c>
      <c r="E13375" t="s">
        <v>34259</v>
      </c>
      <c r="F13375">
        <v>4</v>
      </c>
      <c r="G13375" t="s">
        <v>10</v>
      </c>
      <c r="H13375" t="s">
        <v>24982</v>
      </c>
      <c r="I13375" t="s">
        <v>30540</v>
      </c>
    </row>
    <row r="13376" spans="1:9">
      <c r="A13376" s="1">
        <f ca="1">RAND()</f>
        <v>0.98878429496816878</v>
      </c>
      <c r="B13376" s="1"/>
      <c r="C13376">
        <v>2</v>
      </c>
      <c r="D13376" t="s">
        <v>24979</v>
      </c>
      <c r="E13376" t="s">
        <v>34259</v>
      </c>
      <c r="F13376">
        <v>4</v>
      </c>
      <c r="G13376" t="s">
        <v>10</v>
      </c>
      <c r="H13376" t="s">
        <v>24980</v>
      </c>
      <c r="I13376" t="s">
        <v>30540</v>
      </c>
    </row>
    <row r="13377" spans="1:9">
      <c r="A13377" s="1">
        <f ca="1">RAND()</f>
        <v>0.62414130970896242</v>
      </c>
      <c r="B13377" s="1"/>
      <c r="C13377">
        <v>20</v>
      </c>
      <c r="D13377" t="s">
        <v>24983</v>
      </c>
      <c r="E13377" t="s">
        <v>34259</v>
      </c>
      <c r="F13377">
        <v>1</v>
      </c>
      <c r="G13377" t="s">
        <v>14</v>
      </c>
      <c r="H13377" t="s">
        <v>24984</v>
      </c>
      <c r="I13377" t="s">
        <v>30540</v>
      </c>
    </row>
    <row r="13378" spans="1:9">
      <c r="A13378" s="1">
        <f ca="1">RAND()</f>
        <v>0.73713792880516804</v>
      </c>
      <c r="B13378" s="1"/>
      <c r="C13378">
        <v>5</v>
      </c>
      <c r="D13378" t="s">
        <v>24975</v>
      </c>
      <c r="E13378" t="s">
        <v>34260</v>
      </c>
      <c r="F13378">
        <v>4</v>
      </c>
      <c r="G13378" t="s">
        <v>14</v>
      </c>
      <c r="H13378" t="s">
        <v>24976</v>
      </c>
      <c r="I13378" t="s">
        <v>30540</v>
      </c>
    </row>
    <row r="13379" spans="1:9">
      <c r="A13379" s="1">
        <f ca="1">RAND()</f>
        <v>0.50217176181885181</v>
      </c>
      <c r="B13379" s="1"/>
      <c r="C13379">
        <v>10</v>
      </c>
      <c r="D13379" t="s">
        <v>24977</v>
      </c>
      <c r="E13379" t="s">
        <v>34260</v>
      </c>
      <c r="F13379">
        <v>3</v>
      </c>
      <c r="G13379" t="s">
        <v>14</v>
      </c>
      <c r="H13379" t="s">
        <v>24978</v>
      </c>
      <c r="I13379" t="s">
        <v>30540</v>
      </c>
    </row>
    <row r="13380" spans="1:9">
      <c r="A13380" s="1">
        <f ca="1">RAND()</f>
        <v>0.16154792935014228</v>
      </c>
      <c r="B13380" s="1"/>
      <c r="C13380">
        <v>20</v>
      </c>
      <c r="D13380" t="s">
        <v>24973</v>
      </c>
      <c r="E13380" t="s">
        <v>34261</v>
      </c>
      <c r="F13380">
        <v>5</v>
      </c>
      <c r="G13380" t="s">
        <v>14</v>
      </c>
      <c r="H13380" t="s">
        <v>24974</v>
      </c>
      <c r="I13380" t="s">
        <v>30540</v>
      </c>
    </row>
    <row r="13381" spans="1:9">
      <c r="A13381" s="1">
        <f ca="1">RAND()</f>
        <v>0.11894986741689928</v>
      </c>
      <c r="B13381" s="1"/>
      <c r="C13381">
        <v>15</v>
      </c>
      <c r="D13381" t="s">
        <v>24971</v>
      </c>
      <c r="E13381" t="s">
        <v>34261</v>
      </c>
      <c r="F13381">
        <v>3</v>
      </c>
      <c r="G13381" t="s">
        <v>1</v>
      </c>
      <c r="H13381" t="s">
        <v>24972</v>
      </c>
      <c r="I13381" t="s">
        <v>30540</v>
      </c>
    </row>
    <row r="13382" spans="1:9">
      <c r="A13382" s="1">
        <f ca="1">RAND()</f>
        <v>0.8691521502801296</v>
      </c>
      <c r="B13382" s="1"/>
      <c r="C13382">
        <v>15</v>
      </c>
      <c r="D13382" t="s">
        <v>24969</v>
      </c>
      <c r="E13382" t="s">
        <v>34262</v>
      </c>
      <c r="F13382">
        <v>4</v>
      </c>
      <c r="G13382" t="s">
        <v>14</v>
      </c>
      <c r="H13382" t="s">
        <v>24970</v>
      </c>
      <c r="I13382" t="s">
        <v>30540</v>
      </c>
    </row>
    <row r="13383" spans="1:9">
      <c r="A13383" s="1">
        <f ca="1">RAND()</f>
        <v>0.1500931610479771</v>
      </c>
      <c r="B13383" s="1"/>
      <c r="C13383">
        <v>14</v>
      </c>
      <c r="D13383" t="s">
        <v>24967</v>
      </c>
      <c r="E13383" t="s">
        <v>34262</v>
      </c>
      <c r="F13383">
        <v>3</v>
      </c>
      <c r="G13383" t="s">
        <v>1</v>
      </c>
      <c r="H13383" t="s">
        <v>24968</v>
      </c>
      <c r="I13383" t="s">
        <v>30540</v>
      </c>
    </row>
    <row r="13384" spans="1:9">
      <c r="A13384" s="1">
        <f ca="1">RAND()</f>
        <v>0.70392073234065267</v>
      </c>
      <c r="B13384" s="1"/>
      <c r="C13384">
        <v>10</v>
      </c>
      <c r="D13384" t="s">
        <v>24965</v>
      </c>
      <c r="E13384" t="s">
        <v>34262</v>
      </c>
      <c r="F13384">
        <v>2</v>
      </c>
      <c r="G13384" t="s">
        <v>14</v>
      </c>
      <c r="H13384" t="s">
        <v>24966</v>
      </c>
      <c r="I13384" t="s">
        <v>30540</v>
      </c>
    </row>
    <row r="13385" spans="1:9">
      <c r="A13385" s="1">
        <f ca="1">RAND()</f>
        <v>0.38641771941529668</v>
      </c>
      <c r="B13385" s="1"/>
      <c r="C13385">
        <v>16</v>
      </c>
      <c r="D13385" t="s">
        <v>24963</v>
      </c>
      <c r="E13385" t="s">
        <v>34263</v>
      </c>
      <c r="F13385">
        <v>4</v>
      </c>
      <c r="G13385" t="s">
        <v>14</v>
      </c>
      <c r="H13385" t="s">
        <v>24964</v>
      </c>
      <c r="I13385" t="s">
        <v>30540</v>
      </c>
    </row>
    <row r="13386" spans="1:9">
      <c r="A13386" s="1">
        <f ca="1">RAND()</f>
        <v>0.45452053317568852</v>
      </c>
      <c r="B13386" s="1"/>
      <c r="C13386">
        <v>12</v>
      </c>
      <c r="D13386" t="s">
        <v>24959</v>
      </c>
      <c r="E13386" t="s">
        <v>34263</v>
      </c>
      <c r="F13386">
        <v>4</v>
      </c>
      <c r="G13386" t="s">
        <v>14</v>
      </c>
      <c r="H13386" t="s">
        <v>24960</v>
      </c>
      <c r="I13386" t="s">
        <v>30540</v>
      </c>
    </row>
    <row r="13387" spans="1:9">
      <c r="A13387" s="1">
        <f ca="1">RAND()</f>
        <v>9.2251822642763437E-2</v>
      </c>
      <c r="B13387" s="1"/>
      <c r="C13387">
        <v>14</v>
      </c>
      <c r="D13387" t="s">
        <v>24961</v>
      </c>
      <c r="E13387" t="s">
        <v>34263</v>
      </c>
      <c r="F13387">
        <v>3</v>
      </c>
      <c r="G13387" t="s">
        <v>14</v>
      </c>
      <c r="H13387" t="s">
        <v>24962</v>
      </c>
      <c r="I13387" t="s">
        <v>30540</v>
      </c>
    </row>
    <row r="13388" spans="1:9">
      <c r="A13388" s="1">
        <f ca="1">RAND()</f>
        <v>0.43462703698129257</v>
      </c>
      <c r="B13388" s="1"/>
      <c r="C13388">
        <v>11</v>
      </c>
      <c r="D13388" t="s">
        <v>24957</v>
      </c>
      <c r="E13388" t="s">
        <v>34263</v>
      </c>
      <c r="F13388">
        <v>1</v>
      </c>
      <c r="G13388" t="s">
        <v>15</v>
      </c>
      <c r="H13388" t="s">
        <v>24958</v>
      </c>
      <c r="I13388" t="s">
        <v>30540</v>
      </c>
    </row>
    <row r="13389" spans="1:9">
      <c r="A13389" s="1">
        <f ca="1">RAND()</f>
        <v>0.20812007904417951</v>
      </c>
      <c r="B13389" s="1"/>
      <c r="C13389">
        <v>9</v>
      </c>
      <c r="D13389" t="s">
        <v>24951</v>
      </c>
      <c r="E13389" t="s">
        <v>34264</v>
      </c>
      <c r="F13389">
        <v>4</v>
      </c>
      <c r="G13389" t="s">
        <v>13</v>
      </c>
      <c r="H13389" t="s">
        <v>24952</v>
      </c>
      <c r="I13389" t="s">
        <v>30540</v>
      </c>
    </row>
    <row r="13390" spans="1:9">
      <c r="A13390" s="1">
        <f ca="1">RAND()</f>
        <v>0.23874002227483548</v>
      </c>
      <c r="B13390" s="1"/>
      <c r="C13390">
        <v>11</v>
      </c>
      <c r="D13390" t="s">
        <v>24953</v>
      </c>
      <c r="E13390" t="s">
        <v>34264</v>
      </c>
      <c r="F13390">
        <v>4</v>
      </c>
      <c r="G13390" t="s">
        <v>14</v>
      </c>
      <c r="H13390" t="s">
        <v>24954</v>
      </c>
      <c r="I13390" t="s">
        <v>30540</v>
      </c>
    </row>
    <row r="13391" spans="1:9">
      <c r="A13391" s="1">
        <f ca="1">RAND()</f>
        <v>0.17738416140991597</v>
      </c>
      <c r="B13391" s="1"/>
      <c r="C13391">
        <v>13</v>
      </c>
      <c r="D13391" t="s">
        <v>24955</v>
      </c>
      <c r="E13391" t="s">
        <v>34264</v>
      </c>
      <c r="F13391">
        <v>3</v>
      </c>
      <c r="G13391" t="s">
        <v>14</v>
      </c>
      <c r="H13391" t="s">
        <v>24956</v>
      </c>
      <c r="I13391" t="s">
        <v>30540</v>
      </c>
    </row>
    <row r="13392" spans="1:9">
      <c r="A13392" s="1">
        <f ca="1">RAND()</f>
        <v>0.39688586762674982</v>
      </c>
      <c r="B13392" s="1"/>
      <c r="C13392">
        <v>1</v>
      </c>
      <c r="D13392" t="s">
        <v>24949</v>
      </c>
      <c r="E13392" t="s">
        <v>34264</v>
      </c>
      <c r="F13392">
        <v>2</v>
      </c>
      <c r="G13392" t="s">
        <v>2</v>
      </c>
      <c r="H13392" t="s">
        <v>24950</v>
      </c>
      <c r="I13392" t="s">
        <v>30540</v>
      </c>
    </row>
    <row r="13393" spans="1:9">
      <c r="A13393" s="1">
        <f ca="1">RAND()</f>
        <v>6.8175978502046042E-2</v>
      </c>
      <c r="B13393" s="1"/>
      <c r="C13393">
        <v>9</v>
      </c>
      <c r="D13393" t="s">
        <v>24947</v>
      </c>
      <c r="E13393" t="s">
        <v>34265</v>
      </c>
      <c r="F13393">
        <v>5</v>
      </c>
      <c r="G13393" t="s">
        <v>14</v>
      </c>
      <c r="H13393" t="s">
        <v>24948</v>
      </c>
      <c r="I13393" t="s">
        <v>30540</v>
      </c>
    </row>
    <row r="13394" spans="1:9">
      <c r="A13394" s="1">
        <f ca="1">RAND()</f>
        <v>6.8658295095167965E-2</v>
      </c>
      <c r="B13394" s="1"/>
      <c r="C13394">
        <v>5</v>
      </c>
      <c r="D13394" t="s">
        <v>24941</v>
      </c>
      <c r="E13394" t="s">
        <v>34266</v>
      </c>
      <c r="F13394">
        <v>3</v>
      </c>
      <c r="G13394" t="s">
        <v>10</v>
      </c>
      <c r="H13394" t="s">
        <v>24942</v>
      </c>
      <c r="I13394" t="s">
        <v>30540</v>
      </c>
    </row>
    <row r="13395" spans="1:9">
      <c r="A13395" s="1">
        <f ca="1">RAND()</f>
        <v>0.10512097031136614</v>
      </c>
      <c r="B13395" s="1"/>
      <c r="C13395">
        <v>8</v>
      </c>
      <c r="D13395" t="s">
        <v>24945</v>
      </c>
      <c r="E13395" t="s">
        <v>34266</v>
      </c>
      <c r="F13395">
        <v>3</v>
      </c>
      <c r="G13395" t="s">
        <v>10</v>
      </c>
      <c r="H13395" t="s">
        <v>24946</v>
      </c>
      <c r="I13395" t="s">
        <v>30540</v>
      </c>
    </row>
    <row r="13396" spans="1:9">
      <c r="A13396" s="1">
        <f ca="1">RAND()</f>
        <v>0.18717681295401256</v>
      </c>
      <c r="B13396" s="1"/>
      <c r="C13396">
        <v>7</v>
      </c>
      <c r="D13396" t="s">
        <v>24943</v>
      </c>
      <c r="E13396" t="s">
        <v>34266</v>
      </c>
      <c r="F13396">
        <v>2</v>
      </c>
      <c r="G13396" t="s">
        <v>10</v>
      </c>
      <c r="H13396" t="s">
        <v>24944</v>
      </c>
      <c r="I13396" t="s">
        <v>30540</v>
      </c>
    </row>
    <row r="13397" spans="1:9">
      <c r="A13397" s="1">
        <f ca="1">RAND()</f>
        <v>0.89837857724882608</v>
      </c>
      <c r="B13397" s="1"/>
      <c r="C13397">
        <v>15</v>
      </c>
      <c r="D13397" t="s">
        <v>24937</v>
      </c>
      <c r="E13397" t="s">
        <v>34267</v>
      </c>
      <c r="F13397">
        <v>4</v>
      </c>
      <c r="G13397" t="s">
        <v>9</v>
      </c>
      <c r="H13397" t="s">
        <v>24938</v>
      </c>
      <c r="I13397" t="s">
        <v>30540</v>
      </c>
    </row>
    <row r="13398" spans="1:9">
      <c r="A13398" s="1">
        <f ca="1">RAND()</f>
        <v>0.99106755622947418</v>
      </c>
      <c r="B13398" s="1"/>
      <c r="C13398">
        <v>6</v>
      </c>
      <c r="D13398" t="s">
        <v>24929</v>
      </c>
      <c r="E13398" t="s">
        <v>34267</v>
      </c>
      <c r="F13398">
        <v>4</v>
      </c>
      <c r="G13398" t="s">
        <v>14</v>
      </c>
      <c r="H13398" t="s">
        <v>24930</v>
      </c>
      <c r="I13398" t="s">
        <v>30540</v>
      </c>
    </row>
    <row r="13399" spans="1:9">
      <c r="A13399" s="1">
        <f ca="1">RAND()</f>
        <v>0.71796882855335031</v>
      </c>
      <c r="B13399" s="1"/>
      <c r="C13399">
        <v>3</v>
      </c>
      <c r="D13399" t="s">
        <v>24927</v>
      </c>
      <c r="E13399" t="s">
        <v>34267</v>
      </c>
      <c r="F13399">
        <v>4</v>
      </c>
      <c r="G13399" t="s">
        <v>10</v>
      </c>
      <c r="H13399" t="s">
        <v>24928</v>
      </c>
      <c r="I13399" t="s">
        <v>30540</v>
      </c>
    </row>
    <row r="13400" spans="1:9">
      <c r="A13400" s="1">
        <f ca="1">RAND()</f>
        <v>0.39181590065400351</v>
      </c>
      <c r="B13400" s="1"/>
      <c r="C13400">
        <v>7</v>
      </c>
      <c r="D13400" t="s">
        <v>24931</v>
      </c>
      <c r="E13400" t="s">
        <v>34267</v>
      </c>
      <c r="F13400">
        <v>4</v>
      </c>
      <c r="G13400" t="s">
        <v>14</v>
      </c>
      <c r="H13400" t="s">
        <v>24932</v>
      </c>
      <c r="I13400" t="s">
        <v>30540</v>
      </c>
    </row>
    <row r="13401" spans="1:9">
      <c r="A13401" s="1">
        <f ca="1">RAND()</f>
        <v>0.75545509258886423</v>
      </c>
      <c r="B13401" s="1"/>
      <c r="C13401">
        <v>18</v>
      </c>
      <c r="D13401" t="s">
        <v>24939</v>
      </c>
      <c r="E13401" t="s">
        <v>34267</v>
      </c>
      <c r="F13401">
        <v>4</v>
      </c>
      <c r="G13401" t="s">
        <v>14</v>
      </c>
      <c r="H13401" t="s">
        <v>24940</v>
      </c>
      <c r="I13401" t="s">
        <v>30540</v>
      </c>
    </row>
    <row r="13402" spans="1:9">
      <c r="A13402" s="1">
        <f ca="1">RAND()</f>
        <v>0.68870573502366039</v>
      </c>
      <c r="B13402" s="1"/>
      <c r="C13402">
        <v>14</v>
      </c>
      <c r="D13402" t="s">
        <v>24935</v>
      </c>
      <c r="E13402" t="s">
        <v>34267</v>
      </c>
      <c r="F13402">
        <v>4</v>
      </c>
      <c r="G13402" t="s">
        <v>9</v>
      </c>
      <c r="H13402" t="s">
        <v>24936</v>
      </c>
      <c r="I13402" t="s">
        <v>30540</v>
      </c>
    </row>
    <row r="13403" spans="1:9">
      <c r="A13403" s="1">
        <f ca="1">RAND()</f>
        <v>0.85964934976275109</v>
      </c>
      <c r="B13403" s="1"/>
      <c r="C13403">
        <v>12</v>
      </c>
      <c r="D13403" t="s">
        <v>24933</v>
      </c>
      <c r="E13403" t="s">
        <v>34267</v>
      </c>
      <c r="F13403">
        <v>3</v>
      </c>
      <c r="G13403" t="s">
        <v>14</v>
      </c>
      <c r="H13403" t="s">
        <v>24934</v>
      </c>
      <c r="I13403" t="s">
        <v>30540</v>
      </c>
    </row>
    <row r="13404" spans="1:9">
      <c r="A13404" s="1">
        <f ca="1">RAND()</f>
        <v>0.41875781697738823</v>
      </c>
      <c r="B13404" s="1"/>
      <c r="C13404">
        <v>6</v>
      </c>
      <c r="D13404" t="s">
        <v>24921</v>
      </c>
      <c r="E13404" t="s">
        <v>34268</v>
      </c>
      <c r="F13404">
        <v>5</v>
      </c>
      <c r="G13404" t="s">
        <v>10</v>
      </c>
      <c r="H13404" t="s">
        <v>24922</v>
      </c>
      <c r="I13404" t="s">
        <v>30540</v>
      </c>
    </row>
    <row r="13405" spans="1:9">
      <c r="A13405" s="1">
        <f ca="1">RAND()</f>
        <v>0.72426662215011195</v>
      </c>
      <c r="B13405" s="1"/>
      <c r="C13405">
        <v>10</v>
      </c>
      <c r="D13405" t="s">
        <v>24923</v>
      </c>
      <c r="E13405" t="s">
        <v>34268</v>
      </c>
      <c r="F13405">
        <v>5</v>
      </c>
      <c r="G13405" t="s">
        <v>10</v>
      </c>
      <c r="H13405" t="s">
        <v>24924</v>
      </c>
      <c r="I13405" t="s">
        <v>30540</v>
      </c>
    </row>
    <row r="13406" spans="1:9">
      <c r="A13406" s="1">
        <f ca="1">RAND()</f>
        <v>0.26246232880012577</v>
      </c>
      <c r="B13406" s="1"/>
      <c r="C13406">
        <v>13</v>
      </c>
      <c r="D13406" t="s">
        <v>24925</v>
      </c>
      <c r="E13406" t="s">
        <v>34268</v>
      </c>
      <c r="F13406">
        <v>4</v>
      </c>
      <c r="G13406" t="s">
        <v>10</v>
      </c>
      <c r="H13406" t="s">
        <v>24926</v>
      </c>
      <c r="I13406" t="s">
        <v>30540</v>
      </c>
    </row>
    <row r="13407" spans="1:9">
      <c r="A13407" s="1">
        <f ca="1">RAND()</f>
        <v>0.31828036456162645</v>
      </c>
      <c r="B13407" s="1"/>
      <c r="C13407">
        <v>15</v>
      </c>
      <c r="D13407" t="s">
        <v>24919</v>
      </c>
      <c r="E13407" t="s">
        <v>34269</v>
      </c>
      <c r="F13407">
        <v>4</v>
      </c>
      <c r="G13407" t="s">
        <v>1426</v>
      </c>
      <c r="H13407" t="s">
        <v>24920</v>
      </c>
      <c r="I13407" t="s">
        <v>30540</v>
      </c>
    </row>
    <row r="13408" spans="1:9">
      <c r="A13408" s="1">
        <f ca="1">RAND()</f>
        <v>0.29396418949014191</v>
      </c>
      <c r="B13408" s="1"/>
      <c r="C13408">
        <v>8</v>
      </c>
      <c r="D13408" t="s">
        <v>24915</v>
      </c>
      <c r="E13408" t="s">
        <v>34269</v>
      </c>
      <c r="F13408">
        <v>4</v>
      </c>
      <c r="G13408" t="s">
        <v>9</v>
      </c>
      <c r="H13408" t="s">
        <v>24916</v>
      </c>
      <c r="I13408" t="s">
        <v>30540</v>
      </c>
    </row>
    <row r="13409" spans="1:9">
      <c r="A13409" s="1">
        <f ca="1">RAND()</f>
        <v>0.58722338789770478</v>
      </c>
      <c r="B13409" s="1"/>
      <c r="C13409">
        <v>13</v>
      </c>
      <c r="D13409" t="s">
        <v>24917</v>
      </c>
      <c r="E13409" t="s">
        <v>34269</v>
      </c>
      <c r="F13409">
        <v>4</v>
      </c>
      <c r="G13409" t="s">
        <v>2229</v>
      </c>
      <c r="H13409" t="s">
        <v>24918</v>
      </c>
      <c r="I13409" t="s">
        <v>30540</v>
      </c>
    </row>
    <row r="13410" spans="1:9">
      <c r="A13410" s="1">
        <f ca="1">RAND()</f>
        <v>6.0841432527110606E-2</v>
      </c>
      <c r="B13410" s="1"/>
      <c r="C13410">
        <v>1</v>
      </c>
      <c r="D13410" t="s">
        <v>24913</v>
      </c>
      <c r="E13410" t="s">
        <v>34269</v>
      </c>
      <c r="F13410">
        <v>3</v>
      </c>
      <c r="G13410" t="s">
        <v>769</v>
      </c>
      <c r="H13410" t="s">
        <v>24914</v>
      </c>
      <c r="I13410" t="s">
        <v>30540</v>
      </c>
    </row>
    <row r="13411" spans="1:9">
      <c r="A13411" s="1">
        <f ca="1">RAND()</f>
        <v>0.80121669762811443</v>
      </c>
      <c r="B13411" s="1"/>
      <c r="C13411">
        <v>2</v>
      </c>
      <c r="D13411" t="s">
        <v>24899</v>
      </c>
      <c r="E13411" t="s">
        <v>34270</v>
      </c>
      <c r="F13411">
        <v>4</v>
      </c>
      <c r="G13411" t="s">
        <v>9</v>
      </c>
      <c r="H13411" t="s">
        <v>24900</v>
      </c>
      <c r="I13411" t="s">
        <v>30540</v>
      </c>
    </row>
    <row r="13412" spans="1:9">
      <c r="A13412" s="1">
        <f ca="1">RAND()</f>
        <v>0.43439153180884194</v>
      </c>
      <c r="B13412" s="1"/>
      <c r="C13412">
        <v>10</v>
      </c>
      <c r="D13412" t="s">
        <v>24905</v>
      </c>
      <c r="E13412" t="s">
        <v>34270</v>
      </c>
      <c r="F13412">
        <v>4</v>
      </c>
      <c r="G13412" t="s">
        <v>9</v>
      </c>
      <c r="H13412" t="s">
        <v>24906</v>
      </c>
      <c r="I13412" t="s">
        <v>30540</v>
      </c>
    </row>
    <row r="13413" spans="1:9">
      <c r="A13413" s="1">
        <f ca="1">RAND()</f>
        <v>0.57632553381669904</v>
      </c>
      <c r="B13413" s="1"/>
      <c r="C13413">
        <v>11</v>
      </c>
      <c r="D13413" t="s">
        <v>24907</v>
      </c>
      <c r="E13413" t="s">
        <v>34270</v>
      </c>
      <c r="F13413">
        <v>4</v>
      </c>
      <c r="G13413" t="s">
        <v>14</v>
      </c>
      <c r="H13413" t="s">
        <v>24908</v>
      </c>
      <c r="I13413" t="s">
        <v>30540</v>
      </c>
    </row>
    <row r="13414" spans="1:9">
      <c r="A13414" s="1">
        <f ca="1">RAND()</f>
        <v>0.82239195465035875</v>
      </c>
      <c r="B13414" s="1"/>
      <c r="C13414">
        <v>12</v>
      </c>
      <c r="D13414" t="s">
        <v>24909</v>
      </c>
      <c r="E13414" t="s">
        <v>34270</v>
      </c>
      <c r="F13414">
        <v>4</v>
      </c>
      <c r="G13414" t="s">
        <v>14</v>
      </c>
      <c r="H13414" t="s">
        <v>24910</v>
      </c>
      <c r="I13414" t="s">
        <v>30540</v>
      </c>
    </row>
    <row r="13415" spans="1:9">
      <c r="A13415" s="1">
        <f ca="1">RAND()</f>
        <v>0.78357060998163741</v>
      </c>
      <c r="B13415" s="1"/>
      <c r="C13415">
        <v>5</v>
      </c>
      <c r="D13415" t="s">
        <v>24903</v>
      </c>
      <c r="E13415" t="s">
        <v>34270</v>
      </c>
      <c r="F13415">
        <v>2</v>
      </c>
      <c r="G13415" t="s">
        <v>14</v>
      </c>
      <c r="H13415" t="s">
        <v>24904</v>
      </c>
      <c r="I13415" t="s">
        <v>30540</v>
      </c>
    </row>
    <row r="13416" spans="1:9">
      <c r="A13416" s="1">
        <f ca="1">RAND()</f>
        <v>0.33928222408124076</v>
      </c>
      <c r="B13416" s="1"/>
      <c r="C13416">
        <v>14</v>
      </c>
      <c r="D13416" t="s">
        <v>24911</v>
      </c>
      <c r="E13416" t="s">
        <v>34270</v>
      </c>
      <c r="F13416">
        <v>2</v>
      </c>
      <c r="G13416" t="s">
        <v>14</v>
      </c>
      <c r="H13416" t="s">
        <v>24912</v>
      </c>
      <c r="I13416" t="s">
        <v>30540</v>
      </c>
    </row>
    <row r="13417" spans="1:9">
      <c r="A13417" s="1">
        <f ca="1">RAND()</f>
        <v>0.64274643245203233</v>
      </c>
      <c r="B13417" s="1"/>
      <c r="C13417">
        <v>4</v>
      </c>
      <c r="D13417" t="s">
        <v>24901</v>
      </c>
      <c r="E13417" t="s">
        <v>34270</v>
      </c>
      <c r="F13417">
        <v>2</v>
      </c>
      <c r="G13417" t="s">
        <v>9</v>
      </c>
      <c r="H13417" t="s">
        <v>24902</v>
      </c>
      <c r="I13417" t="s">
        <v>30540</v>
      </c>
    </row>
    <row r="13418" spans="1:9">
      <c r="A13418" s="1">
        <f ca="1">RAND()</f>
        <v>0.16825037169734602</v>
      </c>
      <c r="B13418" s="1"/>
      <c r="C13418">
        <v>13</v>
      </c>
      <c r="D13418" t="s">
        <v>24897</v>
      </c>
      <c r="E13418" t="s">
        <v>34271</v>
      </c>
      <c r="F13418">
        <v>5</v>
      </c>
      <c r="G13418" t="s">
        <v>14</v>
      </c>
      <c r="H13418" t="s">
        <v>24898</v>
      </c>
      <c r="I13418" t="s">
        <v>30540</v>
      </c>
    </row>
    <row r="13419" spans="1:9">
      <c r="A13419" s="1">
        <f ca="1">RAND()</f>
        <v>9.6395298291038989E-2</v>
      </c>
      <c r="B13419" s="1"/>
      <c r="C13419">
        <v>1</v>
      </c>
      <c r="D13419" t="s">
        <v>24895</v>
      </c>
      <c r="E13419" t="s">
        <v>34271</v>
      </c>
      <c r="F13419">
        <v>3</v>
      </c>
      <c r="G13419" t="s">
        <v>14</v>
      </c>
      <c r="H13419" t="s">
        <v>24896</v>
      </c>
      <c r="I13419" t="s">
        <v>30540</v>
      </c>
    </row>
    <row r="13420" spans="1:9">
      <c r="A13420" s="1">
        <f ca="1">RAND()</f>
        <v>0.27172644527092515</v>
      </c>
      <c r="B13420" s="1"/>
      <c r="C13420">
        <v>16</v>
      </c>
      <c r="D13420" t="s">
        <v>24893</v>
      </c>
      <c r="E13420" t="s">
        <v>34272</v>
      </c>
      <c r="F13420">
        <v>5</v>
      </c>
      <c r="G13420" t="s">
        <v>14</v>
      </c>
      <c r="H13420" t="s">
        <v>24894</v>
      </c>
      <c r="I13420" t="s">
        <v>30540</v>
      </c>
    </row>
    <row r="13421" spans="1:9">
      <c r="A13421" s="1">
        <f ca="1">RAND()</f>
        <v>0.17879210104728627</v>
      </c>
      <c r="B13421" s="1"/>
      <c r="C13421">
        <v>7</v>
      </c>
      <c r="D13421" t="s">
        <v>24889</v>
      </c>
      <c r="E13421" t="s">
        <v>34272</v>
      </c>
      <c r="F13421">
        <v>4</v>
      </c>
      <c r="G13421" t="s">
        <v>15</v>
      </c>
      <c r="H13421" t="s">
        <v>24890</v>
      </c>
      <c r="I13421" t="s">
        <v>30540</v>
      </c>
    </row>
    <row r="13422" spans="1:9">
      <c r="A13422" s="1">
        <f ca="1">RAND()</f>
        <v>0.87896423555928294</v>
      </c>
      <c r="B13422" s="1"/>
      <c r="C13422">
        <v>9</v>
      </c>
      <c r="D13422" t="s">
        <v>24891</v>
      </c>
      <c r="E13422" t="s">
        <v>34272</v>
      </c>
      <c r="F13422">
        <v>2</v>
      </c>
      <c r="G13422" t="s">
        <v>9</v>
      </c>
      <c r="H13422" t="s">
        <v>24892</v>
      </c>
      <c r="I13422" t="s">
        <v>30540</v>
      </c>
    </row>
    <row r="13423" spans="1:9">
      <c r="A13423" s="1">
        <f ca="1">RAND()</f>
        <v>0.8937603686245239</v>
      </c>
      <c r="B13423" s="1"/>
      <c r="C13423">
        <v>1</v>
      </c>
      <c r="D13423" t="s">
        <v>24887</v>
      </c>
      <c r="E13423" t="s">
        <v>34273</v>
      </c>
      <c r="F13423">
        <v>5</v>
      </c>
      <c r="G13423" t="s">
        <v>15</v>
      </c>
      <c r="H13423" t="s">
        <v>24888</v>
      </c>
      <c r="I13423" t="s">
        <v>30540</v>
      </c>
    </row>
    <row r="13424" spans="1:9">
      <c r="A13424" s="1">
        <f ca="1">RAND()</f>
        <v>0.778789460264116</v>
      </c>
      <c r="B13424" s="1"/>
      <c r="C13424">
        <v>11</v>
      </c>
      <c r="D13424" t="s">
        <v>28511</v>
      </c>
      <c r="E13424" t="s">
        <v>34274</v>
      </c>
      <c r="F13424">
        <v>5</v>
      </c>
      <c r="G13424" t="s">
        <v>9</v>
      </c>
      <c r="H13424" t="s">
        <v>28512</v>
      </c>
      <c r="I13424" t="s">
        <v>30540</v>
      </c>
    </row>
    <row r="13425" spans="1:9">
      <c r="A13425" s="1">
        <f ca="1">RAND()</f>
        <v>0.82713999784009928</v>
      </c>
      <c r="B13425" s="1"/>
      <c r="C13425">
        <v>13</v>
      </c>
      <c r="D13425" t="s">
        <v>28513</v>
      </c>
      <c r="E13425" t="s">
        <v>34274</v>
      </c>
      <c r="F13425">
        <v>4</v>
      </c>
      <c r="G13425" t="s">
        <v>2</v>
      </c>
      <c r="H13425" t="s">
        <v>28514</v>
      </c>
      <c r="I13425" t="s">
        <v>30540</v>
      </c>
    </row>
    <row r="13426" spans="1:9">
      <c r="A13426" s="1">
        <f ca="1">RAND()</f>
        <v>0.46661244465939977</v>
      </c>
      <c r="B13426" s="1"/>
      <c r="C13426">
        <v>4</v>
      </c>
      <c r="D13426" t="s">
        <v>28509</v>
      </c>
      <c r="E13426" t="s">
        <v>34274</v>
      </c>
      <c r="F13426">
        <v>4</v>
      </c>
      <c r="G13426" t="s">
        <v>2</v>
      </c>
      <c r="H13426" t="s">
        <v>28510</v>
      </c>
      <c r="I13426" t="s">
        <v>30540</v>
      </c>
    </row>
    <row r="13427" spans="1:9">
      <c r="A13427" s="1">
        <f ca="1">RAND()</f>
        <v>4.0075543545872394E-2</v>
      </c>
      <c r="B13427" s="1"/>
      <c r="C13427">
        <v>1</v>
      </c>
      <c r="D13427" t="s">
        <v>28503</v>
      </c>
      <c r="E13427" t="s">
        <v>34274</v>
      </c>
      <c r="F13427">
        <v>4</v>
      </c>
      <c r="G13427" t="s">
        <v>2</v>
      </c>
      <c r="H13427" t="s">
        <v>28504</v>
      </c>
      <c r="I13427" t="s">
        <v>30540</v>
      </c>
    </row>
    <row r="13428" spans="1:9">
      <c r="A13428" s="1">
        <f ca="1">RAND()</f>
        <v>0.28944983265822277</v>
      </c>
      <c r="B13428" s="1"/>
      <c r="C13428">
        <v>3</v>
      </c>
      <c r="D13428" t="s">
        <v>28507</v>
      </c>
      <c r="E13428" t="s">
        <v>34274</v>
      </c>
      <c r="F13428">
        <v>3</v>
      </c>
      <c r="G13428" t="s">
        <v>0</v>
      </c>
      <c r="H13428" t="s">
        <v>28508</v>
      </c>
      <c r="I13428" t="s">
        <v>30540</v>
      </c>
    </row>
    <row r="13429" spans="1:9">
      <c r="A13429" s="1">
        <f ca="1">RAND()</f>
        <v>0.40821406040518826</v>
      </c>
      <c r="B13429" s="1"/>
      <c r="C13429">
        <v>2</v>
      </c>
      <c r="D13429" t="s">
        <v>28505</v>
      </c>
      <c r="E13429" t="s">
        <v>34274</v>
      </c>
      <c r="F13429">
        <v>2</v>
      </c>
      <c r="G13429" t="s">
        <v>9</v>
      </c>
      <c r="H13429" t="s">
        <v>28506</v>
      </c>
      <c r="I13429" t="s">
        <v>30540</v>
      </c>
    </row>
    <row r="13430" spans="1:9">
      <c r="A13430" s="1">
        <f ca="1">RAND()</f>
        <v>0.94580387977066682</v>
      </c>
      <c r="B13430" s="1"/>
      <c r="C13430">
        <v>5</v>
      </c>
      <c r="D13430" t="s">
        <v>28501</v>
      </c>
      <c r="E13430" t="s">
        <v>34275</v>
      </c>
      <c r="F13430">
        <v>4</v>
      </c>
      <c r="G13430" t="s">
        <v>13</v>
      </c>
      <c r="H13430" t="s">
        <v>28502</v>
      </c>
      <c r="I13430" t="s">
        <v>30540</v>
      </c>
    </row>
    <row r="13431" spans="1:9">
      <c r="A13431" s="1">
        <f ca="1">RAND()</f>
        <v>0.92348406509993208</v>
      </c>
      <c r="B13431" s="1"/>
      <c r="C13431">
        <v>14</v>
      </c>
      <c r="D13431" t="s">
        <v>28499</v>
      </c>
      <c r="E13431" t="s">
        <v>34276</v>
      </c>
      <c r="F13431">
        <v>5</v>
      </c>
      <c r="G13431" t="s">
        <v>14</v>
      </c>
      <c r="H13431" t="s">
        <v>28500</v>
      </c>
      <c r="I13431" t="s">
        <v>30540</v>
      </c>
    </row>
    <row r="13432" spans="1:9">
      <c r="A13432" s="1">
        <f ca="1">RAND()</f>
        <v>0.90520345177485684</v>
      </c>
      <c r="B13432" s="1"/>
      <c r="C13432">
        <v>7</v>
      </c>
      <c r="D13432" t="s">
        <v>28497</v>
      </c>
      <c r="E13432" t="s">
        <v>34276</v>
      </c>
      <c r="F13432">
        <v>3</v>
      </c>
      <c r="G13432" t="s">
        <v>14</v>
      </c>
      <c r="H13432" t="s">
        <v>28498</v>
      </c>
      <c r="I13432" t="s">
        <v>30540</v>
      </c>
    </row>
    <row r="13433" spans="1:9">
      <c r="A13433" s="1">
        <f ca="1">RAND()</f>
        <v>0.68227420964246832</v>
      </c>
      <c r="B13433" s="1"/>
      <c r="C13433">
        <v>1</v>
      </c>
      <c r="D13433" t="s">
        <v>28491</v>
      </c>
      <c r="E13433" t="s">
        <v>34277</v>
      </c>
      <c r="F13433">
        <v>4</v>
      </c>
      <c r="G13433" t="s">
        <v>14</v>
      </c>
      <c r="H13433" t="s">
        <v>28492</v>
      </c>
      <c r="I13433" t="s">
        <v>30540</v>
      </c>
    </row>
    <row r="13434" spans="1:9">
      <c r="A13434" s="1">
        <f ca="1">RAND()</f>
        <v>0.63821066472538435</v>
      </c>
      <c r="B13434" s="1"/>
      <c r="C13434">
        <v>11</v>
      </c>
      <c r="D13434" t="s">
        <v>28493</v>
      </c>
      <c r="E13434" t="s">
        <v>34277</v>
      </c>
      <c r="F13434">
        <v>3</v>
      </c>
      <c r="G13434" t="s">
        <v>2</v>
      </c>
      <c r="H13434" t="s">
        <v>28494</v>
      </c>
      <c r="I13434" t="s">
        <v>30540</v>
      </c>
    </row>
    <row r="13435" spans="1:9">
      <c r="A13435" s="1">
        <f ca="1">RAND()</f>
        <v>0.76084429467276538</v>
      </c>
      <c r="B13435" s="1"/>
      <c r="C13435">
        <v>16</v>
      </c>
      <c r="D13435" t="s">
        <v>28495</v>
      </c>
      <c r="E13435" t="s">
        <v>34277</v>
      </c>
      <c r="F13435">
        <v>2</v>
      </c>
      <c r="G13435" t="s">
        <v>2229</v>
      </c>
      <c r="H13435" t="s">
        <v>28496</v>
      </c>
      <c r="I13435" t="s">
        <v>30540</v>
      </c>
    </row>
    <row r="13436" spans="1:9">
      <c r="A13436" s="1">
        <f ca="1">RAND()</f>
        <v>0.28952601074746898</v>
      </c>
      <c r="B13436" s="1"/>
      <c r="C13436">
        <v>15</v>
      </c>
      <c r="D13436" t="s">
        <v>28487</v>
      </c>
      <c r="E13436" t="s">
        <v>34278</v>
      </c>
      <c r="F13436">
        <v>4</v>
      </c>
      <c r="G13436" t="s">
        <v>14</v>
      </c>
      <c r="H13436" t="s">
        <v>28488</v>
      </c>
      <c r="I13436" t="s">
        <v>30540</v>
      </c>
    </row>
    <row r="13437" spans="1:9">
      <c r="A13437" s="1">
        <f ca="1">RAND()</f>
        <v>0.59112445300579419</v>
      </c>
      <c r="B13437" s="1"/>
      <c r="C13437">
        <v>19</v>
      </c>
      <c r="D13437" t="s">
        <v>28489</v>
      </c>
      <c r="E13437" t="s">
        <v>34278</v>
      </c>
      <c r="F13437">
        <v>4</v>
      </c>
      <c r="G13437" t="s">
        <v>14</v>
      </c>
      <c r="H13437" t="s">
        <v>28490</v>
      </c>
      <c r="I13437" t="s">
        <v>30540</v>
      </c>
    </row>
    <row r="13438" spans="1:9">
      <c r="A13438" s="1">
        <f ca="1">RAND()</f>
        <v>0.22688702374059189</v>
      </c>
      <c r="B13438" s="1"/>
      <c r="C13438">
        <v>6</v>
      </c>
      <c r="D13438" t="s">
        <v>28483</v>
      </c>
      <c r="E13438" t="s">
        <v>34278</v>
      </c>
      <c r="F13438">
        <v>3</v>
      </c>
      <c r="G13438" t="s">
        <v>14</v>
      </c>
      <c r="H13438" t="s">
        <v>28484</v>
      </c>
      <c r="I13438" t="s">
        <v>30540</v>
      </c>
    </row>
    <row r="13439" spans="1:9">
      <c r="A13439" s="1">
        <f ca="1">RAND()</f>
        <v>0.86600862542817758</v>
      </c>
      <c r="B13439" s="1"/>
      <c r="C13439">
        <v>9</v>
      </c>
      <c r="D13439" t="s">
        <v>28485</v>
      </c>
      <c r="E13439" t="s">
        <v>34278</v>
      </c>
      <c r="F13439">
        <v>2</v>
      </c>
      <c r="G13439" t="s">
        <v>14</v>
      </c>
      <c r="H13439" t="s">
        <v>28486</v>
      </c>
      <c r="I13439" t="s">
        <v>30540</v>
      </c>
    </row>
    <row r="13440" spans="1:9">
      <c r="A13440" s="1">
        <f ca="1">RAND()</f>
        <v>0.88130876470453146</v>
      </c>
      <c r="B13440" s="1"/>
      <c r="C13440">
        <v>4</v>
      </c>
      <c r="D13440" t="s">
        <v>28481</v>
      </c>
      <c r="E13440" t="s">
        <v>34279</v>
      </c>
      <c r="F13440">
        <v>4</v>
      </c>
      <c r="G13440" t="s">
        <v>14</v>
      </c>
      <c r="H13440" t="s">
        <v>28482</v>
      </c>
      <c r="I13440" t="s">
        <v>30540</v>
      </c>
    </row>
    <row r="13441" spans="1:9">
      <c r="A13441" s="1">
        <f ca="1">RAND()</f>
        <v>0.78428429813516609</v>
      </c>
      <c r="B13441" s="1"/>
      <c r="C13441">
        <v>8</v>
      </c>
      <c r="D13441" t="s">
        <v>28475</v>
      </c>
      <c r="E13441" t="s">
        <v>34280</v>
      </c>
      <c r="F13441">
        <v>4</v>
      </c>
      <c r="G13441" t="s">
        <v>14</v>
      </c>
      <c r="H13441" t="s">
        <v>28476</v>
      </c>
      <c r="I13441" t="s">
        <v>30540</v>
      </c>
    </row>
    <row r="13442" spans="1:9">
      <c r="A13442" s="1">
        <f ca="1">RAND()</f>
        <v>0.79547998264312247</v>
      </c>
      <c r="B13442" s="1"/>
      <c r="C13442">
        <v>13</v>
      </c>
      <c r="D13442" t="s">
        <v>28477</v>
      </c>
      <c r="E13442" t="s">
        <v>34280</v>
      </c>
      <c r="F13442">
        <v>4</v>
      </c>
      <c r="G13442" t="s">
        <v>14</v>
      </c>
      <c r="H13442" t="s">
        <v>28478</v>
      </c>
      <c r="I13442" t="s">
        <v>30540</v>
      </c>
    </row>
    <row r="13443" spans="1:9">
      <c r="A13443" s="1">
        <f ca="1">RAND()</f>
        <v>0.4874204197896993</v>
      </c>
      <c r="B13443" s="1"/>
      <c r="C13443">
        <v>15</v>
      </c>
      <c r="D13443" t="s">
        <v>28479</v>
      </c>
      <c r="E13443" t="s">
        <v>34280</v>
      </c>
      <c r="F13443">
        <v>3</v>
      </c>
      <c r="G13443" t="s">
        <v>14</v>
      </c>
      <c r="H13443" t="s">
        <v>28480</v>
      </c>
      <c r="I13443" t="s">
        <v>30540</v>
      </c>
    </row>
    <row r="13444" spans="1:9">
      <c r="A13444" s="1">
        <f ca="1">RAND()</f>
        <v>0.83840508550188719</v>
      </c>
      <c r="B13444" s="1"/>
      <c r="C13444">
        <v>14</v>
      </c>
      <c r="D13444" t="s">
        <v>28467</v>
      </c>
      <c r="E13444" t="s">
        <v>34281</v>
      </c>
      <c r="F13444">
        <v>4</v>
      </c>
      <c r="G13444" t="s">
        <v>14</v>
      </c>
      <c r="H13444" t="s">
        <v>28468</v>
      </c>
      <c r="I13444" t="s">
        <v>30540</v>
      </c>
    </row>
    <row r="13445" spans="1:9">
      <c r="A13445" s="1">
        <f ca="1">RAND()</f>
        <v>0.824066349399594</v>
      </c>
      <c r="B13445" s="1"/>
      <c r="C13445">
        <v>7</v>
      </c>
      <c r="D13445" t="s">
        <v>28465</v>
      </c>
      <c r="E13445" t="s">
        <v>34281</v>
      </c>
      <c r="F13445">
        <v>4</v>
      </c>
      <c r="G13445" t="s">
        <v>9</v>
      </c>
      <c r="H13445" t="s">
        <v>28466</v>
      </c>
      <c r="I13445" t="s">
        <v>30540</v>
      </c>
    </row>
    <row r="13446" spans="1:9">
      <c r="A13446" s="1">
        <f ca="1">RAND()</f>
        <v>0.43597772508322297</v>
      </c>
      <c r="B13446" s="1"/>
      <c r="C13446">
        <v>20</v>
      </c>
      <c r="D13446" t="s">
        <v>28473</v>
      </c>
      <c r="E13446" t="s">
        <v>34281</v>
      </c>
      <c r="F13446">
        <v>4</v>
      </c>
      <c r="G13446" t="s">
        <v>14</v>
      </c>
      <c r="H13446" t="s">
        <v>28474</v>
      </c>
      <c r="I13446" t="s">
        <v>30540</v>
      </c>
    </row>
    <row r="13447" spans="1:9">
      <c r="A13447" s="1">
        <f ca="1">RAND()</f>
        <v>0.92338036316428196</v>
      </c>
      <c r="B13447" s="1"/>
      <c r="C13447">
        <v>16</v>
      </c>
      <c r="D13447" t="s">
        <v>28471</v>
      </c>
      <c r="E13447" t="s">
        <v>34281</v>
      </c>
      <c r="F13447">
        <v>3</v>
      </c>
      <c r="G13447" t="s">
        <v>13</v>
      </c>
      <c r="H13447" t="s">
        <v>28472</v>
      </c>
      <c r="I13447" t="s">
        <v>30540</v>
      </c>
    </row>
    <row r="13448" spans="1:9">
      <c r="A13448" s="1">
        <f ca="1">RAND()</f>
        <v>0.93246233090482178</v>
      </c>
      <c r="B13448" s="1"/>
      <c r="C13448">
        <v>15</v>
      </c>
      <c r="D13448" t="s">
        <v>28469</v>
      </c>
      <c r="E13448" t="s">
        <v>34281</v>
      </c>
      <c r="F13448">
        <v>1</v>
      </c>
      <c r="G13448" t="s">
        <v>9</v>
      </c>
      <c r="H13448" t="s">
        <v>28470</v>
      </c>
      <c r="I13448" t="s">
        <v>30540</v>
      </c>
    </row>
    <row r="13449" spans="1:9">
      <c r="A13449" s="1">
        <f ca="1">RAND()</f>
        <v>0.82703379660833209</v>
      </c>
      <c r="B13449" s="1"/>
      <c r="C13449">
        <v>19</v>
      </c>
      <c r="D13449" t="s">
        <v>28463</v>
      </c>
      <c r="E13449" t="s">
        <v>34282</v>
      </c>
      <c r="F13449">
        <v>5</v>
      </c>
      <c r="G13449" t="s">
        <v>762</v>
      </c>
      <c r="H13449" t="s">
        <v>28464</v>
      </c>
      <c r="I13449" t="s">
        <v>30540</v>
      </c>
    </row>
    <row r="13450" spans="1:9">
      <c r="A13450" s="1">
        <f ca="1">RAND()</f>
        <v>0.29095034660178987</v>
      </c>
      <c r="B13450" s="1"/>
      <c r="C13450">
        <v>11</v>
      </c>
      <c r="D13450" t="s">
        <v>28461</v>
      </c>
      <c r="E13450" t="s">
        <v>34282</v>
      </c>
      <c r="F13450">
        <v>5</v>
      </c>
      <c r="G13450" t="s">
        <v>14</v>
      </c>
      <c r="H13450" t="s">
        <v>28462</v>
      </c>
      <c r="I13450" t="s">
        <v>30540</v>
      </c>
    </row>
    <row r="13451" spans="1:9">
      <c r="A13451" s="1">
        <f ca="1">RAND()</f>
        <v>0.21378304045440388</v>
      </c>
      <c r="B13451" s="1"/>
      <c r="C13451">
        <v>2</v>
      </c>
      <c r="D13451" t="s">
        <v>28459</v>
      </c>
      <c r="E13451" t="s">
        <v>34282</v>
      </c>
      <c r="F13451">
        <v>1</v>
      </c>
      <c r="G13451" t="s">
        <v>13</v>
      </c>
      <c r="H13451" t="s">
        <v>28460</v>
      </c>
      <c r="I13451" t="s">
        <v>30540</v>
      </c>
    </row>
    <row r="13452" spans="1:9">
      <c r="A13452" s="1">
        <f ca="1">RAND()</f>
        <v>0.69319734224723861</v>
      </c>
      <c r="B13452" s="1"/>
      <c r="C13452">
        <v>14</v>
      </c>
      <c r="D13452" t="s">
        <v>28457</v>
      </c>
      <c r="E13452" t="s">
        <v>34283</v>
      </c>
      <c r="F13452">
        <v>5</v>
      </c>
      <c r="G13452" t="s">
        <v>10</v>
      </c>
      <c r="H13452" t="s">
        <v>28458</v>
      </c>
      <c r="I13452" t="s">
        <v>30540</v>
      </c>
    </row>
    <row r="13453" spans="1:9">
      <c r="A13453" s="1">
        <f ca="1">RAND()</f>
        <v>0.57804703978597938</v>
      </c>
      <c r="B13453" s="1"/>
      <c r="C13453">
        <v>6</v>
      </c>
      <c r="D13453" t="s">
        <v>28453</v>
      </c>
      <c r="E13453" t="s">
        <v>34283</v>
      </c>
      <c r="F13453">
        <v>4</v>
      </c>
      <c r="G13453" t="s">
        <v>10</v>
      </c>
      <c r="H13453" t="s">
        <v>28454</v>
      </c>
      <c r="I13453" t="s">
        <v>30540</v>
      </c>
    </row>
    <row r="13454" spans="1:9">
      <c r="A13454" s="1">
        <f ca="1">RAND()</f>
        <v>0.94674315510450646</v>
      </c>
      <c r="B13454" s="1"/>
      <c r="C13454">
        <v>7</v>
      </c>
      <c r="D13454" t="s">
        <v>28455</v>
      </c>
      <c r="E13454" t="s">
        <v>34283</v>
      </c>
      <c r="F13454">
        <v>4</v>
      </c>
      <c r="G13454" t="s">
        <v>10</v>
      </c>
      <c r="H13454" t="s">
        <v>28456</v>
      </c>
      <c r="I13454" t="s">
        <v>30540</v>
      </c>
    </row>
    <row r="13455" spans="1:9">
      <c r="A13455" s="1">
        <f ca="1">RAND()</f>
        <v>0.51601155199241933</v>
      </c>
      <c r="B13455" s="1"/>
      <c r="C13455">
        <v>8</v>
      </c>
      <c r="D13455" t="s">
        <v>28449</v>
      </c>
      <c r="E13455" t="s">
        <v>34284</v>
      </c>
      <c r="F13455">
        <v>4</v>
      </c>
      <c r="G13455" t="s">
        <v>14</v>
      </c>
      <c r="H13455" t="s">
        <v>28450</v>
      </c>
      <c r="I13455" t="s">
        <v>30540</v>
      </c>
    </row>
    <row r="13456" spans="1:9">
      <c r="A13456" s="1">
        <f ca="1">RAND()</f>
        <v>0.61400845422894668</v>
      </c>
      <c r="B13456" s="1"/>
      <c r="C13456">
        <v>12</v>
      </c>
      <c r="D13456" t="s">
        <v>28451</v>
      </c>
      <c r="E13456" t="s">
        <v>34284</v>
      </c>
      <c r="F13456">
        <v>4</v>
      </c>
      <c r="G13456" t="s">
        <v>14</v>
      </c>
      <c r="H13456" t="s">
        <v>28452</v>
      </c>
      <c r="I13456" t="s">
        <v>30540</v>
      </c>
    </row>
    <row r="13457" spans="1:9">
      <c r="A13457" s="1">
        <f ca="1">RAND()</f>
        <v>0.92390771647943803</v>
      </c>
      <c r="B13457" s="1"/>
      <c r="C13457">
        <v>2</v>
      </c>
      <c r="D13457" t="s">
        <v>28445</v>
      </c>
      <c r="E13457" t="s">
        <v>34284</v>
      </c>
      <c r="F13457">
        <v>4</v>
      </c>
      <c r="G13457" t="s">
        <v>9</v>
      </c>
      <c r="H13457" t="s">
        <v>28446</v>
      </c>
      <c r="I13457" t="s">
        <v>30540</v>
      </c>
    </row>
    <row r="13458" spans="1:9">
      <c r="A13458" s="1">
        <f ca="1">RAND()</f>
        <v>0.44350173441800722</v>
      </c>
      <c r="B13458" s="1"/>
      <c r="C13458">
        <v>3</v>
      </c>
      <c r="D13458" t="s">
        <v>28447</v>
      </c>
      <c r="E13458" t="s">
        <v>34284</v>
      </c>
      <c r="F13458">
        <v>4</v>
      </c>
      <c r="G13458" t="s">
        <v>14</v>
      </c>
      <c r="H13458" t="s">
        <v>28448</v>
      </c>
      <c r="I13458" t="s">
        <v>30540</v>
      </c>
    </row>
    <row r="13459" spans="1:9">
      <c r="A13459" s="1">
        <f ca="1">RAND()</f>
        <v>0.42336826981550602</v>
      </c>
      <c r="B13459" s="1"/>
      <c r="C13459">
        <v>14</v>
      </c>
      <c r="D13459" t="s">
        <v>28441</v>
      </c>
      <c r="E13459" t="s">
        <v>34285</v>
      </c>
      <c r="F13459">
        <v>5</v>
      </c>
      <c r="G13459" t="s">
        <v>14</v>
      </c>
      <c r="H13459" t="s">
        <v>28442</v>
      </c>
      <c r="I13459" t="s">
        <v>30540</v>
      </c>
    </row>
    <row r="13460" spans="1:9">
      <c r="A13460" s="1">
        <f ca="1">RAND()</f>
        <v>0.75577348766152674</v>
      </c>
      <c r="B13460" s="1"/>
      <c r="C13460">
        <v>1</v>
      </c>
      <c r="D13460" t="s">
        <v>28431</v>
      </c>
      <c r="E13460" t="s">
        <v>34285</v>
      </c>
      <c r="F13460">
        <v>4</v>
      </c>
      <c r="G13460" t="s">
        <v>14</v>
      </c>
      <c r="H13460" t="s">
        <v>28432</v>
      </c>
      <c r="I13460" t="s">
        <v>30540</v>
      </c>
    </row>
    <row r="13461" spans="1:9">
      <c r="A13461" s="1">
        <f ca="1">RAND()</f>
        <v>0.89699625029797436</v>
      </c>
      <c r="B13461" s="1"/>
      <c r="C13461">
        <v>6</v>
      </c>
      <c r="D13461" t="s">
        <v>28435</v>
      </c>
      <c r="E13461" t="s">
        <v>34285</v>
      </c>
      <c r="F13461">
        <v>4</v>
      </c>
      <c r="G13461" t="s">
        <v>0</v>
      </c>
      <c r="H13461" t="s">
        <v>28436</v>
      </c>
      <c r="I13461" t="s">
        <v>30540</v>
      </c>
    </row>
    <row r="13462" spans="1:9">
      <c r="A13462" s="1">
        <f ca="1">RAND()</f>
        <v>0.32678847371499997</v>
      </c>
      <c r="B13462" s="1"/>
      <c r="C13462">
        <v>3</v>
      </c>
      <c r="D13462" t="s">
        <v>28433</v>
      </c>
      <c r="E13462" t="s">
        <v>34285</v>
      </c>
      <c r="F13462">
        <v>4</v>
      </c>
      <c r="G13462" t="s">
        <v>14</v>
      </c>
      <c r="H13462" t="s">
        <v>28434</v>
      </c>
      <c r="I13462" t="s">
        <v>30540</v>
      </c>
    </row>
    <row r="13463" spans="1:9">
      <c r="A13463" s="1">
        <f ca="1">RAND()</f>
        <v>0.8662110600981151</v>
      </c>
      <c r="B13463" s="1"/>
      <c r="C13463">
        <v>9</v>
      </c>
      <c r="D13463" t="s">
        <v>28437</v>
      </c>
      <c r="E13463" t="s">
        <v>34285</v>
      </c>
      <c r="F13463">
        <v>4</v>
      </c>
      <c r="G13463" t="s">
        <v>14</v>
      </c>
      <c r="H13463" t="s">
        <v>28438</v>
      </c>
      <c r="I13463" t="s">
        <v>30540</v>
      </c>
    </row>
    <row r="13464" spans="1:9">
      <c r="A13464" s="1">
        <f ca="1">RAND()</f>
        <v>0.14721771291087316</v>
      </c>
      <c r="B13464" s="1"/>
      <c r="C13464">
        <v>10</v>
      </c>
      <c r="D13464" t="s">
        <v>28439</v>
      </c>
      <c r="E13464" t="s">
        <v>34285</v>
      </c>
      <c r="F13464">
        <v>4</v>
      </c>
      <c r="G13464" t="s">
        <v>1</v>
      </c>
      <c r="H13464" t="s">
        <v>28440</v>
      </c>
      <c r="I13464" t="s">
        <v>30540</v>
      </c>
    </row>
    <row r="13465" spans="1:9">
      <c r="A13465" s="1">
        <f ca="1">RAND()</f>
        <v>0.33680766760064196</v>
      </c>
      <c r="B13465" s="1"/>
      <c r="C13465">
        <v>15</v>
      </c>
      <c r="D13465" t="s">
        <v>28443</v>
      </c>
      <c r="E13465" t="s">
        <v>34285</v>
      </c>
      <c r="F13465">
        <v>4</v>
      </c>
      <c r="G13465" t="s">
        <v>14</v>
      </c>
      <c r="H13465" t="s">
        <v>28444</v>
      </c>
      <c r="I13465" t="s">
        <v>30540</v>
      </c>
    </row>
    <row r="13466" spans="1:9">
      <c r="A13466" s="1">
        <f ca="1">RAND()</f>
        <v>1.0298916488262533E-2</v>
      </c>
      <c r="B13466" s="1"/>
      <c r="C13466">
        <v>13</v>
      </c>
      <c r="D13466" t="s">
        <v>28427</v>
      </c>
      <c r="E13466" t="s">
        <v>34286</v>
      </c>
      <c r="F13466">
        <v>5</v>
      </c>
      <c r="G13466" t="s">
        <v>10</v>
      </c>
      <c r="H13466" t="s">
        <v>28428</v>
      </c>
      <c r="I13466" t="s">
        <v>30540</v>
      </c>
    </row>
    <row r="13467" spans="1:9">
      <c r="A13467" s="1">
        <f ca="1">RAND()</f>
        <v>0.90802508871273246</v>
      </c>
      <c r="B13467" s="1"/>
      <c r="C13467">
        <v>14</v>
      </c>
      <c r="D13467" t="s">
        <v>28429</v>
      </c>
      <c r="E13467" t="s">
        <v>34286</v>
      </c>
      <c r="F13467">
        <v>5</v>
      </c>
      <c r="G13467" t="s">
        <v>10</v>
      </c>
      <c r="H13467" t="s">
        <v>28430</v>
      </c>
      <c r="I13467" t="s">
        <v>30540</v>
      </c>
    </row>
    <row r="13468" spans="1:9">
      <c r="A13468" s="1">
        <f ca="1">RAND()</f>
        <v>0.52700848947368206</v>
      </c>
      <c r="B13468" s="1"/>
      <c r="C13468">
        <v>8</v>
      </c>
      <c r="D13468" t="s">
        <v>28423</v>
      </c>
      <c r="E13468" t="s">
        <v>34286</v>
      </c>
      <c r="F13468">
        <v>4</v>
      </c>
      <c r="G13468" t="s">
        <v>10</v>
      </c>
      <c r="H13468" t="s">
        <v>28424</v>
      </c>
      <c r="I13468" t="s">
        <v>30540</v>
      </c>
    </row>
    <row r="13469" spans="1:9">
      <c r="A13469" s="1">
        <f ca="1">RAND()</f>
        <v>0.35053766402230147</v>
      </c>
      <c r="B13469" s="1"/>
      <c r="C13469">
        <v>11</v>
      </c>
      <c r="D13469" t="s">
        <v>28425</v>
      </c>
      <c r="E13469" t="s">
        <v>34286</v>
      </c>
      <c r="F13469">
        <v>1</v>
      </c>
      <c r="G13469" t="s">
        <v>10</v>
      </c>
      <c r="H13469" t="s">
        <v>28426</v>
      </c>
      <c r="I13469" t="s">
        <v>30540</v>
      </c>
    </row>
    <row r="13470" spans="1:9">
      <c r="A13470" s="1">
        <f ca="1">RAND()</f>
        <v>0.14451350572892707</v>
      </c>
      <c r="B13470" s="1"/>
      <c r="C13470">
        <v>20</v>
      </c>
      <c r="D13470" t="s">
        <v>28421</v>
      </c>
      <c r="E13470" t="s">
        <v>34287</v>
      </c>
      <c r="F13470">
        <v>4</v>
      </c>
      <c r="G13470" t="s">
        <v>14</v>
      </c>
      <c r="H13470" t="s">
        <v>28422</v>
      </c>
      <c r="I13470" t="s">
        <v>30540</v>
      </c>
    </row>
    <row r="13471" spans="1:9">
      <c r="A13471" s="1">
        <f ca="1">RAND()</f>
        <v>0.64446674408332316</v>
      </c>
      <c r="B13471" s="1"/>
      <c r="C13471">
        <v>4</v>
      </c>
      <c r="D13471" t="s">
        <v>28415</v>
      </c>
      <c r="E13471" t="s">
        <v>34287</v>
      </c>
      <c r="F13471">
        <v>4</v>
      </c>
      <c r="G13471" t="s">
        <v>10</v>
      </c>
      <c r="H13471" t="s">
        <v>28416</v>
      </c>
      <c r="I13471" t="s">
        <v>30540</v>
      </c>
    </row>
    <row r="13472" spans="1:9">
      <c r="A13472" s="1">
        <f ca="1">RAND()</f>
        <v>0.71093071570268174</v>
      </c>
      <c r="B13472" s="1"/>
      <c r="C13472">
        <v>12</v>
      </c>
      <c r="D13472" t="s">
        <v>28419</v>
      </c>
      <c r="E13472" t="s">
        <v>34287</v>
      </c>
      <c r="F13472">
        <v>4</v>
      </c>
      <c r="G13472" t="s">
        <v>1431</v>
      </c>
      <c r="H13472" t="s">
        <v>28420</v>
      </c>
      <c r="I13472" t="s">
        <v>30540</v>
      </c>
    </row>
    <row r="13473" spans="1:9">
      <c r="A13473" s="1">
        <f ca="1">RAND()</f>
        <v>0.70585089466157447</v>
      </c>
      <c r="B13473" s="1"/>
      <c r="C13473">
        <v>11</v>
      </c>
      <c r="D13473" t="s">
        <v>28417</v>
      </c>
      <c r="E13473" t="s">
        <v>34287</v>
      </c>
      <c r="F13473">
        <v>2</v>
      </c>
      <c r="G13473" t="s">
        <v>2226</v>
      </c>
      <c r="H13473" t="s">
        <v>28418</v>
      </c>
      <c r="I13473" t="s">
        <v>30540</v>
      </c>
    </row>
    <row r="13474" spans="1:9">
      <c r="A13474" s="1">
        <f ca="1">RAND()</f>
        <v>0.9464216832185266</v>
      </c>
      <c r="B13474" s="1"/>
      <c r="C13474">
        <v>12</v>
      </c>
      <c r="D13474" t="s">
        <v>28413</v>
      </c>
      <c r="E13474" t="s">
        <v>34288</v>
      </c>
      <c r="F13474">
        <v>5</v>
      </c>
      <c r="G13474" t="s">
        <v>14</v>
      </c>
      <c r="H13474" t="s">
        <v>28414</v>
      </c>
      <c r="I13474" t="s">
        <v>30540</v>
      </c>
    </row>
    <row r="13475" spans="1:9">
      <c r="A13475" s="1">
        <f ca="1">RAND()</f>
        <v>0.94170927266610127</v>
      </c>
      <c r="B13475" s="1"/>
      <c r="C13475">
        <v>5</v>
      </c>
      <c r="D13475" t="s">
        <v>28411</v>
      </c>
      <c r="E13475" t="s">
        <v>34288</v>
      </c>
      <c r="F13475">
        <v>5</v>
      </c>
      <c r="G13475" t="s">
        <v>14</v>
      </c>
      <c r="H13475" t="s">
        <v>28412</v>
      </c>
      <c r="I13475" t="s">
        <v>30540</v>
      </c>
    </row>
    <row r="13476" spans="1:9">
      <c r="A13476" s="1">
        <f ca="1">RAND()</f>
        <v>0.99634425249135605</v>
      </c>
      <c r="B13476" s="1"/>
      <c r="C13476">
        <v>1</v>
      </c>
      <c r="D13476" t="s">
        <v>28409</v>
      </c>
      <c r="E13476" t="s">
        <v>34288</v>
      </c>
      <c r="F13476">
        <v>3</v>
      </c>
      <c r="G13476" t="s">
        <v>14</v>
      </c>
      <c r="H13476" t="s">
        <v>28410</v>
      </c>
      <c r="I13476" t="s">
        <v>30540</v>
      </c>
    </row>
    <row r="13477" spans="1:9">
      <c r="A13477" s="1">
        <f ca="1">RAND()</f>
        <v>0.25256739223443969</v>
      </c>
      <c r="B13477" s="1"/>
      <c r="C13477">
        <v>4</v>
      </c>
      <c r="D13477" t="s">
        <v>28407</v>
      </c>
      <c r="E13477" t="s">
        <v>34289</v>
      </c>
      <c r="F13477">
        <v>2</v>
      </c>
      <c r="G13477" t="s">
        <v>10</v>
      </c>
      <c r="H13477" t="s">
        <v>28408</v>
      </c>
      <c r="I13477" t="s">
        <v>30540</v>
      </c>
    </row>
    <row r="13478" spans="1:9">
      <c r="A13478" s="1">
        <f ca="1">RAND()</f>
        <v>7.3109267884815532E-3</v>
      </c>
      <c r="B13478" s="1"/>
      <c r="C13478">
        <v>7</v>
      </c>
      <c r="D13478" t="s">
        <v>28401</v>
      </c>
      <c r="E13478" t="s">
        <v>34290</v>
      </c>
      <c r="F13478">
        <v>5</v>
      </c>
      <c r="G13478" t="s">
        <v>14</v>
      </c>
      <c r="H13478" t="s">
        <v>28402</v>
      </c>
      <c r="I13478" t="s">
        <v>30540</v>
      </c>
    </row>
    <row r="13479" spans="1:9">
      <c r="A13479" s="1">
        <f ca="1">RAND()</f>
        <v>0.46933107729425549</v>
      </c>
      <c r="B13479" s="1"/>
      <c r="C13479">
        <v>1</v>
      </c>
      <c r="D13479" t="s">
        <v>28399</v>
      </c>
      <c r="E13479" t="s">
        <v>34290</v>
      </c>
      <c r="F13479">
        <v>5</v>
      </c>
      <c r="G13479" t="s">
        <v>14</v>
      </c>
      <c r="H13479" t="s">
        <v>28400</v>
      </c>
      <c r="I13479" t="s">
        <v>30540</v>
      </c>
    </row>
    <row r="13480" spans="1:9">
      <c r="A13480" s="1">
        <f ca="1">RAND()</f>
        <v>0.54647721739188526</v>
      </c>
      <c r="B13480" s="1"/>
      <c r="C13480">
        <v>12</v>
      </c>
      <c r="D13480" t="s">
        <v>28403</v>
      </c>
      <c r="E13480" t="s">
        <v>34290</v>
      </c>
      <c r="F13480">
        <v>4</v>
      </c>
      <c r="G13480" t="s">
        <v>1</v>
      </c>
      <c r="H13480" t="s">
        <v>28404</v>
      </c>
      <c r="I13480" t="s">
        <v>30540</v>
      </c>
    </row>
    <row r="13481" spans="1:9">
      <c r="A13481" s="1">
        <f ca="1">RAND()</f>
        <v>0.82999079617396099</v>
      </c>
      <c r="B13481" s="1"/>
      <c r="C13481">
        <v>17</v>
      </c>
      <c r="D13481" t="s">
        <v>28405</v>
      </c>
      <c r="E13481" t="s">
        <v>34290</v>
      </c>
      <c r="F13481">
        <v>2</v>
      </c>
      <c r="G13481" t="s">
        <v>14</v>
      </c>
      <c r="H13481" t="s">
        <v>28406</v>
      </c>
      <c r="I13481" t="s">
        <v>30540</v>
      </c>
    </row>
    <row r="13482" spans="1:9">
      <c r="A13482" s="1">
        <f ca="1">RAND()</f>
        <v>0.37194948410783324</v>
      </c>
      <c r="B13482" s="1"/>
      <c r="C13482">
        <v>8</v>
      </c>
      <c r="D13482" t="s">
        <v>28389</v>
      </c>
      <c r="E13482" t="s">
        <v>34291</v>
      </c>
      <c r="F13482">
        <v>5</v>
      </c>
      <c r="G13482" t="s">
        <v>9</v>
      </c>
      <c r="H13482" t="s">
        <v>28390</v>
      </c>
      <c r="I13482" t="s">
        <v>30540</v>
      </c>
    </row>
    <row r="13483" spans="1:9">
      <c r="A13483" s="1">
        <f ca="1">RAND()</f>
        <v>0.45232333029378713</v>
      </c>
      <c r="B13483" s="1"/>
      <c r="C13483">
        <v>10</v>
      </c>
      <c r="D13483" t="s">
        <v>28393</v>
      </c>
      <c r="E13483" t="s">
        <v>34291</v>
      </c>
      <c r="F13483">
        <v>5</v>
      </c>
      <c r="G13483" t="s">
        <v>14</v>
      </c>
      <c r="H13483" t="s">
        <v>28394</v>
      </c>
      <c r="I13483" t="s">
        <v>30540</v>
      </c>
    </row>
    <row r="13484" spans="1:9">
      <c r="A13484" s="1">
        <f ca="1">RAND()</f>
        <v>0.3003264834056727</v>
      </c>
      <c r="B13484" s="1"/>
      <c r="C13484">
        <v>17</v>
      </c>
      <c r="D13484" t="s">
        <v>28397</v>
      </c>
      <c r="E13484" t="s">
        <v>34291</v>
      </c>
      <c r="F13484">
        <v>4</v>
      </c>
      <c r="G13484" t="s">
        <v>14</v>
      </c>
      <c r="H13484" t="s">
        <v>28398</v>
      </c>
      <c r="I13484" t="s">
        <v>30540</v>
      </c>
    </row>
    <row r="13485" spans="1:9">
      <c r="A13485" s="1">
        <f ca="1">RAND()</f>
        <v>0.36630968065552139</v>
      </c>
      <c r="B13485" s="1"/>
      <c r="C13485">
        <v>9</v>
      </c>
      <c r="D13485" t="s">
        <v>28391</v>
      </c>
      <c r="E13485" t="s">
        <v>34291</v>
      </c>
      <c r="F13485">
        <v>4</v>
      </c>
      <c r="G13485" t="s">
        <v>14</v>
      </c>
      <c r="H13485" t="s">
        <v>28392</v>
      </c>
      <c r="I13485" t="s">
        <v>30540</v>
      </c>
    </row>
    <row r="13486" spans="1:9">
      <c r="A13486" s="1">
        <f ca="1">RAND()</f>
        <v>0.62642394548998226</v>
      </c>
      <c r="B13486" s="1"/>
      <c r="C13486">
        <v>15</v>
      </c>
      <c r="D13486" t="s">
        <v>28395</v>
      </c>
      <c r="E13486" t="s">
        <v>34291</v>
      </c>
      <c r="F13486">
        <v>4</v>
      </c>
      <c r="G13486" t="s">
        <v>0</v>
      </c>
      <c r="H13486" t="s">
        <v>28396</v>
      </c>
      <c r="I13486" t="s">
        <v>30540</v>
      </c>
    </row>
    <row r="13487" spans="1:9">
      <c r="A13487" s="1">
        <f ca="1">RAND()</f>
        <v>0.99490822160361381</v>
      </c>
      <c r="B13487" s="1"/>
      <c r="C13487">
        <v>5</v>
      </c>
      <c r="D13487" t="s">
        <v>28387</v>
      </c>
      <c r="E13487" t="s">
        <v>34291</v>
      </c>
      <c r="F13487">
        <v>2</v>
      </c>
      <c r="G13487" t="s">
        <v>13</v>
      </c>
      <c r="H13487" t="s">
        <v>28388</v>
      </c>
      <c r="I13487" t="s">
        <v>30540</v>
      </c>
    </row>
    <row r="13488" spans="1:9">
      <c r="A13488" s="1">
        <f ca="1">RAND()</f>
        <v>0.41684210285405265</v>
      </c>
      <c r="B13488" s="1"/>
      <c r="C13488">
        <v>17</v>
      </c>
      <c r="D13488" t="s">
        <v>28383</v>
      </c>
      <c r="E13488" t="s">
        <v>34292</v>
      </c>
      <c r="F13488">
        <v>4</v>
      </c>
      <c r="G13488" t="s">
        <v>14</v>
      </c>
      <c r="H13488" t="s">
        <v>28384</v>
      </c>
      <c r="I13488" t="s">
        <v>30540</v>
      </c>
    </row>
    <row r="13489" spans="1:9">
      <c r="A13489" s="1">
        <f ca="1">RAND()</f>
        <v>0.35760661978258668</v>
      </c>
      <c r="B13489" s="1"/>
      <c r="C13489">
        <v>11</v>
      </c>
      <c r="D13489" t="s">
        <v>28379</v>
      </c>
      <c r="E13489" t="s">
        <v>34292</v>
      </c>
      <c r="F13489">
        <v>4</v>
      </c>
      <c r="G13489" t="s">
        <v>2738</v>
      </c>
      <c r="H13489" t="s">
        <v>28380</v>
      </c>
      <c r="I13489" t="s">
        <v>30540</v>
      </c>
    </row>
    <row r="13490" spans="1:9">
      <c r="A13490" s="1">
        <f ca="1">RAND()</f>
        <v>0.38885665588317875</v>
      </c>
      <c r="B13490" s="1"/>
      <c r="C13490">
        <v>20</v>
      </c>
      <c r="D13490" t="s">
        <v>28385</v>
      </c>
      <c r="E13490" t="s">
        <v>34292</v>
      </c>
      <c r="F13490">
        <v>4</v>
      </c>
      <c r="G13490" t="s">
        <v>14</v>
      </c>
      <c r="H13490" t="s">
        <v>28386</v>
      </c>
      <c r="I13490" t="s">
        <v>30540</v>
      </c>
    </row>
    <row r="13491" spans="1:9">
      <c r="A13491" s="1">
        <f ca="1">RAND()</f>
        <v>0.66159616324136494</v>
      </c>
      <c r="B13491" s="1"/>
      <c r="C13491">
        <v>16</v>
      </c>
      <c r="D13491" t="s">
        <v>28381</v>
      </c>
      <c r="E13491" t="s">
        <v>34292</v>
      </c>
      <c r="F13491">
        <v>4</v>
      </c>
      <c r="G13491" t="s">
        <v>14</v>
      </c>
      <c r="H13491" t="s">
        <v>28382</v>
      </c>
      <c r="I13491" t="s">
        <v>30540</v>
      </c>
    </row>
    <row r="13492" spans="1:9">
      <c r="A13492" s="1">
        <f ca="1">RAND()</f>
        <v>4.5967028113624853E-3</v>
      </c>
      <c r="B13492" s="1"/>
      <c r="C13492">
        <v>7</v>
      </c>
      <c r="D13492" t="s">
        <v>28373</v>
      </c>
      <c r="E13492" t="s">
        <v>34293</v>
      </c>
      <c r="F13492">
        <v>5</v>
      </c>
      <c r="G13492" t="s">
        <v>14</v>
      </c>
      <c r="H13492" t="s">
        <v>28374</v>
      </c>
      <c r="I13492" t="s">
        <v>30540</v>
      </c>
    </row>
    <row r="13493" spans="1:9">
      <c r="A13493" s="1">
        <f ca="1">RAND()</f>
        <v>0.66436064226514535</v>
      </c>
      <c r="B13493" s="1"/>
      <c r="C13493">
        <v>13</v>
      </c>
      <c r="D13493" t="s">
        <v>28377</v>
      </c>
      <c r="E13493" t="s">
        <v>34293</v>
      </c>
      <c r="F13493">
        <v>4</v>
      </c>
      <c r="G13493" t="s">
        <v>9</v>
      </c>
      <c r="H13493" t="s">
        <v>28378</v>
      </c>
      <c r="I13493" t="s">
        <v>30540</v>
      </c>
    </row>
    <row r="13494" spans="1:9">
      <c r="A13494" s="1">
        <f ca="1">RAND()</f>
        <v>6.3495856181051358E-2</v>
      </c>
      <c r="B13494" s="1"/>
      <c r="C13494">
        <v>10</v>
      </c>
      <c r="D13494" t="s">
        <v>28375</v>
      </c>
      <c r="E13494" t="s">
        <v>34293</v>
      </c>
      <c r="F13494">
        <v>4</v>
      </c>
      <c r="G13494" t="s">
        <v>1</v>
      </c>
      <c r="H13494" t="s">
        <v>28376</v>
      </c>
      <c r="I13494" t="s">
        <v>30540</v>
      </c>
    </row>
    <row r="13495" spans="1:9">
      <c r="A13495" s="1">
        <f ca="1">RAND()</f>
        <v>6.8379747684082282E-2</v>
      </c>
      <c r="B13495" s="1"/>
      <c r="C13495">
        <v>5</v>
      </c>
      <c r="D13495" t="s">
        <v>28371</v>
      </c>
      <c r="E13495" t="s">
        <v>34293</v>
      </c>
      <c r="F13495">
        <v>4</v>
      </c>
      <c r="G13495" t="s">
        <v>14</v>
      </c>
      <c r="H13495" t="s">
        <v>28372</v>
      </c>
      <c r="I13495" t="s">
        <v>30540</v>
      </c>
    </row>
    <row r="13496" spans="1:9">
      <c r="A13496" s="1">
        <f ca="1">RAND()</f>
        <v>0.41713947013641262</v>
      </c>
      <c r="B13496" s="1"/>
      <c r="C13496">
        <v>5</v>
      </c>
      <c r="D13496" t="s">
        <v>28365</v>
      </c>
      <c r="E13496" t="s">
        <v>34294</v>
      </c>
      <c r="F13496">
        <v>4</v>
      </c>
      <c r="G13496" t="s">
        <v>2</v>
      </c>
      <c r="H13496" t="s">
        <v>28366</v>
      </c>
      <c r="I13496" t="s">
        <v>30540</v>
      </c>
    </row>
    <row r="13497" spans="1:9">
      <c r="A13497" s="1">
        <f ca="1">RAND()</f>
        <v>0.74631313717023429</v>
      </c>
      <c r="B13497" s="1"/>
      <c r="C13497">
        <v>9</v>
      </c>
      <c r="D13497" t="s">
        <v>28367</v>
      </c>
      <c r="E13497" t="s">
        <v>34294</v>
      </c>
      <c r="F13497">
        <v>4</v>
      </c>
      <c r="G13497" t="s">
        <v>14</v>
      </c>
      <c r="H13497" t="s">
        <v>28368</v>
      </c>
      <c r="I13497" t="s">
        <v>30540</v>
      </c>
    </row>
    <row r="13498" spans="1:9">
      <c r="A13498" s="1">
        <f ca="1">RAND()</f>
        <v>0.67065757278847427</v>
      </c>
      <c r="B13498" s="1"/>
      <c r="C13498">
        <v>13</v>
      </c>
      <c r="D13498" t="s">
        <v>28369</v>
      </c>
      <c r="E13498" t="s">
        <v>34294</v>
      </c>
      <c r="F13498">
        <v>3</v>
      </c>
      <c r="G13498" t="s">
        <v>1</v>
      </c>
      <c r="H13498" t="s">
        <v>28370</v>
      </c>
      <c r="I13498" t="s">
        <v>30540</v>
      </c>
    </row>
    <row r="13499" spans="1:9">
      <c r="A13499" s="1">
        <f ca="1">RAND()</f>
        <v>0.88007052198593838</v>
      </c>
      <c r="B13499" s="1"/>
      <c r="C13499">
        <v>15</v>
      </c>
      <c r="D13499" t="s">
        <v>28363</v>
      </c>
      <c r="E13499" t="s">
        <v>34295</v>
      </c>
      <c r="F13499">
        <v>5</v>
      </c>
      <c r="G13499" t="s">
        <v>14</v>
      </c>
      <c r="H13499" t="s">
        <v>28364</v>
      </c>
      <c r="I13499" t="s">
        <v>30540</v>
      </c>
    </row>
    <row r="13500" spans="1:9">
      <c r="A13500" s="1">
        <f ca="1">RAND()</f>
        <v>0.84158628317756901</v>
      </c>
      <c r="B13500" s="1"/>
      <c r="C13500">
        <v>11</v>
      </c>
      <c r="D13500" t="s">
        <v>28361</v>
      </c>
      <c r="E13500" t="s">
        <v>34295</v>
      </c>
      <c r="F13500">
        <v>4</v>
      </c>
      <c r="G13500" t="s">
        <v>14</v>
      </c>
      <c r="H13500" t="s">
        <v>28362</v>
      </c>
      <c r="I13500" t="s">
        <v>30540</v>
      </c>
    </row>
    <row r="13501" spans="1:9">
      <c r="A13501" s="1">
        <f ca="1">RAND()</f>
        <v>0.99818321254279518</v>
      </c>
      <c r="B13501" s="1"/>
      <c r="C13501">
        <v>8</v>
      </c>
      <c r="D13501" t="s">
        <v>28357</v>
      </c>
      <c r="E13501" t="s">
        <v>34295</v>
      </c>
      <c r="F13501">
        <v>4</v>
      </c>
      <c r="G13501" t="s">
        <v>14</v>
      </c>
      <c r="H13501" t="s">
        <v>28358</v>
      </c>
      <c r="I13501" t="s">
        <v>30540</v>
      </c>
    </row>
    <row r="13502" spans="1:9">
      <c r="A13502" s="1">
        <f ca="1">RAND()</f>
        <v>0.42866658250068423</v>
      </c>
      <c r="B13502" s="1"/>
      <c r="C13502">
        <v>10</v>
      </c>
      <c r="D13502" t="s">
        <v>28359</v>
      </c>
      <c r="E13502" t="s">
        <v>34295</v>
      </c>
      <c r="F13502">
        <v>4</v>
      </c>
      <c r="G13502" t="s">
        <v>14</v>
      </c>
      <c r="H13502" t="s">
        <v>28360</v>
      </c>
      <c r="I13502" t="s">
        <v>30540</v>
      </c>
    </row>
    <row r="13503" spans="1:9">
      <c r="A13503" s="1">
        <f ca="1">RAND()</f>
        <v>0.32343811913935872</v>
      </c>
      <c r="B13503" s="1"/>
      <c r="C13503">
        <v>19</v>
      </c>
      <c r="D13503" t="s">
        <v>28355</v>
      </c>
      <c r="E13503" t="s">
        <v>34296</v>
      </c>
      <c r="F13503">
        <v>5</v>
      </c>
      <c r="G13503" t="s">
        <v>14</v>
      </c>
      <c r="H13503" t="s">
        <v>28356</v>
      </c>
      <c r="I13503" t="s">
        <v>30540</v>
      </c>
    </row>
    <row r="13504" spans="1:9">
      <c r="A13504" s="1">
        <f ca="1">RAND()</f>
        <v>0.85702855300743042</v>
      </c>
      <c r="B13504" s="1"/>
      <c r="C13504">
        <v>8</v>
      </c>
      <c r="D13504" t="s">
        <v>28349</v>
      </c>
      <c r="E13504" t="s">
        <v>34296</v>
      </c>
      <c r="F13504">
        <v>4</v>
      </c>
      <c r="G13504" t="s">
        <v>15</v>
      </c>
      <c r="H13504" t="s">
        <v>28350</v>
      </c>
      <c r="I13504" t="s">
        <v>30540</v>
      </c>
    </row>
    <row r="13505" spans="1:9">
      <c r="A13505" s="1">
        <f ca="1">RAND()</f>
        <v>0.92176280066382532</v>
      </c>
      <c r="B13505" s="1"/>
      <c r="C13505">
        <v>4</v>
      </c>
      <c r="D13505" t="s">
        <v>28347</v>
      </c>
      <c r="E13505" t="s">
        <v>34296</v>
      </c>
      <c r="F13505">
        <v>4</v>
      </c>
      <c r="G13505" t="s">
        <v>10</v>
      </c>
      <c r="H13505" t="s">
        <v>28348</v>
      </c>
      <c r="I13505" t="s">
        <v>30540</v>
      </c>
    </row>
    <row r="13506" spans="1:9">
      <c r="A13506" s="1">
        <f ca="1">RAND()</f>
        <v>0.23992839433702884</v>
      </c>
      <c r="B13506" s="1"/>
      <c r="C13506">
        <v>17</v>
      </c>
      <c r="D13506" t="s">
        <v>28353</v>
      </c>
      <c r="E13506" t="s">
        <v>34296</v>
      </c>
      <c r="F13506">
        <v>4</v>
      </c>
      <c r="G13506" t="s">
        <v>14</v>
      </c>
      <c r="H13506" t="s">
        <v>28354</v>
      </c>
      <c r="I13506" t="s">
        <v>30540</v>
      </c>
    </row>
    <row r="13507" spans="1:9">
      <c r="A13507" s="1">
        <f ca="1">RAND()</f>
        <v>0.87290575966601158</v>
      </c>
      <c r="B13507" s="1"/>
      <c r="C13507">
        <v>9</v>
      </c>
      <c r="D13507" t="s">
        <v>28351</v>
      </c>
      <c r="E13507" t="s">
        <v>34296</v>
      </c>
      <c r="F13507">
        <v>4</v>
      </c>
      <c r="G13507" t="s">
        <v>1</v>
      </c>
      <c r="H13507" t="s">
        <v>28352</v>
      </c>
      <c r="I13507" t="s">
        <v>30540</v>
      </c>
    </row>
    <row r="13508" spans="1:9">
      <c r="A13508" s="1">
        <f ca="1">RAND()</f>
        <v>0.30822069440168942</v>
      </c>
      <c r="B13508" s="1"/>
      <c r="C13508">
        <v>19</v>
      </c>
      <c r="D13508" t="s">
        <v>28343</v>
      </c>
      <c r="E13508" t="s">
        <v>34297</v>
      </c>
      <c r="F13508">
        <v>5</v>
      </c>
      <c r="G13508" t="s">
        <v>14</v>
      </c>
      <c r="H13508" t="s">
        <v>28344</v>
      </c>
      <c r="I13508" t="s">
        <v>30540</v>
      </c>
    </row>
    <row r="13509" spans="1:9">
      <c r="A13509" s="1">
        <f ca="1">RAND()</f>
        <v>0.32130851485376799</v>
      </c>
      <c r="B13509" s="1"/>
      <c r="C13509">
        <v>5</v>
      </c>
      <c r="D13509" t="s">
        <v>28337</v>
      </c>
      <c r="E13509" t="s">
        <v>34297</v>
      </c>
      <c r="F13509">
        <v>5</v>
      </c>
      <c r="G13509" t="s">
        <v>14</v>
      </c>
      <c r="H13509" t="s">
        <v>28338</v>
      </c>
      <c r="I13509" t="s">
        <v>30540</v>
      </c>
    </row>
    <row r="13510" spans="1:9">
      <c r="A13510" s="1">
        <f ca="1">RAND()</f>
        <v>0.93951976520223901</v>
      </c>
      <c r="B13510" s="1"/>
      <c r="C13510">
        <v>11</v>
      </c>
      <c r="D13510" t="s">
        <v>28341</v>
      </c>
      <c r="E13510" t="s">
        <v>34297</v>
      </c>
      <c r="F13510">
        <v>4</v>
      </c>
      <c r="G13510" t="s">
        <v>10</v>
      </c>
      <c r="H13510" t="s">
        <v>28342</v>
      </c>
      <c r="I13510" t="s">
        <v>30540</v>
      </c>
    </row>
    <row r="13511" spans="1:9">
      <c r="A13511" s="1">
        <f ca="1">RAND()</f>
        <v>0.16565650347292282</v>
      </c>
      <c r="B13511" s="1"/>
      <c r="C13511">
        <v>6</v>
      </c>
      <c r="D13511" t="s">
        <v>28339</v>
      </c>
      <c r="E13511" t="s">
        <v>34297</v>
      </c>
      <c r="F13511">
        <v>4</v>
      </c>
      <c r="G13511" t="s">
        <v>2</v>
      </c>
      <c r="H13511" t="s">
        <v>28340</v>
      </c>
      <c r="I13511" t="s">
        <v>30540</v>
      </c>
    </row>
    <row r="13512" spans="1:9">
      <c r="A13512" s="1">
        <f ca="1">RAND()</f>
        <v>0.93704155132122258</v>
      </c>
      <c r="B13512" s="1"/>
      <c r="C13512">
        <v>20</v>
      </c>
      <c r="D13512" t="s">
        <v>28345</v>
      </c>
      <c r="E13512" t="s">
        <v>34297</v>
      </c>
      <c r="F13512">
        <v>4</v>
      </c>
      <c r="G13512" t="s">
        <v>2738</v>
      </c>
      <c r="H13512" t="s">
        <v>28346</v>
      </c>
      <c r="I13512" t="s">
        <v>30540</v>
      </c>
    </row>
    <row r="13513" spans="1:9">
      <c r="A13513" s="1">
        <f ca="1">RAND()</f>
        <v>6.7117512004616575E-2</v>
      </c>
      <c r="B13513" s="1"/>
      <c r="C13513">
        <v>6</v>
      </c>
      <c r="D13513" t="s">
        <v>28327</v>
      </c>
      <c r="E13513" t="s">
        <v>34298</v>
      </c>
      <c r="F13513">
        <v>5</v>
      </c>
      <c r="G13513" t="s">
        <v>10</v>
      </c>
      <c r="H13513" t="s">
        <v>28328</v>
      </c>
      <c r="I13513" t="s">
        <v>30540</v>
      </c>
    </row>
    <row r="13514" spans="1:9">
      <c r="A13514" s="1">
        <f ca="1">RAND()</f>
        <v>0.46686549808356903</v>
      </c>
      <c r="B13514" s="1"/>
      <c r="C13514">
        <v>11</v>
      </c>
      <c r="D13514" t="s">
        <v>28329</v>
      </c>
      <c r="E13514" t="s">
        <v>34298</v>
      </c>
      <c r="F13514">
        <v>5</v>
      </c>
      <c r="G13514" t="s">
        <v>10</v>
      </c>
      <c r="H13514" t="s">
        <v>28330</v>
      </c>
      <c r="I13514" t="s">
        <v>30540</v>
      </c>
    </row>
    <row r="13515" spans="1:9">
      <c r="A13515" s="1">
        <f ca="1">RAND()</f>
        <v>6.6620494230176908E-2</v>
      </c>
      <c r="B13515" s="1"/>
      <c r="C13515">
        <v>15</v>
      </c>
      <c r="D13515" t="s">
        <v>28333</v>
      </c>
      <c r="E13515" t="s">
        <v>34298</v>
      </c>
      <c r="F13515">
        <v>4</v>
      </c>
      <c r="G13515" t="s">
        <v>10</v>
      </c>
      <c r="H13515" t="s">
        <v>28334</v>
      </c>
      <c r="I13515" t="s">
        <v>30540</v>
      </c>
    </row>
    <row r="13516" spans="1:9">
      <c r="A13516" s="1">
        <f ca="1">RAND()</f>
        <v>0.89247337124734982</v>
      </c>
      <c r="B13516" s="1"/>
      <c r="C13516">
        <v>17</v>
      </c>
      <c r="D13516" t="s">
        <v>28335</v>
      </c>
      <c r="E13516" t="s">
        <v>34298</v>
      </c>
      <c r="F13516">
        <v>4</v>
      </c>
      <c r="G13516" t="s">
        <v>0</v>
      </c>
      <c r="H13516" t="s">
        <v>28336</v>
      </c>
      <c r="I13516" t="s">
        <v>30540</v>
      </c>
    </row>
    <row r="13517" spans="1:9">
      <c r="A13517" s="1">
        <f ca="1">RAND()</f>
        <v>0.98370811094264465</v>
      </c>
      <c r="B13517" s="1"/>
      <c r="C13517">
        <v>13</v>
      </c>
      <c r="D13517" t="s">
        <v>28331</v>
      </c>
      <c r="E13517" t="s">
        <v>34298</v>
      </c>
      <c r="F13517">
        <v>3</v>
      </c>
      <c r="G13517" t="s">
        <v>0</v>
      </c>
      <c r="H13517" t="s">
        <v>28332</v>
      </c>
      <c r="I13517" t="s">
        <v>30540</v>
      </c>
    </row>
    <row r="13518" spans="1:9">
      <c r="A13518" s="1">
        <f ca="1">RAND()</f>
        <v>0.77175739330414972</v>
      </c>
      <c r="B13518" s="1"/>
      <c r="C13518">
        <v>14</v>
      </c>
      <c r="D13518" t="s">
        <v>28323</v>
      </c>
      <c r="E13518" t="s">
        <v>34299</v>
      </c>
      <c r="F13518">
        <v>4</v>
      </c>
      <c r="G13518" t="s">
        <v>14</v>
      </c>
      <c r="H13518" t="s">
        <v>28324</v>
      </c>
      <c r="I13518" t="s">
        <v>30540</v>
      </c>
    </row>
    <row r="13519" spans="1:9">
      <c r="A13519" s="1">
        <f ca="1">RAND()</f>
        <v>0.78774713397816776</v>
      </c>
      <c r="B13519" s="1"/>
      <c r="C13519">
        <v>8</v>
      </c>
      <c r="D13519" t="s">
        <v>28321</v>
      </c>
      <c r="E13519" t="s">
        <v>34299</v>
      </c>
      <c r="F13519">
        <v>4</v>
      </c>
      <c r="G13519" t="s">
        <v>14</v>
      </c>
      <c r="H13519" t="s">
        <v>28322</v>
      </c>
      <c r="I13519" t="s">
        <v>30540</v>
      </c>
    </row>
    <row r="13520" spans="1:9">
      <c r="A13520" s="1">
        <f ca="1">RAND()</f>
        <v>1.2283785555754823E-2</v>
      </c>
      <c r="B13520" s="1"/>
      <c r="C13520">
        <v>3</v>
      </c>
      <c r="D13520" t="s">
        <v>28319</v>
      </c>
      <c r="E13520" t="s">
        <v>34299</v>
      </c>
      <c r="F13520">
        <v>4</v>
      </c>
      <c r="G13520" t="s">
        <v>15</v>
      </c>
      <c r="H13520" t="s">
        <v>28320</v>
      </c>
      <c r="I13520" t="s">
        <v>30540</v>
      </c>
    </row>
    <row r="13521" spans="1:9">
      <c r="A13521" s="1">
        <f ca="1">RAND()</f>
        <v>0.54416535892190243</v>
      </c>
      <c r="B13521" s="1"/>
      <c r="C13521">
        <v>15</v>
      </c>
      <c r="D13521" t="s">
        <v>28325</v>
      </c>
      <c r="E13521" t="s">
        <v>34299</v>
      </c>
      <c r="F13521">
        <v>4</v>
      </c>
      <c r="G13521" t="s">
        <v>14</v>
      </c>
      <c r="H13521" t="s">
        <v>28326</v>
      </c>
      <c r="I13521" t="s">
        <v>30540</v>
      </c>
    </row>
    <row r="13522" spans="1:9">
      <c r="A13522" s="1">
        <f ca="1">RAND()</f>
        <v>0.19058564104527254</v>
      </c>
      <c r="B13522" s="1"/>
      <c r="C13522">
        <v>8</v>
      </c>
      <c r="D13522" t="s">
        <v>28315</v>
      </c>
      <c r="E13522" t="s">
        <v>34300</v>
      </c>
      <c r="F13522">
        <v>5</v>
      </c>
      <c r="G13522" t="s">
        <v>15</v>
      </c>
      <c r="H13522" t="s">
        <v>28316</v>
      </c>
      <c r="I13522" t="s">
        <v>30540</v>
      </c>
    </row>
    <row r="13523" spans="1:9">
      <c r="A13523" s="1">
        <f ca="1">RAND()</f>
        <v>0.43193342548059266</v>
      </c>
      <c r="B13523" s="1"/>
      <c r="C13523">
        <v>4</v>
      </c>
      <c r="D13523" t="s">
        <v>28313</v>
      </c>
      <c r="E13523" t="s">
        <v>34300</v>
      </c>
      <c r="F13523">
        <v>4</v>
      </c>
      <c r="G13523" t="s">
        <v>15</v>
      </c>
      <c r="H13523" t="s">
        <v>28314</v>
      </c>
      <c r="I13523" t="s">
        <v>30540</v>
      </c>
    </row>
    <row r="13524" spans="1:9">
      <c r="A13524" s="1">
        <f ca="1">RAND()</f>
        <v>0.86805115283270584</v>
      </c>
      <c r="B13524" s="1"/>
      <c r="C13524">
        <v>13</v>
      </c>
      <c r="D13524" t="s">
        <v>28317</v>
      </c>
      <c r="E13524" t="s">
        <v>34300</v>
      </c>
      <c r="F13524">
        <v>2</v>
      </c>
      <c r="G13524" t="s">
        <v>9</v>
      </c>
      <c r="H13524" t="s">
        <v>28318</v>
      </c>
      <c r="I13524" t="s">
        <v>30540</v>
      </c>
    </row>
    <row r="13525" spans="1:9">
      <c r="A13525" s="1">
        <f ca="1">RAND()</f>
        <v>0.18955664800433758</v>
      </c>
      <c r="B13525" s="1"/>
      <c r="C13525">
        <v>9</v>
      </c>
      <c r="D13525" t="s">
        <v>28309</v>
      </c>
      <c r="E13525" t="s">
        <v>34301</v>
      </c>
      <c r="F13525">
        <v>4</v>
      </c>
      <c r="G13525" t="s">
        <v>14</v>
      </c>
      <c r="H13525" t="s">
        <v>28310</v>
      </c>
      <c r="I13525" t="s">
        <v>30540</v>
      </c>
    </row>
    <row r="13526" spans="1:9">
      <c r="A13526" s="1">
        <f ca="1">RAND()</f>
        <v>0.38895801247781958</v>
      </c>
      <c r="B13526" s="1"/>
      <c r="C13526">
        <v>3</v>
      </c>
      <c r="D13526" t="s">
        <v>28307</v>
      </c>
      <c r="E13526" t="s">
        <v>34301</v>
      </c>
      <c r="F13526">
        <v>4</v>
      </c>
      <c r="G13526" t="s">
        <v>14</v>
      </c>
      <c r="H13526" t="s">
        <v>28308</v>
      </c>
      <c r="I13526" t="s">
        <v>30540</v>
      </c>
    </row>
    <row r="13527" spans="1:9">
      <c r="A13527" s="1">
        <f ca="1">RAND()</f>
        <v>0.85998011053752188</v>
      </c>
      <c r="B13527" s="1"/>
      <c r="C13527">
        <v>2</v>
      </c>
      <c r="D13527" t="s">
        <v>28305</v>
      </c>
      <c r="E13527" t="s">
        <v>34301</v>
      </c>
      <c r="F13527">
        <v>4</v>
      </c>
      <c r="G13527" t="s">
        <v>1</v>
      </c>
      <c r="H13527" t="s">
        <v>28306</v>
      </c>
      <c r="I13527" t="s">
        <v>30540</v>
      </c>
    </row>
    <row r="13528" spans="1:9">
      <c r="A13528" s="1">
        <f ca="1">RAND()</f>
        <v>0.63588034790217784</v>
      </c>
      <c r="B13528" s="1"/>
      <c r="C13528">
        <v>12</v>
      </c>
      <c r="D13528" t="s">
        <v>28311</v>
      </c>
      <c r="E13528" t="s">
        <v>34301</v>
      </c>
      <c r="F13528">
        <v>4</v>
      </c>
      <c r="G13528" t="s">
        <v>14</v>
      </c>
      <c r="H13528" t="s">
        <v>28312</v>
      </c>
      <c r="I13528" t="s">
        <v>30540</v>
      </c>
    </row>
    <row r="13529" spans="1:9">
      <c r="A13529" s="1">
        <f ca="1">RAND()</f>
        <v>0.4744326280644463</v>
      </c>
      <c r="B13529" s="1"/>
      <c r="C13529">
        <v>19</v>
      </c>
      <c r="D13529" t="s">
        <v>28303</v>
      </c>
      <c r="E13529" t="s">
        <v>34302</v>
      </c>
      <c r="F13529">
        <v>4</v>
      </c>
      <c r="G13529" t="s">
        <v>2738</v>
      </c>
      <c r="H13529" t="s">
        <v>28304</v>
      </c>
      <c r="I13529" t="s">
        <v>30540</v>
      </c>
    </row>
    <row r="13530" spans="1:9">
      <c r="A13530" s="1">
        <f ca="1">RAND()</f>
        <v>0.52417816164769626</v>
      </c>
      <c r="B13530" s="1"/>
      <c r="C13530">
        <v>15</v>
      </c>
      <c r="D13530" t="s">
        <v>28301</v>
      </c>
      <c r="E13530" t="s">
        <v>34302</v>
      </c>
      <c r="F13530">
        <v>4</v>
      </c>
      <c r="G13530" t="s">
        <v>2229</v>
      </c>
      <c r="H13530" t="s">
        <v>28302</v>
      </c>
      <c r="I13530" t="s">
        <v>30540</v>
      </c>
    </row>
    <row r="13531" spans="1:9">
      <c r="A13531" s="1">
        <f ca="1">RAND()</f>
        <v>0.10413953271286291</v>
      </c>
      <c r="B13531" s="1"/>
      <c r="C13531">
        <v>13</v>
      </c>
      <c r="D13531" t="s">
        <v>28299</v>
      </c>
      <c r="E13531" t="s">
        <v>34302</v>
      </c>
      <c r="F13531">
        <v>4</v>
      </c>
      <c r="G13531" t="s">
        <v>15</v>
      </c>
      <c r="H13531" t="s">
        <v>28300</v>
      </c>
      <c r="I13531" t="s">
        <v>30540</v>
      </c>
    </row>
    <row r="13532" spans="1:9">
      <c r="A13532" s="1">
        <f ca="1">RAND()</f>
        <v>0.42696449559409633</v>
      </c>
      <c r="B13532" s="1"/>
      <c r="C13532">
        <v>7</v>
      </c>
      <c r="D13532" t="s">
        <v>28295</v>
      </c>
      <c r="E13532" t="s">
        <v>34302</v>
      </c>
      <c r="F13532">
        <v>4</v>
      </c>
      <c r="G13532" t="s">
        <v>9</v>
      </c>
      <c r="H13532" t="s">
        <v>28296</v>
      </c>
      <c r="I13532" t="s">
        <v>30540</v>
      </c>
    </row>
    <row r="13533" spans="1:9">
      <c r="A13533" s="1">
        <f ca="1">RAND()</f>
        <v>0.58902165308179155</v>
      </c>
      <c r="B13533" s="1"/>
      <c r="C13533">
        <v>2</v>
      </c>
      <c r="D13533" t="s">
        <v>28293</v>
      </c>
      <c r="E13533" t="s">
        <v>34302</v>
      </c>
      <c r="F13533">
        <v>4</v>
      </c>
      <c r="G13533" t="s">
        <v>10</v>
      </c>
      <c r="H13533" t="s">
        <v>28294</v>
      </c>
      <c r="I13533" t="s">
        <v>30540</v>
      </c>
    </row>
    <row r="13534" spans="1:9">
      <c r="A13534" s="1">
        <f ca="1">RAND()</f>
        <v>0.80477945797732575</v>
      </c>
      <c r="B13534" s="1"/>
      <c r="C13534">
        <v>9</v>
      </c>
      <c r="D13534" t="s">
        <v>28297</v>
      </c>
      <c r="E13534" t="s">
        <v>34302</v>
      </c>
      <c r="F13534">
        <v>4</v>
      </c>
      <c r="G13534" t="s">
        <v>1295</v>
      </c>
      <c r="H13534" t="s">
        <v>28298</v>
      </c>
      <c r="I13534" t="s">
        <v>30540</v>
      </c>
    </row>
    <row r="13535" spans="1:9">
      <c r="A13535" s="1">
        <f ca="1">RAND()</f>
        <v>0.89598288987616836</v>
      </c>
      <c r="B13535" s="1"/>
      <c r="C13535">
        <v>10</v>
      </c>
      <c r="D13535" t="s">
        <v>28289</v>
      </c>
      <c r="E13535" t="s">
        <v>34303</v>
      </c>
      <c r="F13535">
        <v>4</v>
      </c>
      <c r="G13535" t="s">
        <v>14</v>
      </c>
      <c r="H13535" t="s">
        <v>28290</v>
      </c>
      <c r="I13535" t="s">
        <v>30540</v>
      </c>
    </row>
    <row r="13536" spans="1:9">
      <c r="A13536" s="1">
        <f ca="1">RAND()</f>
        <v>0.53804282438919226</v>
      </c>
      <c r="B13536" s="1"/>
      <c r="C13536">
        <v>16</v>
      </c>
      <c r="D13536" t="s">
        <v>28291</v>
      </c>
      <c r="E13536" t="s">
        <v>34303</v>
      </c>
      <c r="F13536">
        <v>4</v>
      </c>
      <c r="G13536" t="s">
        <v>9</v>
      </c>
      <c r="H13536" t="s">
        <v>28292</v>
      </c>
      <c r="I13536" t="s">
        <v>30540</v>
      </c>
    </row>
    <row r="13537" spans="1:9">
      <c r="A13537" s="1">
        <f ca="1">RAND()</f>
        <v>0.84832238378759328</v>
      </c>
      <c r="B13537" s="1"/>
      <c r="C13537">
        <v>16</v>
      </c>
      <c r="D13537" t="s">
        <v>28285</v>
      </c>
      <c r="E13537" t="s">
        <v>34304</v>
      </c>
      <c r="F13537">
        <v>4</v>
      </c>
      <c r="G13537" t="s">
        <v>14</v>
      </c>
      <c r="H13537" t="s">
        <v>28286</v>
      </c>
      <c r="I13537" t="s">
        <v>30540</v>
      </c>
    </row>
    <row r="13538" spans="1:9">
      <c r="A13538" s="1">
        <f ca="1">RAND()</f>
        <v>0.92507038511564177</v>
      </c>
      <c r="B13538" s="1"/>
      <c r="C13538">
        <v>10</v>
      </c>
      <c r="D13538" t="s">
        <v>28281</v>
      </c>
      <c r="E13538" t="s">
        <v>34304</v>
      </c>
      <c r="F13538">
        <v>4</v>
      </c>
      <c r="G13538" t="s">
        <v>14</v>
      </c>
      <c r="H13538" t="s">
        <v>28282</v>
      </c>
      <c r="I13538" t="s">
        <v>30540</v>
      </c>
    </row>
    <row r="13539" spans="1:9">
      <c r="A13539" s="1">
        <f ca="1">RAND()</f>
        <v>0.33025305878584243</v>
      </c>
      <c r="B13539" s="1"/>
      <c r="C13539">
        <v>20</v>
      </c>
      <c r="D13539" t="s">
        <v>28287</v>
      </c>
      <c r="E13539" t="s">
        <v>34304</v>
      </c>
      <c r="F13539">
        <v>4</v>
      </c>
      <c r="G13539" t="s">
        <v>15</v>
      </c>
      <c r="H13539" t="s">
        <v>28288</v>
      </c>
      <c r="I13539" t="s">
        <v>30540</v>
      </c>
    </row>
    <row r="13540" spans="1:9">
      <c r="A13540" s="1">
        <f ca="1">RAND()</f>
        <v>0.80047914726261249</v>
      </c>
      <c r="B13540" s="1"/>
      <c r="C13540">
        <v>9</v>
      </c>
      <c r="D13540" t="s">
        <v>28279</v>
      </c>
      <c r="E13540" t="s">
        <v>34304</v>
      </c>
      <c r="F13540">
        <v>4</v>
      </c>
      <c r="G13540" t="s">
        <v>14</v>
      </c>
      <c r="H13540" t="s">
        <v>28280</v>
      </c>
      <c r="I13540" t="s">
        <v>30540</v>
      </c>
    </row>
    <row r="13541" spans="1:9">
      <c r="A13541" s="1">
        <f ca="1">RAND()</f>
        <v>1.5016638955919315E-2</v>
      </c>
      <c r="B13541" s="1"/>
      <c r="C13541">
        <v>14</v>
      </c>
      <c r="D13541" t="s">
        <v>28283</v>
      </c>
      <c r="E13541" t="s">
        <v>34304</v>
      </c>
      <c r="F13541">
        <v>4</v>
      </c>
      <c r="G13541" t="s">
        <v>14</v>
      </c>
      <c r="H13541" t="s">
        <v>28284</v>
      </c>
      <c r="I13541" t="s">
        <v>30540</v>
      </c>
    </row>
    <row r="13542" spans="1:9">
      <c r="A13542" s="1">
        <f ca="1">RAND()</f>
        <v>0.28132837573670189</v>
      </c>
      <c r="B13542" s="1"/>
      <c r="C13542">
        <v>2</v>
      </c>
      <c r="D13542" t="s">
        <v>28277</v>
      </c>
      <c r="E13542" t="s">
        <v>34305</v>
      </c>
      <c r="F13542">
        <v>2</v>
      </c>
      <c r="G13542" t="s">
        <v>14</v>
      </c>
      <c r="H13542" t="s">
        <v>28278</v>
      </c>
      <c r="I13542" t="s">
        <v>30540</v>
      </c>
    </row>
    <row r="13543" spans="1:9">
      <c r="A13543" s="1">
        <f ca="1">RAND()</f>
        <v>0.10322782935889041</v>
      </c>
      <c r="B13543" s="1"/>
      <c r="C13543">
        <v>11</v>
      </c>
      <c r="D13543" t="s">
        <v>28275</v>
      </c>
      <c r="E13543" t="s">
        <v>34306</v>
      </c>
      <c r="F13543">
        <v>4</v>
      </c>
      <c r="G13543" t="s">
        <v>14</v>
      </c>
      <c r="H13543" t="s">
        <v>28276</v>
      </c>
      <c r="I13543" t="s">
        <v>30540</v>
      </c>
    </row>
    <row r="13544" spans="1:9">
      <c r="A13544" s="1">
        <f ca="1">RAND()</f>
        <v>6.9760419141146168E-2</v>
      </c>
      <c r="B13544" s="1"/>
      <c r="C13544">
        <v>10</v>
      </c>
      <c r="D13544" t="s">
        <v>28273</v>
      </c>
      <c r="E13544" t="s">
        <v>34306</v>
      </c>
      <c r="F13544">
        <v>4</v>
      </c>
      <c r="G13544" t="s">
        <v>14</v>
      </c>
      <c r="H13544" t="s">
        <v>28274</v>
      </c>
      <c r="I13544" t="s">
        <v>30540</v>
      </c>
    </row>
    <row r="13545" spans="1:9">
      <c r="A13545" s="1">
        <f ca="1">RAND()</f>
        <v>0.32797052551871386</v>
      </c>
      <c r="B13545" s="1"/>
      <c r="C13545">
        <v>19</v>
      </c>
      <c r="D13545" t="s">
        <v>28271</v>
      </c>
      <c r="E13545" t="s">
        <v>34307</v>
      </c>
      <c r="F13545">
        <v>5</v>
      </c>
      <c r="G13545" t="s">
        <v>2229</v>
      </c>
      <c r="H13545" t="s">
        <v>28272</v>
      </c>
      <c r="I13545" t="s">
        <v>30540</v>
      </c>
    </row>
    <row r="13546" spans="1:9">
      <c r="A13546" s="1">
        <f ca="1">RAND()</f>
        <v>0.83442866688631256</v>
      </c>
      <c r="B13546" s="1"/>
      <c r="C13546">
        <v>14</v>
      </c>
      <c r="D13546" t="s">
        <v>28267</v>
      </c>
      <c r="E13546" t="s">
        <v>34307</v>
      </c>
      <c r="F13546">
        <v>3</v>
      </c>
      <c r="G13546" t="s">
        <v>14</v>
      </c>
      <c r="H13546" t="s">
        <v>28268</v>
      </c>
      <c r="I13546" t="s">
        <v>30540</v>
      </c>
    </row>
    <row r="13547" spans="1:9">
      <c r="A13547" s="1">
        <f ca="1">RAND()</f>
        <v>0.79659073259544877</v>
      </c>
      <c r="B13547" s="1"/>
      <c r="C13547">
        <v>18</v>
      </c>
      <c r="D13547" t="s">
        <v>28269</v>
      </c>
      <c r="E13547" t="s">
        <v>34307</v>
      </c>
      <c r="F13547">
        <v>3</v>
      </c>
      <c r="G13547" t="s">
        <v>14</v>
      </c>
      <c r="H13547" t="s">
        <v>28270</v>
      </c>
      <c r="I13547" t="s">
        <v>30540</v>
      </c>
    </row>
    <row r="13548" spans="1:9">
      <c r="A13548" s="1">
        <f ca="1">RAND()</f>
        <v>0.72956319740227615</v>
      </c>
      <c r="B13548" s="1"/>
      <c r="C13548">
        <v>10</v>
      </c>
      <c r="D13548" t="s">
        <v>28265</v>
      </c>
      <c r="E13548" t="s">
        <v>34307</v>
      </c>
      <c r="F13548">
        <v>1</v>
      </c>
      <c r="G13548" t="s">
        <v>10</v>
      </c>
      <c r="H13548" t="s">
        <v>28266</v>
      </c>
      <c r="I13548" t="s">
        <v>30540</v>
      </c>
    </row>
    <row r="13549" spans="1:9">
      <c r="A13549" s="1">
        <f ca="1">RAND()</f>
        <v>0.65446356471768963</v>
      </c>
      <c r="B13549" s="1"/>
      <c r="C13549">
        <v>18</v>
      </c>
      <c r="D13549" t="s">
        <v>28263</v>
      </c>
      <c r="E13549" t="s">
        <v>34308</v>
      </c>
      <c r="F13549">
        <v>5</v>
      </c>
      <c r="G13549" t="s">
        <v>14</v>
      </c>
      <c r="H13549" t="s">
        <v>28264</v>
      </c>
      <c r="I13549" t="s">
        <v>30540</v>
      </c>
    </row>
    <row r="13550" spans="1:9">
      <c r="A13550" s="1">
        <f ca="1">RAND()</f>
        <v>0.71963644531412307</v>
      </c>
      <c r="B13550" s="1"/>
      <c r="C13550">
        <v>15</v>
      </c>
      <c r="D13550" t="s">
        <v>28259</v>
      </c>
      <c r="E13550" t="s">
        <v>34308</v>
      </c>
      <c r="F13550">
        <v>4</v>
      </c>
      <c r="G13550" t="s">
        <v>14</v>
      </c>
      <c r="H13550" t="s">
        <v>28260</v>
      </c>
      <c r="I13550" t="s">
        <v>30540</v>
      </c>
    </row>
    <row r="13551" spans="1:9">
      <c r="A13551" s="1">
        <f ca="1">RAND()</f>
        <v>0.42711276428655265</v>
      </c>
      <c r="B13551" s="1"/>
      <c r="C13551">
        <v>2</v>
      </c>
      <c r="D13551" t="s">
        <v>28257</v>
      </c>
      <c r="E13551" t="s">
        <v>34308</v>
      </c>
      <c r="F13551">
        <v>4</v>
      </c>
      <c r="G13551" t="s">
        <v>14</v>
      </c>
      <c r="H13551" t="s">
        <v>28258</v>
      </c>
      <c r="I13551" t="s">
        <v>30540</v>
      </c>
    </row>
    <row r="13552" spans="1:9">
      <c r="A13552" s="1">
        <f ca="1">RAND()</f>
        <v>0.41567425620303822</v>
      </c>
      <c r="B13552" s="1"/>
      <c r="C13552">
        <v>17</v>
      </c>
      <c r="D13552" t="s">
        <v>28261</v>
      </c>
      <c r="E13552" t="s">
        <v>34308</v>
      </c>
      <c r="F13552">
        <v>4</v>
      </c>
      <c r="G13552" t="s">
        <v>14</v>
      </c>
      <c r="H13552" t="s">
        <v>28262</v>
      </c>
      <c r="I13552" t="s">
        <v>30540</v>
      </c>
    </row>
    <row r="13553" spans="1:9">
      <c r="A13553" s="1">
        <f ca="1">RAND()</f>
        <v>3.2881187040039284E-2</v>
      </c>
      <c r="B13553" s="1"/>
      <c r="C13553">
        <v>20</v>
      </c>
      <c r="D13553" t="s">
        <v>28255</v>
      </c>
      <c r="E13553" t="s">
        <v>34309</v>
      </c>
      <c r="F13553">
        <v>4</v>
      </c>
      <c r="G13553" t="s">
        <v>14</v>
      </c>
      <c r="H13553" t="s">
        <v>28256</v>
      </c>
      <c r="I13553" t="s">
        <v>30540</v>
      </c>
    </row>
    <row r="13554" spans="1:9">
      <c r="A13554" s="1">
        <f ca="1">RAND()</f>
        <v>0.10809548190509621</v>
      </c>
      <c r="B13554" s="1"/>
      <c r="C13554">
        <v>1</v>
      </c>
      <c r="D13554" t="s">
        <v>28249</v>
      </c>
      <c r="E13554" t="s">
        <v>34309</v>
      </c>
      <c r="F13554">
        <v>4</v>
      </c>
      <c r="G13554" t="s">
        <v>9</v>
      </c>
      <c r="H13554" t="s">
        <v>28250</v>
      </c>
      <c r="I13554" t="s">
        <v>30540</v>
      </c>
    </row>
    <row r="13555" spans="1:9">
      <c r="A13555" s="1">
        <f ca="1">RAND()</f>
        <v>0.74872867935958365</v>
      </c>
      <c r="B13555" s="1"/>
      <c r="C13555">
        <v>18</v>
      </c>
      <c r="D13555" t="s">
        <v>28253</v>
      </c>
      <c r="E13555" t="s">
        <v>34309</v>
      </c>
      <c r="F13555">
        <v>4</v>
      </c>
      <c r="G13555" t="s">
        <v>14</v>
      </c>
      <c r="H13555" t="s">
        <v>28254</v>
      </c>
      <c r="I13555" t="s">
        <v>30540</v>
      </c>
    </row>
    <row r="13556" spans="1:9">
      <c r="A13556" s="1">
        <f ca="1">RAND()</f>
        <v>0.38736438940466733</v>
      </c>
      <c r="B13556" s="1"/>
      <c r="C13556">
        <v>14</v>
      </c>
      <c r="D13556" t="s">
        <v>28251</v>
      </c>
      <c r="E13556" t="s">
        <v>34309</v>
      </c>
      <c r="F13556">
        <v>4</v>
      </c>
      <c r="G13556" t="s">
        <v>14</v>
      </c>
      <c r="H13556" t="s">
        <v>28252</v>
      </c>
      <c r="I13556" t="s">
        <v>30540</v>
      </c>
    </row>
    <row r="13557" spans="1:9">
      <c r="A13557" s="1">
        <f ca="1">RAND()</f>
        <v>1.8290605731447473E-2</v>
      </c>
      <c r="B13557" s="1"/>
      <c r="C13557">
        <v>15</v>
      </c>
      <c r="D13557" t="s">
        <v>28243</v>
      </c>
      <c r="E13557" t="s">
        <v>34310</v>
      </c>
      <c r="F13557">
        <v>5</v>
      </c>
      <c r="G13557" t="s">
        <v>14</v>
      </c>
      <c r="H13557" t="s">
        <v>28244</v>
      </c>
      <c r="I13557" t="s">
        <v>30540</v>
      </c>
    </row>
    <row r="13558" spans="1:9">
      <c r="A13558" s="1">
        <f ca="1">RAND()</f>
        <v>0.17249035611172392</v>
      </c>
      <c r="B13558" s="1"/>
      <c r="C13558">
        <v>17</v>
      </c>
      <c r="D13558" t="s">
        <v>28245</v>
      </c>
      <c r="E13558" t="s">
        <v>34310</v>
      </c>
      <c r="F13558">
        <v>4</v>
      </c>
      <c r="G13558" t="s">
        <v>14</v>
      </c>
      <c r="H13558" t="s">
        <v>28246</v>
      </c>
      <c r="I13558" t="s">
        <v>30540</v>
      </c>
    </row>
    <row r="13559" spans="1:9">
      <c r="A13559" s="1">
        <f ca="1">RAND()</f>
        <v>0.87798766447989784</v>
      </c>
      <c r="B13559" s="1"/>
      <c r="C13559">
        <v>20</v>
      </c>
      <c r="D13559" t="s">
        <v>28247</v>
      </c>
      <c r="E13559" t="s">
        <v>34310</v>
      </c>
      <c r="F13559">
        <v>2</v>
      </c>
      <c r="G13559" t="s">
        <v>14</v>
      </c>
      <c r="H13559" t="s">
        <v>28248</v>
      </c>
      <c r="I13559" t="s">
        <v>30540</v>
      </c>
    </row>
    <row r="13560" spans="1:9">
      <c r="A13560" s="1">
        <f ca="1">RAND()</f>
        <v>0.36478344604649793</v>
      </c>
      <c r="B13560" s="1"/>
      <c r="C13560">
        <v>12</v>
      </c>
      <c r="D13560" t="s">
        <v>28237</v>
      </c>
      <c r="E13560" t="s">
        <v>34311</v>
      </c>
      <c r="F13560">
        <v>4</v>
      </c>
      <c r="G13560" t="s">
        <v>766</v>
      </c>
      <c r="H13560" t="s">
        <v>28238</v>
      </c>
      <c r="I13560" t="s">
        <v>30540</v>
      </c>
    </row>
    <row r="13561" spans="1:9">
      <c r="A13561" s="1">
        <f ca="1">RAND()</f>
        <v>0.90879401472815857</v>
      </c>
      <c r="B13561" s="1"/>
      <c r="C13561">
        <v>7</v>
      </c>
      <c r="D13561" t="s">
        <v>28235</v>
      </c>
      <c r="E13561" t="s">
        <v>34311</v>
      </c>
      <c r="F13561">
        <v>4</v>
      </c>
      <c r="G13561" t="s">
        <v>9</v>
      </c>
      <c r="H13561" t="s">
        <v>28236</v>
      </c>
      <c r="I13561" t="s">
        <v>30540</v>
      </c>
    </row>
    <row r="13562" spans="1:9">
      <c r="A13562" s="1">
        <f ca="1">RAND()</f>
        <v>0.36347948220170156</v>
      </c>
      <c r="B13562" s="1"/>
      <c r="C13562">
        <v>18</v>
      </c>
      <c r="D13562" t="s">
        <v>28241</v>
      </c>
      <c r="E13562" t="s">
        <v>34311</v>
      </c>
      <c r="F13562">
        <v>4</v>
      </c>
      <c r="G13562" t="s">
        <v>9</v>
      </c>
      <c r="H13562" t="s">
        <v>28242</v>
      </c>
      <c r="I13562" t="s">
        <v>30540</v>
      </c>
    </row>
    <row r="13563" spans="1:9">
      <c r="A13563" s="1">
        <f ca="1">RAND()</f>
        <v>0.93972812686021157</v>
      </c>
      <c r="B13563" s="1"/>
      <c r="C13563">
        <v>14</v>
      </c>
      <c r="D13563" t="s">
        <v>28239</v>
      </c>
      <c r="E13563" t="s">
        <v>34311</v>
      </c>
      <c r="F13563">
        <v>3</v>
      </c>
      <c r="G13563" t="s">
        <v>762</v>
      </c>
      <c r="H13563" t="s">
        <v>28240</v>
      </c>
      <c r="I13563" t="s">
        <v>30540</v>
      </c>
    </row>
    <row r="13564" spans="1:9">
      <c r="A13564" s="1">
        <f ca="1">RAND()</f>
        <v>0.54887519241246219</v>
      </c>
      <c r="B13564" s="1"/>
      <c r="C13564">
        <v>13</v>
      </c>
      <c r="D13564" t="s">
        <v>28229</v>
      </c>
      <c r="E13564" t="s">
        <v>34312</v>
      </c>
      <c r="F13564">
        <v>5</v>
      </c>
      <c r="G13564" t="s">
        <v>9</v>
      </c>
      <c r="H13564" t="s">
        <v>28230</v>
      </c>
      <c r="I13564" t="s">
        <v>30540</v>
      </c>
    </row>
    <row r="13565" spans="1:9">
      <c r="A13565" s="1">
        <f ca="1">RAND()</f>
        <v>0.71253750569410412</v>
      </c>
      <c r="B13565" s="1"/>
      <c r="C13565">
        <v>4</v>
      </c>
      <c r="D13565" t="s">
        <v>28223</v>
      </c>
      <c r="E13565" t="s">
        <v>34312</v>
      </c>
      <c r="F13565">
        <v>5</v>
      </c>
      <c r="G13565" t="s">
        <v>15</v>
      </c>
      <c r="H13565" t="s">
        <v>28224</v>
      </c>
      <c r="I13565" t="s">
        <v>30540</v>
      </c>
    </row>
    <row r="13566" spans="1:9">
      <c r="A13566" s="1">
        <f ca="1">RAND()</f>
        <v>0.44349999074934976</v>
      </c>
      <c r="B13566" s="1"/>
      <c r="C13566">
        <v>17</v>
      </c>
      <c r="D13566" t="s">
        <v>28233</v>
      </c>
      <c r="E13566" t="s">
        <v>34312</v>
      </c>
      <c r="F13566">
        <v>5</v>
      </c>
      <c r="G13566" t="s">
        <v>9</v>
      </c>
      <c r="H13566" t="s">
        <v>28234</v>
      </c>
      <c r="I13566" t="s">
        <v>30540</v>
      </c>
    </row>
    <row r="13567" spans="1:9">
      <c r="A13567" s="1">
        <f ca="1">RAND()</f>
        <v>0.37114483265295184</v>
      </c>
      <c r="B13567" s="1"/>
      <c r="C13567">
        <v>14</v>
      </c>
      <c r="D13567" t="s">
        <v>28231</v>
      </c>
      <c r="E13567" t="s">
        <v>34312</v>
      </c>
      <c r="F13567">
        <v>4</v>
      </c>
      <c r="G13567" t="s">
        <v>9</v>
      </c>
      <c r="H13567" t="s">
        <v>28232</v>
      </c>
      <c r="I13567" t="s">
        <v>30540</v>
      </c>
    </row>
    <row r="13568" spans="1:9">
      <c r="A13568" s="1">
        <f ca="1">RAND()</f>
        <v>0.59284373688550918</v>
      </c>
      <c r="B13568" s="1"/>
      <c r="C13568">
        <v>5</v>
      </c>
      <c r="D13568" t="s">
        <v>28225</v>
      </c>
      <c r="E13568" t="s">
        <v>34312</v>
      </c>
      <c r="F13568">
        <v>4</v>
      </c>
      <c r="G13568" t="s">
        <v>2</v>
      </c>
      <c r="H13568" t="s">
        <v>28226</v>
      </c>
      <c r="I13568" t="s">
        <v>30540</v>
      </c>
    </row>
    <row r="13569" spans="1:9">
      <c r="A13569" s="1">
        <f ca="1">RAND()</f>
        <v>0.20357357123964226</v>
      </c>
      <c r="B13569" s="1"/>
      <c r="C13569">
        <v>6</v>
      </c>
      <c r="D13569" t="s">
        <v>28227</v>
      </c>
      <c r="E13569" t="s">
        <v>34312</v>
      </c>
      <c r="F13569">
        <v>3</v>
      </c>
      <c r="G13569" t="s">
        <v>9</v>
      </c>
      <c r="H13569" t="s">
        <v>28228</v>
      </c>
      <c r="I13569" t="s">
        <v>30540</v>
      </c>
    </row>
    <row r="13570" spans="1:9">
      <c r="A13570" s="1">
        <f ca="1">RAND()</f>
        <v>0.26211347848133981</v>
      </c>
      <c r="B13570" s="1"/>
      <c r="C13570">
        <v>19</v>
      </c>
      <c r="D13570" t="s">
        <v>28221</v>
      </c>
      <c r="E13570" t="s">
        <v>34313</v>
      </c>
      <c r="F13570">
        <v>5</v>
      </c>
      <c r="G13570" t="s">
        <v>9</v>
      </c>
      <c r="H13570" t="s">
        <v>28222</v>
      </c>
      <c r="I13570" t="s">
        <v>30540</v>
      </c>
    </row>
    <row r="13571" spans="1:9">
      <c r="A13571" s="1">
        <f ca="1">RAND()</f>
        <v>8.1624008450122076E-2</v>
      </c>
      <c r="B13571" s="1"/>
      <c r="C13571">
        <v>12</v>
      </c>
      <c r="D13571" t="s">
        <v>28217</v>
      </c>
      <c r="E13571" t="s">
        <v>34313</v>
      </c>
      <c r="F13571">
        <v>4</v>
      </c>
      <c r="G13571" t="s">
        <v>9</v>
      </c>
      <c r="H13571" t="s">
        <v>28218</v>
      </c>
      <c r="I13571" t="s">
        <v>30540</v>
      </c>
    </row>
    <row r="13572" spans="1:9">
      <c r="A13572" s="1">
        <f ca="1">RAND()</f>
        <v>0.63565116502492325</v>
      </c>
      <c r="B13572" s="1"/>
      <c r="C13572">
        <v>17</v>
      </c>
      <c r="D13572" t="s">
        <v>28219</v>
      </c>
      <c r="E13572" t="s">
        <v>34313</v>
      </c>
      <c r="F13572">
        <v>3</v>
      </c>
      <c r="G13572" t="s">
        <v>9</v>
      </c>
      <c r="H13572" t="s">
        <v>28220</v>
      </c>
      <c r="I13572" t="s">
        <v>30540</v>
      </c>
    </row>
    <row r="13573" spans="1:9">
      <c r="A13573" s="1">
        <f ca="1">RAND()</f>
        <v>0.17076182571603671</v>
      </c>
      <c r="B13573" s="1"/>
      <c r="C13573">
        <v>11</v>
      </c>
      <c r="D13573" t="s">
        <v>28215</v>
      </c>
      <c r="E13573" t="s">
        <v>34313</v>
      </c>
      <c r="F13573">
        <v>2</v>
      </c>
      <c r="G13573" t="s">
        <v>9</v>
      </c>
      <c r="H13573" t="s">
        <v>28216</v>
      </c>
      <c r="I13573" t="s">
        <v>30540</v>
      </c>
    </row>
    <row r="13574" spans="1:9">
      <c r="A13574" s="1">
        <f ca="1">RAND()</f>
        <v>0.80714365332357707</v>
      </c>
      <c r="B13574" s="1"/>
      <c r="C13574">
        <v>5</v>
      </c>
      <c r="D13574" t="s">
        <v>28209</v>
      </c>
      <c r="E13574" t="s">
        <v>34314</v>
      </c>
      <c r="F13574">
        <v>4</v>
      </c>
      <c r="G13574" t="s">
        <v>9</v>
      </c>
      <c r="H13574" t="s">
        <v>28210</v>
      </c>
      <c r="I13574" t="s">
        <v>30540</v>
      </c>
    </row>
    <row r="13575" spans="1:9">
      <c r="A13575" s="1">
        <f ca="1">RAND()</f>
        <v>0.18448739685314608</v>
      </c>
      <c r="B13575" s="1"/>
      <c r="C13575">
        <v>3</v>
      </c>
      <c r="D13575" t="s">
        <v>28207</v>
      </c>
      <c r="E13575" t="s">
        <v>34314</v>
      </c>
      <c r="F13575">
        <v>4</v>
      </c>
      <c r="G13575" t="s">
        <v>15</v>
      </c>
      <c r="H13575" t="s">
        <v>28208</v>
      </c>
      <c r="I13575" t="s">
        <v>30540</v>
      </c>
    </row>
    <row r="13576" spans="1:9">
      <c r="A13576" s="1">
        <f ca="1">RAND()</f>
        <v>0.61923327669604611</v>
      </c>
      <c r="B13576" s="1"/>
      <c r="C13576">
        <v>8</v>
      </c>
      <c r="D13576" t="s">
        <v>28211</v>
      </c>
      <c r="E13576" t="s">
        <v>34314</v>
      </c>
      <c r="F13576">
        <v>4</v>
      </c>
      <c r="G13576" t="s">
        <v>15</v>
      </c>
      <c r="H13576" t="s">
        <v>28212</v>
      </c>
      <c r="I13576" t="s">
        <v>30540</v>
      </c>
    </row>
    <row r="13577" spans="1:9">
      <c r="A13577" s="1">
        <f ca="1">RAND()</f>
        <v>0.16436444514711157</v>
      </c>
      <c r="B13577" s="1"/>
      <c r="C13577">
        <v>2</v>
      </c>
      <c r="D13577" t="s">
        <v>28205</v>
      </c>
      <c r="E13577" t="s">
        <v>34314</v>
      </c>
      <c r="F13577">
        <v>4</v>
      </c>
      <c r="G13577" t="s">
        <v>9</v>
      </c>
      <c r="H13577" t="s">
        <v>28206</v>
      </c>
      <c r="I13577" t="s">
        <v>30540</v>
      </c>
    </row>
    <row r="13578" spans="1:9">
      <c r="A13578" s="1">
        <f ca="1">RAND()</f>
        <v>0.50145591401513001</v>
      </c>
      <c r="B13578" s="1"/>
      <c r="C13578">
        <v>12</v>
      </c>
      <c r="D13578" t="s">
        <v>28213</v>
      </c>
      <c r="E13578" t="s">
        <v>34314</v>
      </c>
      <c r="F13578">
        <v>4</v>
      </c>
      <c r="G13578" t="s">
        <v>10</v>
      </c>
      <c r="H13578" t="s">
        <v>28214</v>
      </c>
      <c r="I13578" t="s">
        <v>30540</v>
      </c>
    </row>
    <row r="13579" spans="1:9">
      <c r="A13579" s="1">
        <f ca="1">RAND()</f>
        <v>0.35024408838223631</v>
      </c>
      <c r="B13579" s="1"/>
      <c r="C13579">
        <v>17</v>
      </c>
      <c r="D13579" t="s">
        <v>28199</v>
      </c>
      <c r="E13579" t="s">
        <v>34315</v>
      </c>
      <c r="F13579">
        <v>4</v>
      </c>
      <c r="G13579" t="s">
        <v>9</v>
      </c>
      <c r="H13579" t="s">
        <v>28200</v>
      </c>
      <c r="I13579" t="s">
        <v>30540</v>
      </c>
    </row>
    <row r="13580" spans="1:9">
      <c r="A13580" s="1">
        <f ca="1">RAND()</f>
        <v>0.42962837000216847</v>
      </c>
      <c r="B13580" s="1"/>
      <c r="C13580">
        <v>20</v>
      </c>
      <c r="D13580" t="s">
        <v>28203</v>
      </c>
      <c r="E13580" t="s">
        <v>34315</v>
      </c>
      <c r="F13580">
        <v>4</v>
      </c>
      <c r="G13580" t="s">
        <v>9</v>
      </c>
      <c r="H13580" t="s">
        <v>28204</v>
      </c>
      <c r="I13580" t="s">
        <v>30540</v>
      </c>
    </row>
    <row r="13581" spans="1:9">
      <c r="A13581" s="1">
        <f ca="1">RAND()</f>
        <v>0.56651212637021331</v>
      </c>
      <c r="B13581" s="1"/>
      <c r="C13581">
        <v>16</v>
      </c>
      <c r="D13581" t="s">
        <v>28197</v>
      </c>
      <c r="E13581" t="s">
        <v>34315</v>
      </c>
      <c r="F13581">
        <v>3</v>
      </c>
      <c r="G13581" t="s">
        <v>9</v>
      </c>
      <c r="H13581" t="s">
        <v>28198</v>
      </c>
      <c r="I13581" t="s">
        <v>30540</v>
      </c>
    </row>
    <row r="13582" spans="1:9">
      <c r="A13582" s="1">
        <f ca="1">RAND()</f>
        <v>0.51381778569030945</v>
      </c>
      <c r="B13582" s="1"/>
      <c r="C13582">
        <v>18</v>
      </c>
      <c r="D13582" t="s">
        <v>28201</v>
      </c>
      <c r="E13582" t="s">
        <v>34315</v>
      </c>
      <c r="F13582">
        <v>3</v>
      </c>
      <c r="G13582" t="s">
        <v>9</v>
      </c>
      <c r="H13582" t="s">
        <v>28202</v>
      </c>
      <c r="I13582" t="s">
        <v>30540</v>
      </c>
    </row>
    <row r="13583" spans="1:9">
      <c r="A13583" s="1">
        <f ca="1">RAND()</f>
        <v>0.88297441630021611</v>
      </c>
      <c r="B13583" s="1"/>
      <c r="C13583">
        <v>5</v>
      </c>
      <c r="D13583" t="s">
        <v>28191</v>
      </c>
      <c r="E13583" t="s">
        <v>34316</v>
      </c>
      <c r="F13583">
        <v>4</v>
      </c>
      <c r="G13583" t="s">
        <v>9</v>
      </c>
      <c r="H13583" t="s">
        <v>28192</v>
      </c>
      <c r="I13583" t="s">
        <v>30540</v>
      </c>
    </row>
    <row r="13584" spans="1:9">
      <c r="A13584" s="1">
        <f ca="1">RAND()</f>
        <v>0.10082686853093126</v>
      </c>
      <c r="B13584" s="1"/>
      <c r="C13584">
        <v>19</v>
      </c>
      <c r="D13584" t="s">
        <v>28193</v>
      </c>
      <c r="E13584" t="s">
        <v>34316</v>
      </c>
      <c r="F13584">
        <v>4</v>
      </c>
      <c r="G13584" t="s">
        <v>9</v>
      </c>
      <c r="H13584" t="s">
        <v>28194</v>
      </c>
      <c r="I13584" t="s">
        <v>30540</v>
      </c>
    </row>
    <row r="13585" spans="1:9">
      <c r="A13585" s="1">
        <f ca="1">RAND()</f>
        <v>0.40850332892165087</v>
      </c>
      <c r="B13585" s="1"/>
      <c r="C13585">
        <v>20</v>
      </c>
      <c r="D13585" t="s">
        <v>28195</v>
      </c>
      <c r="E13585" t="s">
        <v>34316</v>
      </c>
      <c r="F13585">
        <v>4</v>
      </c>
      <c r="G13585" t="s">
        <v>2738</v>
      </c>
      <c r="H13585" t="s">
        <v>28196</v>
      </c>
      <c r="I13585" t="s">
        <v>30540</v>
      </c>
    </row>
    <row r="13586" spans="1:9">
      <c r="A13586" s="1">
        <f ca="1">RAND()</f>
        <v>0.63881711710373978</v>
      </c>
      <c r="B13586" s="1"/>
      <c r="C13586">
        <v>4</v>
      </c>
      <c r="D13586" t="s">
        <v>28189</v>
      </c>
      <c r="E13586" t="s">
        <v>34316</v>
      </c>
      <c r="F13586">
        <v>1</v>
      </c>
      <c r="G13586" t="s">
        <v>1426</v>
      </c>
      <c r="H13586" t="s">
        <v>28190</v>
      </c>
      <c r="I13586" t="s">
        <v>30540</v>
      </c>
    </row>
    <row r="13587" spans="1:9">
      <c r="A13587" s="1">
        <f ca="1">RAND()</f>
        <v>0.6130249898543324</v>
      </c>
      <c r="B13587" s="1"/>
      <c r="C13587">
        <v>19</v>
      </c>
      <c r="D13587" t="s">
        <v>28187</v>
      </c>
      <c r="E13587" t="s">
        <v>34317</v>
      </c>
      <c r="F13587">
        <v>4</v>
      </c>
      <c r="G13587" t="s">
        <v>9</v>
      </c>
      <c r="H13587" t="s">
        <v>28188</v>
      </c>
      <c r="I13587" t="s">
        <v>30540</v>
      </c>
    </row>
    <row r="13588" spans="1:9">
      <c r="A13588" s="1">
        <f ca="1">RAND()</f>
        <v>0.13339825450816989</v>
      </c>
      <c r="B13588" s="1"/>
      <c r="C13588">
        <v>15</v>
      </c>
      <c r="D13588" t="s">
        <v>28183</v>
      </c>
      <c r="E13588" t="s">
        <v>34317</v>
      </c>
      <c r="F13588">
        <v>4</v>
      </c>
      <c r="G13588" t="s">
        <v>9</v>
      </c>
      <c r="H13588" t="s">
        <v>28184</v>
      </c>
      <c r="I13588" t="s">
        <v>30540</v>
      </c>
    </row>
    <row r="13589" spans="1:9">
      <c r="A13589" s="1">
        <f ca="1">RAND()</f>
        <v>0.40700369973670936</v>
      </c>
      <c r="B13589" s="1"/>
      <c r="C13589">
        <v>18</v>
      </c>
      <c r="D13589" t="s">
        <v>28185</v>
      </c>
      <c r="E13589" t="s">
        <v>34317</v>
      </c>
      <c r="F13589">
        <v>4</v>
      </c>
      <c r="G13589" t="s">
        <v>9</v>
      </c>
      <c r="H13589" t="s">
        <v>28186</v>
      </c>
      <c r="I13589" t="s">
        <v>30540</v>
      </c>
    </row>
    <row r="13590" spans="1:9">
      <c r="A13590" s="1">
        <f ca="1">RAND()</f>
        <v>0.90326874488798348</v>
      </c>
      <c r="B13590" s="1"/>
      <c r="C13590">
        <v>3</v>
      </c>
      <c r="D13590" t="s">
        <v>28181</v>
      </c>
      <c r="E13590" t="s">
        <v>34317</v>
      </c>
      <c r="F13590">
        <v>2</v>
      </c>
      <c r="G13590" t="s">
        <v>10</v>
      </c>
      <c r="H13590" t="s">
        <v>28182</v>
      </c>
      <c r="I13590" t="s">
        <v>30540</v>
      </c>
    </row>
    <row r="13591" spans="1:9">
      <c r="A13591" s="1">
        <f ca="1">RAND()</f>
        <v>0.81511149961961682</v>
      </c>
      <c r="B13591" s="1"/>
      <c r="C13591">
        <v>19</v>
      </c>
      <c r="D13591" t="s">
        <v>28179</v>
      </c>
      <c r="E13591" t="s">
        <v>34318</v>
      </c>
      <c r="F13591">
        <v>4</v>
      </c>
      <c r="G13591" t="s">
        <v>14</v>
      </c>
      <c r="H13591" t="s">
        <v>28180</v>
      </c>
      <c r="I13591" t="s">
        <v>30540</v>
      </c>
    </row>
    <row r="13592" spans="1:9">
      <c r="A13592" s="1">
        <f ca="1">RAND()</f>
        <v>0.2671143477596658</v>
      </c>
      <c r="B13592" s="1"/>
      <c r="C13592">
        <v>14</v>
      </c>
      <c r="D13592" t="s">
        <v>28173</v>
      </c>
      <c r="E13592" t="s">
        <v>34318</v>
      </c>
      <c r="F13592">
        <v>4</v>
      </c>
      <c r="G13592" t="s">
        <v>10</v>
      </c>
      <c r="H13592" t="s">
        <v>28174</v>
      </c>
      <c r="I13592" t="s">
        <v>30540</v>
      </c>
    </row>
    <row r="13593" spans="1:9">
      <c r="A13593" s="1">
        <f ca="1">RAND()</f>
        <v>0.18751814401031697</v>
      </c>
      <c r="B13593" s="1"/>
      <c r="C13593">
        <v>10</v>
      </c>
      <c r="D13593" t="s">
        <v>28171</v>
      </c>
      <c r="E13593" t="s">
        <v>34318</v>
      </c>
      <c r="F13593">
        <v>4</v>
      </c>
      <c r="G13593" t="s">
        <v>9</v>
      </c>
      <c r="H13593" t="s">
        <v>28172</v>
      </c>
      <c r="I13593" t="s">
        <v>30540</v>
      </c>
    </row>
    <row r="13594" spans="1:9">
      <c r="A13594" s="1">
        <f ca="1">RAND()</f>
        <v>0.3418623507242492</v>
      </c>
      <c r="B13594" s="1"/>
      <c r="C13594">
        <v>16</v>
      </c>
      <c r="D13594" t="s">
        <v>28177</v>
      </c>
      <c r="E13594" t="s">
        <v>34318</v>
      </c>
      <c r="F13594">
        <v>4</v>
      </c>
      <c r="G13594" t="s">
        <v>14</v>
      </c>
      <c r="H13594" t="s">
        <v>28178</v>
      </c>
      <c r="I13594" t="s">
        <v>30540</v>
      </c>
    </row>
    <row r="13595" spans="1:9">
      <c r="A13595" s="1">
        <f ca="1">RAND()</f>
        <v>0.29243587734104726</v>
      </c>
      <c r="B13595" s="1"/>
      <c r="C13595">
        <v>8</v>
      </c>
      <c r="D13595" t="s">
        <v>28169</v>
      </c>
      <c r="E13595" t="s">
        <v>34318</v>
      </c>
      <c r="F13595">
        <v>3</v>
      </c>
      <c r="G13595" t="s">
        <v>10</v>
      </c>
      <c r="H13595" t="s">
        <v>28170</v>
      </c>
      <c r="I13595" t="s">
        <v>30540</v>
      </c>
    </row>
    <row r="13596" spans="1:9">
      <c r="A13596" s="1">
        <f ca="1">RAND()</f>
        <v>4.5616775679790944E-3</v>
      </c>
      <c r="B13596" s="1"/>
      <c r="C13596">
        <v>15</v>
      </c>
      <c r="D13596" t="s">
        <v>28175</v>
      </c>
      <c r="E13596" t="s">
        <v>34318</v>
      </c>
      <c r="F13596">
        <v>3</v>
      </c>
      <c r="G13596" t="s">
        <v>14</v>
      </c>
      <c r="H13596" t="s">
        <v>28176</v>
      </c>
      <c r="I13596" t="s">
        <v>30540</v>
      </c>
    </row>
    <row r="13597" spans="1:9">
      <c r="A13597" s="1">
        <f ca="1">RAND()</f>
        <v>0.97421436965698749</v>
      </c>
      <c r="B13597" s="1"/>
      <c r="C13597">
        <v>7</v>
      </c>
      <c r="D13597" t="s">
        <v>28161</v>
      </c>
      <c r="E13597" t="s">
        <v>34319</v>
      </c>
      <c r="F13597">
        <v>5</v>
      </c>
      <c r="G13597" t="s">
        <v>10</v>
      </c>
      <c r="H13597" t="s">
        <v>28162</v>
      </c>
      <c r="I13597" t="s">
        <v>30540</v>
      </c>
    </row>
    <row r="13598" spans="1:9">
      <c r="A13598" s="1">
        <f ca="1">RAND()</f>
        <v>0.3520349836824691</v>
      </c>
      <c r="B13598" s="1"/>
      <c r="C13598">
        <v>12</v>
      </c>
      <c r="D13598" t="s">
        <v>28165</v>
      </c>
      <c r="E13598" t="s">
        <v>34319</v>
      </c>
      <c r="F13598">
        <v>4</v>
      </c>
      <c r="G13598" t="s">
        <v>15</v>
      </c>
      <c r="H13598" t="s">
        <v>28166</v>
      </c>
      <c r="I13598" t="s">
        <v>30540</v>
      </c>
    </row>
    <row r="13599" spans="1:9">
      <c r="A13599" s="1">
        <f ca="1">RAND()</f>
        <v>0.88121033519035308</v>
      </c>
      <c r="B13599" s="1"/>
      <c r="C13599">
        <v>8</v>
      </c>
      <c r="D13599" t="s">
        <v>28163</v>
      </c>
      <c r="E13599" t="s">
        <v>34319</v>
      </c>
      <c r="F13599">
        <v>4</v>
      </c>
      <c r="G13599" t="s">
        <v>775</v>
      </c>
      <c r="H13599" t="s">
        <v>28164</v>
      </c>
      <c r="I13599" t="s">
        <v>30540</v>
      </c>
    </row>
    <row r="13600" spans="1:9">
      <c r="A13600" s="1">
        <f ca="1">RAND()</f>
        <v>0.67762033206284122</v>
      </c>
      <c r="B13600" s="1"/>
      <c r="C13600">
        <v>20</v>
      </c>
      <c r="D13600" t="s">
        <v>28167</v>
      </c>
      <c r="E13600" t="s">
        <v>34319</v>
      </c>
      <c r="F13600">
        <v>1</v>
      </c>
      <c r="G13600" t="s">
        <v>10</v>
      </c>
      <c r="H13600" t="s">
        <v>28168</v>
      </c>
      <c r="I13600" t="s">
        <v>30540</v>
      </c>
    </row>
    <row r="13601" spans="1:9">
      <c r="A13601" s="1">
        <f ca="1">RAND()</f>
        <v>0.92012757897401609</v>
      </c>
      <c r="B13601" s="1"/>
      <c r="C13601">
        <v>2</v>
      </c>
      <c r="D13601" t="s">
        <v>28155</v>
      </c>
      <c r="E13601" t="s">
        <v>34320</v>
      </c>
      <c r="F13601">
        <v>5</v>
      </c>
      <c r="G13601" t="s">
        <v>2</v>
      </c>
      <c r="H13601" t="s">
        <v>28156</v>
      </c>
      <c r="I13601" t="s">
        <v>30540</v>
      </c>
    </row>
    <row r="13602" spans="1:9">
      <c r="A13602" s="1">
        <f ca="1">RAND()</f>
        <v>0.94912338033344412</v>
      </c>
      <c r="B13602" s="1"/>
      <c r="C13602">
        <v>6</v>
      </c>
      <c r="D13602" t="s">
        <v>28157</v>
      </c>
      <c r="E13602" t="s">
        <v>34320</v>
      </c>
      <c r="F13602">
        <v>5</v>
      </c>
      <c r="G13602" t="s">
        <v>14</v>
      </c>
      <c r="H13602" t="s">
        <v>28158</v>
      </c>
      <c r="I13602" t="s">
        <v>30540</v>
      </c>
    </row>
    <row r="13603" spans="1:9">
      <c r="A13603" s="1">
        <f ca="1">RAND()</f>
        <v>0.43094514490635738</v>
      </c>
      <c r="B13603" s="1"/>
      <c r="C13603">
        <v>15</v>
      </c>
      <c r="D13603" t="s">
        <v>28159</v>
      </c>
      <c r="E13603" t="s">
        <v>34320</v>
      </c>
      <c r="F13603">
        <v>2</v>
      </c>
      <c r="G13603" t="s">
        <v>14</v>
      </c>
      <c r="H13603" t="s">
        <v>28160</v>
      </c>
      <c r="I13603" t="s">
        <v>30540</v>
      </c>
    </row>
    <row r="13604" spans="1:9">
      <c r="A13604" s="1">
        <f ca="1">RAND()</f>
        <v>0.68888483112190468</v>
      </c>
      <c r="B13604" s="1"/>
      <c r="C13604">
        <v>15</v>
      </c>
      <c r="D13604" t="s">
        <v>28149</v>
      </c>
      <c r="E13604" t="s">
        <v>34321</v>
      </c>
      <c r="F13604">
        <v>4</v>
      </c>
      <c r="G13604" t="s">
        <v>14</v>
      </c>
      <c r="H13604" t="s">
        <v>28150</v>
      </c>
      <c r="I13604" t="s">
        <v>30540</v>
      </c>
    </row>
    <row r="13605" spans="1:9">
      <c r="A13605" s="1">
        <f ca="1">RAND()</f>
        <v>0.12863510109587883</v>
      </c>
      <c r="B13605" s="1"/>
      <c r="C13605">
        <v>17</v>
      </c>
      <c r="D13605" t="s">
        <v>28151</v>
      </c>
      <c r="E13605" t="s">
        <v>34321</v>
      </c>
      <c r="F13605">
        <v>4</v>
      </c>
      <c r="G13605" t="s">
        <v>14</v>
      </c>
      <c r="H13605" t="s">
        <v>28152</v>
      </c>
      <c r="I13605" t="s">
        <v>30540</v>
      </c>
    </row>
    <row r="13606" spans="1:9">
      <c r="A13606" s="1">
        <f ca="1">RAND()</f>
        <v>0.57712619318654879</v>
      </c>
      <c r="B13606" s="1"/>
      <c r="C13606">
        <v>18</v>
      </c>
      <c r="D13606" t="s">
        <v>28153</v>
      </c>
      <c r="E13606" t="s">
        <v>34321</v>
      </c>
      <c r="F13606">
        <v>4</v>
      </c>
      <c r="G13606" t="s">
        <v>14</v>
      </c>
      <c r="H13606" t="s">
        <v>28154</v>
      </c>
      <c r="I13606" t="s">
        <v>30540</v>
      </c>
    </row>
    <row r="13607" spans="1:9">
      <c r="A13607" s="1">
        <f ca="1">RAND()</f>
        <v>4.3497212037527655E-2</v>
      </c>
      <c r="B13607" s="1"/>
      <c r="C13607">
        <v>14</v>
      </c>
      <c r="D13607" t="s">
        <v>28147</v>
      </c>
      <c r="E13607" t="s">
        <v>34321</v>
      </c>
      <c r="F13607">
        <v>2</v>
      </c>
      <c r="G13607" t="s">
        <v>14</v>
      </c>
      <c r="H13607" t="s">
        <v>28148</v>
      </c>
      <c r="I13607" t="s">
        <v>30540</v>
      </c>
    </row>
    <row r="13608" spans="1:9">
      <c r="A13608" s="1">
        <f ca="1">RAND()</f>
        <v>0.22050290445735032</v>
      </c>
      <c r="B13608" s="1"/>
      <c r="C13608">
        <v>10</v>
      </c>
      <c r="D13608" t="s">
        <v>28141</v>
      </c>
      <c r="E13608" t="s">
        <v>34322</v>
      </c>
      <c r="F13608">
        <v>4</v>
      </c>
      <c r="G13608" t="s">
        <v>14</v>
      </c>
      <c r="H13608" t="s">
        <v>28142</v>
      </c>
      <c r="I13608" t="s">
        <v>30540</v>
      </c>
    </row>
    <row r="13609" spans="1:9">
      <c r="A13609" s="1">
        <f ca="1">RAND()</f>
        <v>0.74748338406493864</v>
      </c>
      <c r="B13609" s="1"/>
      <c r="C13609">
        <v>16</v>
      </c>
      <c r="D13609" t="s">
        <v>28143</v>
      </c>
      <c r="E13609" t="s">
        <v>34322</v>
      </c>
      <c r="F13609">
        <v>3</v>
      </c>
      <c r="G13609" t="s">
        <v>14</v>
      </c>
      <c r="H13609" t="s">
        <v>28144</v>
      </c>
      <c r="I13609" t="s">
        <v>30540</v>
      </c>
    </row>
    <row r="13610" spans="1:9">
      <c r="A13610" s="1">
        <f ca="1">RAND()</f>
        <v>0.93589329534022259</v>
      </c>
      <c r="B13610" s="1"/>
      <c r="C13610">
        <v>17</v>
      </c>
      <c r="D13610" t="s">
        <v>28145</v>
      </c>
      <c r="E13610" t="s">
        <v>34322</v>
      </c>
      <c r="F13610">
        <v>2</v>
      </c>
      <c r="G13610" t="s">
        <v>15</v>
      </c>
      <c r="H13610" t="s">
        <v>28146</v>
      </c>
      <c r="I13610" t="s">
        <v>30540</v>
      </c>
    </row>
    <row r="13611" spans="1:9">
      <c r="A13611" s="1">
        <f ca="1">RAND()</f>
        <v>0.57714978836999076</v>
      </c>
      <c r="B13611" s="1"/>
      <c r="C13611">
        <v>2</v>
      </c>
      <c r="D13611" t="s">
        <v>28133</v>
      </c>
      <c r="E13611" t="s">
        <v>34323</v>
      </c>
      <c r="F13611">
        <v>4</v>
      </c>
      <c r="G13611" t="s">
        <v>2</v>
      </c>
      <c r="H13611" t="s">
        <v>28134</v>
      </c>
      <c r="I13611" t="s">
        <v>30540</v>
      </c>
    </row>
    <row r="13612" spans="1:9">
      <c r="A13612" s="1">
        <f ca="1">RAND()</f>
        <v>0.77544987183837233</v>
      </c>
      <c r="B13612" s="1"/>
      <c r="C13612">
        <v>7</v>
      </c>
      <c r="D13612" t="s">
        <v>28137</v>
      </c>
      <c r="E13612" t="s">
        <v>34323</v>
      </c>
      <c r="F13612">
        <v>4</v>
      </c>
      <c r="G13612" t="s">
        <v>1</v>
      </c>
      <c r="H13612" t="s">
        <v>28138</v>
      </c>
      <c r="I13612" t="s">
        <v>30540</v>
      </c>
    </row>
    <row r="13613" spans="1:9">
      <c r="A13613" s="1">
        <f ca="1">RAND()</f>
        <v>0.2410128014850712</v>
      </c>
      <c r="B13613" s="1"/>
      <c r="C13613">
        <v>14</v>
      </c>
      <c r="D13613" t="s">
        <v>28139</v>
      </c>
      <c r="E13613" t="s">
        <v>34323</v>
      </c>
      <c r="F13613">
        <v>4</v>
      </c>
      <c r="G13613" t="s">
        <v>14</v>
      </c>
      <c r="H13613" t="s">
        <v>28140</v>
      </c>
      <c r="I13613" t="s">
        <v>30540</v>
      </c>
    </row>
    <row r="13614" spans="1:9">
      <c r="A13614" s="1">
        <f ca="1">RAND()</f>
        <v>0.28172738734163827</v>
      </c>
      <c r="B13614" s="1"/>
      <c r="C13614">
        <v>6</v>
      </c>
      <c r="D13614" t="s">
        <v>28135</v>
      </c>
      <c r="E13614" t="s">
        <v>34323</v>
      </c>
      <c r="F13614">
        <v>2</v>
      </c>
      <c r="G13614" t="s">
        <v>9</v>
      </c>
      <c r="H13614" t="s">
        <v>28136</v>
      </c>
      <c r="I13614" t="s">
        <v>30540</v>
      </c>
    </row>
    <row r="13615" spans="1:9">
      <c r="A13615" s="1">
        <f ca="1">RAND()</f>
        <v>0.75352030282328109</v>
      </c>
      <c r="B13615" s="1"/>
      <c r="C13615">
        <v>20</v>
      </c>
      <c r="D13615" t="s">
        <v>28131</v>
      </c>
      <c r="E13615" t="s">
        <v>34324</v>
      </c>
      <c r="F13615">
        <v>5</v>
      </c>
      <c r="G13615" t="s">
        <v>2738</v>
      </c>
      <c r="H13615" t="s">
        <v>28132</v>
      </c>
      <c r="I13615" t="s">
        <v>30540</v>
      </c>
    </row>
    <row r="13616" spans="1:9">
      <c r="A13616" s="1">
        <f ca="1">RAND()</f>
        <v>0.91503551458884835</v>
      </c>
      <c r="B13616" s="1"/>
      <c r="C13616">
        <v>13</v>
      </c>
      <c r="D13616" t="s">
        <v>28129</v>
      </c>
      <c r="E13616" t="s">
        <v>34324</v>
      </c>
      <c r="F13616">
        <v>5</v>
      </c>
      <c r="G13616" t="s">
        <v>10</v>
      </c>
      <c r="H13616" t="s">
        <v>28130</v>
      </c>
      <c r="I13616" t="s">
        <v>30540</v>
      </c>
    </row>
    <row r="13617" spans="1:9">
      <c r="A13617" s="1">
        <f ca="1">RAND()</f>
        <v>0.16908525591170243</v>
      </c>
      <c r="B13617" s="1"/>
      <c r="C13617">
        <v>9</v>
      </c>
      <c r="D13617" t="s">
        <v>28125</v>
      </c>
      <c r="E13617" t="s">
        <v>34324</v>
      </c>
      <c r="F13617">
        <v>5</v>
      </c>
      <c r="G13617" t="s">
        <v>9</v>
      </c>
      <c r="H13617" t="s">
        <v>28126</v>
      </c>
      <c r="I13617" t="s">
        <v>30540</v>
      </c>
    </row>
    <row r="13618" spans="1:9">
      <c r="A13618" s="1">
        <f ca="1">RAND()</f>
        <v>0.15428537885526539</v>
      </c>
      <c r="B13618" s="1"/>
      <c r="C13618">
        <v>12</v>
      </c>
      <c r="D13618" t="s">
        <v>28127</v>
      </c>
      <c r="E13618" t="s">
        <v>34324</v>
      </c>
      <c r="F13618">
        <v>2</v>
      </c>
      <c r="G13618" t="s">
        <v>769</v>
      </c>
      <c r="H13618" t="s">
        <v>28128</v>
      </c>
      <c r="I13618" t="s">
        <v>30540</v>
      </c>
    </row>
    <row r="13619" spans="1:9">
      <c r="A13619" s="1">
        <f ca="1">RAND()</f>
        <v>0.95089950922639666</v>
      </c>
      <c r="B13619" s="1"/>
      <c r="C13619">
        <v>6</v>
      </c>
      <c r="D13619" t="s">
        <v>28123</v>
      </c>
      <c r="E13619" t="s">
        <v>34324</v>
      </c>
      <c r="F13619">
        <v>2</v>
      </c>
      <c r="G13619" t="s">
        <v>10</v>
      </c>
      <c r="H13619" t="s">
        <v>28124</v>
      </c>
      <c r="I13619" t="s">
        <v>30540</v>
      </c>
    </row>
    <row r="13620" spans="1:9">
      <c r="A13620" s="1">
        <f ca="1">RAND()</f>
        <v>0.56868137300330279</v>
      </c>
      <c r="B13620" s="1"/>
      <c r="C13620">
        <v>12</v>
      </c>
      <c r="D13620" t="s">
        <v>28119</v>
      </c>
      <c r="E13620" t="s">
        <v>34325</v>
      </c>
      <c r="F13620">
        <v>5</v>
      </c>
      <c r="G13620" t="s">
        <v>0</v>
      </c>
      <c r="H13620" t="s">
        <v>28120</v>
      </c>
      <c r="I13620" t="s">
        <v>30540</v>
      </c>
    </row>
    <row r="13621" spans="1:9">
      <c r="A13621" s="1">
        <f ca="1">RAND()</f>
        <v>0.64748224333684157</v>
      </c>
      <c r="B13621" s="1"/>
      <c r="C13621">
        <v>11</v>
      </c>
      <c r="D13621" t="s">
        <v>28117</v>
      </c>
      <c r="E13621" t="s">
        <v>34325</v>
      </c>
      <c r="F13621">
        <v>4</v>
      </c>
      <c r="G13621" t="s">
        <v>14</v>
      </c>
      <c r="H13621" t="s">
        <v>28118</v>
      </c>
      <c r="I13621" t="s">
        <v>30540</v>
      </c>
    </row>
    <row r="13622" spans="1:9">
      <c r="A13622" s="1">
        <f ca="1">RAND()</f>
        <v>2.6910042403246792E-2</v>
      </c>
      <c r="B13622" s="1"/>
      <c r="C13622">
        <v>3</v>
      </c>
      <c r="D13622" t="s">
        <v>28115</v>
      </c>
      <c r="E13622" t="s">
        <v>34325</v>
      </c>
      <c r="F13622">
        <v>4</v>
      </c>
      <c r="G13622" t="s">
        <v>13</v>
      </c>
      <c r="H13622" t="s">
        <v>28116</v>
      </c>
      <c r="I13622" t="s">
        <v>30540</v>
      </c>
    </row>
    <row r="13623" spans="1:9">
      <c r="A13623" s="1">
        <f ca="1">RAND()</f>
        <v>0.98648366456362058</v>
      </c>
      <c r="B13623" s="1"/>
      <c r="C13623">
        <v>13</v>
      </c>
      <c r="D13623" t="s">
        <v>28121</v>
      </c>
      <c r="E13623" t="s">
        <v>34325</v>
      </c>
      <c r="F13623">
        <v>4</v>
      </c>
      <c r="G13623" t="s">
        <v>9</v>
      </c>
      <c r="H13623" t="s">
        <v>28122</v>
      </c>
      <c r="I13623" t="s">
        <v>30540</v>
      </c>
    </row>
    <row r="13624" spans="1:9">
      <c r="A13624" s="1">
        <f ca="1">RAND()</f>
        <v>0.48758727585427175</v>
      </c>
      <c r="B13624" s="1"/>
      <c r="C13624">
        <v>20</v>
      </c>
      <c r="D13624" t="s">
        <v>28113</v>
      </c>
      <c r="E13624" t="s">
        <v>34326</v>
      </c>
      <c r="F13624">
        <v>5</v>
      </c>
      <c r="G13624" t="s">
        <v>14</v>
      </c>
      <c r="H13624" t="s">
        <v>28114</v>
      </c>
      <c r="I13624" t="s">
        <v>30540</v>
      </c>
    </row>
    <row r="13625" spans="1:9">
      <c r="A13625" s="1">
        <f ca="1">RAND()</f>
        <v>0.95688268936683829</v>
      </c>
      <c r="B13625" s="1"/>
      <c r="C13625">
        <v>19</v>
      </c>
      <c r="D13625" t="s">
        <v>28111</v>
      </c>
      <c r="E13625" t="s">
        <v>34326</v>
      </c>
      <c r="F13625">
        <v>4</v>
      </c>
      <c r="G13625" t="s">
        <v>14</v>
      </c>
      <c r="H13625" t="s">
        <v>28112</v>
      </c>
      <c r="I13625" t="s">
        <v>30540</v>
      </c>
    </row>
    <row r="13626" spans="1:9">
      <c r="A13626" s="1">
        <f ca="1">RAND()</f>
        <v>0.39098136708148179</v>
      </c>
      <c r="B13626" s="1"/>
      <c r="C13626">
        <v>8</v>
      </c>
      <c r="D13626" t="s">
        <v>28105</v>
      </c>
      <c r="E13626" t="s">
        <v>34326</v>
      </c>
      <c r="F13626">
        <v>3</v>
      </c>
      <c r="G13626" t="s">
        <v>14</v>
      </c>
      <c r="H13626" t="s">
        <v>28106</v>
      </c>
      <c r="I13626" t="s">
        <v>30540</v>
      </c>
    </row>
    <row r="13627" spans="1:9">
      <c r="A13627" s="1">
        <f ca="1">RAND()</f>
        <v>0.88583499354686523</v>
      </c>
      <c r="B13627" s="1"/>
      <c r="C13627">
        <v>17</v>
      </c>
      <c r="D13627" t="s">
        <v>28109</v>
      </c>
      <c r="E13627" t="s">
        <v>34326</v>
      </c>
      <c r="F13627">
        <v>3</v>
      </c>
      <c r="G13627" t="s">
        <v>14</v>
      </c>
      <c r="H13627" t="s">
        <v>28110</v>
      </c>
      <c r="I13627" t="s">
        <v>30540</v>
      </c>
    </row>
    <row r="13628" spans="1:9">
      <c r="A13628" s="1">
        <f ca="1">RAND()</f>
        <v>0.1358955149538188</v>
      </c>
      <c r="B13628" s="1"/>
      <c r="C13628">
        <v>10</v>
      </c>
      <c r="D13628" t="s">
        <v>28107</v>
      </c>
      <c r="E13628" t="s">
        <v>34326</v>
      </c>
      <c r="F13628">
        <v>3</v>
      </c>
      <c r="G13628" t="s">
        <v>9</v>
      </c>
      <c r="H13628" t="s">
        <v>28108</v>
      </c>
      <c r="I13628" t="s">
        <v>30540</v>
      </c>
    </row>
    <row r="13629" spans="1:9">
      <c r="A13629" s="1">
        <f ca="1">RAND()</f>
        <v>0.89243743327100322</v>
      </c>
      <c r="B13629" s="1"/>
      <c r="C13629">
        <v>5</v>
      </c>
      <c r="D13629" t="s">
        <v>28095</v>
      </c>
      <c r="E13629" t="s">
        <v>34327</v>
      </c>
      <c r="F13629">
        <v>4</v>
      </c>
      <c r="G13629" t="s">
        <v>2</v>
      </c>
      <c r="H13629" t="s">
        <v>28096</v>
      </c>
      <c r="I13629" t="s">
        <v>30540</v>
      </c>
    </row>
    <row r="13630" spans="1:9">
      <c r="A13630" s="1">
        <f ca="1">RAND()</f>
        <v>0.55714318228059601</v>
      </c>
      <c r="B13630" s="1"/>
      <c r="C13630">
        <v>14</v>
      </c>
      <c r="D13630" t="s">
        <v>28101</v>
      </c>
      <c r="E13630" t="s">
        <v>34327</v>
      </c>
      <c r="F13630">
        <v>4</v>
      </c>
      <c r="G13630" t="s">
        <v>14</v>
      </c>
      <c r="H13630" t="s">
        <v>28102</v>
      </c>
      <c r="I13630" t="s">
        <v>30540</v>
      </c>
    </row>
    <row r="13631" spans="1:9">
      <c r="A13631" s="1">
        <f ca="1">RAND()</f>
        <v>0.8689146871204686</v>
      </c>
      <c r="B13631" s="1"/>
      <c r="C13631">
        <v>6</v>
      </c>
      <c r="D13631" t="s">
        <v>28097</v>
      </c>
      <c r="E13631" t="s">
        <v>34327</v>
      </c>
      <c r="F13631">
        <v>4</v>
      </c>
      <c r="G13631" t="s">
        <v>14</v>
      </c>
      <c r="H13631" t="s">
        <v>28098</v>
      </c>
      <c r="I13631" t="s">
        <v>30540</v>
      </c>
    </row>
    <row r="13632" spans="1:9">
      <c r="A13632" s="1">
        <f ca="1">RAND()</f>
        <v>0.89536959638537339</v>
      </c>
      <c r="B13632" s="1"/>
      <c r="C13632">
        <v>8</v>
      </c>
      <c r="D13632" t="s">
        <v>28099</v>
      </c>
      <c r="E13632" t="s">
        <v>34327</v>
      </c>
      <c r="F13632">
        <v>4</v>
      </c>
      <c r="G13632" t="s">
        <v>9</v>
      </c>
      <c r="H13632" t="s">
        <v>28100</v>
      </c>
      <c r="I13632" t="s">
        <v>30540</v>
      </c>
    </row>
    <row r="13633" spans="1:9">
      <c r="A13633" s="1">
        <f ca="1">RAND()</f>
        <v>0.71051989668424431</v>
      </c>
      <c r="B13633" s="1"/>
      <c r="C13633">
        <v>20</v>
      </c>
      <c r="D13633" t="s">
        <v>28103</v>
      </c>
      <c r="E13633" t="s">
        <v>34327</v>
      </c>
      <c r="F13633">
        <v>4</v>
      </c>
      <c r="G13633" t="s">
        <v>9</v>
      </c>
      <c r="H13633" t="s">
        <v>28104</v>
      </c>
      <c r="I13633" t="s">
        <v>30540</v>
      </c>
    </row>
    <row r="13634" spans="1:9">
      <c r="A13634" s="1">
        <f ca="1">RAND()</f>
        <v>0.7966380948077888</v>
      </c>
      <c r="B13634" s="1"/>
      <c r="C13634">
        <v>8</v>
      </c>
      <c r="D13634" t="s">
        <v>28087</v>
      </c>
      <c r="E13634" t="s">
        <v>34328</v>
      </c>
      <c r="F13634">
        <v>5</v>
      </c>
      <c r="G13634" t="s">
        <v>14</v>
      </c>
      <c r="H13634" t="s">
        <v>28088</v>
      </c>
      <c r="I13634" t="s">
        <v>30540</v>
      </c>
    </row>
    <row r="13635" spans="1:9">
      <c r="A13635" s="1">
        <f ca="1">RAND()</f>
        <v>0.16969349614009399</v>
      </c>
      <c r="B13635" s="1"/>
      <c r="C13635">
        <v>16</v>
      </c>
      <c r="D13635" t="s">
        <v>28093</v>
      </c>
      <c r="E13635" t="s">
        <v>34328</v>
      </c>
      <c r="F13635">
        <v>4</v>
      </c>
      <c r="G13635" t="s">
        <v>14</v>
      </c>
      <c r="H13635" t="s">
        <v>28094</v>
      </c>
      <c r="I13635" t="s">
        <v>30540</v>
      </c>
    </row>
    <row r="13636" spans="1:9">
      <c r="A13636" s="1">
        <f ca="1">RAND()</f>
        <v>0.12717971292041363</v>
      </c>
      <c r="B13636" s="1"/>
      <c r="C13636">
        <v>9</v>
      </c>
      <c r="D13636" t="s">
        <v>28089</v>
      </c>
      <c r="E13636" t="s">
        <v>34328</v>
      </c>
      <c r="F13636">
        <v>3</v>
      </c>
      <c r="G13636" t="s">
        <v>1</v>
      </c>
      <c r="H13636" t="s">
        <v>28090</v>
      </c>
      <c r="I13636" t="s">
        <v>30540</v>
      </c>
    </row>
    <row r="13637" spans="1:9">
      <c r="A13637" s="1">
        <f ca="1">RAND()</f>
        <v>0.11817902073942765</v>
      </c>
      <c r="B13637" s="1"/>
      <c r="C13637">
        <v>13</v>
      </c>
      <c r="D13637" t="s">
        <v>28091</v>
      </c>
      <c r="E13637" t="s">
        <v>34328</v>
      </c>
      <c r="F13637">
        <v>3</v>
      </c>
      <c r="G13637" t="s">
        <v>14</v>
      </c>
      <c r="H13637" t="s">
        <v>28092</v>
      </c>
      <c r="I13637" t="s">
        <v>30540</v>
      </c>
    </row>
    <row r="13638" spans="1:9">
      <c r="A13638" s="1">
        <f ca="1">RAND()</f>
        <v>0.57808179595709608</v>
      </c>
      <c r="B13638" s="1"/>
      <c r="C13638">
        <v>8</v>
      </c>
      <c r="D13638" t="s">
        <v>28079</v>
      </c>
      <c r="E13638" t="s">
        <v>34329</v>
      </c>
      <c r="F13638">
        <v>4</v>
      </c>
      <c r="G13638" t="s">
        <v>775</v>
      </c>
      <c r="H13638" t="s">
        <v>28080</v>
      </c>
      <c r="I13638" t="s">
        <v>30540</v>
      </c>
    </row>
    <row r="13639" spans="1:9">
      <c r="A13639" s="1">
        <f ca="1">RAND()</f>
        <v>0.29079526082112517</v>
      </c>
      <c r="B13639" s="1"/>
      <c r="C13639">
        <v>20</v>
      </c>
      <c r="D13639" t="s">
        <v>28085</v>
      </c>
      <c r="E13639" t="s">
        <v>34329</v>
      </c>
      <c r="F13639">
        <v>4</v>
      </c>
      <c r="G13639" t="s">
        <v>769</v>
      </c>
      <c r="H13639" t="s">
        <v>28086</v>
      </c>
      <c r="I13639" t="s">
        <v>30540</v>
      </c>
    </row>
    <row r="13640" spans="1:9">
      <c r="A13640" s="1">
        <f ca="1">RAND()</f>
        <v>0.89784085843605754</v>
      </c>
      <c r="B13640" s="1"/>
      <c r="C13640">
        <v>3</v>
      </c>
      <c r="D13640" t="s">
        <v>28077</v>
      </c>
      <c r="E13640" t="s">
        <v>34329</v>
      </c>
      <c r="F13640">
        <v>4</v>
      </c>
      <c r="G13640" t="s">
        <v>10</v>
      </c>
      <c r="H13640" t="s">
        <v>28078</v>
      </c>
      <c r="I13640" t="s">
        <v>30540</v>
      </c>
    </row>
    <row r="13641" spans="1:9">
      <c r="A13641" s="1">
        <f ca="1">RAND()</f>
        <v>0.16877956954127238</v>
      </c>
      <c r="B13641" s="1"/>
      <c r="C13641">
        <v>17</v>
      </c>
      <c r="D13641" t="s">
        <v>28083</v>
      </c>
      <c r="E13641" t="s">
        <v>34329</v>
      </c>
      <c r="F13641">
        <v>4</v>
      </c>
      <c r="G13641" t="s">
        <v>14</v>
      </c>
      <c r="H13641" t="s">
        <v>28084</v>
      </c>
      <c r="I13641" t="s">
        <v>30540</v>
      </c>
    </row>
    <row r="13642" spans="1:9">
      <c r="A13642" s="1">
        <f ca="1">RAND()</f>
        <v>0.73553401334466795</v>
      </c>
      <c r="B13642" s="1"/>
      <c r="C13642">
        <v>2</v>
      </c>
      <c r="D13642" t="s">
        <v>28075</v>
      </c>
      <c r="E13642" t="s">
        <v>34329</v>
      </c>
      <c r="F13642">
        <v>4</v>
      </c>
      <c r="G13642" t="s">
        <v>15</v>
      </c>
      <c r="H13642" t="s">
        <v>28076</v>
      </c>
      <c r="I13642" t="s">
        <v>30540</v>
      </c>
    </row>
    <row r="13643" spans="1:9">
      <c r="A13643" s="1">
        <f ca="1">RAND()</f>
        <v>0.87461486311790704</v>
      </c>
      <c r="B13643" s="1"/>
      <c r="C13643">
        <v>14</v>
      </c>
      <c r="D13643" t="s">
        <v>28081</v>
      </c>
      <c r="E13643" t="s">
        <v>34329</v>
      </c>
      <c r="F13643">
        <v>3</v>
      </c>
      <c r="G13643" t="s">
        <v>766</v>
      </c>
      <c r="H13643" t="s">
        <v>28082</v>
      </c>
      <c r="I13643" t="s">
        <v>30540</v>
      </c>
    </row>
    <row r="13644" spans="1:9">
      <c r="A13644" s="1">
        <f ca="1">RAND()</f>
        <v>0.56874531081931823</v>
      </c>
      <c r="B13644" s="1"/>
      <c r="C13644">
        <v>15</v>
      </c>
      <c r="D13644" t="s">
        <v>28073</v>
      </c>
      <c r="E13644" t="s">
        <v>34330</v>
      </c>
      <c r="F13644">
        <v>5</v>
      </c>
      <c r="G13644" t="s">
        <v>14</v>
      </c>
      <c r="H13644" t="s">
        <v>28074</v>
      </c>
      <c r="I13644" t="s">
        <v>30540</v>
      </c>
    </row>
    <row r="13645" spans="1:9">
      <c r="A13645" s="1">
        <f ca="1">RAND()</f>
        <v>0.3261192167211584</v>
      </c>
      <c r="B13645" s="1"/>
      <c r="C13645">
        <v>13</v>
      </c>
      <c r="D13645" t="s">
        <v>28071</v>
      </c>
      <c r="E13645" t="s">
        <v>34330</v>
      </c>
      <c r="F13645">
        <v>4</v>
      </c>
      <c r="G13645" t="s">
        <v>14</v>
      </c>
      <c r="H13645" t="s">
        <v>28072</v>
      </c>
      <c r="I13645" t="s">
        <v>30540</v>
      </c>
    </row>
    <row r="13646" spans="1:9">
      <c r="A13646" s="1">
        <f ca="1">RAND()</f>
        <v>0.30397601890025205</v>
      </c>
      <c r="B13646" s="1"/>
      <c r="C13646">
        <v>2</v>
      </c>
      <c r="D13646" t="s">
        <v>28067</v>
      </c>
      <c r="E13646" t="s">
        <v>34330</v>
      </c>
      <c r="F13646">
        <v>4</v>
      </c>
      <c r="G13646" t="s">
        <v>2</v>
      </c>
      <c r="H13646" t="s">
        <v>28068</v>
      </c>
      <c r="I13646" t="s">
        <v>30540</v>
      </c>
    </row>
    <row r="13647" spans="1:9">
      <c r="A13647" s="1">
        <f ca="1">RAND()</f>
        <v>0.40109373345392429</v>
      </c>
      <c r="B13647" s="1"/>
      <c r="C13647">
        <v>4</v>
      </c>
      <c r="D13647" t="s">
        <v>28069</v>
      </c>
      <c r="E13647" t="s">
        <v>34330</v>
      </c>
      <c r="F13647">
        <v>4</v>
      </c>
      <c r="G13647" t="s">
        <v>15</v>
      </c>
      <c r="H13647" t="s">
        <v>28070</v>
      </c>
      <c r="I13647" t="s">
        <v>30540</v>
      </c>
    </row>
    <row r="13648" spans="1:9">
      <c r="A13648" s="1">
        <f ca="1">RAND()</f>
        <v>0.17418604568804474</v>
      </c>
      <c r="B13648" s="1"/>
      <c r="C13648">
        <v>10</v>
      </c>
      <c r="D13648" t="s">
        <v>28059</v>
      </c>
      <c r="E13648" t="s">
        <v>34331</v>
      </c>
      <c r="F13648">
        <v>5</v>
      </c>
      <c r="G13648" t="s">
        <v>14</v>
      </c>
      <c r="H13648" t="s">
        <v>28060</v>
      </c>
      <c r="I13648" t="s">
        <v>30540</v>
      </c>
    </row>
    <row r="13649" spans="1:9">
      <c r="A13649" s="1">
        <f ca="1">RAND()</f>
        <v>0.2479580472659384</v>
      </c>
      <c r="B13649" s="1"/>
      <c r="C13649">
        <v>18</v>
      </c>
      <c r="D13649" t="s">
        <v>28065</v>
      </c>
      <c r="E13649" t="s">
        <v>34331</v>
      </c>
      <c r="F13649">
        <v>4</v>
      </c>
      <c r="G13649" t="s">
        <v>14</v>
      </c>
      <c r="H13649" t="s">
        <v>28066</v>
      </c>
      <c r="I13649" t="s">
        <v>30540</v>
      </c>
    </row>
    <row r="13650" spans="1:9">
      <c r="A13650" s="1">
        <f ca="1">RAND()</f>
        <v>0.63571161594904135</v>
      </c>
      <c r="B13650" s="1"/>
      <c r="C13650">
        <v>8</v>
      </c>
      <c r="D13650" t="s">
        <v>28057</v>
      </c>
      <c r="E13650" t="s">
        <v>34331</v>
      </c>
      <c r="F13650">
        <v>4</v>
      </c>
      <c r="G13650" t="s">
        <v>15</v>
      </c>
      <c r="H13650" t="s">
        <v>28058</v>
      </c>
      <c r="I13650" t="s">
        <v>30540</v>
      </c>
    </row>
    <row r="13651" spans="1:9">
      <c r="A13651" s="1">
        <f ca="1">RAND()</f>
        <v>0.51122022016550372</v>
      </c>
      <c r="B13651" s="1"/>
      <c r="C13651">
        <v>16</v>
      </c>
      <c r="D13651" t="s">
        <v>28061</v>
      </c>
      <c r="E13651" t="s">
        <v>34331</v>
      </c>
      <c r="F13651">
        <v>4</v>
      </c>
      <c r="G13651" t="s">
        <v>9</v>
      </c>
      <c r="H13651" t="s">
        <v>28062</v>
      </c>
      <c r="I13651" t="s">
        <v>30540</v>
      </c>
    </row>
    <row r="13652" spans="1:9">
      <c r="A13652" s="1">
        <f ca="1">RAND()</f>
        <v>3.4748112511619356E-2</v>
      </c>
      <c r="B13652" s="1"/>
      <c r="C13652">
        <v>17</v>
      </c>
      <c r="D13652" t="s">
        <v>28063</v>
      </c>
      <c r="E13652" t="s">
        <v>34331</v>
      </c>
      <c r="F13652">
        <v>4</v>
      </c>
      <c r="G13652" t="s">
        <v>14</v>
      </c>
      <c r="H13652" t="s">
        <v>28064</v>
      </c>
      <c r="I13652" t="s">
        <v>30540</v>
      </c>
    </row>
    <row r="13653" spans="1:9">
      <c r="A13653" s="1">
        <f ca="1">RAND()</f>
        <v>0.19348057400205676</v>
      </c>
      <c r="B13653" s="1"/>
      <c r="C13653">
        <v>2</v>
      </c>
      <c r="D13653" t="s">
        <v>28049</v>
      </c>
      <c r="E13653" t="s">
        <v>34332</v>
      </c>
      <c r="F13653">
        <v>5</v>
      </c>
      <c r="G13653" t="s">
        <v>2229</v>
      </c>
      <c r="H13653" t="s">
        <v>28050</v>
      </c>
      <c r="I13653" t="s">
        <v>30540</v>
      </c>
    </row>
    <row r="13654" spans="1:9">
      <c r="A13654" s="1">
        <f ca="1">RAND()</f>
        <v>0.45699588056228524</v>
      </c>
      <c r="B13654" s="1"/>
      <c r="C13654">
        <v>10</v>
      </c>
      <c r="D13654" t="s">
        <v>28055</v>
      </c>
      <c r="E13654" t="s">
        <v>34332</v>
      </c>
      <c r="F13654">
        <v>4</v>
      </c>
      <c r="G13654" t="s">
        <v>771</v>
      </c>
      <c r="H13654" t="s">
        <v>28056</v>
      </c>
      <c r="I13654" t="s">
        <v>30540</v>
      </c>
    </row>
    <row r="13655" spans="1:9">
      <c r="A13655" s="1">
        <f ca="1">RAND()</f>
        <v>0.90859172777195707</v>
      </c>
      <c r="B13655" s="1"/>
      <c r="C13655">
        <v>4</v>
      </c>
      <c r="D13655" t="s">
        <v>28053</v>
      </c>
      <c r="E13655" t="s">
        <v>34332</v>
      </c>
      <c r="F13655">
        <v>4</v>
      </c>
      <c r="G13655" t="s">
        <v>766</v>
      </c>
      <c r="H13655" t="s">
        <v>28054</v>
      </c>
      <c r="I13655" t="s">
        <v>30540</v>
      </c>
    </row>
    <row r="13656" spans="1:9">
      <c r="A13656" s="1">
        <f ca="1">RAND()</f>
        <v>0.66912110465132746</v>
      </c>
      <c r="B13656" s="1"/>
      <c r="C13656">
        <v>3</v>
      </c>
      <c r="D13656" t="s">
        <v>28051</v>
      </c>
      <c r="E13656" t="s">
        <v>34332</v>
      </c>
      <c r="F13656">
        <v>4</v>
      </c>
      <c r="G13656" t="s">
        <v>15</v>
      </c>
      <c r="H13656" t="s">
        <v>28052</v>
      </c>
      <c r="I13656" t="s">
        <v>30540</v>
      </c>
    </row>
    <row r="13657" spans="1:9">
      <c r="A13657" s="1">
        <f ca="1">RAND()</f>
        <v>0.90154790332702928</v>
      </c>
      <c r="B13657" s="1"/>
      <c r="C13657">
        <v>16</v>
      </c>
      <c r="D13657" t="s">
        <v>28045</v>
      </c>
      <c r="E13657" t="s">
        <v>34333</v>
      </c>
      <c r="F13657">
        <v>5</v>
      </c>
      <c r="G13657" t="s">
        <v>14</v>
      </c>
      <c r="H13657" t="s">
        <v>28046</v>
      </c>
      <c r="I13657" t="s">
        <v>30540</v>
      </c>
    </row>
    <row r="13658" spans="1:9">
      <c r="A13658" s="1">
        <f ca="1">RAND()</f>
        <v>0.88996924464546567</v>
      </c>
      <c r="B13658" s="1"/>
      <c r="C13658">
        <v>1</v>
      </c>
      <c r="D13658" t="s">
        <v>28039</v>
      </c>
      <c r="E13658" t="s">
        <v>34333</v>
      </c>
      <c r="F13658">
        <v>4</v>
      </c>
      <c r="G13658" t="s">
        <v>10</v>
      </c>
      <c r="H13658" t="s">
        <v>28040</v>
      </c>
      <c r="I13658" t="s">
        <v>30540</v>
      </c>
    </row>
    <row r="13659" spans="1:9">
      <c r="A13659" s="1">
        <f ca="1">RAND()</f>
        <v>0.52929184680035324</v>
      </c>
      <c r="B13659" s="1"/>
      <c r="C13659">
        <v>12</v>
      </c>
      <c r="D13659" t="s">
        <v>28041</v>
      </c>
      <c r="E13659" t="s">
        <v>34333</v>
      </c>
      <c r="F13659">
        <v>4</v>
      </c>
      <c r="G13659" t="s">
        <v>14</v>
      </c>
      <c r="H13659" t="s">
        <v>28042</v>
      </c>
      <c r="I13659" t="s">
        <v>30540</v>
      </c>
    </row>
    <row r="13660" spans="1:9">
      <c r="A13660" s="1">
        <f ca="1">RAND()</f>
        <v>0.17261521040118333</v>
      </c>
      <c r="B13660" s="1"/>
      <c r="C13660">
        <v>13</v>
      </c>
      <c r="D13660" t="s">
        <v>28043</v>
      </c>
      <c r="E13660" t="s">
        <v>34333</v>
      </c>
      <c r="F13660">
        <v>4</v>
      </c>
      <c r="G13660" t="s">
        <v>14</v>
      </c>
      <c r="H13660" t="s">
        <v>28044</v>
      </c>
      <c r="I13660" t="s">
        <v>30540</v>
      </c>
    </row>
    <row r="13661" spans="1:9">
      <c r="A13661" s="1">
        <f ca="1">RAND()</f>
        <v>0.93758990834387346</v>
      </c>
      <c r="B13661" s="1"/>
      <c r="C13661">
        <v>19</v>
      </c>
      <c r="D13661" t="s">
        <v>28047</v>
      </c>
      <c r="E13661" t="s">
        <v>34333</v>
      </c>
      <c r="F13661">
        <v>3</v>
      </c>
      <c r="G13661" t="s">
        <v>14</v>
      </c>
      <c r="H13661" t="s">
        <v>28048</v>
      </c>
      <c r="I13661" t="s">
        <v>30540</v>
      </c>
    </row>
    <row r="13662" spans="1:9">
      <c r="A13662" s="1">
        <f ca="1">RAND()</f>
        <v>0.60444028436037933</v>
      </c>
      <c r="B13662" s="1"/>
      <c r="C13662">
        <v>12</v>
      </c>
      <c r="D13662" t="s">
        <v>28033</v>
      </c>
      <c r="E13662" t="s">
        <v>34334</v>
      </c>
      <c r="F13662">
        <v>5</v>
      </c>
      <c r="G13662" t="s">
        <v>14</v>
      </c>
      <c r="H13662" t="s">
        <v>28034</v>
      </c>
      <c r="I13662" t="s">
        <v>30540</v>
      </c>
    </row>
    <row r="13663" spans="1:9">
      <c r="A13663" s="1">
        <f ca="1">RAND()</f>
        <v>0.24213685741038349</v>
      </c>
      <c r="B13663" s="1"/>
      <c r="C13663">
        <v>14</v>
      </c>
      <c r="D13663" t="s">
        <v>28037</v>
      </c>
      <c r="E13663" t="s">
        <v>34334</v>
      </c>
      <c r="F13663">
        <v>4</v>
      </c>
      <c r="G13663" t="s">
        <v>14</v>
      </c>
      <c r="H13663" t="s">
        <v>28038</v>
      </c>
      <c r="I13663" t="s">
        <v>30540</v>
      </c>
    </row>
    <row r="13664" spans="1:9">
      <c r="A13664" s="1">
        <f ca="1">RAND()</f>
        <v>0.48550733869493268</v>
      </c>
      <c r="B13664" s="1"/>
      <c r="C13664">
        <v>8</v>
      </c>
      <c r="D13664" t="s">
        <v>28031</v>
      </c>
      <c r="E13664" t="s">
        <v>34334</v>
      </c>
      <c r="F13664">
        <v>4</v>
      </c>
      <c r="G13664" t="s">
        <v>14</v>
      </c>
      <c r="H13664" t="s">
        <v>28032</v>
      </c>
      <c r="I13664" t="s">
        <v>30540</v>
      </c>
    </row>
    <row r="13665" spans="1:9">
      <c r="A13665" s="1">
        <f ca="1">RAND()</f>
        <v>0.73966401621669764</v>
      </c>
      <c r="B13665" s="1"/>
      <c r="C13665">
        <v>13</v>
      </c>
      <c r="D13665" t="s">
        <v>28035</v>
      </c>
      <c r="E13665" t="s">
        <v>34334</v>
      </c>
      <c r="F13665">
        <v>4</v>
      </c>
      <c r="G13665" t="s">
        <v>0</v>
      </c>
      <c r="H13665" t="s">
        <v>28036</v>
      </c>
      <c r="I13665" t="s">
        <v>30540</v>
      </c>
    </row>
    <row r="13666" spans="1:9">
      <c r="A13666" s="1">
        <f ca="1">RAND()</f>
        <v>0.80256917603708677</v>
      </c>
      <c r="B13666" s="1"/>
      <c r="C13666">
        <v>14</v>
      </c>
      <c r="D13666" t="s">
        <v>28029</v>
      </c>
      <c r="E13666" t="s">
        <v>34335</v>
      </c>
      <c r="F13666">
        <v>3</v>
      </c>
      <c r="G13666" t="s">
        <v>14</v>
      </c>
      <c r="H13666" t="s">
        <v>28030</v>
      </c>
      <c r="I13666" t="s">
        <v>30540</v>
      </c>
    </row>
    <row r="13667" spans="1:9">
      <c r="A13667" s="1">
        <f ca="1">RAND()</f>
        <v>0.2512397190571104</v>
      </c>
      <c r="B13667" s="1"/>
      <c r="C13667">
        <v>14</v>
      </c>
      <c r="D13667" t="s">
        <v>28027</v>
      </c>
      <c r="E13667" t="s">
        <v>34336</v>
      </c>
      <c r="F13667">
        <v>5</v>
      </c>
      <c r="G13667" t="s">
        <v>14</v>
      </c>
      <c r="H13667" t="s">
        <v>28028</v>
      </c>
      <c r="I13667" t="s">
        <v>30540</v>
      </c>
    </row>
    <row r="13668" spans="1:9">
      <c r="A13668" s="1">
        <f ca="1">RAND()</f>
        <v>6.3528382149002027E-2</v>
      </c>
      <c r="B13668" s="1"/>
      <c r="C13668">
        <v>2</v>
      </c>
      <c r="D13668" t="s">
        <v>28021</v>
      </c>
      <c r="E13668" t="s">
        <v>34336</v>
      </c>
      <c r="F13668">
        <v>4</v>
      </c>
      <c r="G13668" t="s">
        <v>2</v>
      </c>
      <c r="H13668" t="s">
        <v>28022</v>
      </c>
      <c r="I13668" t="s">
        <v>30540</v>
      </c>
    </row>
    <row r="13669" spans="1:9">
      <c r="A13669" s="1">
        <f ca="1">RAND()</f>
        <v>0.31342467527861451</v>
      </c>
      <c r="B13669" s="1"/>
      <c r="C13669">
        <v>6</v>
      </c>
      <c r="D13669" t="s">
        <v>28023</v>
      </c>
      <c r="E13669" t="s">
        <v>34336</v>
      </c>
      <c r="F13669">
        <v>4</v>
      </c>
      <c r="G13669" t="s">
        <v>15</v>
      </c>
      <c r="H13669" t="s">
        <v>28024</v>
      </c>
      <c r="I13669" t="s">
        <v>30540</v>
      </c>
    </row>
    <row r="13670" spans="1:9">
      <c r="A13670" s="1">
        <f ca="1">RAND()</f>
        <v>0.13326519536504156</v>
      </c>
      <c r="B13670" s="1"/>
      <c r="C13670">
        <v>9</v>
      </c>
      <c r="D13670" t="s">
        <v>28025</v>
      </c>
      <c r="E13670" t="s">
        <v>34336</v>
      </c>
      <c r="F13670">
        <v>4</v>
      </c>
      <c r="G13670" t="s">
        <v>9</v>
      </c>
      <c r="H13670" t="s">
        <v>28026</v>
      </c>
      <c r="I13670" t="s">
        <v>30540</v>
      </c>
    </row>
    <row r="13671" spans="1:9">
      <c r="A13671" s="1">
        <f ca="1">RAND()</f>
        <v>0.12730910747872115</v>
      </c>
      <c r="B13671" s="1"/>
      <c r="C13671">
        <v>1</v>
      </c>
      <c r="D13671" t="s">
        <v>28015</v>
      </c>
      <c r="E13671" t="s">
        <v>34337</v>
      </c>
      <c r="F13671">
        <v>4</v>
      </c>
      <c r="G13671" t="s">
        <v>10</v>
      </c>
      <c r="H13671" t="s">
        <v>28016</v>
      </c>
      <c r="I13671" t="s">
        <v>30540</v>
      </c>
    </row>
    <row r="13672" spans="1:9">
      <c r="A13672" s="1">
        <f ca="1">RAND()</f>
        <v>0.94438897780149322</v>
      </c>
      <c r="B13672" s="1"/>
      <c r="C13672">
        <v>9</v>
      </c>
      <c r="D13672" t="s">
        <v>28019</v>
      </c>
      <c r="E13672" t="s">
        <v>34337</v>
      </c>
      <c r="F13672">
        <v>4</v>
      </c>
      <c r="G13672" t="s">
        <v>14</v>
      </c>
      <c r="H13672" t="s">
        <v>28020</v>
      </c>
      <c r="I13672" t="s">
        <v>30540</v>
      </c>
    </row>
    <row r="13673" spans="1:9">
      <c r="A13673" s="1">
        <f ca="1">RAND()</f>
        <v>0.80441303211922055</v>
      </c>
      <c r="B13673" s="1"/>
      <c r="C13673">
        <v>3</v>
      </c>
      <c r="D13673" t="s">
        <v>28017</v>
      </c>
      <c r="E13673" t="s">
        <v>34337</v>
      </c>
      <c r="F13673">
        <v>0</v>
      </c>
      <c r="G13673" t="s">
        <v>1431</v>
      </c>
      <c r="H13673" t="s">
        <v>28018</v>
      </c>
      <c r="I13673" t="s">
        <v>30540</v>
      </c>
    </row>
    <row r="13674" spans="1:9">
      <c r="A13674" s="1">
        <f ca="1">RAND()</f>
        <v>0.4961395749461206</v>
      </c>
      <c r="B13674" s="1"/>
      <c r="C13674">
        <v>16</v>
      </c>
      <c r="D13674" t="s">
        <v>28011</v>
      </c>
      <c r="E13674" t="s">
        <v>34338</v>
      </c>
      <c r="F13674">
        <v>5</v>
      </c>
      <c r="G13674" t="s">
        <v>14</v>
      </c>
      <c r="H13674" t="s">
        <v>28012</v>
      </c>
      <c r="I13674" t="s">
        <v>30540</v>
      </c>
    </row>
    <row r="13675" spans="1:9">
      <c r="A13675" s="1">
        <f ca="1">RAND()</f>
        <v>0.17953786859117915</v>
      </c>
      <c r="B13675" s="1"/>
      <c r="C13675">
        <v>17</v>
      </c>
      <c r="D13675" t="s">
        <v>28013</v>
      </c>
      <c r="E13675" t="s">
        <v>34338</v>
      </c>
      <c r="F13675">
        <v>4</v>
      </c>
      <c r="G13675" t="s">
        <v>14</v>
      </c>
      <c r="H13675" t="s">
        <v>28014</v>
      </c>
      <c r="I13675" t="s">
        <v>30540</v>
      </c>
    </row>
    <row r="13676" spans="1:9">
      <c r="A13676" s="1">
        <f ca="1">RAND()</f>
        <v>0.60063599070557716</v>
      </c>
      <c r="B13676" s="1"/>
      <c r="C13676">
        <v>5</v>
      </c>
      <c r="D13676" t="s">
        <v>28007</v>
      </c>
      <c r="E13676" t="s">
        <v>34338</v>
      </c>
      <c r="F13676">
        <v>4</v>
      </c>
      <c r="G13676" t="s">
        <v>14</v>
      </c>
      <c r="H13676" t="s">
        <v>28008</v>
      </c>
      <c r="I13676" t="s">
        <v>30540</v>
      </c>
    </row>
    <row r="13677" spans="1:9">
      <c r="A13677" s="1">
        <f ca="1">RAND()</f>
        <v>0.6738762445408617</v>
      </c>
      <c r="B13677" s="1"/>
      <c r="C13677">
        <v>14</v>
      </c>
      <c r="D13677" t="s">
        <v>28009</v>
      </c>
      <c r="E13677" t="s">
        <v>34338</v>
      </c>
      <c r="F13677">
        <v>4</v>
      </c>
      <c r="G13677" t="s">
        <v>1</v>
      </c>
      <c r="H13677" t="s">
        <v>28010</v>
      </c>
      <c r="I13677" t="s">
        <v>30540</v>
      </c>
    </row>
    <row r="13678" spans="1:9">
      <c r="A13678" s="1">
        <f ca="1">RAND()</f>
        <v>0.84606203824004445</v>
      </c>
      <c r="B13678" s="1"/>
      <c r="C13678">
        <v>17</v>
      </c>
      <c r="D13678" t="s">
        <v>28003</v>
      </c>
      <c r="E13678" t="s">
        <v>34339</v>
      </c>
      <c r="F13678">
        <v>4</v>
      </c>
      <c r="G13678" t="s">
        <v>14</v>
      </c>
      <c r="H13678" t="s">
        <v>28004</v>
      </c>
      <c r="I13678" t="s">
        <v>30540</v>
      </c>
    </row>
    <row r="13679" spans="1:9">
      <c r="A13679" s="1">
        <f ca="1">RAND()</f>
        <v>0.87090958217355463</v>
      </c>
      <c r="B13679" s="1"/>
      <c r="C13679">
        <v>10</v>
      </c>
      <c r="D13679" t="s">
        <v>27999</v>
      </c>
      <c r="E13679" t="s">
        <v>34339</v>
      </c>
      <c r="F13679">
        <v>4</v>
      </c>
      <c r="G13679" t="s">
        <v>14</v>
      </c>
      <c r="H13679" t="s">
        <v>28000</v>
      </c>
      <c r="I13679" t="s">
        <v>30540</v>
      </c>
    </row>
    <row r="13680" spans="1:9">
      <c r="A13680" s="1">
        <f ca="1">RAND()</f>
        <v>0.87083787646799915</v>
      </c>
      <c r="B13680" s="1"/>
      <c r="C13680">
        <v>5</v>
      </c>
      <c r="D13680" t="s">
        <v>27997</v>
      </c>
      <c r="E13680" t="s">
        <v>34339</v>
      </c>
      <c r="F13680">
        <v>4</v>
      </c>
      <c r="G13680" t="s">
        <v>9</v>
      </c>
      <c r="H13680" t="s">
        <v>27998</v>
      </c>
      <c r="I13680" t="s">
        <v>30540</v>
      </c>
    </row>
    <row r="13681" spans="1:9">
      <c r="A13681" s="1">
        <f ca="1">RAND()</f>
        <v>0.14900551170935217</v>
      </c>
      <c r="B13681" s="1"/>
      <c r="C13681">
        <v>18</v>
      </c>
      <c r="D13681" t="s">
        <v>28005</v>
      </c>
      <c r="E13681" t="s">
        <v>34339</v>
      </c>
      <c r="F13681">
        <v>3</v>
      </c>
      <c r="G13681" t="s">
        <v>14</v>
      </c>
      <c r="H13681" t="s">
        <v>28006</v>
      </c>
      <c r="I13681" t="s">
        <v>30540</v>
      </c>
    </row>
    <row r="13682" spans="1:9">
      <c r="A13682" s="1">
        <f ca="1">RAND()</f>
        <v>0.71053676397988552</v>
      </c>
      <c r="B13682" s="1"/>
      <c r="C13682">
        <v>13</v>
      </c>
      <c r="D13682" t="s">
        <v>28001</v>
      </c>
      <c r="E13682" t="s">
        <v>34339</v>
      </c>
      <c r="F13682">
        <v>2</v>
      </c>
      <c r="G13682" t="s">
        <v>14</v>
      </c>
      <c r="H13682" t="s">
        <v>28002</v>
      </c>
      <c r="I13682" t="s">
        <v>30540</v>
      </c>
    </row>
    <row r="13683" spans="1:9">
      <c r="A13683" s="1">
        <f ca="1">RAND()</f>
        <v>0.58288103019731496</v>
      </c>
      <c r="B13683" s="1"/>
      <c r="C13683">
        <v>1</v>
      </c>
      <c r="D13683" t="s">
        <v>27993</v>
      </c>
      <c r="E13683" t="s">
        <v>34340</v>
      </c>
      <c r="F13683">
        <v>4</v>
      </c>
      <c r="G13683" t="s">
        <v>10</v>
      </c>
      <c r="H13683" t="s">
        <v>27994</v>
      </c>
      <c r="I13683" t="s">
        <v>30540</v>
      </c>
    </row>
    <row r="13684" spans="1:9">
      <c r="A13684" s="1">
        <f ca="1">RAND()</f>
        <v>0.66508454823830265</v>
      </c>
      <c r="B13684" s="1"/>
      <c r="C13684">
        <v>9</v>
      </c>
      <c r="D13684" t="s">
        <v>27995</v>
      </c>
      <c r="E13684" t="s">
        <v>34340</v>
      </c>
      <c r="F13684">
        <v>4</v>
      </c>
      <c r="G13684" t="s">
        <v>14</v>
      </c>
      <c r="H13684" t="s">
        <v>27996</v>
      </c>
      <c r="I13684" t="s">
        <v>30540</v>
      </c>
    </row>
    <row r="13685" spans="1:9">
      <c r="A13685" s="1">
        <f ca="1">RAND()</f>
        <v>0.65798723102817935</v>
      </c>
      <c r="B13685" s="1"/>
      <c r="C13685">
        <v>8</v>
      </c>
      <c r="D13685" t="s">
        <v>27991</v>
      </c>
      <c r="E13685" t="s">
        <v>34341</v>
      </c>
      <c r="F13685">
        <v>2</v>
      </c>
      <c r="G13685" t="s">
        <v>9</v>
      </c>
      <c r="H13685" t="s">
        <v>27992</v>
      </c>
      <c r="I13685" t="s">
        <v>30540</v>
      </c>
    </row>
    <row r="13686" spans="1:9">
      <c r="A13686" s="1">
        <f ca="1">RAND()</f>
        <v>5.6435093023858296E-2</v>
      </c>
      <c r="B13686" s="1"/>
      <c r="C13686">
        <v>3</v>
      </c>
      <c r="D13686" t="s">
        <v>27985</v>
      </c>
      <c r="E13686" t="s">
        <v>34342</v>
      </c>
      <c r="F13686">
        <v>5</v>
      </c>
      <c r="G13686" t="s">
        <v>14</v>
      </c>
      <c r="H13686" t="s">
        <v>27986</v>
      </c>
      <c r="I13686" t="s">
        <v>30540</v>
      </c>
    </row>
    <row r="13687" spans="1:9">
      <c r="A13687" s="1">
        <f ca="1">RAND()</f>
        <v>8.6222464955112876E-2</v>
      </c>
      <c r="B13687" s="1"/>
      <c r="C13687">
        <v>13</v>
      </c>
      <c r="D13687" t="s">
        <v>27989</v>
      </c>
      <c r="E13687" t="s">
        <v>34342</v>
      </c>
      <c r="F13687">
        <v>5</v>
      </c>
      <c r="G13687" t="s">
        <v>2738</v>
      </c>
      <c r="H13687" t="s">
        <v>27990</v>
      </c>
      <c r="I13687" t="s">
        <v>30540</v>
      </c>
    </row>
    <row r="13688" spans="1:9">
      <c r="A13688" s="1">
        <f ca="1">RAND()</f>
        <v>0.79047468320133996</v>
      </c>
      <c r="B13688" s="1"/>
      <c r="C13688">
        <v>10</v>
      </c>
      <c r="D13688" t="s">
        <v>27987</v>
      </c>
      <c r="E13688" t="s">
        <v>34342</v>
      </c>
      <c r="F13688">
        <v>4</v>
      </c>
      <c r="G13688" t="s">
        <v>14</v>
      </c>
      <c r="H13688" t="s">
        <v>27988</v>
      </c>
      <c r="I13688" t="s">
        <v>30540</v>
      </c>
    </row>
    <row r="13689" spans="1:9">
      <c r="A13689" s="1">
        <f ca="1">RAND()</f>
        <v>0.36262243364079538</v>
      </c>
      <c r="B13689" s="1"/>
      <c r="C13689">
        <v>13</v>
      </c>
      <c r="D13689" t="s">
        <v>27983</v>
      </c>
      <c r="E13689" t="s">
        <v>34343</v>
      </c>
      <c r="F13689">
        <v>5</v>
      </c>
      <c r="G13689" t="s">
        <v>0</v>
      </c>
      <c r="H13689" t="s">
        <v>27984</v>
      </c>
      <c r="I13689" t="s">
        <v>30540</v>
      </c>
    </row>
    <row r="13690" spans="1:9">
      <c r="A13690" s="1">
        <f ca="1">RAND()</f>
        <v>0.76908981842735558</v>
      </c>
      <c r="B13690" s="1"/>
      <c r="C13690">
        <v>1</v>
      </c>
      <c r="D13690" t="s">
        <v>27981</v>
      </c>
      <c r="E13690" t="s">
        <v>34343</v>
      </c>
      <c r="F13690">
        <v>1</v>
      </c>
      <c r="G13690" t="s">
        <v>2</v>
      </c>
      <c r="H13690" t="s">
        <v>27982</v>
      </c>
      <c r="I13690" t="s">
        <v>30540</v>
      </c>
    </row>
    <row r="13691" spans="1:9">
      <c r="A13691" s="1">
        <f ca="1">RAND()</f>
        <v>0.2291038563819201</v>
      </c>
      <c r="B13691" s="1"/>
      <c r="C13691">
        <v>9</v>
      </c>
      <c r="D13691" t="s">
        <v>27975</v>
      </c>
      <c r="E13691" t="s">
        <v>34344</v>
      </c>
      <c r="F13691">
        <v>5</v>
      </c>
      <c r="G13691" t="s">
        <v>14</v>
      </c>
      <c r="H13691" t="s">
        <v>27976</v>
      </c>
      <c r="I13691" t="s">
        <v>30540</v>
      </c>
    </row>
    <row r="13692" spans="1:9">
      <c r="A13692" s="1">
        <f ca="1">RAND()</f>
        <v>0.73738583651649414</v>
      </c>
      <c r="B13692" s="1"/>
      <c r="C13692">
        <v>12</v>
      </c>
      <c r="D13692" t="s">
        <v>27977</v>
      </c>
      <c r="E13692" t="s">
        <v>34344</v>
      </c>
      <c r="F13692">
        <v>4</v>
      </c>
      <c r="G13692" t="s">
        <v>14</v>
      </c>
      <c r="H13692" t="s">
        <v>27978</v>
      </c>
      <c r="I13692" t="s">
        <v>30540</v>
      </c>
    </row>
    <row r="13693" spans="1:9">
      <c r="A13693" s="1">
        <f ca="1">RAND()</f>
        <v>0.46192033636912533</v>
      </c>
      <c r="B13693" s="1"/>
      <c r="C13693">
        <v>6</v>
      </c>
      <c r="D13693" t="s">
        <v>27973</v>
      </c>
      <c r="E13693" t="s">
        <v>34344</v>
      </c>
      <c r="F13693">
        <v>4</v>
      </c>
      <c r="G13693" t="s">
        <v>14</v>
      </c>
      <c r="H13693" t="s">
        <v>27974</v>
      </c>
      <c r="I13693" t="s">
        <v>30540</v>
      </c>
    </row>
    <row r="13694" spans="1:9">
      <c r="A13694" s="1">
        <f ca="1">RAND()</f>
        <v>0.14611885777281564</v>
      </c>
      <c r="B13694" s="1"/>
      <c r="C13694">
        <v>13</v>
      </c>
      <c r="D13694" t="s">
        <v>27979</v>
      </c>
      <c r="E13694" t="s">
        <v>34344</v>
      </c>
      <c r="F13694">
        <v>2</v>
      </c>
      <c r="G13694" t="s">
        <v>14</v>
      </c>
      <c r="H13694" t="s">
        <v>27980</v>
      </c>
      <c r="I13694" t="s">
        <v>30540</v>
      </c>
    </row>
    <row r="13695" spans="1:9">
      <c r="A13695" s="1">
        <f ca="1">RAND()</f>
        <v>0.55017875152212425</v>
      </c>
      <c r="B13695" s="1"/>
      <c r="C13695">
        <v>2</v>
      </c>
      <c r="D13695" t="s">
        <v>27961</v>
      </c>
      <c r="E13695" t="s">
        <v>34345</v>
      </c>
      <c r="F13695">
        <v>5</v>
      </c>
      <c r="G13695" t="s">
        <v>2</v>
      </c>
      <c r="H13695" t="s">
        <v>27962</v>
      </c>
      <c r="I13695" t="s">
        <v>30540</v>
      </c>
    </row>
    <row r="13696" spans="1:9">
      <c r="A13696" s="1">
        <f ca="1">RAND()</f>
        <v>0.207899087414946</v>
      </c>
      <c r="B13696" s="1"/>
      <c r="C13696">
        <v>14</v>
      </c>
      <c r="D13696" t="s">
        <v>27967</v>
      </c>
      <c r="E13696" t="s">
        <v>34345</v>
      </c>
      <c r="F13696">
        <v>4</v>
      </c>
      <c r="G13696" t="s">
        <v>14</v>
      </c>
      <c r="H13696" t="s">
        <v>27968</v>
      </c>
      <c r="I13696" t="s">
        <v>30540</v>
      </c>
    </row>
    <row r="13697" spans="1:9">
      <c r="A13697" s="1">
        <f ca="1">RAND()</f>
        <v>0.82817484739147551</v>
      </c>
      <c r="B13697" s="1"/>
      <c r="C13697">
        <v>17</v>
      </c>
      <c r="D13697" t="s">
        <v>27971</v>
      </c>
      <c r="E13697" t="s">
        <v>34345</v>
      </c>
      <c r="F13697">
        <v>4</v>
      </c>
      <c r="G13697" t="s">
        <v>1</v>
      </c>
      <c r="H13697" t="s">
        <v>27972</v>
      </c>
      <c r="I13697" t="s">
        <v>30540</v>
      </c>
    </row>
    <row r="13698" spans="1:9">
      <c r="A13698" s="1">
        <f ca="1">RAND()</f>
        <v>0.85230273480211183</v>
      </c>
      <c r="B13698" s="1"/>
      <c r="C13698">
        <v>6</v>
      </c>
      <c r="D13698" t="s">
        <v>27963</v>
      </c>
      <c r="E13698" t="s">
        <v>34345</v>
      </c>
      <c r="F13698">
        <v>4</v>
      </c>
      <c r="G13698" t="s">
        <v>15</v>
      </c>
      <c r="H13698" t="s">
        <v>27964</v>
      </c>
      <c r="I13698" t="s">
        <v>30540</v>
      </c>
    </row>
    <row r="13699" spans="1:9">
      <c r="A13699" s="1">
        <f ca="1">RAND()</f>
        <v>0.77685130140880554</v>
      </c>
      <c r="B13699" s="1"/>
      <c r="C13699">
        <v>16</v>
      </c>
      <c r="D13699" t="s">
        <v>27969</v>
      </c>
      <c r="E13699" t="s">
        <v>34345</v>
      </c>
      <c r="F13699">
        <v>4</v>
      </c>
      <c r="G13699" t="s">
        <v>14</v>
      </c>
      <c r="H13699" t="s">
        <v>27970</v>
      </c>
      <c r="I13699" t="s">
        <v>30540</v>
      </c>
    </row>
    <row r="13700" spans="1:9">
      <c r="A13700" s="1">
        <f ca="1">RAND()</f>
        <v>0.16137378167363359</v>
      </c>
      <c r="B13700" s="1"/>
      <c r="C13700">
        <v>10</v>
      </c>
      <c r="D13700" t="s">
        <v>27965</v>
      </c>
      <c r="E13700" t="s">
        <v>34345</v>
      </c>
      <c r="F13700">
        <v>4</v>
      </c>
      <c r="G13700" t="s">
        <v>14</v>
      </c>
      <c r="H13700" t="s">
        <v>27966</v>
      </c>
      <c r="I13700" t="s">
        <v>30540</v>
      </c>
    </row>
    <row r="13701" spans="1:9">
      <c r="A13701" s="1">
        <f ca="1">RAND()</f>
        <v>0.14610875270908363</v>
      </c>
      <c r="B13701" s="1"/>
      <c r="C13701">
        <v>9</v>
      </c>
      <c r="D13701" t="s">
        <v>27955</v>
      </c>
      <c r="E13701" t="s">
        <v>34346</v>
      </c>
      <c r="F13701">
        <v>5</v>
      </c>
      <c r="G13701" t="s">
        <v>10</v>
      </c>
      <c r="H13701" t="s">
        <v>27956</v>
      </c>
      <c r="I13701" t="s">
        <v>30540</v>
      </c>
    </row>
    <row r="13702" spans="1:9">
      <c r="A13702" s="1">
        <f ca="1">RAND()</f>
        <v>0.49723569904690901</v>
      </c>
      <c r="B13702" s="1"/>
      <c r="C13702">
        <v>11</v>
      </c>
      <c r="D13702" t="s">
        <v>27957</v>
      </c>
      <c r="E13702" t="s">
        <v>34346</v>
      </c>
      <c r="F13702">
        <v>4</v>
      </c>
      <c r="G13702" t="s">
        <v>14</v>
      </c>
      <c r="H13702" t="s">
        <v>27958</v>
      </c>
      <c r="I13702" t="s">
        <v>30540</v>
      </c>
    </row>
    <row r="13703" spans="1:9">
      <c r="A13703" s="1">
        <f ca="1">RAND()</f>
        <v>0.99147262167235106</v>
      </c>
      <c r="B13703" s="1"/>
      <c r="C13703">
        <v>6</v>
      </c>
      <c r="D13703" t="s">
        <v>27953</v>
      </c>
      <c r="E13703" t="s">
        <v>34346</v>
      </c>
      <c r="F13703">
        <v>4</v>
      </c>
      <c r="G13703" t="s">
        <v>14</v>
      </c>
      <c r="H13703" t="s">
        <v>27954</v>
      </c>
      <c r="I13703" t="s">
        <v>30540</v>
      </c>
    </row>
    <row r="13704" spans="1:9">
      <c r="A13704" s="1">
        <f ca="1">RAND()</f>
        <v>0.94883275714660242</v>
      </c>
      <c r="B13704" s="1"/>
      <c r="C13704">
        <v>20</v>
      </c>
      <c r="D13704" t="s">
        <v>27959</v>
      </c>
      <c r="E13704" t="s">
        <v>34346</v>
      </c>
      <c r="F13704">
        <v>4</v>
      </c>
      <c r="G13704" t="s">
        <v>14</v>
      </c>
      <c r="H13704" t="s">
        <v>27960</v>
      </c>
      <c r="I13704" t="s">
        <v>30540</v>
      </c>
    </row>
    <row r="13705" spans="1:9">
      <c r="A13705" s="1">
        <f ca="1">RAND()</f>
        <v>0.80277658892187509</v>
      </c>
      <c r="B13705" s="1"/>
      <c r="C13705">
        <v>10</v>
      </c>
      <c r="D13705" t="s">
        <v>27943</v>
      </c>
      <c r="E13705" t="s">
        <v>34347</v>
      </c>
      <c r="F13705">
        <v>5</v>
      </c>
      <c r="G13705" t="s">
        <v>2738</v>
      </c>
      <c r="H13705" t="s">
        <v>27944</v>
      </c>
      <c r="I13705" t="s">
        <v>30540</v>
      </c>
    </row>
    <row r="13706" spans="1:9">
      <c r="A13706" s="1">
        <f ca="1">RAND()</f>
        <v>0.4658842008160422</v>
      </c>
      <c r="B13706" s="1"/>
      <c r="C13706">
        <v>19</v>
      </c>
      <c r="D13706" t="s">
        <v>27949</v>
      </c>
      <c r="E13706" t="s">
        <v>34347</v>
      </c>
      <c r="F13706">
        <v>4</v>
      </c>
      <c r="G13706" t="s">
        <v>3107</v>
      </c>
      <c r="H13706" t="s">
        <v>27950</v>
      </c>
      <c r="I13706" t="s">
        <v>30540</v>
      </c>
    </row>
    <row r="13707" spans="1:9">
      <c r="A13707" s="1">
        <f ca="1">RAND()</f>
        <v>0.36070629218258765</v>
      </c>
      <c r="B13707" s="1"/>
      <c r="C13707">
        <v>3</v>
      </c>
      <c r="D13707" t="s">
        <v>27941</v>
      </c>
      <c r="E13707" t="s">
        <v>34347</v>
      </c>
      <c r="F13707">
        <v>4</v>
      </c>
      <c r="G13707" t="s">
        <v>14</v>
      </c>
      <c r="H13707" t="s">
        <v>27942</v>
      </c>
      <c r="I13707" t="s">
        <v>30540</v>
      </c>
    </row>
    <row r="13708" spans="1:9">
      <c r="A13708" s="1">
        <f ca="1">RAND()</f>
        <v>0.93294238627730963</v>
      </c>
      <c r="B13708" s="1"/>
      <c r="C13708">
        <v>11</v>
      </c>
      <c r="D13708" t="s">
        <v>27945</v>
      </c>
      <c r="E13708" t="s">
        <v>34347</v>
      </c>
      <c r="F13708">
        <v>4</v>
      </c>
      <c r="G13708" t="s">
        <v>766</v>
      </c>
      <c r="H13708" t="s">
        <v>27946</v>
      </c>
      <c r="I13708" t="s">
        <v>30540</v>
      </c>
    </row>
    <row r="13709" spans="1:9">
      <c r="A13709" s="1">
        <f ca="1">RAND()</f>
        <v>0.24861833781102705</v>
      </c>
      <c r="B13709" s="1"/>
      <c r="C13709">
        <v>1</v>
      </c>
      <c r="D13709" t="s">
        <v>27939</v>
      </c>
      <c r="E13709" t="s">
        <v>34347</v>
      </c>
      <c r="F13709">
        <v>4</v>
      </c>
      <c r="G13709" t="s">
        <v>762</v>
      </c>
      <c r="H13709" t="s">
        <v>27940</v>
      </c>
      <c r="I13709" t="s">
        <v>30540</v>
      </c>
    </row>
    <row r="13710" spans="1:9">
      <c r="A13710" s="1">
        <f ca="1">RAND()</f>
        <v>0.56502222229842147</v>
      </c>
      <c r="B13710" s="1"/>
      <c r="C13710">
        <v>20</v>
      </c>
      <c r="D13710" t="s">
        <v>27951</v>
      </c>
      <c r="E13710" t="s">
        <v>34347</v>
      </c>
      <c r="F13710">
        <v>3</v>
      </c>
      <c r="G13710" t="s">
        <v>14</v>
      </c>
      <c r="H13710" t="s">
        <v>27952</v>
      </c>
      <c r="I13710" t="s">
        <v>30540</v>
      </c>
    </row>
    <row r="13711" spans="1:9">
      <c r="A13711" s="1">
        <f ca="1">RAND()</f>
        <v>0.23812252849789661</v>
      </c>
      <c r="B13711" s="1"/>
      <c r="C13711">
        <v>17</v>
      </c>
      <c r="D13711" t="s">
        <v>27947</v>
      </c>
      <c r="E13711" t="s">
        <v>34347</v>
      </c>
      <c r="F13711">
        <v>2</v>
      </c>
      <c r="G13711" t="s">
        <v>2</v>
      </c>
      <c r="H13711" t="s">
        <v>27948</v>
      </c>
      <c r="I13711" t="s">
        <v>30540</v>
      </c>
    </row>
    <row r="13712" spans="1:9">
      <c r="A13712" s="1">
        <f ca="1">RAND()</f>
        <v>0.78265105490001496</v>
      </c>
      <c r="B13712" s="1"/>
      <c r="C13712">
        <v>17</v>
      </c>
      <c r="D13712" t="s">
        <v>27937</v>
      </c>
      <c r="E13712" t="s">
        <v>34348</v>
      </c>
      <c r="F13712">
        <v>5</v>
      </c>
      <c r="G13712" t="s">
        <v>14</v>
      </c>
      <c r="H13712" t="s">
        <v>27938</v>
      </c>
      <c r="I13712" t="s">
        <v>30540</v>
      </c>
    </row>
    <row r="13713" spans="1:9">
      <c r="A13713" s="1">
        <f ca="1">RAND()</f>
        <v>0.19610113562686593</v>
      </c>
      <c r="B13713" s="1"/>
      <c r="C13713">
        <v>9</v>
      </c>
      <c r="D13713" t="s">
        <v>27933</v>
      </c>
      <c r="E13713" t="s">
        <v>34348</v>
      </c>
      <c r="F13713">
        <v>4</v>
      </c>
      <c r="G13713" t="s">
        <v>10</v>
      </c>
      <c r="H13713" t="s">
        <v>27934</v>
      </c>
      <c r="I13713" t="s">
        <v>30540</v>
      </c>
    </row>
    <row r="13714" spans="1:9">
      <c r="A13714" s="1">
        <f ca="1">RAND()</f>
        <v>0.22974657950907695</v>
      </c>
      <c r="B13714" s="1"/>
      <c r="C13714">
        <v>11</v>
      </c>
      <c r="D13714" t="s">
        <v>27935</v>
      </c>
      <c r="E13714" t="s">
        <v>34348</v>
      </c>
      <c r="F13714">
        <v>2</v>
      </c>
      <c r="G13714" t="s">
        <v>14</v>
      </c>
      <c r="H13714" t="s">
        <v>27936</v>
      </c>
      <c r="I13714" t="s">
        <v>30540</v>
      </c>
    </row>
    <row r="13715" spans="1:9">
      <c r="A13715" s="1">
        <f ca="1">RAND()</f>
        <v>6.1344435473189685E-2</v>
      </c>
      <c r="B13715" s="1"/>
      <c r="C13715">
        <v>2</v>
      </c>
      <c r="D13715" t="s">
        <v>27927</v>
      </c>
      <c r="E13715" t="s">
        <v>34349</v>
      </c>
      <c r="F13715">
        <v>5</v>
      </c>
      <c r="G13715" t="s">
        <v>14</v>
      </c>
      <c r="H13715" t="s">
        <v>27928</v>
      </c>
      <c r="I13715" t="s">
        <v>30540</v>
      </c>
    </row>
    <row r="13716" spans="1:9">
      <c r="A13716" s="1">
        <f ca="1">RAND()</f>
        <v>0.85199816692687103</v>
      </c>
      <c r="B13716" s="1"/>
      <c r="C13716">
        <v>8</v>
      </c>
      <c r="D13716" t="s">
        <v>27929</v>
      </c>
      <c r="E13716" t="s">
        <v>34349</v>
      </c>
      <c r="F13716">
        <v>5</v>
      </c>
      <c r="G13716" t="s">
        <v>14</v>
      </c>
      <c r="H13716" t="s">
        <v>27930</v>
      </c>
      <c r="I13716" t="s">
        <v>30540</v>
      </c>
    </row>
    <row r="13717" spans="1:9">
      <c r="A13717" s="1">
        <f ca="1">RAND()</f>
        <v>0.31292872688805928</v>
      </c>
      <c r="B13717" s="1"/>
      <c r="C13717">
        <v>10</v>
      </c>
      <c r="D13717" t="s">
        <v>27931</v>
      </c>
      <c r="E13717" t="s">
        <v>34349</v>
      </c>
      <c r="F13717">
        <v>4</v>
      </c>
      <c r="G13717" t="s">
        <v>14</v>
      </c>
      <c r="H13717" t="s">
        <v>27932</v>
      </c>
      <c r="I13717" t="s">
        <v>30540</v>
      </c>
    </row>
    <row r="13718" spans="1:9">
      <c r="A13718" s="1">
        <f ca="1">RAND()</f>
        <v>0.22089149700453592</v>
      </c>
      <c r="B13718" s="1"/>
      <c r="C13718">
        <v>16</v>
      </c>
      <c r="D13718" t="s">
        <v>27923</v>
      </c>
      <c r="E13718" t="s">
        <v>34350</v>
      </c>
      <c r="F13718">
        <v>4</v>
      </c>
      <c r="G13718" t="s">
        <v>14</v>
      </c>
      <c r="H13718" t="s">
        <v>27924</v>
      </c>
      <c r="I13718" t="s">
        <v>30540</v>
      </c>
    </row>
    <row r="13719" spans="1:9">
      <c r="A13719" s="1">
        <f ca="1">RAND()</f>
        <v>0.52353681305513711</v>
      </c>
      <c r="B13719" s="1"/>
      <c r="C13719">
        <v>8</v>
      </c>
      <c r="D13719" t="s">
        <v>27921</v>
      </c>
      <c r="E13719" t="s">
        <v>34350</v>
      </c>
      <c r="F13719">
        <v>4</v>
      </c>
      <c r="G13719" t="s">
        <v>15</v>
      </c>
      <c r="H13719" t="s">
        <v>27922</v>
      </c>
      <c r="I13719" t="s">
        <v>30540</v>
      </c>
    </row>
    <row r="13720" spans="1:9">
      <c r="A13720" s="1">
        <f ca="1">RAND()</f>
        <v>0.40143236186991149</v>
      </c>
      <c r="B13720" s="1"/>
      <c r="C13720">
        <v>17</v>
      </c>
      <c r="D13720" t="s">
        <v>27925</v>
      </c>
      <c r="E13720" t="s">
        <v>34350</v>
      </c>
      <c r="F13720">
        <v>4</v>
      </c>
      <c r="G13720" t="s">
        <v>14</v>
      </c>
      <c r="H13720" t="s">
        <v>27926</v>
      </c>
      <c r="I13720" t="s">
        <v>30540</v>
      </c>
    </row>
    <row r="13721" spans="1:9">
      <c r="A13721" s="1">
        <f ca="1">RAND()</f>
        <v>0.8641070015897635</v>
      </c>
      <c r="B13721" s="1"/>
      <c r="C13721">
        <v>18</v>
      </c>
      <c r="D13721" t="s">
        <v>27917</v>
      </c>
      <c r="E13721" t="s">
        <v>34351</v>
      </c>
      <c r="F13721">
        <v>5</v>
      </c>
      <c r="G13721" t="s">
        <v>762</v>
      </c>
      <c r="H13721" t="s">
        <v>27918</v>
      </c>
      <c r="I13721" t="s">
        <v>30540</v>
      </c>
    </row>
    <row r="13722" spans="1:9">
      <c r="A13722" s="1">
        <f ca="1">RAND()</f>
        <v>0.51274474714481488</v>
      </c>
      <c r="B13722" s="1"/>
      <c r="C13722">
        <v>15</v>
      </c>
      <c r="D13722" t="s">
        <v>27915</v>
      </c>
      <c r="E13722" t="s">
        <v>34351</v>
      </c>
      <c r="F13722">
        <v>4</v>
      </c>
      <c r="G13722" t="s">
        <v>10</v>
      </c>
      <c r="H13722" t="s">
        <v>27916</v>
      </c>
      <c r="I13722" t="s">
        <v>30540</v>
      </c>
    </row>
    <row r="13723" spans="1:9">
      <c r="A13723" s="1">
        <f ca="1">RAND()</f>
        <v>0.46514228578655414</v>
      </c>
      <c r="B13723" s="1"/>
      <c r="C13723">
        <v>4</v>
      </c>
      <c r="D13723" t="s">
        <v>27909</v>
      </c>
      <c r="E13723" t="s">
        <v>34351</v>
      </c>
      <c r="F13723">
        <v>4</v>
      </c>
      <c r="G13723" t="s">
        <v>10</v>
      </c>
      <c r="H13723" t="s">
        <v>27910</v>
      </c>
      <c r="I13723" t="s">
        <v>30540</v>
      </c>
    </row>
    <row r="13724" spans="1:9">
      <c r="A13724" s="1">
        <f ca="1">RAND()</f>
        <v>0.92027505505657592</v>
      </c>
      <c r="B13724" s="1"/>
      <c r="C13724">
        <v>13</v>
      </c>
      <c r="D13724" t="s">
        <v>27913</v>
      </c>
      <c r="E13724" t="s">
        <v>34351</v>
      </c>
      <c r="F13724">
        <v>4</v>
      </c>
      <c r="G13724" t="s">
        <v>1431</v>
      </c>
      <c r="H13724" t="s">
        <v>27914</v>
      </c>
      <c r="I13724" t="s">
        <v>30540</v>
      </c>
    </row>
    <row r="13725" spans="1:9">
      <c r="A13725" s="1">
        <f ca="1">RAND()</f>
        <v>0.43980971738323005</v>
      </c>
      <c r="B13725" s="1"/>
      <c r="C13725">
        <v>20</v>
      </c>
      <c r="D13725" t="s">
        <v>27919</v>
      </c>
      <c r="E13725" t="s">
        <v>34351</v>
      </c>
      <c r="F13725">
        <v>4</v>
      </c>
      <c r="G13725" t="s">
        <v>2</v>
      </c>
      <c r="H13725" t="s">
        <v>27920</v>
      </c>
      <c r="I13725" t="s">
        <v>30540</v>
      </c>
    </row>
    <row r="13726" spans="1:9">
      <c r="A13726" s="1">
        <f ca="1">RAND()</f>
        <v>3.9508049318210503E-2</v>
      </c>
      <c r="B13726" s="1"/>
      <c r="C13726">
        <v>5</v>
      </c>
      <c r="D13726" t="s">
        <v>27911</v>
      </c>
      <c r="E13726" t="s">
        <v>34351</v>
      </c>
      <c r="F13726">
        <v>3</v>
      </c>
      <c r="G13726" t="s">
        <v>15</v>
      </c>
      <c r="H13726" t="s">
        <v>27912</v>
      </c>
      <c r="I13726" t="s">
        <v>30540</v>
      </c>
    </row>
    <row r="13727" spans="1:9">
      <c r="A13727" s="1">
        <f ca="1">RAND()</f>
        <v>0.54683709587040275</v>
      </c>
      <c r="B13727" s="1"/>
      <c r="C13727">
        <v>6</v>
      </c>
      <c r="D13727" t="s">
        <v>27903</v>
      </c>
      <c r="E13727" t="s">
        <v>34352</v>
      </c>
      <c r="F13727">
        <v>5</v>
      </c>
      <c r="G13727" t="s">
        <v>14</v>
      </c>
      <c r="H13727" t="s">
        <v>27904</v>
      </c>
      <c r="I13727" t="s">
        <v>30540</v>
      </c>
    </row>
    <row r="13728" spans="1:9">
      <c r="A13728" s="1">
        <f ca="1">RAND()</f>
        <v>0.3214229861304847</v>
      </c>
      <c r="B13728" s="1"/>
      <c r="C13728">
        <v>16</v>
      </c>
      <c r="D13728" t="s">
        <v>27907</v>
      </c>
      <c r="E13728" t="s">
        <v>34352</v>
      </c>
      <c r="F13728">
        <v>5</v>
      </c>
      <c r="G13728" t="s">
        <v>1</v>
      </c>
      <c r="H13728" t="s">
        <v>27908</v>
      </c>
      <c r="I13728" t="s">
        <v>30540</v>
      </c>
    </row>
    <row r="13729" spans="1:9">
      <c r="A13729" s="1">
        <f ca="1">RAND()</f>
        <v>0.75774036131381495</v>
      </c>
      <c r="B13729" s="1"/>
      <c r="C13729">
        <v>13</v>
      </c>
      <c r="D13729" t="s">
        <v>27905</v>
      </c>
      <c r="E13729" t="s">
        <v>34352</v>
      </c>
      <c r="F13729">
        <v>4</v>
      </c>
      <c r="G13729" t="s">
        <v>0</v>
      </c>
      <c r="H13729" t="s">
        <v>27906</v>
      </c>
      <c r="I13729" t="s">
        <v>30540</v>
      </c>
    </row>
    <row r="13730" spans="1:9">
      <c r="A13730" s="1">
        <f ca="1">RAND()</f>
        <v>0.79771251649737396</v>
      </c>
      <c r="B13730" s="1"/>
      <c r="C13730">
        <v>2</v>
      </c>
      <c r="D13730" t="s">
        <v>27895</v>
      </c>
      <c r="E13730" t="s">
        <v>34353</v>
      </c>
      <c r="F13730">
        <v>5</v>
      </c>
      <c r="G13730" t="s">
        <v>14</v>
      </c>
      <c r="H13730" t="s">
        <v>27896</v>
      </c>
      <c r="I13730" t="s">
        <v>30540</v>
      </c>
    </row>
    <row r="13731" spans="1:9">
      <c r="A13731" s="1">
        <f ca="1">RAND()</f>
        <v>0.83877878622991575</v>
      </c>
      <c r="B13731" s="1"/>
      <c r="C13731">
        <v>11</v>
      </c>
      <c r="D13731" t="s">
        <v>27899</v>
      </c>
      <c r="E13731" t="s">
        <v>34353</v>
      </c>
      <c r="F13731">
        <v>4</v>
      </c>
      <c r="G13731" t="s">
        <v>9</v>
      </c>
      <c r="H13731" t="s">
        <v>27900</v>
      </c>
      <c r="I13731" t="s">
        <v>30540</v>
      </c>
    </row>
    <row r="13732" spans="1:9">
      <c r="A13732" s="1">
        <f ca="1">RAND()</f>
        <v>0.21333583125154587</v>
      </c>
      <c r="B13732" s="1"/>
      <c r="C13732">
        <v>6</v>
      </c>
      <c r="D13732" t="s">
        <v>27897</v>
      </c>
      <c r="E13732" t="s">
        <v>34353</v>
      </c>
      <c r="F13732">
        <v>4</v>
      </c>
      <c r="G13732" t="s">
        <v>9</v>
      </c>
      <c r="H13732" t="s">
        <v>27898</v>
      </c>
      <c r="I13732" t="s">
        <v>30540</v>
      </c>
    </row>
    <row r="13733" spans="1:9">
      <c r="A13733" s="1">
        <f ca="1">RAND()</f>
        <v>8.6715595304677207E-2</v>
      </c>
      <c r="B13733" s="1"/>
      <c r="C13733">
        <v>12</v>
      </c>
      <c r="D13733" t="s">
        <v>27901</v>
      </c>
      <c r="E13733" t="s">
        <v>34353</v>
      </c>
      <c r="F13733">
        <v>3</v>
      </c>
      <c r="G13733" t="s">
        <v>9</v>
      </c>
      <c r="H13733" t="s">
        <v>27902</v>
      </c>
      <c r="I13733" t="s">
        <v>30540</v>
      </c>
    </row>
    <row r="13734" spans="1:9">
      <c r="A13734" s="1">
        <f ca="1">RAND()</f>
        <v>0.55672144810062951</v>
      </c>
      <c r="B13734" s="1"/>
      <c r="C13734">
        <v>6</v>
      </c>
      <c r="D13734" t="s">
        <v>27889</v>
      </c>
      <c r="E13734" t="s">
        <v>34354</v>
      </c>
      <c r="F13734">
        <v>4</v>
      </c>
      <c r="G13734" t="s">
        <v>9</v>
      </c>
      <c r="H13734" t="s">
        <v>27890</v>
      </c>
      <c r="I13734" t="s">
        <v>30540</v>
      </c>
    </row>
    <row r="13735" spans="1:9">
      <c r="A13735" s="1">
        <f ca="1">RAND()</f>
        <v>0.9475902331774434</v>
      </c>
      <c r="B13735" s="1"/>
      <c r="C13735">
        <v>9</v>
      </c>
      <c r="D13735" t="s">
        <v>27891</v>
      </c>
      <c r="E13735" t="s">
        <v>34354</v>
      </c>
      <c r="F13735">
        <v>4</v>
      </c>
      <c r="G13735" t="s">
        <v>14</v>
      </c>
      <c r="H13735" t="s">
        <v>27892</v>
      </c>
      <c r="I13735" t="s">
        <v>30540</v>
      </c>
    </row>
    <row r="13736" spans="1:9">
      <c r="A13736" s="1">
        <f ca="1">RAND()</f>
        <v>0.55183066162353844</v>
      </c>
      <c r="B13736" s="1"/>
      <c r="C13736">
        <v>16</v>
      </c>
      <c r="D13736" t="s">
        <v>27893</v>
      </c>
      <c r="E13736" t="s">
        <v>34354</v>
      </c>
      <c r="F13736">
        <v>4</v>
      </c>
      <c r="G13736" t="s">
        <v>14</v>
      </c>
      <c r="H13736" t="s">
        <v>27894</v>
      </c>
      <c r="I13736" t="s">
        <v>30540</v>
      </c>
    </row>
    <row r="13737" spans="1:9">
      <c r="A13737" s="1">
        <f ca="1">RAND()</f>
        <v>0.6374941428595271</v>
      </c>
      <c r="B13737" s="1"/>
      <c r="C13737">
        <v>11</v>
      </c>
      <c r="D13737" t="s">
        <v>27883</v>
      </c>
      <c r="E13737" t="s">
        <v>34355</v>
      </c>
      <c r="F13737">
        <v>4</v>
      </c>
      <c r="G13737" t="s">
        <v>1</v>
      </c>
      <c r="H13737" t="s">
        <v>27884</v>
      </c>
      <c r="I13737" t="s">
        <v>30540</v>
      </c>
    </row>
    <row r="13738" spans="1:9">
      <c r="A13738" s="1">
        <f ca="1">RAND()</f>
        <v>0.9752988262549348</v>
      </c>
      <c r="B13738" s="1"/>
      <c r="C13738">
        <v>8</v>
      </c>
      <c r="D13738" t="s">
        <v>27879</v>
      </c>
      <c r="E13738" t="s">
        <v>34355</v>
      </c>
      <c r="F13738">
        <v>4</v>
      </c>
      <c r="G13738" t="s">
        <v>762</v>
      </c>
      <c r="H13738" t="s">
        <v>27880</v>
      </c>
      <c r="I13738" t="s">
        <v>30540</v>
      </c>
    </row>
    <row r="13739" spans="1:9">
      <c r="A13739" s="1">
        <f ca="1">RAND()</f>
        <v>0.29684160083864164</v>
      </c>
      <c r="B13739" s="1"/>
      <c r="C13739">
        <v>14</v>
      </c>
      <c r="D13739" t="s">
        <v>27887</v>
      </c>
      <c r="E13739" t="s">
        <v>34355</v>
      </c>
      <c r="F13739">
        <v>4</v>
      </c>
      <c r="G13739" t="s">
        <v>2</v>
      </c>
      <c r="H13739" t="s">
        <v>27888</v>
      </c>
      <c r="I13739" t="s">
        <v>30540</v>
      </c>
    </row>
    <row r="13740" spans="1:9">
      <c r="A13740" s="1">
        <f ca="1">RAND()</f>
        <v>0.67538674842351276</v>
      </c>
      <c r="B13740" s="1"/>
      <c r="C13740">
        <v>10</v>
      </c>
      <c r="D13740" t="s">
        <v>27881</v>
      </c>
      <c r="E13740" t="s">
        <v>34355</v>
      </c>
      <c r="F13740">
        <v>4</v>
      </c>
      <c r="G13740" t="s">
        <v>770</v>
      </c>
      <c r="H13740" t="s">
        <v>27882</v>
      </c>
      <c r="I13740" t="s">
        <v>30540</v>
      </c>
    </row>
    <row r="13741" spans="1:9">
      <c r="A13741" s="1">
        <f ca="1">RAND()</f>
        <v>0.39670048244156131</v>
      </c>
      <c r="B13741" s="1"/>
      <c r="C13741">
        <v>12</v>
      </c>
      <c r="D13741" t="s">
        <v>27885</v>
      </c>
      <c r="E13741" t="s">
        <v>34355</v>
      </c>
      <c r="F13741">
        <v>4</v>
      </c>
      <c r="G13741" t="s">
        <v>14</v>
      </c>
      <c r="H13741" t="s">
        <v>27886</v>
      </c>
      <c r="I13741" t="s">
        <v>30540</v>
      </c>
    </row>
    <row r="13742" spans="1:9">
      <c r="A13742" s="1">
        <f ca="1">RAND()</f>
        <v>0.60008515696940934</v>
      </c>
      <c r="B13742" s="1"/>
      <c r="C13742">
        <v>7</v>
      </c>
      <c r="D13742" t="s">
        <v>27877</v>
      </c>
      <c r="E13742" t="s">
        <v>34355</v>
      </c>
      <c r="F13742">
        <v>2</v>
      </c>
      <c r="G13742" t="s">
        <v>2738</v>
      </c>
      <c r="H13742" t="s">
        <v>27878</v>
      </c>
      <c r="I13742" t="s">
        <v>30540</v>
      </c>
    </row>
    <row r="13743" spans="1:9">
      <c r="A13743" s="1">
        <f ca="1">RAND()</f>
        <v>7.8652853101776499E-2</v>
      </c>
      <c r="B13743" s="1"/>
      <c r="C13743">
        <v>8</v>
      </c>
      <c r="D13743" t="s">
        <v>27871</v>
      </c>
      <c r="E13743" t="s">
        <v>34356</v>
      </c>
      <c r="F13743">
        <v>4</v>
      </c>
      <c r="G13743" t="s">
        <v>9</v>
      </c>
      <c r="H13743" t="s">
        <v>27872</v>
      </c>
      <c r="I13743" t="s">
        <v>30540</v>
      </c>
    </row>
    <row r="13744" spans="1:9">
      <c r="A13744" s="1">
        <f ca="1">RAND()</f>
        <v>0.63994267479566924</v>
      </c>
      <c r="B13744" s="1"/>
      <c r="C13744">
        <v>9</v>
      </c>
      <c r="D13744" t="s">
        <v>27873</v>
      </c>
      <c r="E13744" t="s">
        <v>34356</v>
      </c>
      <c r="F13744">
        <v>4</v>
      </c>
      <c r="G13744" t="s">
        <v>14</v>
      </c>
      <c r="H13744" t="s">
        <v>27874</v>
      </c>
      <c r="I13744" t="s">
        <v>30540</v>
      </c>
    </row>
    <row r="13745" spans="1:9">
      <c r="A13745" s="1">
        <f ca="1">RAND()</f>
        <v>0.23895053040965863</v>
      </c>
      <c r="B13745" s="1"/>
      <c r="C13745">
        <v>13</v>
      </c>
      <c r="D13745" t="s">
        <v>27875</v>
      </c>
      <c r="E13745" t="s">
        <v>34356</v>
      </c>
      <c r="F13745">
        <v>4</v>
      </c>
      <c r="G13745" t="s">
        <v>14</v>
      </c>
      <c r="H13745" t="s">
        <v>27876</v>
      </c>
      <c r="I13745" t="s">
        <v>30540</v>
      </c>
    </row>
    <row r="13746" spans="1:9">
      <c r="A13746" s="1">
        <f ca="1">RAND()</f>
        <v>0.93247159935800839</v>
      </c>
      <c r="B13746" s="1"/>
      <c r="C13746">
        <v>6</v>
      </c>
      <c r="D13746" t="s">
        <v>27869</v>
      </c>
      <c r="E13746" t="s">
        <v>34356</v>
      </c>
      <c r="F13746">
        <v>3</v>
      </c>
      <c r="G13746" t="s">
        <v>14</v>
      </c>
      <c r="H13746" t="s">
        <v>27870</v>
      </c>
      <c r="I13746" t="s">
        <v>30540</v>
      </c>
    </row>
    <row r="13747" spans="1:9">
      <c r="A13747" s="1">
        <f ca="1">RAND()</f>
        <v>0.17596991857960387</v>
      </c>
      <c r="B13747" s="1"/>
      <c r="C13747">
        <v>15</v>
      </c>
      <c r="D13747" t="s">
        <v>27865</v>
      </c>
      <c r="E13747" t="s">
        <v>34357</v>
      </c>
      <c r="F13747">
        <v>4</v>
      </c>
      <c r="G13747" t="s">
        <v>2</v>
      </c>
      <c r="H13747" t="s">
        <v>27866</v>
      </c>
      <c r="I13747" t="s">
        <v>30540</v>
      </c>
    </row>
    <row r="13748" spans="1:9">
      <c r="A13748" s="1">
        <f ca="1">RAND()</f>
        <v>0.85033423611652581</v>
      </c>
      <c r="B13748" s="1"/>
      <c r="C13748">
        <v>7</v>
      </c>
      <c r="D13748" t="s">
        <v>27861</v>
      </c>
      <c r="E13748" t="s">
        <v>34357</v>
      </c>
      <c r="F13748">
        <v>4</v>
      </c>
      <c r="G13748" t="s">
        <v>14</v>
      </c>
      <c r="H13748" t="s">
        <v>27862</v>
      </c>
      <c r="I13748" t="s">
        <v>30540</v>
      </c>
    </row>
    <row r="13749" spans="1:9">
      <c r="A13749" s="1">
        <f ca="1">RAND()</f>
        <v>0.65268093524158854</v>
      </c>
      <c r="B13749" s="1"/>
      <c r="C13749">
        <v>16</v>
      </c>
      <c r="D13749" t="s">
        <v>27867</v>
      </c>
      <c r="E13749" t="s">
        <v>34357</v>
      </c>
      <c r="F13749">
        <v>4</v>
      </c>
      <c r="G13749" t="s">
        <v>14</v>
      </c>
      <c r="H13749" t="s">
        <v>27868</v>
      </c>
      <c r="I13749" t="s">
        <v>30540</v>
      </c>
    </row>
    <row r="13750" spans="1:9">
      <c r="A13750" s="1">
        <f ca="1">RAND()</f>
        <v>0.28246374137684493</v>
      </c>
      <c r="B13750" s="1"/>
      <c r="C13750">
        <v>6</v>
      </c>
      <c r="D13750" t="s">
        <v>27859</v>
      </c>
      <c r="E13750" t="s">
        <v>34357</v>
      </c>
      <c r="F13750">
        <v>4</v>
      </c>
      <c r="G13750" t="s">
        <v>9</v>
      </c>
      <c r="H13750" t="s">
        <v>27860</v>
      </c>
      <c r="I13750" t="s">
        <v>30540</v>
      </c>
    </row>
    <row r="13751" spans="1:9">
      <c r="A13751" s="1">
        <f ca="1">RAND()</f>
        <v>0.38382476851751013</v>
      </c>
      <c r="B13751" s="1"/>
      <c r="C13751">
        <v>13</v>
      </c>
      <c r="D13751" t="s">
        <v>27863</v>
      </c>
      <c r="E13751" t="s">
        <v>34357</v>
      </c>
      <c r="F13751">
        <v>4</v>
      </c>
      <c r="G13751" t="s">
        <v>14</v>
      </c>
      <c r="H13751" t="s">
        <v>27864</v>
      </c>
      <c r="I13751" t="s">
        <v>30540</v>
      </c>
    </row>
    <row r="13752" spans="1:9">
      <c r="A13752" s="1">
        <f ca="1">RAND()</f>
        <v>1.057082010867394E-2</v>
      </c>
      <c r="B13752" s="1"/>
      <c r="C13752">
        <v>2</v>
      </c>
      <c r="D13752" t="s">
        <v>27851</v>
      </c>
      <c r="E13752" t="s">
        <v>34358</v>
      </c>
      <c r="F13752">
        <v>5</v>
      </c>
      <c r="G13752" t="s">
        <v>10</v>
      </c>
      <c r="H13752" t="s">
        <v>27852</v>
      </c>
      <c r="I13752" t="s">
        <v>30540</v>
      </c>
    </row>
    <row r="13753" spans="1:9">
      <c r="A13753" s="1">
        <f ca="1">RAND()</f>
        <v>0.97930057322935149</v>
      </c>
      <c r="B13753" s="1"/>
      <c r="C13753">
        <v>8</v>
      </c>
      <c r="D13753" t="s">
        <v>27855</v>
      </c>
      <c r="E13753" t="s">
        <v>34358</v>
      </c>
      <c r="F13753">
        <v>4</v>
      </c>
      <c r="G13753" t="s">
        <v>9</v>
      </c>
      <c r="H13753" t="s">
        <v>27856</v>
      </c>
      <c r="I13753" t="s">
        <v>30540</v>
      </c>
    </row>
    <row r="13754" spans="1:9">
      <c r="A13754" s="1">
        <f ca="1">RAND()</f>
        <v>2.2946121721444723E-2</v>
      </c>
      <c r="B13754" s="1"/>
      <c r="C13754">
        <v>9</v>
      </c>
      <c r="D13754" t="s">
        <v>27857</v>
      </c>
      <c r="E13754" t="s">
        <v>34358</v>
      </c>
      <c r="F13754">
        <v>4</v>
      </c>
      <c r="G13754" t="s">
        <v>14</v>
      </c>
      <c r="H13754" t="s">
        <v>27858</v>
      </c>
      <c r="I13754" t="s">
        <v>30540</v>
      </c>
    </row>
    <row r="13755" spans="1:9">
      <c r="A13755" s="1">
        <f ca="1">RAND()</f>
        <v>9.1645235956778315E-2</v>
      </c>
      <c r="B13755" s="1"/>
      <c r="C13755">
        <v>5</v>
      </c>
      <c r="D13755" t="s">
        <v>27853</v>
      </c>
      <c r="E13755" t="s">
        <v>34358</v>
      </c>
      <c r="F13755">
        <v>4</v>
      </c>
      <c r="G13755" t="s">
        <v>9</v>
      </c>
      <c r="H13755" t="s">
        <v>27854</v>
      </c>
      <c r="I13755" t="s">
        <v>30540</v>
      </c>
    </row>
    <row r="13756" spans="1:9">
      <c r="A13756" s="1">
        <f ca="1">RAND()</f>
        <v>0.65905818985944065</v>
      </c>
      <c r="B13756" s="1"/>
      <c r="C13756">
        <v>1</v>
      </c>
      <c r="D13756" t="s">
        <v>27849</v>
      </c>
      <c r="E13756" t="s">
        <v>34358</v>
      </c>
      <c r="F13756">
        <v>4</v>
      </c>
      <c r="G13756" t="s">
        <v>2</v>
      </c>
      <c r="H13756" t="s">
        <v>27850</v>
      </c>
      <c r="I13756" t="s">
        <v>30540</v>
      </c>
    </row>
    <row r="13757" spans="1:9">
      <c r="A13757" s="1">
        <f ca="1">RAND()</f>
        <v>0.29757840184034134</v>
      </c>
      <c r="B13757" s="1"/>
      <c r="C13757">
        <v>14</v>
      </c>
      <c r="D13757" t="s">
        <v>27841</v>
      </c>
      <c r="E13757" t="s">
        <v>34359</v>
      </c>
      <c r="F13757">
        <v>5</v>
      </c>
      <c r="G13757" t="s">
        <v>14</v>
      </c>
      <c r="H13757" t="s">
        <v>27842</v>
      </c>
      <c r="I13757" t="s">
        <v>30540</v>
      </c>
    </row>
    <row r="13758" spans="1:9">
      <c r="A13758" s="1">
        <f ca="1">RAND()</f>
        <v>0.50862929902724452</v>
      </c>
      <c r="B13758" s="1"/>
      <c r="C13758">
        <v>8</v>
      </c>
      <c r="D13758" t="s">
        <v>27839</v>
      </c>
      <c r="E13758" t="s">
        <v>34359</v>
      </c>
      <c r="F13758">
        <v>5</v>
      </c>
      <c r="G13758" t="s">
        <v>14</v>
      </c>
      <c r="H13758" t="s">
        <v>27840</v>
      </c>
      <c r="I13758" t="s">
        <v>30540</v>
      </c>
    </row>
    <row r="13759" spans="1:9">
      <c r="A13759" s="1">
        <f ca="1">RAND()</f>
        <v>0.48753884532100245</v>
      </c>
      <c r="B13759" s="1"/>
      <c r="C13759">
        <v>18</v>
      </c>
      <c r="D13759" t="s">
        <v>27845</v>
      </c>
      <c r="E13759" t="s">
        <v>34359</v>
      </c>
      <c r="F13759">
        <v>4</v>
      </c>
      <c r="G13759" t="s">
        <v>15</v>
      </c>
      <c r="H13759" t="s">
        <v>27846</v>
      </c>
      <c r="I13759" t="s">
        <v>30540</v>
      </c>
    </row>
    <row r="13760" spans="1:9">
      <c r="A13760" s="1">
        <f ca="1">RAND()</f>
        <v>0.37440816417099587</v>
      </c>
      <c r="B13760" s="1"/>
      <c r="C13760">
        <v>17</v>
      </c>
      <c r="D13760" t="s">
        <v>27843</v>
      </c>
      <c r="E13760" t="s">
        <v>34359</v>
      </c>
      <c r="F13760">
        <v>4</v>
      </c>
      <c r="G13760" t="s">
        <v>14</v>
      </c>
      <c r="H13760" t="s">
        <v>27844</v>
      </c>
      <c r="I13760" t="s">
        <v>30540</v>
      </c>
    </row>
    <row r="13761" spans="1:9">
      <c r="A13761" s="1">
        <f ca="1">RAND()</f>
        <v>5.1189417872600229E-3</v>
      </c>
      <c r="B13761" s="1"/>
      <c r="C13761">
        <v>1</v>
      </c>
      <c r="D13761" t="s">
        <v>27837</v>
      </c>
      <c r="E13761" t="s">
        <v>34359</v>
      </c>
      <c r="F13761">
        <v>2</v>
      </c>
      <c r="G13761" t="s">
        <v>1</v>
      </c>
      <c r="H13761" t="s">
        <v>27838</v>
      </c>
      <c r="I13761" t="s">
        <v>30540</v>
      </c>
    </row>
    <row r="13762" spans="1:9">
      <c r="A13762" s="1">
        <f ca="1">RAND()</f>
        <v>0.22448694738667652</v>
      </c>
      <c r="B13762" s="1"/>
      <c r="C13762">
        <v>20</v>
      </c>
      <c r="D13762" t="s">
        <v>27847</v>
      </c>
      <c r="E13762" t="s">
        <v>34359</v>
      </c>
      <c r="F13762">
        <v>2</v>
      </c>
      <c r="G13762" t="s">
        <v>10</v>
      </c>
      <c r="H13762" t="s">
        <v>27848</v>
      </c>
      <c r="I13762" t="s">
        <v>30540</v>
      </c>
    </row>
    <row r="13763" spans="1:9">
      <c r="A13763" s="1">
        <f ca="1">RAND()</f>
        <v>3.6231062140005821E-2</v>
      </c>
      <c r="B13763" s="1"/>
      <c r="C13763">
        <v>13</v>
      </c>
      <c r="D13763" t="s">
        <v>27833</v>
      </c>
      <c r="E13763" t="s">
        <v>34360</v>
      </c>
      <c r="F13763">
        <v>5</v>
      </c>
      <c r="G13763" t="s">
        <v>1295</v>
      </c>
      <c r="H13763" t="s">
        <v>27834</v>
      </c>
      <c r="I13763" t="s">
        <v>30540</v>
      </c>
    </row>
    <row r="13764" spans="1:9">
      <c r="A13764" s="1">
        <f ca="1">RAND()</f>
        <v>0.30566645005176396</v>
      </c>
      <c r="B13764" s="1"/>
      <c r="C13764">
        <v>7</v>
      </c>
      <c r="D13764" t="s">
        <v>27831</v>
      </c>
      <c r="E13764" t="s">
        <v>34360</v>
      </c>
      <c r="F13764">
        <v>4</v>
      </c>
      <c r="G13764" t="s">
        <v>1431</v>
      </c>
      <c r="H13764" t="s">
        <v>27832</v>
      </c>
      <c r="I13764" t="s">
        <v>30540</v>
      </c>
    </row>
    <row r="13765" spans="1:9">
      <c r="A13765" s="1">
        <f ca="1">RAND()</f>
        <v>0.90216160692324732</v>
      </c>
      <c r="B13765" s="1"/>
      <c r="C13765">
        <v>20</v>
      </c>
      <c r="D13765" t="s">
        <v>27835</v>
      </c>
      <c r="E13765" t="s">
        <v>34360</v>
      </c>
      <c r="F13765">
        <v>1</v>
      </c>
      <c r="G13765" t="s">
        <v>2738</v>
      </c>
      <c r="H13765" t="s">
        <v>27836</v>
      </c>
      <c r="I13765" t="s">
        <v>30540</v>
      </c>
    </row>
    <row r="13766" spans="1:9">
      <c r="A13766" s="1">
        <f ca="1">RAND()</f>
        <v>0.65894380656142759</v>
      </c>
      <c r="B13766" s="1"/>
      <c r="C13766">
        <v>9</v>
      </c>
      <c r="D13766" t="s">
        <v>27827</v>
      </c>
      <c r="E13766" t="s">
        <v>34361</v>
      </c>
      <c r="F13766">
        <v>4</v>
      </c>
      <c r="G13766" t="s">
        <v>14</v>
      </c>
      <c r="H13766" t="s">
        <v>27828</v>
      </c>
      <c r="I13766" t="s">
        <v>30540</v>
      </c>
    </row>
    <row r="13767" spans="1:9">
      <c r="A13767" s="1">
        <f ca="1">RAND()</f>
        <v>0.54744904951671436</v>
      </c>
      <c r="B13767" s="1"/>
      <c r="C13767">
        <v>14</v>
      </c>
      <c r="D13767" t="s">
        <v>27829</v>
      </c>
      <c r="E13767" t="s">
        <v>34361</v>
      </c>
      <c r="F13767">
        <v>3</v>
      </c>
      <c r="G13767" t="s">
        <v>14</v>
      </c>
      <c r="H13767" t="s">
        <v>27830</v>
      </c>
      <c r="I13767" t="s">
        <v>30540</v>
      </c>
    </row>
    <row r="13768" spans="1:9">
      <c r="A13768" s="1">
        <f ca="1">RAND()</f>
        <v>0.11497296847120742</v>
      </c>
      <c r="B13768" s="1"/>
      <c r="C13768">
        <v>11</v>
      </c>
      <c r="D13768" t="s">
        <v>27821</v>
      </c>
      <c r="E13768" t="s">
        <v>34362</v>
      </c>
      <c r="F13768">
        <v>4</v>
      </c>
      <c r="G13768" t="s">
        <v>14</v>
      </c>
      <c r="H13768" t="s">
        <v>27822</v>
      </c>
      <c r="I13768" t="s">
        <v>30540</v>
      </c>
    </row>
    <row r="13769" spans="1:9">
      <c r="A13769" s="1">
        <f ca="1">RAND()</f>
        <v>0.23047655887721485</v>
      </c>
      <c r="B13769" s="1"/>
      <c r="C13769">
        <v>17</v>
      </c>
      <c r="D13769" t="s">
        <v>27823</v>
      </c>
      <c r="E13769" t="s">
        <v>34362</v>
      </c>
      <c r="F13769">
        <v>4</v>
      </c>
      <c r="G13769" t="s">
        <v>1</v>
      </c>
      <c r="H13769" t="s">
        <v>27824</v>
      </c>
      <c r="I13769" t="s">
        <v>30540</v>
      </c>
    </row>
    <row r="13770" spans="1:9">
      <c r="A13770" s="1">
        <f ca="1">RAND()</f>
        <v>0.1239844359208363</v>
      </c>
      <c r="B13770" s="1"/>
      <c r="C13770">
        <v>18</v>
      </c>
      <c r="D13770" t="s">
        <v>27825</v>
      </c>
      <c r="E13770" t="s">
        <v>34362</v>
      </c>
      <c r="F13770">
        <v>2</v>
      </c>
      <c r="G13770" t="s">
        <v>14</v>
      </c>
      <c r="H13770" t="s">
        <v>27826</v>
      </c>
      <c r="I13770" t="s">
        <v>30540</v>
      </c>
    </row>
    <row r="13771" spans="1:9">
      <c r="A13771" s="1">
        <f ca="1">RAND()</f>
        <v>0.67725107491422831</v>
      </c>
      <c r="B13771" s="1"/>
      <c r="C13771">
        <v>18</v>
      </c>
      <c r="D13771" t="s">
        <v>27819</v>
      </c>
      <c r="E13771" t="s">
        <v>34363</v>
      </c>
      <c r="F13771">
        <v>5</v>
      </c>
      <c r="G13771" t="s">
        <v>14</v>
      </c>
      <c r="H13771" t="s">
        <v>27820</v>
      </c>
      <c r="I13771" t="s">
        <v>30540</v>
      </c>
    </row>
    <row r="13772" spans="1:9">
      <c r="A13772" s="1">
        <f ca="1">RAND()</f>
        <v>0.81105440230811732</v>
      </c>
      <c r="B13772" s="1"/>
      <c r="C13772">
        <v>1</v>
      </c>
      <c r="D13772" t="s">
        <v>27807</v>
      </c>
      <c r="E13772" t="s">
        <v>34363</v>
      </c>
      <c r="F13772">
        <v>5</v>
      </c>
      <c r="G13772" t="s">
        <v>2</v>
      </c>
      <c r="H13772" t="s">
        <v>27808</v>
      </c>
      <c r="I13772" t="s">
        <v>30540</v>
      </c>
    </row>
    <row r="13773" spans="1:9">
      <c r="A13773" s="1">
        <f ca="1">RAND()</f>
        <v>0.85827449908837883</v>
      </c>
      <c r="B13773" s="1"/>
      <c r="C13773">
        <v>16</v>
      </c>
      <c r="D13773" t="s">
        <v>27815</v>
      </c>
      <c r="E13773" t="s">
        <v>34363</v>
      </c>
      <c r="F13773">
        <v>4</v>
      </c>
      <c r="G13773" t="s">
        <v>9</v>
      </c>
      <c r="H13773" t="s">
        <v>27816</v>
      </c>
      <c r="I13773" t="s">
        <v>30540</v>
      </c>
    </row>
    <row r="13774" spans="1:9">
      <c r="A13774" s="1">
        <f ca="1">RAND()</f>
        <v>0.35036839798958075</v>
      </c>
      <c r="B13774" s="1"/>
      <c r="C13774">
        <v>14</v>
      </c>
      <c r="D13774" t="s">
        <v>27813</v>
      </c>
      <c r="E13774" t="s">
        <v>34363</v>
      </c>
      <c r="F13774">
        <v>4</v>
      </c>
      <c r="G13774" t="s">
        <v>14</v>
      </c>
      <c r="H13774" t="s">
        <v>27814</v>
      </c>
      <c r="I13774" t="s">
        <v>30540</v>
      </c>
    </row>
    <row r="13775" spans="1:9">
      <c r="A13775" s="1">
        <f ca="1">RAND()</f>
        <v>0.20243927617892188</v>
      </c>
      <c r="B13775" s="1"/>
      <c r="C13775">
        <v>8</v>
      </c>
      <c r="D13775" t="s">
        <v>27809</v>
      </c>
      <c r="E13775" t="s">
        <v>34363</v>
      </c>
      <c r="F13775">
        <v>4</v>
      </c>
      <c r="G13775" t="s">
        <v>14</v>
      </c>
      <c r="H13775" t="s">
        <v>27810</v>
      </c>
      <c r="I13775" t="s">
        <v>30540</v>
      </c>
    </row>
    <row r="13776" spans="1:9">
      <c r="A13776" s="1">
        <f ca="1">RAND()</f>
        <v>0.32827020802671625</v>
      </c>
      <c r="B13776" s="1"/>
      <c r="C13776">
        <v>12</v>
      </c>
      <c r="D13776" t="s">
        <v>27811</v>
      </c>
      <c r="E13776" t="s">
        <v>34363</v>
      </c>
      <c r="F13776">
        <v>4</v>
      </c>
      <c r="G13776" t="s">
        <v>14</v>
      </c>
      <c r="H13776" t="s">
        <v>27812</v>
      </c>
      <c r="I13776" t="s">
        <v>30540</v>
      </c>
    </row>
    <row r="13777" spans="1:9">
      <c r="A13777" s="1">
        <f ca="1">RAND()</f>
        <v>0.83832397069164044</v>
      </c>
      <c r="B13777" s="1"/>
      <c r="C13777">
        <v>17</v>
      </c>
      <c r="D13777" t="s">
        <v>27817</v>
      </c>
      <c r="E13777" t="s">
        <v>34363</v>
      </c>
      <c r="F13777">
        <v>3</v>
      </c>
      <c r="G13777" t="s">
        <v>14</v>
      </c>
      <c r="H13777" t="s">
        <v>27818</v>
      </c>
      <c r="I13777" t="s">
        <v>30540</v>
      </c>
    </row>
    <row r="13778" spans="1:9">
      <c r="A13778" s="1">
        <f ca="1">RAND()</f>
        <v>0.93431815821821196</v>
      </c>
      <c r="B13778" s="1"/>
      <c r="C13778">
        <v>12</v>
      </c>
      <c r="D13778" t="s">
        <v>27801</v>
      </c>
      <c r="E13778" t="s">
        <v>34364</v>
      </c>
      <c r="F13778">
        <v>5</v>
      </c>
      <c r="G13778" t="s">
        <v>14</v>
      </c>
      <c r="H13778" t="s">
        <v>27802</v>
      </c>
      <c r="I13778" t="s">
        <v>30540</v>
      </c>
    </row>
    <row r="13779" spans="1:9">
      <c r="A13779" s="1">
        <f ca="1">RAND()</f>
        <v>9.2453103644952628E-2</v>
      </c>
      <c r="B13779" s="1"/>
      <c r="C13779">
        <v>13</v>
      </c>
      <c r="D13779" t="s">
        <v>27803</v>
      </c>
      <c r="E13779" t="s">
        <v>34364</v>
      </c>
      <c r="F13779">
        <v>5</v>
      </c>
      <c r="G13779" t="s">
        <v>14</v>
      </c>
      <c r="H13779" t="s">
        <v>27804</v>
      </c>
      <c r="I13779" t="s">
        <v>30540</v>
      </c>
    </row>
    <row r="13780" spans="1:9">
      <c r="A13780" s="1">
        <f ca="1">RAND()</f>
        <v>0.53367801838152984</v>
      </c>
      <c r="B13780" s="1"/>
      <c r="C13780">
        <v>10</v>
      </c>
      <c r="D13780" t="s">
        <v>27799</v>
      </c>
      <c r="E13780" t="s">
        <v>34364</v>
      </c>
      <c r="F13780">
        <v>4</v>
      </c>
      <c r="G13780" t="s">
        <v>14</v>
      </c>
      <c r="H13780" t="s">
        <v>27800</v>
      </c>
      <c r="I13780" t="s">
        <v>30540</v>
      </c>
    </row>
    <row r="13781" spans="1:9">
      <c r="A13781" s="1">
        <f ca="1">RAND()</f>
        <v>0.16485223831719786</v>
      </c>
      <c r="B13781" s="1"/>
      <c r="C13781">
        <v>15</v>
      </c>
      <c r="D13781" t="s">
        <v>27805</v>
      </c>
      <c r="E13781" t="s">
        <v>34364</v>
      </c>
      <c r="F13781">
        <v>4</v>
      </c>
      <c r="G13781" t="s">
        <v>14</v>
      </c>
      <c r="H13781" t="s">
        <v>27806</v>
      </c>
      <c r="I13781" t="s">
        <v>30540</v>
      </c>
    </row>
    <row r="13782" spans="1:9">
      <c r="A13782" s="1">
        <f ca="1">RAND()</f>
        <v>0.25499515070247991</v>
      </c>
      <c r="B13782" s="1"/>
      <c r="C13782">
        <v>13</v>
      </c>
      <c r="D13782" t="s">
        <v>27797</v>
      </c>
      <c r="E13782" t="s">
        <v>34365</v>
      </c>
      <c r="F13782">
        <v>4</v>
      </c>
      <c r="G13782" t="s">
        <v>2738</v>
      </c>
      <c r="H13782" t="s">
        <v>27798</v>
      </c>
      <c r="I13782" t="s">
        <v>30540</v>
      </c>
    </row>
    <row r="13783" spans="1:9">
      <c r="A13783" s="1">
        <f ca="1">RAND()</f>
        <v>0.67747202904194515</v>
      </c>
      <c r="B13783" s="1"/>
      <c r="C13783">
        <v>12</v>
      </c>
      <c r="D13783" t="s">
        <v>27795</v>
      </c>
      <c r="E13783" t="s">
        <v>34365</v>
      </c>
      <c r="F13783">
        <v>4</v>
      </c>
      <c r="G13783" t="s">
        <v>14</v>
      </c>
      <c r="H13783" t="s">
        <v>27796</v>
      </c>
      <c r="I13783" t="s">
        <v>30540</v>
      </c>
    </row>
    <row r="13784" spans="1:9">
      <c r="A13784" s="1">
        <f ca="1">RAND()</f>
        <v>0.53240197160580771</v>
      </c>
      <c r="B13784" s="1"/>
      <c r="C13784">
        <v>1</v>
      </c>
      <c r="D13784" t="s">
        <v>27781</v>
      </c>
      <c r="E13784" t="s">
        <v>34366</v>
      </c>
      <c r="F13784">
        <v>5</v>
      </c>
      <c r="G13784" t="s">
        <v>0</v>
      </c>
      <c r="H13784" t="s">
        <v>27782</v>
      </c>
      <c r="I13784" t="s">
        <v>30540</v>
      </c>
    </row>
    <row r="13785" spans="1:9">
      <c r="A13785" s="1">
        <f ca="1">RAND()</f>
        <v>0.85313413180165376</v>
      </c>
      <c r="B13785" s="1"/>
      <c r="C13785">
        <v>13</v>
      </c>
      <c r="D13785" t="s">
        <v>27791</v>
      </c>
      <c r="E13785" t="s">
        <v>34366</v>
      </c>
      <c r="F13785">
        <v>5</v>
      </c>
      <c r="G13785" t="s">
        <v>14</v>
      </c>
      <c r="H13785" t="s">
        <v>27792</v>
      </c>
      <c r="I13785" t="s">
        <v>30540</v>
      </c>
    </row>
    <row r="13786" spans="1:9">
      <c r="A13786" s="1">
        <f ca="1">RAND()</f>
        <v>0.41360057876689416</v>
      </c>
      <c r="B13786" s="1"/>
      <c r="C13786">
        <v>7</v>
      </c>
      <c r="D13786" t="s">
        <v>27787</v>
      </c>
      <c r="E13786" t="s">
        <v>34366</v>
      </c>
      <c r="F13786">
        <v>4</v>
      </c>
      <c r="G13786" t="s">
        <v>9</v>
      </c>
      <c r="H13786" t="s">
        <v>27788</v>
      </c>
      <c r="I13786" t="s">
        <v>30540</v>
      </c>
    </row>
    <row r="13787" spans="1:9">
      <c r="A13787" s="1">
        <f ca="1">RAND()</f>
        <v>0.4143617542101008</v>
      </c>
      <c r="B13787" s="1"/>
      <c r="C13787">
        <v>8</v>
      </c>
      <c r="D13787" t="s">
        <v>27789</v>
      </c>
      <c r="E13787" t="s">
        <v>34366</v>
      </c>
      <c r="F13787">
        <v>4</v>
      </c>
      <c r="G13787" t="s">
        <v>9</v>
      </c>
      <c r="H13787" t="s">
        <v>27790</v>
      </c>
      <c r="I13787" t="s">
        <v>30540</v>
      </c>
    </row>
    <row r="13788" spans="1:9">
      <c r="A13788" s="1">
        <f ca="1">RAND()</f>
        <v>0.41582146800460618</v>
      </c>
      <c r="B13788" s="1"/>
      <c r="C13788">
        <v>4</v>
      </c>
      <c r="D13788" t="s">
        <v>27783</v>
      </c>
      <c r="E13788" t="s">
        <v>34366</v>
      </c>
      <c r="F13788">
        <v>4</v>
      </c>
      <c r="G13788" t="s">
        <v>10</v>
      </c>
      <c r="H13788" t="s">
        <v>27784</v>
      </c>
      <c r="I13788" t="s">
        <v>30540</v>
      </c>
    </row>
    <row r="13789" spans="1:9">
      <c r="A13789" s="1">
        <f ca="1">RAND()</f>
        <v>0.70441679406249647</v>
      </c>
      <c r="B13789" s="1"/>
      <c r="C13789">
        <v>6</v>
      </c>
      <c r="D13789" t="s">
        <v>27785</v>
      </c>
      <c r="E13789" t="s">
        <v>34366</v>
      </c>
      <c r="F13789">
        <v>4</v>
      </c>
      <c r="G13789" t="s">
        <v>14</v>
      </c>
      <c r="H13789" t="s">
        <v>27786</v>
      </c>
      <c r="I13789" t="s">
        <v>30540</v>
      </c>
    </row>
    <row r="13790" spans="1:9">
      <c r="A13790" s="1">
        <f ca="1">RAND()</f>
        <v>0.48750413110929114</v>
      </c>
      <c r="B13790" s="1"/>
      <c r="C13790">
        <v>16</v>
      </c>
      <c r="D13790" t="s">
        <v>27793</v>
      </c>
      <c r="E13790" t="s">
        <v>34366</v>
      </c>
      <c r="F13790">
        <v>2</v>
      </c>
      <c r="G13790" t="s">
        <v>14</v>
      </c>
      <c r="H13790" t="s">
        <v>27794</v>
      </c>
      <c r="I13790" t="s">
        <v>30540</v>
      </c>
    </row>
    <row r="13791" spans="1:9">
      <c r="A13791" s="1">
        <f ca="1">RAND()</f>
        <v>0.11420604356519681</v>
      </c>
      <c r="B13791" s="1"/>
      <c r="C13791">
        <v>10</v>
      </c>
      <c r="D13791" t="s">
        <v>27777</v>
      </c>
      <c r="E13791" t="s">
        <v>34367</v>
      </c>
      <c r="F13791">
        <v>5</v>
      </c>
      <c r="G13791" t="s">
        <v>14</v>
      </c>
      <c r="H13791" t="s">
        <v>27778</v>
      </c>
      <c r="I13791" t="s">
        <v>30540</v>
      </c>
    </row>
    <row r="13792" spans="1:9">
      <c r="A13792" s="1">
        <f ca="1">RAND()</f>
        <v>0.5554607583973471</v>
      </c>
      <c r="B13792" s="1"/>
      <c r="C13792">
        <v>17</v>
      </c>
      <c r="D13792" t="s">
        <v>27779</v>
      </c>
      <c r="E13792" t="s">
        <v>34367</v>
      </c>
      <c r="F13792">
        <v>2</v>
      </c>
      <c r="G13792" t="s">
        <v>14</v>
      </c>
      <c r="H13792" t="s">
        <v>27780</v>
      </c>
      <c r="I13792" t="s">
        <v>30540</v>
      </c>
    </row>
    <row r="13793" spans="1:9">
      <c r="A13793" s="1">
        <f ca="1">RAND()</f>
        <v>0.59778398431247182</v>
      </c>
      <c r="B13793" s="1"/>
      <c r="C13793">
        <v>19</v>
      </c>
      <c r="D13793" t="s">
        <v>27773</v>
      </c>
      <c r="E13793" t="s">
        <v>34368</v>
      </c>
      <c r="F13793">
        <v>4</v>
      </c>
      <c r="G13793" t="s">
        <v>769</v>
      </c>
      <c r="H13793" t="s">
        <v>27774</v>
      </c>
      <c r="I13793" t="s">
        <v>30540</v>
      </c>
    </row>
    <row r="13794" spans="1:9">
      <c r="A13794" s="1">
        <f ca="1">RAND()</f>
        <v>0.79551650575350319</v>
      </c>
      <c r="B13794" s="1"/>
      <c r="C13794">
        <v>1</v>
      </c>
      <c r="D13794" t="s">
        <v>27761</v>
      </c>
      <c r="E13794" t="s">
        <v>34368</v>
      </c>
      <c r="F13794">
        <v>4</v>
      </c>
      <c r="G13794" t="s">
        <v>14</v>
      </c>
      <c r="H13794" t="s">
        <v>27762</v>
      </c>
      <c r="I13794" t="s">
        <v>30540</v>
      </c>
    </row>
    <row r="13795" spans="1:9">
      <c r="A13795" s="1">
        <f ca="1">RAND()</f>
        <v>0.53564077420683165</v>
      </c>
      <c r="B13795" s="1"/>
      <c r="C13795">
        <v>4</v>
      </c>
      <c r="D13795" t="s">
        <v>27763</v>
      </c>
      <c r="E13795" t="s">
        <v>34368</v>
      </c>
      <c r="F13795">
        <v>4</v>
      </c>
      <c r="G13795" t="s">
        <v>14</v>
      </c>
      <c r="H13795" t="s">
        <v>27764</v>
      </c>
      <c r="I13795" t="s">
        <v>30540</v>
      </c>
    </row>
    <row r="13796" spans="1:9">
      <c r="A13796" s="1">
        <f ca="1">RAND()</f>
        <v>0.15470009019201225</v>
      </c>
      <c r="B13796" s="1"/>
      <c r="C13796">
        <v>5</v>
      </c>
      <c r="D13796" t="s">
        <v>27765</v>
      </c>
      <c r="E13796" t="s">
        <v>34368</v>
      </c>
      <c r="F13796">
        <v>4</v>
      </c>
      <c r="G13796" t="s">
        <v>10</v>
      </c>
      <c r="H13796" t="s">
        <v>27766</v>
      </c>
      <c r="I13796" t="s">
        <v>30540</v>
      </c>
    </row>
    <row r="13797" spans="1:9">
      <c r="A13797" s="1">
        <f ca="1">RAND()</f>
        <v>0.66440871532725998</v>
      </c>
      <c r="B13797" s="1"/>
      <c r="C13797">
        <v>11</v>
      </c>
      <c r="D13797" t="s">
        <v>27769</v>
      </c>
      <c r="E13797" t="s">
        <v>34368</v>
      </c>
      <c r="F13797">
        <v>4</v>
      </c>
      <c r="G13797" t="s">
        <v>9</v>
      </c>
      <c r="H13797" t="s">
        <v>27770</v>
      </c>
      <c r="I13797" t="s">
        <v>30540</v>
      </c>
    </row>
    <row r="13798" spans="1:9">
      <c r="A13798" s="1">
        <f ca="1">RAND()</f>
        <v>0.77114280417598047</v>
      </c>
      <c r="B13798" s="1"/>
      <c r="C13798">
        <v>6</v>
      </c>
      <c r="D13798" t="s">
        <v>27767</v>
      </c>
      <c r="E13798" t="s">
        <v>34368</v>
      </c>
      <c r="F13798">
        <v>2</v>
      </c>
      <c r="G13798" t="s">
        <v>775</v>
      </c>
      <c r="H13798" t="s">
        <v>27768</v>
      </c>
      <c r="I13798" t="s">
        <v>30540</v>
      </c>
    </row>
    <row r="13799" spans="1:9">
      <c r="A13799" s="1">
        <f ca="1">RAND()</f>
        <v>0.83185939573154111</v>
      </c>
      <c r="B13799" s="1"/>
      <c r="C13799">
        <v>20</v>
      </c>
      <c r="D13799" t="s">
        <v>27775</v>
      </c>
      <c r="E13799" t="s">
        <v>34368</v>
      </c>
      <c r="F13799">
        <v>2</v>
      </c>
      <c r="G13799" t="s">
        <v>2738</v>
      </c>
      <c r="H13799" t="s">
        <v>27776</v>
      </c>
      <c r="I13799" t="s">
        <v>30540</v>
      </c>
    </row>
    <row r="13800" spans="1:9">
      <c r="A13800" s="1">
        <f ca="1">RAND()</f>
        <v>0.23031524614856702</v>
      </c>
      <c r="B13800" s="1"/>
      <c r="C13800">
        <v>12</v>
      </c>
      <c r="D13800" t="s">
        <v>27771</v>
      </c>
      <c r="E13800" t="s">
        <v>34368</v>
      </c>
      <c r="F13800">
        <v>2</v>
      </c>
      <c r="G13800" t="s">
        <v>762</v>
      </c>
      <c r="H13800" t="s">
        <v>27772</v>
      </c>
      <c r="I13800" t="s">
        <v>30540</v>
      </c>
    </row>
    <row r="13801" spans="1:9">
      <c r="A13801" s="1">
        <f ca="1">RAND()</f>
        <v>5.4633411624372519E-2</v>
      </c>
      <c r="B13801" s="1"/>
      <c r="C13801">
        <v>8</v>
      </c>
      <c r="D13801" t="s">
        <v>27757</v>
      </c>
      <c r="E13801" t="s">
        <v>34369</v>
      </c>
      <c r="F13801">
        <v>5</v>
      </c>
      <c r="G13801" t="s">
        <v>14</v>
      </c>
      <c r="H13801" t="s">
        <v>27758</v>
      </c>
      <c r="I13801" t="s">
        <v>30540</v>
      </c>
    </row>
    <row r="13802" spans="1:9">
      <c r="A13802" s="1">
        <f ca="1">RAND()</f>
        <v>2.6247523639634451E-2</v>
      </c>
      <c r="B13802" s="1"/>
      <c r="C13802">
        <v>2</v>
      </c>
      <c r="D13802" t="s">
        <v>27753</v>
      </c>
      <c r="E13802" t="s">
        <v>34369</v>
      </c>
      <c r="F13802">
        <v>5</v>
      </c>
      <c r="G13802" t="s">
        <v>2</v>
      </c>
      <c r="H13802" t="s">
        <v>27754</v>
      </c>
      <c r="I13802" t="s">
        <v>30540</v>
      </c>
    </row>
    <row r="13803" spans="1:9">
      <c r="A13803" s="1">
        <f ca="1">RAND()</f>
        <v>0.94759790101082642</v>
      </c>
      <c r="B13803" s="1"/>
      <c r="C13803">
        <v>9</v>
      </c>
      <c r="D13803" t="s">
        <v>27759</v>
      </c>
      <c r="E13803" t="s">
        <v>34369</v>
      </c>
      <c r="F13803">
        <v>4</v>
      </c>
      <c r="G13803" t="s">
        <v>14</v>
      </c>
      <c r="H13803" t="s">
        <v>27760</v>
      </c>
      <c r="I13803" t="s">
        <v>30540</v>
      </c>
    </row>
    <row r="13804" spans="1:9">
      <c r="A13804" s="1">
        <f ca="1">RAND()</f>
        <v>0.92610795774403409</v>
      </c>
      <c r="B13804" s="1"/>
      <c r="C13804">
        <v>3</v>
      </c>
      <c r="D13804" t="s">
        <v>27755</v>
      </c>
      <c r="E13804" t="s">
        <v>34369</v>
      </c>
      <c r="F13804">
        <v>4</v>
      </c>
      <c r="G13804" t="s">
        <v>10</v>
      </c>
      <c r="H13804" t="s">
        <v>27756</v>
      </c>
      <c r="I13804" t="s">
        <v>30540</v>
      </c>
    </row>
    <row r="13805" spans="1:9">
      <c r="A13805" s="1">
        <f ca="1">RAND()</f>
        <v>0.51592235483359095</v>
      </c>
      <c r="B13805" s="1"/>
      <c r="C13805">
        <v>12</v>
      </c>
      <c r="D13805" t="s">
        <v>27743</v>
      </c>
      <c r="E13805" t="s">
        <v>34370</v>
      </c>
      <c r="F13805">
        <v>5</v>
      </c>
      <c r="G13805" t="s">
        <v>9</v>
      </c>
      <c r="H13805" t="s">
        <v>27744</v>
      </c>
      <c r="I13805" t="s">
        <v>30540</v>
      </c>
    </row>
    <row r="13806" spans="1:9">
      <c r="A13806" s="1">
        <f ca="1">RAND()</f>
        <v>0.64880173747233105</v>
      </c>
      <c r="B13806" s="1"/>
      <c r="C13806">
        <v>2</v>
      </c>
      <c r="D13806" t="s">
        <v>27741</v>
      </c>
      <c r="E13806" t="s">
        <v>34370</v>
      </c>
      <c r="F13806">
        <v>5</v>
      </c>
      <c r="G13806" t="s">
        <v>2</v>
      </c>
      <c r="H13806" t="s">
        <v>27742</v>
      </c>
      <c r="I13806" t="s">
        <v>30540</v>
      </c>
    </row>
    <row r="13807" spans="1:9">
      <c r="A13807" s="1">
        <f ca="1">RAND()</f>
        <v>0.22422985043412169</v>
      </c>
      <c r="B13807" s="1"/>
      <c r="C13807">
        <v>16</v>
      </c>
      <c r="D13807" t="s">
        <v>27749</v>
      </c>
      <c r="E13807" t="s">
        <v>34370</v>
      </c>
      <c r="F13807">
        <v>5</v>
      </c>
      <c r="G13807" t="s">
        <v>14</v>
      </c>
      <c r="H13807" t="s">
        <v>27750</v>
      </c>
      <c r="I13807" t="s">
        <v>30540</v>
      </c>
    </row>
    <row r="13808" spans="1:9">
      <c r="A13808" s="1">
        <f ca="1">RAND()</f>
        <v>0.97003777103669531</v>
      </c>
      <c r="B13808" s="1"/>
      <c r="C13808">
        <v>15</v>
      </c>
      <c r="D13808" t="s">
        <v>27747</v>
      </c>
      <c r="E13808" t="s">
        <v>34370</v>
      </c>
      <c r="F13808">
        <v>4</v>
      </c>
      <c r="G13808" t="s">
        <v>0</v>
      </c>
      <c r="H13808" t="s">
        <v>27748</v>
      </c>
      <c r="I13808" t="s">
        <v>30540</v>
      </c>
    </row>
    <row r="13809" spans="1:9">
      <c r="A13809" s="1">
        <f ca="1">RAND()</f>
        <v>0.73671784986627398</v>
      </c>
      <c r="B13809" s="1"/>
      <c r="C13809">
        <v>13</v>
      </c>
      <c r="D13809" t="s">
        <v>27745</v>
      </c>
      <c r="E13809" t="s">
        <v>34370</v>
      </c>
      <c r="F13809">
        <v>4</v>
      </c>
      <c r="G13809" t="s">
        <v>14</v>
      </c>
      <c r="H13809" t="s">
        <v>27746</v>
      </c>
      <c r="I13809" t="s">
        <v>30540</v>
      </c>
    </row>
    <row r="13810" spans="1:9">
      <c r="A13810" s="1">
        <f ca="1">RAND()</f>
        <v>0.65430480434193694</v>
      </c>
      <c r="B13810" s="1"/>
      <c r="C13810">
        <v>18</v>
      </c>
      <c r="D13810" t="s">
        <v>27751</v>
      </c>
      <c r="E13810" t="s">
        <v>34370</v>
      </c>
      <c r="F13810">
        <v>4</v>
      </c>
      <c r="G13810" t="s">
        <v>14</v>
      </c>
      <c r="H13810" t="s">
        <v>27752</v>
      </c>
      <c r="I13810" t="s">
        <v>30540</v>
      </c>
    </row>
    <row r="13811" spans="1:9">
      <c r="A13811" s="1">
        <f ca="1">RAND()</f>
        <v>0.99581069173682091</v>
      </c>
      <c r="B13811" s="1"/>
      <c r="C13811">
        <v>11</v>
      </c>
      <c r="D13811" t="s">
        <v>27735</v>
      </c>
      <c r="E13811" t="s">
        <v>34371</v>
      </c>
      <c r="F13811">
        <v>4</v>
      </c>
      <c r="G13811" t="s">
        <v>14</v>
      </c>
      <c r="H13811" t="s">
        <v>27736</v>
      </c>
      <c r="I13811" t="s">
        <v>30540</v>
      </c>
    </row>
    <row r="13812" spans="1:9">
      <c r="A13812" s="1">
        <f ca="1">RAND()</f>
        <v>0.16683816006520424</v>
      </c>
      <c r="B13812" s="1"/>
      <c r="C13812">
        <v>14</v>
      </c>
      <c r="D13812" t="s">
        <v>27737</v>
      </c>
      <c r="E13812" t="s">
        <v>34371</v>
      </c>
      <c r="F13812">
        <v>4</v>
      </c>
      <c r="G13812" t="s">
        <v>14</v>
      </c>
      <c r="H13812" t="s">
        <v>27738</v>
      </c>
      <c r="I13812" t="s">
        <v>30540</v>
      </c>
    </row>
    <row r="13813" spans="1:9">
      <c r="A13813" s="1">
        <f ca="1">RAND()</f>
        <v>7.5486517058053426E-2</v>
      </c>
      <c r="B13813" s="1"/>
      <c r="C13813">
        <v>19</v>
      </c>
      <c r="D13813" t="s">
        <v>27739</v>
      </c>
      <c r="E13813" t="s">
        <v>34371</v>
      </c>
      <c r="F13813">
        <v>4</v>
      </c>
      <c r="G13813" t="s">
        <v>14</v>
      </c>
      <c r="H13813" t="s">
        <v>27740</v>
      </c>
      <c r="I13813" t="s">
        <v>30540</v>
      </c>
    </row>
    <row r="13814" spans="1:9">
      <c r="A13814" s="1">
        <f ca="1">RAND()</f>
        <v>0.46108054537711973</v>
      </c>
      <c r="B13814" s="1"/>
      <c r="C13814">
        <v>3</v>
      </c>
      <c r="D13814" t="s">
        <v>27731</v>
      </c>
      <c r="E13814" t="s">
        <v>34371</v>
      </c>
      <c r="F13814">
        <v>4</v>
      </c>
      <c r="G13814" t="s">
        <v>2</v>
      </c>
      <c r="H13814" t="s">
        <v>27732</v>
      </c>
      <c r="I13814" t="s">
        <v>30540</v>
      </c>
    </row>
    <row r="13815" spans="1:9">
      <c r="A13815" s="1">
        <f ca="1">RAND()</f>
        <v>0.73372840223618174</v>
      </c>
      <c r="B13815" s="1"/>
      <c r="C13815">
        <v>10</v>
      </c>
      <c r="D13815" t="s">
        <v>27733</v>
      </c>
      <c r="E13815" t="s">
        <v>34371</v>
      </c>
      <c r="F13815">
        <v>2</v>
      </c>
      <c r="G13815" t="s">
        <v>1</v>
      </c>
      <c r="H13815" t="s">
        <v>27734</v>
      </c>
      <c r="I13815" t="s">
        <v>30540</v>
      </c>
    </row>
    <row r="13816" spans="1:9">
      <c r="A13816" s="1">
        <f ca="1">RAND()</f>
        <v>0.53776725146621174</v>
      </c>
      <c r="B13816" s="1"/>
      <c r="C13816">
        <v>7</v>
      </c>
      <c r="D13816" t="s">
        <v>27725</v>
      </c>
      <c r="E13816" t="s">
        <v>34372</v>
      </c>
      <c r="F13816">
        <v>5</v>
      </c>
      <c r="G13816" t="s">
        <v>9</v>
      </c>
      <c r="H13816" t="s">
        <v>27726</v>
      </c>
      <c r="I13816" t="s">
        <v>30540</v>
      </c>
    </row>
    <row r="13817" spans="1:9">
      <c r="A13817" s="1">
        <f ca="1">RAND()</f>
        <v>8.8781520303393258E-2</v>
      </c>
      <c r="B13817" s="1"/>
      <c r="C13817">
        <v>9</v>
      </c>
      <c r="D13817" t="s">
        <v>27727</v>
      </c>
      <c r="E13817" t="s">
        <v>34372</v>
      </c>
      <c r="F13817">
        <v>4</v>
      </c>
      <c r="G13817" t="s">
        <v>14</v>
      </c>
      <c r="H13817" t="s">
        <v>27728</v>
      </c>
      <c r="I13817" t="s">
        <v>30540</v>
      </c>
    </row>
    <row r="13818" spans="1:9">
      <c r="A13818" s="1">
        <f ca="1">RAND()</f>
        <v>0.47676680578348962</v>
      </c>
      <c r="B13818" s="1"/>
      <c r="C13818">
        <v>1</v>
      </c>
      <c r="D13818" t="s">
        <v>27721</v>
      </c>
      <c r="E13818" t="s">
        <v>34372</v>
      </c>
      <c r="F13818">
        <v>4</v>
      </c>
      <c r="G13818" t="s">
        <v>2</v>
      </c>
      <c r="H13818" t="s">
        <v>27722</v>
      </c>
      <c r="I13818" t="s">
        <v>30540</v>
      </c>
    </row>
    <row r="13819" spans="1:9">
      <c r="A13819" s="1">
        <f ca="1">RAND()</f>
        <v>0.31229987547027449</v>
      </c>
      <c r="B13819" s="1"/>
      <c r="C13819">
        <v>3</v>
      </c>
      <c r="D13819" t="s">
        <v>27723</v>
      </c>
      <c r="E13819" t="s">
        <v>34372</v>
      </c>
      <c r="F13819">
        <v>4</v>
      </c>
      <c r="G13819" t="s">
        <v>14</v>
      </c>
      <c r="H13819" t="s">
        <v>27724</v>
      </c>
      <c r="I13819" t="s">
        <v>30540</v>
      </c>
    </row>
    <row r="13820" spans="1:9">
      <c r="A13820" s="1">
        <f ca="1">RAND()</f>
        <v>0.95936132496744175</v>
      </c>
      <c r="B13820" s="1"/>
      <c r="C13820">
        <v>12</v>
      </c>
      <c r="D13820" t="s">
        <v>27729</v>
      </c>
      <c r="E13820" t="s">
        <v>34372</v>
      </c>
      <c r="F13820">
        <v>4</v>
      </c>
      <c r="G13820" t="s">
        <v>14</v>
      </c>
      <c r="H13820" t="s">
        <v>27730</v>
      </c>
      <c r="I13820" t="s">
        <v>30540</v>
      </c>
    </row>
    <row r="13821" spans="1:9">
      <c r="A13821" s="1">
        <f ca="1">RAND()</f>
        <v>0.23222666292693117</v>
      </c>
      <c r="B13821" s="1"/>
      <c r="C13821">
        <v>17</v>
      </c>
      <c r="D13821" t="s">
        <v>27719</v>
      </c>
      <c r="E13821" t="s">
        <v>34373</v>
      </c>
      <c r="F13821">
        <v>5</v>
      </c>
      <c r="G13821" t="s">
        <v>2738</v>
      </c>
      <c r="H13821" t="s">
        <v>27720</v>
      </c>
      <c r="I13821" t="s">
        <v>30540</v>
      </c>
    </row>
    <row r="13822" spans="1:9">
      <c r="A13822" s="1">
        <f ca="1">RAND()</f>
        <v>0.64648448322883212</v>
      </c>
      <c r="B13822" s="1"/>
      <c r="C13822">
        <v>8</v>
      </c>
      <c r="D13822" t="s">
        <v>27713</v>
      </c>
      <c r="E13822" t="s">
        <v>34373</v>
      </c>
      <c r="F13822">
        <v>5</v>
      </c>
      <c r="G13822" t="s">
        <v>14</v>
      </c>
      <c r="H13822" t="s">
        <v>27714</v>
      </c>
      <c r="I13822" t="s">
        <v>30540</v>
      </c>
    </row>
    <row r="13823" spans="1:9">
      <c r="A13823" s="1">
        <f ca="1">RAND()</f>
        <v>0.20011827319200282</v>
      </c>
      <c r="B13823" s="1"/>
      <c r="C13823">
        <v>1</v>
      </c>
      <c r="D13823" t="s">
        <v>27707</v>
      </c>
      <c r="E13823" t="s">
        <v>34373</v>
      </c>
      <c r="F13823">
        <v>4</v>
      </c>
      <c r="G13823" t="s">
        <v>762</v>
      </c>
      <c r="H13823" t="s">
        <v>27708</v>
      </c>
      <c r="I13823" t="s">
        <v>30540</v>
      </c>
    </row>
    <row r="13824" spans="1:9">
      <c r="A13824" s="1">
        <f ca="1">RAND()</f>
        <v>0.90471235044667841</v>
      </c>
      <c r="B13824" s="1"/>
      <c r="C13824">
        <v>13</v>
      </c>
      <c r="D13824" t="s">
        <v>27717</v>
      </c>
      <c r="E13824" t="s">
        <v>34373</v>
      </c>
      <c r="F13824">
        <v>4</v>
      </c>
      <c r="G13824" t="s">
        <v>14</v>
      </c>
      <c r="H13824" t="s">
        <v>27718</v>
      </c>
      <c r="I13824" t="s">
        <v>30540</v>
      </c>
    </row>
    <row r="13825" spans="1:9">
      <c r="A13825" s="1">
        <f ca="1">RAND()</f>
        <v>0.38793521235046302</v>
      </c>
      <c r="B13825" s="1"/>
      <c r="C13825">
        <v>11</v>
      </c>
      <c r="D13825" t="s">
        <v>27715</v>
      </c>
      <c r="E13825" t="s">
        <v>34373</v>
      </c>
      <c r="F13825">
        <v>4</v>
      </c>
      <c r="G13825" t="s">
        <v>13</v>
      </c>
      <c r="H13825" t="s">
        <v>27716</v>
      </c>
      <c r="I13825" t="s">
        <v>30540</v>
      </c>
    </row>
    <row r="13826" spans="1:9">
      <c r="A13826" s="1">
        <f ca="1">RAND()</f>
        <v>0.14187710523790853</v>
      </c>
      <c r="B13826" s="1"/>
      <c r="C13826">
        <v>6</v>
      </c>
      <c r="D13826" t="s">
        <v>27711</v>
      </c>
      <c r="E13826" t="s">
        <v>34373</v>
      </c>
      <c r="F13826">
        <v>3</v>
      </c>
      <c r="G13826" t="s">
        <v>10</v>
      </c>
      <c r="H13826" t="s">
        <v>27712</v>
      </c>
      <c r="I13826" t="s">
        <v>30540</v>
      </c>
    </row>
    <row r="13827" spans="1:9">
      <c r="A13827" s="1">
        <f ca="1">RAND()</f>
        <v>9.7770865262905127E-2</v>
      </c>
      <c r="B13827" s="1"/>
      <c r="C13827">
        <v>5</v>
      </c>
      <c r="D13827" t="s">
        <v>27709</v>
      </c>
      <c r="E13827" t="s">
        <v>34373</v>
      </c>
      <c r="F13827">
        <v>2</v>
      </c>
      <c r="G13827" t="s">
        <v>775</v>
      </c>
      <c r="H13827" t="s">
        <v>27710</v>
      </c>
      <c r="I13827" t="s">
        <v>30540</v>
      </c>
    </row>
    <row r="13828" spans="1:9">
      <c r="A13828" s="1">
        <f ca="1">RAND()</f>
        <v>0.33266358581224642</v>
      </c>
      <c r="B13828" s="1"/>
      <c r="C13828">
        <v>13</v>
      </c>
      <c r="D13828" t="s">
        <v>27699</v>
      </c>
      <c r="E13828" t="s">
        <v>34374</v>
      </c>
      <c r="F13828">
        <v>5</v>
      </c>
      <c r="G13828" t="s">
        <v>14</v>
      </c>
      <c r="H13828" t="s">
        <v>27700</v>
      </c>
      <c r="I13828" t="s">
        <v>30540</v>
      </c>
    </row>
    <row r="13829" spans="1:9">
      <c r="A13829" s="1">
        <f ca="1">RAND()</f>
        <v>0.83582795235219276</v>
      </c>
      <c r="B13829" s="1"/>
      <c r="C13829">
        <v>14</v>
      </c>
      <c r="D13829" t="s">
        <v>27701</v>
      </c>
      <c r="E13829" t="s">
        <v>34374</v>
      </c>
      <c r="F13829">
        <v>4</v>
      </c>
      <c r="G13829" t="s">
        <v>14</v>
      </c>
      <c r="H13829" t="s">
        <v>27702</v>
      </c>
      <c r="I13829" t="s">
        <v>30540</v>
      </c>
    </row>
    <row r="13830" spans="1:9">
      <c r="A13830" s="1">
        <f ca="1">RAND()</f>
        <v>0.33361226872360472</v>
      </c>
      <c r="B13830" s="1"/>
      <c r="C13830">
        <v>17</v>
      </c>
      <c r="D13830" t="s">
        <v>27705</v>
      </c>
      <c r="E13830" t="s">
        <v>34374</v>
      </c>
      <c r="F13830">
        <v>4</v>
      </c>
      <c r="G13830" t="s">
        <v>14</v>
      </c>
      <c r="H13830" t="s">
        <v>27706</v>
      </c>
      <c r="I13830" t="s">
        <v>30540</v>
      </c>
    </row>
    <row r="13831" spans="1:9">
      <c r="A13831" s="1">
        <f ca="1">RAND()</f>
        <v>0.9646206471809905</v>
      </c>
      <c r="B13831" s="1"/>
      <c r="C13831">
        <v>15</v>
      </c>
      <c r="D13831" t="s">
        <v>27703</v>
      </c>
      <c r="E13831" t="s">
        <v>34374</v>
      </c>
      <c r="F13831">
        <v>3</v>
      </c>
      <c r="G13831" t="s">
        <v>0</v>
      </c>
      <c r="H13831" t="s">
        <v>27704</v>
      </c>
      <c r="I13831" t="s">
        <v>30540</v>
      </c>
    </row>
    <row r="13832" spans="1:9">
      <c r="A13832" s="1">
        <f ca="1">RAND()</f>
        <v>0.52183521893307694</v>
      </c>
      <c r="B13832" s="1"/>
      <c r="C13832">
        <v>5</v>
      </c>
      <c r="D13832" t="s">
        <v>27693</v>
      </c>
      <c r="E13832" t="s">
        <v>34375</v>
      </c>
      <c r="F13832">
        <v>5</v>
      </c>
      <c r="G13832" t="s">
        <v>9</v>
      </c>
      <c r="H13832" t="s">
        <v>27694</v>
      </c>
      <c r="I13832" t="s">
        <v>30540</v>
      </c>
    </row>
    <row r="13833" spans="1:9">
      <c r="A13833" s="1">
        <f ca="1">RAND()</f>
        <v>0.19135454869973767</v>
      </c>
      <c r="B13833" s="1"/>
      <c r="C13833">
        <v>11</v>
      </c>
      <c r="D13833" t="s">
        <v>27697</v>
      </c>
      <c r="E13833" t="s">
        <v>34375</v>
      </c>
      <c r="F13833">
        <v>4</v>
      </c>
      <c r="G13833" t="s">
        <v>15</v>
      </c>
      <c r="H13833" t="s">
        <v>27698</v>
      </c>
      <c r="I13833" t="s">
        <v>30540</v>
      </c>
    </row>
    <row r="13834" spans="1:9">
      <c r="A13834" s="1">
        <f ca="1">RAND()</f>
        <v>0.76320985282651965</v>
      </c>
      <c r="B13834" s="1"/>
      <c r="C13834">
        <v>10</v>
      </c>
      <c r="D13834" t="s">
        <v>27695</v>
      </c>
      <c r="E13834" t="s">
        <v>34375</v>
      </c>
      <c r="F13834">
        <v>4</v>
      </c>
      <c r="G13834" t="s">
        <v>9</v>
      </c>
      <c r="H13834" t="s">
        <v>27696</v>
      </c>
      <c r="I13834" t="s">
        <v>30540</v>
      </c>
    </row>
    <row r="13835" spans="1:9">
      <c r="A13835" s="1">
        <f ca="1">RAND()</f>
        <v>0.48641045364545488</v>
      </c>
      <c r="B13835" s="1"/>
      <c r="C13835">
        <v>14</v>
      </c>
      <c r="D13835" t="s">
        <v>27689</v>
      </c>
      <c r="E13835" t="s">
        <v>34376</v>
      </c>
      <c r="F13835">
        <v>5</v>
      </c>
      <c r="G13835" t="s">
        <v>14</v>
      </c>
      <c r="H13835" t="s">
        <v>27690</v>
      </c>
      <c r="I13835" t="s">
        <v>30540</v>
      </c>
    </row>
    <row r="13836" spans="1:9">
      <c r="A13836" s="1">
        <f ca="1">RAND()</f>
        <v>3.2704759824992991E-2</v>
      </c>
      <c r="B13836" s="1"/>
      <c r="C13836">
        <v>8</v>
      </c>
      <c r="D13836" t="s">
        <v>27685</v>
      </c>
      <c r="E13836" t="s">
        <v>34376</v>
      </c>
      <c r="F13836">
        <v>5</v>
      </c>
      <c r="G13836" t="s">
        <v>9</v>
      </c>
      <c r="H13836" t="s">
        <v>27686</v>
      </c>
      <c r="I13836" t="s">
        <v>30540</v>
      </c>
    </row>
    <row r="13837" spans="1:9">
      <c r="A13837" s="1">
        <f ca="1">RAND()</f>
        <v>0.34517837719533007</v>
      </c>
      <c r="B13837" s="1"/>
      <c r="C13837">
        <v>10</v>
      </c>
      <c r="D13837" t="s">
        <v>27687</v>
      </c>
      <c r="E13837" t="s">
        <v>34376</v>
      </c>
      <c r="F13837">
        <v>4</v>
      </c>
      <c r="G13837" t="s">
        <v>14</v>
      </c>
      <c r="H13837" t="s">
        <v>27688</v>
      </c>
      <c r="I13837" t="s">
        <v>30540</v>
      </c>
    </row>
    <row r="13838" spans="1:9">
      <c r="A13838" s="1">
        <f ca="1">RAND()</f>
        <v>0.95983534313480223</v>
      </c>
      <c r="B13838" s="1"/>
      <c r="C13838">
        <v>7</v>
      </c>
      <c r="D13838" t="s">
        <v>27683</v>
      </c>
      <c r="E13838" t="s">
        <v>34376</v>
      </c>
      <c r="F13838">
        <v>4</v>
      </c>
      <c r="G13838" t="s">
        <v>14</v>
      </c>
      <c r="H13838" t="s">
        <v>27684</v>
      </c>
      <c r="I13838" t="s">
        <v>30540</v>
      </c>
    </row>
    <row r="13839" spans="1:9">
      <c r="A13839" s="1">
        <f ca="1">RAND()</f>
        <v>0.19083319837714763</v>
      </c>
      <c r="B13839" s="1"/>
      <c r="C13839">
        <v>3</v>
      </c>
      <c r="D13839" t="s">
        <v>27681</v>
      </c>
      <c r="E13839" t="s">
        <v>34376</v>
      </c>
      <c r="F13839">
        <v>4</v>
      </c>
      <c r="G13839" t="s">
        <v>1</v>
      </c>
      <c r="H13839" t="s">
        <v>27682</v>
      </c>
      <c r="I13839" t="s">
        <v>30540</v>
      </c>
    </row>
    <row r="13840" spans="1:9">
      <c r="A13840" s="1">
        <f ca="1">RAND()</f>
        <v>0.3319523801917269</v>
      </c>
      <c r="B13840" s="1"/>
      <c r="C13840">
        <v>17</v>
      </c>
      <c r="D13840" t="s">
        <v>27691</v>
      </c>
      <c r="E13840" t="s">
        <v>34376</v>
      </c>
      <c r="F13840">
        <v>4</v>
      </c>
      <c r="G13840" t="s">
        <v>0</v>
      </c>
      <c r="H13840" t="s">
        <v>27692</v>
      </c>
      <c r="I13840" t="s">
        <v>30540</v>
      </c>
    </row>
    <row r="13841" spans="1:9">
      <c r="A13841" s="1">
        <f ca="1">RAND()</f>
        <v>0.73888826584336209</v>
      </c>
      <c r="B13841" s="1"/>
      <c r="C13841">
        <v>18</v>
      </c>
      <c r="D13841" t="s">
        <v>27677</v>
      </c>
      <c r="E13841" t="s">
        <v>34377</v>
      </c>
      <c r="F13841">
        <v>5</v>
      </c>
      <c r="G13841" t="s">
        <v>15</v>
      </c>
      <c r="H13841" t="s">
        <v>27678</v>
      </c>
      <c r="I13841" t="s">
        <v>30540</v>
      </c>
    </row>
    <row r="13842" spans="1:9">
      <c r="A13842" s="1">
        <f ca="1">RAND()</f>
        <v>0.74209850112694942</v>
      </c>
      <c r="B13842" s="1"/>
      <c r="C13842">
        <v>5</v>
      </c>
      <c r="D13842" t="s">
        <v>27671</v>
      </c>
      <c r="E13842" t="s">
        <v>34377</v>
      </c>
      <c r="F13842">
        <v>5</v>
      </c>
      <c r="G13842" t="s">
        <v>14</v>
      </c>
      <c r="H13842" t="s">
        <v>27672</v>
      </c>
      <c r="I13842" t="s">
        <v>30540</v>
      </c>
    </row>
    <row r="13843" spans="1:9">
      <c r="A13843" s="1">
        <f ca="1">RAND()</f>
        <v>0.1103886957203366</v>
      </c>
      <c r="B13843" s="1"/>
      <c r="C13843">
        <v>15</v>
      </c>
      <c r="D13843" t="s">
        <v>27675</v>
      </c>
      <c r="E13843" t="s">
        <v>34377</v>
      </c>
      <c r="F13843">
        <v>5</v>
      </c>
      <c r="G13843" t="s">
        <v>14</v>
      </c>
      <c r="H13843" t="s">
        <v>27676</v>
      </c>
      <c r="I13843" t="s">
        <v>30540</v>
      </c>
    </row>
    <row r="13844" spans="1:9">
      <c r="A13844" s="1">
        <f ca="1">RAND()</f>
        <v>0.58284071175060281</v>
      </c>
      <c r="B13844" s="1"/>
      <c r="C13844">
        <v>20</v>
      </c>
      <c r="D13844" t="s">
        <v>27679</v>
      </c>
      <c r="E13844" t="s">
        <v>34377</v>
      </c>
      <c r="F13844">
        <v>4</v>
      </c>
      <c r="G13844" t="s">
        <v>14</v>
      </c>
      <c r="H13844" t="s">
        <v>27680</v>
      </c>
      <c r="I13844" t="s">
        <v>30540</v>
      </c>
    </row>
    <row r="13845" spans="1:9">
      <c r="A13845" s="1">
        <f ca="1">RAND()</f>
        <v>0.15013992600875603</v>
      </c>
      <c r="B13845" s="1"/>
      <c r="C13845">
        <v>9</v>
      </c>
      <c r="D13845" t="s">
        <v>27673</v>
      </c>
      <c r="E13845" t="s">
        <v>34377</v>
      </c>
      <c r="F13845">
        <v>4</v>
      </c>
      <c r="G13845" t="s">
        <v>9</v>
      </c>
      <c r="H13845" t="s">
        <v>27674</v>
      </c>
      <c r="I13845" t="s">
        <v>30540</v>
      </c>
    </row>
    <row r="13846" spans="1:9">
      <c r="A13846" s="1">
        <f ca="1">RAND()</f>
        <v>0.59797351175618152</v>
      </c>
      <c r="B13846" s="1"/>
      <c r="C13846">
        <v>1</v>
      </c>
      <c r="D13846" t="s">
        <v>27669</v>
      </c>
      <c r="E13846" t="s">
        <v>34377</v>
      </c>
      <c r="F13846">
        <v>4</v>
      </c>
      <c r="G13846" t="s">
        <v>14</v>
      </c>
      <c r="H13846" t="s">
        <v>27670</v>
      </c>
      <c r="I13846" t="s">
        <v>30540</v>
      </c>
    </row>
    <row r="13847" spans="1:9">
      <c r="A13847" s="1">
        <f ca="1">RAND()</f>
        <v>0.48458707850035354</v>
      </c>
      <c r="B13847" s="1"/>
      <c r="C13847">
        <v>2</v>
      </c>
      <c r="D13847" t="s">
        <v>27665</v>
      </c>
      <c r="E13847" t="s">
        <v>34378</v>
      </c>
      <c r="F13847">
        <v>5</v>
      </c>
      <c r="G13847" t="s">
        <v>10</v>
      </c>
      <c r="H13847" t="s">
        <v>27666</v>
      </c>
      <c r="I13847" t="s">
        <v>30540</v>
      </c>
    </row>
    <row r="13848" spans="1:9">
      <c r="A13848" s="1">
        <f ca="1">RAND()</f>
        <v>0.85568379327015764</v>
      </c>
      <c r="B13848" s="1"/>
      <c r="C13848">
        <v>1</v>
      </c>
      <c r="D13848" t="s">
        <v>27663</v>
      </c>
      <c r="E13848" t="s">
        <v>34378</v>
      </c>
      <c r="F13848">
        <v>4</v>
      </c>
      <c r="G13848" t="s">
        <v>1426</v>
      </c>
      <c r="H13848" t="s">
        <v>27664</v>
      </c>
      <c r="I13848" t="s">
        <v>30540</v>
      </c>
    </row>
    <row r="13849" spans="1:9">
      <c r="A13849" s="1">
        <f ca="1">RAND()</f>
        <v>0.89831009879053203</v>
      </c>
      <c r="B13849" s="1"/>
      <c r="C13849">
        <v>16</v>
      </c>
      <c r="D13849" t="s">
        <v>27667</v>
      </c>
      <c r="E13849" t="s">
        <v>34378</v>
      </c>
      <c r="F13849">
        <v>4</v>
      </c>
      <c r="G13849" t="s">
        <v>14</v>
      </c>
      <c r="H13849" t="s">
        <v>27668</v>
      </c>
      <c r="I13849" t="s">
        <v>30540</v>
      </c>
    </row>
    <row r="13850" spans="1:9">
      <c r="A13850" s="1">
        <f ca="1">RAND()</f>
        <v>0.3156722896955565</v>
      </c>
      <c r="B13850" s="1"/>
      <c r="C13850">
        <v>9</v>
      </c>
      <c r="D13850" t="s">
        <v>27653</v>
      </c>
      <c r="E13850" t="s">
        <v>34379</v>
      </c>
      <c r="F13850">
        <v>5</v>
      </c>
      <c r="G13850" t="s">
        <v>14</v>
      </c>
      <c r="H13850" t="s">
        <v>27654</v>
      </c>
      <c r="I13850" t="s">
        <v>30540</v>
      </c>
    </row>
    <row r="13851" spans="1:9">
      <c r="A13851" s="1">
        <f ca="1">RAND()</f>
        <v>0.77990399587281578</v>
      </c>
      <c r="B13851" s="1"/>
      <c r="C13851">
        <v>17</v>
      </c>
      <c r="D13851" t="s">
        <v>27661</v>
      </c>
      <c r="E13851" t="s">
        <v>34379</v>
      </c>
      <c r="F13851">
        <v>4</v>
      </c>
      <c r="G13851" t="s">
        <v>14</v>
      </c>
      <c r="H13851" t="s">
        <v>27662</v>
      </c>
      <c r="I13851" t="s">
        <v>30540</v>
      </c>
    </row>
    <row r="13852" spans="1:9">
      <c r="A13852" s="1">
        <f ca="1">RAND()</f>
        <v>0.64139804749115792</v>
      </c>
      <c r="B13852" s="1"/>
      <c r="C13852">
        <v>15</v>
      </c>
      <c r="D13852" t="s">
        <v>27657</v>
      </c>
      <c r="E13852" t="s">
        <v>34379</v>
      </c>
      <c r="F13852">
        <v>4</v>
      </c>
      <c r="G13852" t="s">
        <v>14</v>
      </c>
      <c r="H13852" t="s">
        <v>27658</v>
      </c>
      <c r="I13852" t="s">
        <v>30540</v>
      </c>
    </row>
    <row r="13853" spans="1:9">
      <c r="A13853" s="1">
        <f ca="1">RAND()</f>
        <v>0.43024930775447467</v>
      </c>
      <c r="B13853" s="1"/>
      <c r="C13853">
        <v>11</v>
      </c>
      <c r="D13853" t="s">
        <v>27655</v>
      </c>
      <c r="E13853" t="s">
        <v>34379</v>
      </c>
      <c r="F13853">
        <v>3</v>
      </c>
      <c r="G13853" t="s">
        <v>14</v>
      </c>
      <c r="H13853" t="s">
        <v>27656</v>
      </c>
      <c r="I13853" t="s">
        <v>30540</v>
      </c>
    </row>
    <row r="13854" spans="1:9">
      <c r="A13854" s="1">
        <f ca="1">RAND()</f>
        <v>0.74261580623659351</v>
      </c>
      <c r="B13854" s="1"/>
      <c r="C13854">
        <v>16</v>
      </c>
      <c r="D13854" t="s">
        <v>27659</v>
      </c>
      <c r="E13854" t="s">
        <v>34379</v>
      </c>
      <c r="F13854">
        <v>1</v>
      </c>
      <c r="G13854" t="s">
        <v>0</v>
      </c>
      <c r="H13854" t="s">
        <v>27660</v>
      </c>
      <c r="I13854" t="s">
        <v>30540</v>
      </c>
    </row>
    <row r="13855" spans="1:9">
      <c r="A13855" s="1">
        <f ca="1">RAND()</f>
        <v>0.68044783523772179</v>
      </c>
      <c r="B13855" s="1"/>
      <c r="C13855">
        <v>4</v>
      </c>
      <c r="D13855" t="s">
        <v>27647</v>
      </c>
      <c r="E13855" t="s">
        <v>34380</v>
      </c>
      <c r="F13855">
        <v>4</v>
      </c>
      <c r="G13855" t="s">
        <v>15</v>
      </c>
      <c r="H13855" t="s">
        <v>27648</v>
      </c>
      <c r="I13855" t="s">
        <v>30540</v>
      </c>
    </row>
    <row r="13856" spans="1:9">
      <c r="A13856" s="1">
        <f ca="1">RAND()</f>
        <v>0.10636917153909908</v>
      </c>
      <c r="B13856" s="1"/>
      <c r="C13856">
        <v>17</v>
      </c>
      <c r="D13856" t="s">
        <v>27651</v>
      </c>
      <c r="E13856" t="s">
        <v>34380</v>
      </c>
      <c r="F13856">
        <v>4</v>
      </c>
      <c r="G13856" t="s">
        <v>0</v>
      </c>
      <c r="H13856" t="s">
        <v>27652</v>
      </c>
      <c r="I13856" t="s">
        <v>30540</v>
      </c>
    </row>
    <row r="13857" spans="1:9">
      <c r="A13857" s="1">
        <f ca="1">RAND()</f>
        <v>0.91368718609593846</v>
      </c>
      <c r="B13857" s="1"/>
      <c r="C13857">
        <v>5</v>
      </c>
      <c r="D13857" t="s">
        <v>27649</v>
      </c>
      <c r="E13857" t="s">
        <v>34380</v>
      </c>
      <c r="F13857">
        <v>4</v>
      </c>
      <c r="G13857" t="s">
        <v>10</v>
      </c>
      <c r="H13857" t="s">
        <v>27650</v>
      </c>
      <c r="I13857" t="s">
        <v>30540</v>
      </c>
    </row>
    <row r="13858" spans="1:9">
      <c r="A13858" s="1">
        <f ca="1">RAND()</f>
        <v>0.12455241746927725</v>
      </c>
      <c r="B13858" s="1"/>
      <c r="C13858">
        <v>4</v>
      </c>
      <c r="D13858" t="s">
        <v>27645</v>
      </c>
      <c r="E13858" t="s">
        <v>34381</v>
      </c>
      <c r="F13858">
        <v>5</v>
      </c>
      <c r="G13858" t="s">
        <v>10</v>
      </c>
      <c r="H13858" t="s">
        <v>27646</v>
      </c>
      <c r="I13858" t="s">
        <v>30540</v>
      </c>
    </row>
    <row r="13859" spans="1:9">
      <c r="A13859" s="1">
        <f ca="1">RAND()</f>
        <v>7.0456644592134854E-2</v>
      </c>
      <c r="B13859" s="1"/>
      <c r="C13859">
        <v>16</v>
      </c>
      <c r="D13859" t="s">
        <v>27643</v>
      </c>
      <c r="E13859" t="s">
        <v>34382</v>
      </c>
      <c r="F13859">
        <v>5</v>
      </c>
      <c r="G13859" t="s">
        <v>14</v>
      </c>
      <c r="H13859" t="s">
        <v>27644</v>
      </c>
      <c r="I13859" t="s">
        <v>30540</v>
      </c>
    </row>
    <row r="13860" spans="1:9">
      <c r="A13860" s="1">
        <f ca="1">RAND()</f>
        <v>0.63700654326322748</v>
      </c>
      <c r="B13860" s="1"/>
      <c r="C13860">
        <v>11</v>
      </c>
      <c r="D13860" t="s">
        <v>27639</v>
      </c>
      <c r="E13860" t="s">
        <v>34382</v>
      </c>
      <c r="F13860">
        <v>5</v>
      </c>
      <c r="G13860" t="s">
        <v>14</v>
      </c>
      <c r="H13860" t="s">
        <v>27640</v>
      </c>
      <c r="I13860" t="s">
        <v>30540</v>
      </c>
    </row>
    <row r="13861" spans="1:9">
      <c r="A13861" s="1">
        <f ca="1">RAND()</f>
        <v>0.54795294739810707</v>
      </c>
      <c r="B13861" s="1"/>
      <c r="C13861">
        <v>10</v>
      </c>
      <c r="D13861" t="s">
        <v>27637</v>
      </c>
      <c r="E13861" t="s">
        <v>34382</v>
      </c>
      <c r="F13861">
        <v>5</v>
      </c>
      <c r="G13861" t="s">
        <v>14</v>
      </c>
      <c r="H13861" t="s">
        <v>27638</v>
      </c>
      <c r="I13861" t="s">
        <v>30540</v>
      </c>
    </row>
    <row r="13862" spans="1:9">
      <c r="A13862" s="1">
        <f ca="1">RAND()</f>
        <v>0.61061656671120401</v>
      </c>
      <c r="B13862" s="1"/>
      <c r="C13862">
        <v>2</v>
      </c>
      <c r="D13862" t="s">
        <v>27635</v>
      </c>
      <c r="E13862" t="s">
        <v>34382</v>
      </c>
      <c r="F13862">
        <v>4</v>
      </c>
      <c r="G13862" t="s">
        <v>2</v>
      </c>
      <c r="H13862" t="s">
        <v>27636</v>
      </c>
      <c r="I13862" t="s">
        <v>30540</v>
      </c>
    </row>
    <row r="13863" spans="1:9">
      <c r="A13863" s="1">
        <f ca="1">RAND()</f>
        <v>0.16487989192796038</v>
      </c>
      <c r="B13863" s="1"/>
      <c r="C13863">
        <v>15</v>
      </c>
      <c r="D13863" t="s">
        <v>27641</v>
      </c>
      <c r="E13863" t="s">
        <v>34382</v>
      </c>
      <c r="F13863">
        <v>4</v>
      </c>
      <c r="G13863" t="s">
        <v>9</v>
      </c>
      <c r="H13863" t="s">
        <v>27642</v>
      </c>
      <c r="I13863" t="s">
        <v>30540</v>
      </c>
    </row>
    <row r="13864" spans="1:9">
      <c r="A13864" s="1">
        <f ca="1">RAND()</f>
        <v>0.37203192999497037</v>
      </c>
      <c r="B13864" s="1"/>
      <c r="C13864">
        <v>1</v>
      </c>
      <c r="D13864" t="s">
        <v>27633</v>
      </c>
      <c r="E13864" t="s">
        <v>34382</v>
      </c>
      <c r="F13864">
        <v>2</v>
      </c>
      <c r="G13864" t="s">
        <v>9</v>
      </c>
      <c r="H13864" t="s">
        <v>27634</v>
      </c>
      <c r="I13864" t="s">
        <v>30540</v>
      </c>
    </row>
    <row r="13865" spans="1:9">
      <c r="A13865" s="1">
        <f ca="1">RAND()</f>
        <v>0.67057268571666895</v>
      </c>
      <c r="B13865" s="1"/>
      <c r="C13865">
        <v>11</v>
      </c>
      <c r="D13865" t="s">
        <v>27629</v>
      </c>
      <c r="E13865" t="s">
        <v>34383</v>
      </c>
      <c r="F13865">
        <v>5</v>
      </c>
      <c r="G13865" t="s">
        <v>14</v>
      </c>
      <c r="H13865" t="s">
        <v>27630</v>
      </c>
      <c r="I13865" t="s">
        <v>30540</v>
      </c>
    </row>
    <row r="13866" spans="1:9">
      <c r="A13866" s="1">
        <f ca="1">RAND()</f>
        <v>0.80955941761097683</v>
      </c>
      <c r="B13866" s="1"/>
      <c r="C13866">
        <v>17</v>
      </c>
      <c r="D13866" t="s">
        <v>27631</v>
      </c>
      <c r="E13866" t="s">
        <v>34383</v>
      </c>
      <c r="F13866">
        <v>5</v>
      </c>
      <c r="G13866" t="s">
        <v>2738</v>
      </c>
      <c r="H13866" t="s">
        <v>27632</v>
      </c>
      <c r="I13866" t="s">
        <v>30540</v>
      </c>
    </row>
    <row r="13867" spans="1:9">
      <c r="A13867" s="1">
        <f ca="1">RAND()</f>
        <v>0.47665051161791039</v>
      </c>
      <c r="B13867" s="1"/>
      <c r="C13867">
        <v>3</v>
      </c>
      <c r="D13867" t="s">
        <v>27625</v>
      </c>
      <c r="E13867" t="s">
        <v>34384</v>
      </c>
      <c r="F13867">
        <v>4</v>
      </c>
      <c r="G13867" t="s">
        <v>10</v>
      </c>
      <c r="H13867" t="s">
        <v>27626</v>
      </c>
      <c r="I13867" t="s">
        <v>30540</v>
      </c>
    </row>
    <row r="13868" spans="1:9">
      <c r="A13868" s="1">
        <f ca="1">RAND()</f>
        <v>0.992725690147512</v>
      </c>
      <c r="B13868" s="1"/>
      <c r="C13868">
        <v>7</v>
      </c>
      <c r="D13868" t="s">
        <v>27627</v>
      </c>
      <c r="E13868" t="s">
        <v>34384</v>
      </c>
      <c r="F13868">
        <v>2</v>
      </c>
      <c r="G13868" t="s">
        <v>10</v>
      </c>
      <c r="H13868" t="s">
        <v>27628</v>
      </c>
      <c r="I13868" t="s">
        <v>30540</v>
      </c>
    </row>
    <row r="13869" spans="1:9">
      <c r="A13869" s="1">
        <f ca="1">RAND()</f>
        <v>0.13672552673319371</v>
      </c>
      <c r="B13869" s="1"/>
      <c r="C13869">
        <v>15</v>
      </c>
      <c r="D13869" t="s">
        <v>27623</v>
      </c>
      <c r="E13869" t="s">
        <v>34385</v>
      </c>
      <c r="F13869">
        <v>4</v>
      </c>
      <c r="G13869" t="s">
        <v>14</v>
      </c>
      <c r="H13869" t="s">
        <v>27624</v>
      </c>
      <c r="I13869" t="s">
        <v>30540</v>
      </c>
    </row>
    <row r="13870" spans="1:9">
      <c r="A13870" s="1">
        <f ca="1">RAND()</f>
        <v>0.59566790652309765</v>
      </c>
      <c r="B13870" s="1"/>
      <c r="C13870">
        <v>13</v>
      </c>
      <c r="D13870" t="s">
        <v>27621</v>
      </c>
      <c r="E13870" t="s">
        <v>34385</v>
      </c>
      <c r="F13870">
        <v>4</v>
      </c>
      <c r="G13870" t="s">
        <v>9</v>
      </c>
      <c r="H13870" t="s">
        <v>27622</v>
      </c>
      <c r="I13870" t="s">
        <v>30540</v>
      </c>
    </row>
    <row r="13871" spans="1:9">
      <c r="A13871" s="1">
        <f ca="1">RAND()</f>
        <v>0.40573286331731673</v>
      </c>
      <c r="B13871" s="1"/>
      <c r="C13871">
        <v>3</v>
      </c>
      <c r="D13871" t="s">
        <v>27615</v>
      </c>
      <c r="E13871" t="s">
        <v>34386</v>
      </c>
      <c r="F13871">
        <v>3</v>
      </c>
      <c r="G13871" t="s">
        <v>14</v>
      </c>
      <c r="H13871" t="s">
        <v>27616</v>
      </c>
      <c r="I13871" t="s">
        <v>30540</v>
      </c>
    </row>
    <row r="13872" spans="1:9">
      <c r="A13872" s="1">
        <f ca="1">RAND()</f>
        <v>0.15913472364996872</v>
      </c>
      <c r="B13872" s="1"/>
      <c r="C13872">
        <v>13</v>
      </c>
      <c r="D13872" t="s">
        <v>27619</v>
      </c>
      <c r="E13872" t="s">
        <v>34386</v>
      </c>
      <c r="F13872">
        <v>2</v>
      </c>
      <c r="G13872" t="s">
        <v>14</v>
      </c>
      <c r="H13872" t="s">
        <v>27620</v>
      </c>
      <c r="I13872" t="s">
        <v>30540</v>
      </c>
    </row>
    <row r="13873" spans="1:9">
      <c r="A13873" s="1">
        <f ca="1">RAND()</f>
        <v>0.59785045936993453</v>
      </c>
      <c r="B13873" s="1"/>
      <c r="C13873">
        <v>4</v>
      </c>
      <c r="D13873" t="s">
        <v>27617</v>
      </c>
      <c r="E13873" t="s">
        <v>34386</v>
      </c>
      <c r="F13873">
        <v>2</v>
      </c>
      <c r="G13873" t="s">
        <v>9</v>
      </c>
      <c r="H13873" t="s">
        <v>27618</v>
      </c>
      <c r="I13873" t="s">
        <v>30540</v>
      </c>
    </row>
    <row r="13874" spans="1:9">
      <c r="A13874" s="1">
        <f ca="1">RAND()</f>
        <v>0.74881906761333372</v>
      </c>
      <c r="B13874" s="1"/>
      <c r="C13874">
        <v>7</v>
      </c>
      <c r="D13874" t="s">
        <v>27599</v>
      </c>
      <c r="E13874" t="s">
        <v>34387</v>
      </c>
      <c r="F13874">
        <v>5</v>
      </c>
      <c r="G13874" t="s">
        <v>14</v>
      </c>
      <c r="H13874" t="s">
        <v>27600</v>
      </c>
      <c r="I13874" t="s">
        <v>30540</v>
      </c>
    </row>
    <row r="13875" spans="1:9">
      <c r="A13875" s="1">
        <f ca="1">RAND()</f>
        <v>0.2328890037977227</v>
      </c>
      <c r="B13875" s="1"/>
      <c r="C13875">
        <v>18</v>
      </c>
      <c r="D13875" t="s">
        <v>27611</v>
      </c>
      <c r="E13875" t="s">
        <v>34387</v>
      </c>
      <c r="F13875">
        <v>4</v>
      </c>
      <c r="G13875" t="s">
        <v>14</v>
      </c>
      <c r="H13875" t="s">
        <v>27612</v>
      </c>
      <c r="I13875" t="s">
        <v>30540</v>
      </c>
    </row>
    <row r="13876" spans="1:9">
      <c r="A13876" s="1">
        <f ca="1">RAND()</f>
        <v>0.15484652315742953</v>
      </c>
      <c r="B13876" s="1"/>
      <c r="C13876">
        <v>16</v>
      </c>
      <c r="D13876" t="s">
        <v>27609</v>
      </c>
      <c r="E13876" t="s">
        <v>34387</v>
      </c>
      <c r="F13876">
        <v>4</v>
      </c>
      <c r="G13876" t="s">
        <v>14</v>
      </c>
      <c r="H13876" t="s">
        <v>27610</v>
      </c>
      <c r="I13876" t="s">
        <v>30540</v>
      </c>
    </row>
    <row r="13877" spans="1:9">
      <c r="A13877" s="1">
        <f ca="1">RAND()</f>
        <v>0.60573716997478344</v>
      </c>
      <c r="B13877" s="1"/>
      <c r="C13877">
        <v>14</v>
      </c>
      <c r="D13877" t="s">
        <v>27607</v>
      </c>
      <c r="E13877" t="s">
        <v>34387</v>
      </c>
      <c r="F13877">
        <v>4</v>
      </c>
      <c r="G13877" t="s">
        <v>0</v>
      </c>
      <c r="H13877" t="s">
        <v>27608</v>
      </c>
      <c r="I13877" t="s">
        <v>30540</v>
      </c>
    </row>
    <row r="13878" spans="1:9">
      <c r="A13878" s="1">
        <f ca="1">RAND()</f>
        <v>0.54991414648026504</v>
      </c>
      <c r="B13878" s="1"/>
      <c r="C13878">
        <v>10</v>
      </c>
      <c r="D13878" t="s">
        <v>27603</v>
      </c>
      <c r="E13878" t="s">
        <v>34387</v>
      </c>
      <c r="F13878">
        <v>4</v>
      </c>
      <c r="G13878" t="s">
        <v>0</v>
      </c>
      <c r="H13878" t="s">
        <v>27604</v>
      </c>
      <c r="I13878" t="s">
        <v>30540</v>
      </c>
    </row>
    <row r="13879" spans="1:9">
      <c r="A13879" s="1">
        <f ca="1">RAND()</f>
        <v>2.7381998318257383E-2</v>
      </c>
      <c r="B13879" s="1"/>
      <c r="C13879">
        <v>12</v>
      </c>
      <c r="D13879" t="s">
        <v>27605</v>
      </c>
      <c r="E13879" t="s">
        <v>34387</v>
      </c>
      <c r="F13879">
        <v>3</v>
      </c>
      <c r="G13879" t="s">
        <v>9</v>
      </c>
      <c r="H13879" t="s">
        <v>27606</v>
      </c>
      <c r="I13879" t="s">
        <v>30540</v>
      </c>
    </row>
    <row r="13880" spans="1:9">
      <c r="A13880" s="1">
        <f ca="1">RAND()</f>
        <v>0.1853666298884552</v>
      </c>
      <c r="B13880" s="1"/>
      <c r="C13880">
        <v>9</v>
      </c>
      <c r="D13880" t="s">
        <v>27601</v>
      </c>
      <c r="E13880" t="s">
        <v>34387</v>
      </c>
      <c r="F13880">
        <v>2</v>
      </c>
      <c r="G13880" t="s">
        <v>9</v>
      </c>
      <c r="H13880" t="s">
        <v>27602</v>
      </c>
      <c r="I13880" t="s">
        <v>30540</v>
      </c>
    </row>
    <row r="13881" spans="1:9">
      <c r="A13881" s="1">
        <f ca="1">RAND()</f>
        <v>0.18362383327279019</v>
      </c>
      <c r="B13881" s="1"/>
      <c r="C13881">
        <v>20</v>
      </c>
      <c r="D13881" t="s">
        <v>27613</v>
      </c>
      <c r="E13881" t="s">
        <v>34387</v>
      </c>
      <c r="F13881">
        <v>2</v>
      </c>
      <c r="G13881" t="s">
        <v>15</v>
      </c>
      <c r="H13881" t="s">
        <v>27614</v>
      </c>
      <c r="I13881" t="s">
        <v>30540</v>
      </c>
    </row>
    <row r="13882" spans="1:9">
      <c r="A13882" s="1">
        <f ca="1">RAND()</f>
        <v>3.1791517544068615E-3</v>
      </c>
      <c r="B13882" s="1"/>
      <c r="C13882">
        <v>18</v>
      </c>
      <c r="D13882" t="s">
        <v>27593</v>
      </c>
      <c r="E13882" t="s">
        <v>34388</v>
      </c>
      <c r="F13882">
        <v>5</v>
      </c>
      <c r="G13882" t="s">
        <v>762</v>
      </c>
      <c r="H13882" t="s">
        <v>27594</v>
      </c>
      <c r="I13882" t="s">
        <v>30540</v>
      </c>
    </row>
    <row r="13883" spans="1:9">
      <c r="A13883" s="1">
        <f ca="1">RAND()</f>
        <v>4.0506756075790351E-2</v>
      </c>
      <c r="B13883" s="1"/>
      <c r="C13883">
        <v>20</v>
      </c>
      <c r="D13883" t="s">
        <v>27597</v>
      </c>
      <c r="E13883" t="s">
        <v>34388</v>
      </c>
      <c r="F13883">
        <v>4</v>
      </c>
      <c r="G13883" t="s">
        <v>2738</v>
      </c>
      <c r="H13883" t="s">
        <v>27598</v>
      </c>
      <c r="I13883" t="s">
        <v>30540</v>
      </c>
    </row>
    <row r="13884" spans="1:9">
      <c r="A13884" s="1">
        <f ca="1">RAND()</f>
        <v>0.28729040099380621</v>
      </c>
      <c r="B13884" s="1"/>
      <c r="C13884">
        <v>3</v>
      </c>
      <c r="D13884" t="s">
        <v>27587</v>
      </c>
      <c r="E13884" t="s">
        <v>34388</v>
      </c>
      <c r="F13884">
        <v>4</v>
      </c>
      <c r="G13884" t="s">
        <v>10</v>
      </c>
      <c r="H13884" t="s">
        <v>27588</v>
      </c>
      <c r="I13884" t="s">
        <v>30540</v>
      </c>
    </row>
    <row r="13885" spans="1:9">
      <c r="A13885" s="1">
        <f ca="1">RAND()</f>
        <v>0.25192426506340326</v>
      </c>
      <c r="B13885" s="1"/>
      <c r="C13885">
        <v>4</v>
      </c>
      <c r="D13885" t="s">
        <v>27589</v>
      </c>
      <c r="E13885" t="s">
        <v>34388</v>
      </c>
      <c r="F13885">
        <v>3</v>
      </c>
      <c r="G13885" t="s">
        <v>775</v>
      </c>
      <c r="H13885" t="s">
        <v>27590</v>
      </c>
      <c r="I13885" t="s">
        <v>30540</v>
      </c>
    </row>
    <row r="13886" spans="1:9">
      <c r="A13886" s="1">
        <f ca="1">RAND()</f>
        <v>0.50223464959500863</v>
      </c>
      <c r="B13886" s="1"/>
      <c r="C13886">
        <v>6</v>
      </c>
      <c r="D13886" t="s">
        <v>27591</v>
      </c>
      <c r="E13886" t="s">
        <v>34388</v>
      </c>
      <c r="F13886">
        <v>3</v>
      </c>
      <c r="G13886" t="s">
        <v>15</v>
      </c>
      <c r="H13886" t="s">
        <v>27592</v>
      </c>
      <c r="I13886" t="s">
        <v>30540</v>
      </c>
    </row>
    <row r="13887" spans="1:9">
      <c r="A13887" s="1">
        <f ca="1">RAND()</f>
        <v>4.5287819435742338E-2</v>
      </c>
      <c r="B13887" s="1"/>
      <c r="C13887">
        <v>19</v>
      </c>
      <c r="D13887" t="s">
        <v>27595</v>
      </c>
      <c r="E13887" t="s">
        <v>34388</v>
      </c>
      <c r="F13887">
        <v>2</v>
      </c>
      <c r="G13887" t="s">
        <v>14</v>
      </c>
      <c r="H13887" t="s">
        <v>27596</v>
      </c>
      <c r="I13887" t="s">
        <v>30540</v>
      </c>
    </row>
    <row r="13888" spans="1:9">
      <c r="A13888" s="1">
        <f ca="1">RAND()</f>
        <v>0.74360891458267109</v>
      </c>
      <c r="B13888" s="1"/>
      <c r="C13888">
        <v>15</v>
      </c>
      <c r="D13888" t="s">
        <v>27585</v>
      </c>
      <c r="E13888" t="s">
        <v>34389</v>
      </c>
      <c r="F13888">
        <v>5</v>
      </c>
      <c r="G13888" t="s">
        <v>0</v>
      </c>
      <c r="H13888" t="s">
        <v>27586</v>
      </c>
      <c r="I13888" t="s">
        <v>30540</v>
      </c>
    </row>
    <row r="13889" spans="1:9">
      <c r="A13889" s="1">
        <f ca="1">RAND()</f>
        <v>0.94594953190469888</v>
      </c>
      <c r="B13889" s="1"/>
      <c r="C13889">
        <v>13</v>
      </c>
      <c r="D13889" t="s">
        <v>27583</v>
      </c>
      <c r="E13889" t="s">
        <v>34389</v>
      </c>
      <c r="F13889">
        <v>4</v>
      </c>
      <c r="G13889" t="s">
        <v>14</v>
      </c>
      <c r="H13889" t="s">
        <v>27584</v>
      </c>
      <c r="I13889" t="s">
        <v>30540</v>
      </c>
    </row>
    <row r="13890" spans="1:9">
      <c r="A13890" s="1">
        <f ca="1">RAND()</f>
        <v>0.44461617457572988</v>
      </c>
      <c r="B13890" s="1"/>
      <c r="C13890">
        <v>10</v>
      </c>
      <c r="D13890" t="s">
        <v>27581</v>
      </c>
      <c r="E13890" t="s">
        <v>34389</v>
      </c>
      <c r="F13890">
        <v>3</v>
      </c>
      <c r="G13890" t="s">
        <v>14</v>
      </c>
      <c r="H13890" t="s">
        <v>27582</v>
      </c>
      <c r="I13890" t="s">
        <v>30540</v>
      </c>
    </row>
    <row r="13891" spans="1:9">
      <c r="A13891" s="1">
        <f ca="1">RAND()</f>
        <v>0.33735179204721755</v>
      </c>
      <c r="B13891" s="1"/>
      <c r="C13891">
        <v>19</v>
      </c>
      <c r="D13891" t="s">
        <v>27579</v>
      </c>
      <c r="E13891" t="s">
        <v>34390</v>
      </c>
      <c r="F13891">
        <v>4</v>
      </c>
      <c r="G13891" t="s">
        <v>14</v>
      </c>
      <c r="H13891" t="s">
        <v>27580</v>
      </c>
      <c r="I13891" t="s">
        <v>30540</v>
      </c>
    </row>
    <row r="13892" spans="1:9">
      <c r="A13892" s="1">
        <f ca="1">RAND()</f>
        <v>0.42532255205053304</v>
      </c>
      <c r="B13892" s="1"/>
      <c r="C13892">
        <v>8</v>
      </c>
      <c r="D13892" t="s">
        <v>27573</v>
      </c>
      <c r="E13892" t="s">
        <v>34390</v>
      </c>
      <c r="F13892">
        <v>4</v>
      </c>
      <c r="G13892" t="s">
        <v>9</v>
      </c>
      <c r="H13892" t="s">
        <v>27574</v>
      </c>
      <c r="I13892" t="s">
        <v>30540</v>
      </c>
    </row>
    <row r="13893" spans="1:9">
      <c r="A13893" s="1">
        <f ca="1">RAND()</f>
        <v>0.91202150838700424</v>
      </c>
      <c r="B13893" s="1"/>
      <c r="C13893">
        <v>15</v>
      </c>
      <c r="D13893" t="s">
        <v>27577</v>
      </c>
      <c r="E13893" t="s">
        <v>34390</v>
      </c>
      <c r="F13893">
        <v>4</v>
      </c>
      <c r="G13893" t="s">
        <v>14</v>
      </c>
      <c r="H13893" t="s">
        <v>27578</v>
      </c>
      <c r="I13893" t="s">
        <v>30540</v>
      </c>
    </row>
    <row r="13894" spans="1:9">
      <c r="A13894" s="1">
        <f ca="1">RAND()</f>
        <v>0.81314050151584383</v>
      </c>
      <c r="B13894" s="1"/>
      <c r="C13894">
        <v>11</v>
      </c>
      <c r="D13894" t="s">
        <v>27575</v>
      </c>
      <c r="E13894" t="s">
        <v>34390</v>
      </c>
      <c r="F13894">
        <v>4</v>
      </c>
      <c r="G13894" t="s">
        <v>14</v>
      </c>
      <c r="H13894" t="s">
        <v>27576</v>
      </c>
      <c r="I13894" t="s">
        <v>30540</v>
      </c>
    </row>
    <row r="13895" spans="1:9">
      <c r="A13895" s="1">
        <f ca="1">RAND()</f>
        <v>0.20744069140375243</v>
      </c>
      <c r="B13895" s="1"/>
      <c r="C13895">
        <v>19</v>
      </c>
      <c r="D13895" t="s">
        <v>27571</v>
      </c>
      <c r="E13895" t="s">
        <v>34391</v>
      </c>
      <c r="F13895">
        <v>4</v>
      </c>
      <c r="G13895" t="s">
        <v>10</v>
      </c>
      <c r="H13895" t="s">
        <v>27572</v>
      </c>
      <c r="I13895" t="s">
        <v>30540</v>
      </c>
    </row>
    <row r="13896" spans="1:9">
      <c r="A13896" s="1">
        <f ca="1">RAND()</f>
        <v>0.30897899490399094</v>
      </c>
      <c r="B13896" s="1"/>
      <c r="C13896">
        <v>15</v>
      </c>
      <c r="D13896" t="s">
        <v>27567</v>
      </c>
      <c r="E13896" t="s">
        <v>34391</v>
      </c>
      <c r="F13896">
        <v>4</v>
      </c>
      <c r="G13896" t="s">
        <v>10</v>
      </c>
      <c r="H13896" t="s">
        <v>27568</v>
      </c>
      <c r="I13896" t="s">
        <v>30540</v>
      </c>
    </row>
    <row r="13897" spans="1:9">
      <c r="A13897" s="1">
        <f ca="1">RAND()</f>
        <v>0.11510064102793349</v>
      </c>
      <c r="B13897" s="1"/>
      <c r="C13897">
        <v>17</v>
      </c>
      <c r="D13897" t="s">
        <v>27569</v>
      </c>
      <c r="E13897" t="s">
        <v>34391</v>
      </c>
      <c r="F13897">
        <v>4</v>
      </c>
      <c r="G13897" t="s">
        <v>10</v>
      </c>
      <c r="H13897" t="s">
        <v>27570</v>
      </c>
      <c r="I13897" t="s">
        <v>30540</v>
      </c>
    </row>
    <row r="13898" spans="1:9">
      <c r="A13898" s="1">
        <f ca="1">RAND()</f>
        <v>0.452256544149367</v>
      </c>
      <c r="B13898" s="1"/>
      <c r="C13898">
        <v>8</v>
      </c>
      <c r="D13898" t="s">
        <v>27563</v>
      </c>
      <c r="E13898" t="s">
        <v>34392</v>
      </c>
      <c r="F13898">
        <v>5</v>
      </c>
      <c r="G13898" t="s">
        <v>10</v>
      </c>
      <c r="H13898" t="s">
        <v>27564</v>
      </c>
      <c r="I13898" t="s">
        <v>30540</v>
      </c>
    </row>
    <row r="13899" spans="1:9">
      <c r="A13899" s="1">
        <f ca="1">RAND()</f>
        <v>0.11086260855377195</v>
      </c>
      <c r="B13899" s="1"/>
      <c r="C13899">
        <v>9</v>
      </c>
      <c r="D13899" t="s">
        <v>27565</v>
      </c>
      <c r="E13899" t="s">
        <v>34392</v>
      </c>
      <c r="F13899">
        <v>4</v>
      </c>
      <c r="G13899" t="s">
        <v>10</v>
      </c>
      <c r="H13899" t="s">
        <v>27566</v>
      </c>
      <c r="I13899" t="s">
        <v>30540</v>
      </c>
    </row>
    <row r="13900" spans="1:9">
      <c r="A13900" s="1">
        <f ca="1">RAND()</f>
        <v>0.56520566470273836</v>
      </c>
      <c r="B13900" s="1"/>
      <c r="C13900">
        <v>1</v>
      </c>
      <c r="D13900" t="s">
        <v>27559</v>
      </c>
      <c r="E13900" t="s">
        <v>34393</v>
      </c>
      <c r="F13900">
        <v>5</v>
      </c>
      <c r="G13900" t="s">
        <v>2</v>
      </c>
      <c r="H13900" t="s">
        <v>27560</v>
      </c>
      <c r="I13900" t="s">
        <v>30540</v>
      </c>
    </row>
    <row r="13901" spans="1:9">
      <c r="A13901" s="1">
        <f ca="1">RAND()</f>
        <v>0.12532379868884469</v>
      </c>
      <c r="B13901" s="1"/>
      <c r="C13901">
        <v>7</v>
      </c>
      <c r="D13901" t="s">
        <v>27561</v>
      </c>
      <c r="E13901" t="s">
        <v>34393</v>
      </c>
      <c r="F13901">
        <v>4</v>
      </c>
      <c r="G13901" t="s">
        <v>762</v>
      </c>
      <c r="H13901" t="s">
        <v>27562</v>
      </c>
      <c r="I13901" t="s">
        <v>30540</v>
      </c>
    </row>
    <row r="13902" spans="1:9">
      <c r="A13902" s="1">
        <f ca="1">RAND()</f>
        <v>0.54157541332330905</v>
      </c>
      <c r="B13902" s="1"/>
      <c r="C13902">
        <v>10</v>
      </c>
      <c r="D13902" t="s">
        <v>27547</v>
      </c>
      <c r="E13902" t="s">
        <v>34394</v>
      </c>
      <c r="F13902">
        <v>5</v>
      </c>
      <c r="G13902" t="s">
        <v>14</v>
      </c>
      <c r="H13902" t="s">
        <v>27548</v>
      </c>
      <c r="I13902" t="s">
        <v>30540</v>
      </c>
    </row>
    <row r="13903" spans="1:9">
      <c r="A13903" s="1">
        <f ca="1">RAND()</f>
        <v>8.4797625582488934E-3</v>
      </c>
      <c r="B13903" s="1"/>
      <c r="C13903">
        <v>19</v>
      </c>
      <c r="D13903" t="s">
        <v>27555</v>
      </c>
      <c r="E13903" t="s">
        <v>34394</v>
      </c>
      <c r="F13903">
        <v>4</v>
      </c>
      <c r="G13903" t="s">
        <v>0</v>
      </c>
      <c r="H13903" t="s">
        <v>27556</v>
      </c>
      <c r="I13903" t="s">
        <v>30540</v>
      </c>
    </row>
    <row r="13904" spans="1:9">
      <c r="A13904" s="1">
        <f ca="1">RAND()</f>
        <v>0.36277652541165284</v>
      </c>
      <c r="B13904" s="1"/>
      <c r="C13904">
        <v>18</v>
      </c>
      <c r="D13904" t="s">
        <v>27553</v>
      </c>
      <c r="E13904" t="s">
        <v>34394</v>
      </c>
      <c r="F13904">
        <v>4</v>
      </c>
      <c r="G13904" t="s">
        <v>14</v>
      </c>
      <c r="H13904" t="s">
        <v>27554</v>
      </c>
      <c r="I13904" t="s">
        <v>30540</v>
      </c>
    </row>
    <row r="13905" spans="1:9">
      <c r="A13905" s="1">
        <f ca="1">RAND()</f>
        <v>0.85581815640100745</v>
      </c>
      <c r="B13905" s="1"/>
      <c r="C13905">
        <v>7</v>
      </c>
      <c r="D13905" t="s">
        <v>27545</v>
      </c>
      <c r="E13905" t="s">
        <v>34394</v>
      </c>
      <c r="F13905">
        <v>4</v>
      </c>
      <c r="G13905" t="s">
        <v>9</v>
      </c>
      <c r="H13905" t="s">
        <v>27546</v>
      </c>
      <c r="I13905" t="s">
        <v>30540</v>
      </c>
    </row>
    <row r="13906" spans="1:9">
      <c r="A13906" s="1">
        <f ca="1">RAND()</f>
        <v>0.22248588488761112</v>
      </c>
      <c r="B13906" s="1"/>
      <c r="C13906">
        <v>20</v>
      </c>
      <c r="D13906" t="s">
        <v>27557</v>
      </c>
      <c r="E13906" t="s">
        <v>34394</v>
      </c>
      <c r="F13906">
        <v>4</v>
      </c>
      <c r="G13906" t="s">
        <v>14</v>
      </c>
      <c r="H13906" t="s">
        <v>27558</v>
      </c>
      <c r="I13906" t="s">
        <v>30540</v>
      </c>
    </row>
    <row r="13907" spans="1:9">
      <c r="A13907" s="1">
        <f ca="1">RAND()</f>
        <v>8.9090813073672059E-2</v>
      </c>
      <c r="B13907" s="1"/>
      <c r="C13907">
        <v>14</v>
      </c>
      <c r="D13907" t="s">
        <v>27549</v>
      </c>
      <c r="E13907" t="s">
        <v>34394</v>
      </c>
      <c r="F13907">
        <v>4</v>
      </c>
      <c r="G13907" t="s">
        <v>14</v>
      </c>
      <c r="H13907" t="s">
        <v>27550</v>
      </c>
      <c r="I13907" t="s">
        <v>30540</v>
      </c>
    </row>
    <row r="13908" spans="1:9">
      <c r="A13908" s="1">
        <f ca="1">RAND()</f>
        <v>0.19123853527139978</v>
      </c>
      <c r="B13908" s="1"/>
      <c r="C13908">
        <v>16</v>
      </c>
      <c r="D13908" t="s">
        <v>27551</v>
      </c>
      <c r="E13908" t="s">
        <v>34394</v>
      </c>
      <c r="F13908">
        <v>4</v>
      </c>
      <c r="G13908" t="s">
        <v>14</v>
      </c>
      <c r="H13908" t="s">
        <v>27552</v>
      </c>
      <c r="I13908" t="s">
        <v>30540</v>
      </c>
    </row>
    <row r="13909" spans="1:9">
      <c r="A13909" s="1">
        <f ca="1">RAND()</f>
        <v>0.97940217557959608</v>
      </c>
      <c r="B13909" s="1"/>
      <c r="C13909">
        <v>11</v>
      </c>
      <c r="D13909" t="s">
        <v>27539</v>
      </c>
      <c r="E13909" t="s">
        <v>34395</v>
      </c>
      <c r="F13909">
        <v>5</v>
      </c>
      <c r="G13909" t="s">
        <v>14</v>
      </c>
      <c r="H13909" t="s">
        <v>27540</v>
      </c>
      <c r="I13909" t="s">
        <v>30540</v>
      </c>
    </row>
    <row r="13910" spans="1:9">
      <c r="A13910" s="1">
        <f ca="1">RAND()</f>
        <v>0.93131095766602079</v>
      </c>
      <c r="B13910" s="1"/>
      <c r="C13910">
        <v>3</v>
      </c>
      <c r="D13910" t="s">
        <v>27535</v>
      </c>
      <c r="E13910" t="s">
        <v>34395</v>
      </c>
      <c r="F13910">
        <v>4</v>
      </c>
      <c r="G13910" t="s">
        <v>9</v>
      </c>
      <c r="H13910" t="s">
        <v>27536</v>
      </c>
      <c r="I13910" t="s">
        <v>30540</v>
      </c>
    </row>
    <row r="13911" spans="1:9">
      <c r="A13911" s="1">
        <f ca="1">RAND()</f>
        <v>0.31174663366897626</v>
      </c>
      <c r="B13911" s="1"/>
      <c r="C13911">
        <v>6</v>
      </c>
      <c r="D13911" t="s">
        <v>27537</v>
      </c>
      <c r="E13911" t="s">
        <v>34395</v>
      </c>
      <c r="F13911">
        <v>4</v>
      </c>
      <c r="G13911" t="s">
        <v>15</v>
      </c>
      <c r="H13911" t="s">
        <v>27538</v>
      </c>
      <c r="I13911" t="s">
        <v>30540</v>
      </c>
    </row>
    <row r="13912" spans="1:9">
      <c r="A13912" s="1">
        <f ca="1">RAND()</f>
        <v>0.70007025986781279</v>
      </c>
      <c r="B13912" s="1"/>
      <c r="C13912">
        <v>14</v>
      </c>
      <c r="D13912" t="s">
        <v>27541</v>
      </c>
      <c r="E13912" t="s">
        <v>34395</v>
      </c>
      <c r="F13912">
        <v>4</v>
      </c>
      <c r="G13912" t="s">
        <v>14</v>
      </c>
      <c r="H13912" t="s">
        <v>27542</v>
      </c>
      <c r="I13912" t="s">
        <v>30540</v>
      </c>
    </row>
    <row r="13913" spans="1:9">
      <c r="A13913" s="1">
        <f ca="1">RAND()</f>
        <v>0.17262478085712429</v>
      </c>
      <c r="B13913" s="1"/>
      <c r="C13913">
        <v>15</v>
      </c>
      <c r="D13913" t="s">
        <v>27543</v>
      </c>
      <c r="E13913" t="s">
        <v>34395</v>
      </c>
      <c r="F13913">
        <v>2</v>
      </c>
      <c r="G13913" t="s">
        <v>14</v>
      </c>
      <c r="H13913" t="s">
        <v>27544</v>
      </c>
      <c r="I13913" t="s">
        <v>30540</v>
      </c>
    </row>
    <row r="13914" spans="1:9">
      <c r="A13914" s="1">
        <f ca="1">RAND()</f>
        <v>3.4906131406280849E-2</v>
      </c>
      <c r="B13914" s="1"/>
      <c r="C13914">
        <v>3</v>
      </c>
      <c r="D13914" t="s">
        <v>27525</v>
      </c>
      <c r="E13914" t="s">
        <v>34396</v>
      </c>
      <c r="F13914">
        <v>5</v>
      </c>
      <c r="G13914" t="s">
        <v>14</v>
      </c>
      <c r="H13914" t="s">
        <v>27526</v>
      </c>
      <c r="I13914" t="s">
        <v>30540</v>
      </c>
    </row>
    <row r="13915" spans="1:9">
      <c r="A13915" s="1">
        <f ca="1">RAND()</f>
        <v>0.86166227744976431</v>
      </c>
      <c r="B13915" s="1"/>
      <c r="C13915">
        <v>9</v>
      </c>
      <c r="D13915" t="s">
        <v>27531</v>
      </c>
      <c r="E13915" t="s">
        <v>34396</v>
      </c>
      <c r="F13915">
        <v>4</v>
      </c>
      <c r="G13915" t="s">
        <v>14</v>
      </c>
      <c r="H13915" t="s">
        <v>27532</v>
      </c>
      <c r="I13915" t="s">
        <v>30540</v>
      </c>
    </row>
    <row r="13916" spans="1:9">
      <c r="A13916" s="1">
        <f ca="1">RAND()</f>
        <v>0.56648177619614648</v>
      </c>
      <c r="B13916" s="1"/>
      <c r="C13916">
        <v>8</v>
      </c>
      <c r="D13916" t="s">
        <v>27529</v>
      </c>
      <c r="E13916" t="s">
        <v>34396</v>
      </c>
      <c r="F13916">
        <v>4</v>
      </c>
      <c r="G13916" t="s">
        <v>14</v>
      </c>
      <c r="H13916" t="s">
        <v>27530</v>
      </c>
      <c r="I13916" t="s">
        <v>30540</v>
      </c>
    </row>
    <row r="13917" spans="1:9">
      <c r="A13917" s="1">
        <f ca="1">RAND()</f>
        <v>8.3241731848695877E-2</v>
      </c>
      <c r="B13917" s="1"/>
      <c r="C13917">
        <v>13</v>
      </c>
      <c r="D13917" t="s">
        <v>27533</v>
      </c>
      <c r="E13917" t="s">
        <v>34396</v>
      </c>
      <c r="F13917">
        <v>4</v>
      </c>
      <c r="G13917" t="s">
        <v>14</v>
      </c>
      <c r="H13917" t="s">
        <v>27534</v>
      </c>
      <c r="I13917" t="s">
        <v>30540</v>
      </c>
    </row>
    <row r="13918" spans="1:9">
      <c r="A13918" s="1">
        <f ca="1">RAND()</f>
        <v>0.54370182006449808</v>
      </c>
      <c r="B13918" s="1"/>
      <c r="C13918">
        <v>5</v>
      </c>
      <c r="D13918" t="s">
        <v>27527</v>
      </c>
      <c r="E13918" t="s">
        <v>34396</v>
      </c>
      <c r="F13918">
        <v>1</v>
      </c>
      <c r="G13918" t="s">
        <v>9</v>
      </c>
      <c r="H13918" t="s">
        <v>27528</v>
      </c>
      <c r="I13918" t="s">
        <v>30540</v>
      </c>
    </row>
    <row r="13919" spans="1:9">
      <c r="A13919" s="1">
        <f ca="1">RAND()</f>
        <v>0.63518177369177431</v>
      </c>
      <c r="B13919" s="1"/>
      <c r="C13919">
        <v>16</v>
      </c>
      <c r="D13919" t="s">
        <v>27523</v>
      </c>
      <c r="E13919" t="s">
        <v>34397</v>
      </c>
      <c r="F13919">
        <v>5</v>
      </c>
      <c r="G13919" t="s">
        <v>14</v>
      </c>
      <c r="H13919" t="s">
        <v>27524</v>
      </c>
      <c r="I13919" t="s">
        <v>30540</v>
      </c>
    </row>
    <row r="13920" spans="1:9">
      <c r="A13920" s="1">
        <f ca="1">RAND()</f>
        <v>0.78683217941400441</v>
      </c>
      <c r="B13920" s="1"/>
      <c r="C13920">
        <v>15</v>
      </c>
      <c r="D13920" t="s">
        <v>27521</v>
      </c>
      <c r="E13920" t="s">
        <v>34397</v>
      </c>
      <c r="F13920">
        <v>5</v>
      </c>
      <c r="G13920" t="s">
        <v>14</v>
      </c>
      <c r="H13920" t="s">
        <v>27522</v>
      </c>
      <c r="I13920" t="s">
        <v>30540</v>
      </c>
    </row>
    <row r="13921" spans="1:9">
      <c r="A13921" s="1">
        <f ca="1">RAND()</f>
        <v>1.2400527823433927E-2</v>
      </c>
      <c r="B13921" s="1"/>
      <c r="C13921">
        <v>7</v>
      </c>
      <c r="D13921" t="s">
        <v>27515</v>
      </c>
      <c r="E13921" t="s">
        <v>34397</v>
      </c>
      <c r="F13921">
        <v>4</v>
      </c>
      <c r="G13921" t="s">
        <v>9</v>
      </c>
      <c r="H13921" t="s">
        <v>27516</v>
      </c>
      <c r="I13921" t="s">
        <v>30540</v>
      </c>
    </row>
    <row r="13922" spans="1:9">
      <c r="A13922" s="1">
        <f ca="1">RAND()</f>
        <v>0.81387665444915991</v>
      </c>
      <c r="B13922" s="1"/>
      <c r="C13922">
        <v>11</v>
      </c>
      <c r="D13922" t="s">
        <v>27517</v>
      </c>
      <c r="E13922" t="s">
        <v>34397</v>
      </c>
      <c r="F13922">
        <v>4</v>
      </c>
      <c r="G13922" t="s">
        <v>14</v>
      </c>
      <c r="H13922" t="s">
        <v>27518</v>
      </c>
      <c r="I13922" t="s">
        <v>30540</v>
      </c>
    </row>
    <row r="13923" spans="1:9">
      <c r="A13923" s="1">
        <f ca="1">RAND()</f>
        <v>0.7768535301619427</v>
      </c>
      <c r="B13923" s="1"/>
      <c r="C13923">
        <v>12</v>
      </c>
      <c r="D13923" t="s">
        <v>27519</v>
      </c>
      <c r="E13923" t="s">
        <v>34397</v>
      </c>
      <c r="F13923">
        <v>4</v>
      </c>
      <c r="G13923" t="s">
        <v>14</v>
      </c>
      <c r="H13923" t="s">
        <v>27520</v>
      </c>
      <c r="I13923" t="s">
        <v>30540</v>
      </c>
    </row>
    <row r="13924" spans="1:9">
      <c r="A13924" s="1">
        <f ca="1">RAND()</f>
        <v>0.12639154039423151</v>
      </c>
      <c r="B13924" s="1"/>
      <c r="C13924">
        <v>7</v>
      </c>
      <c r="D13924" t="s">
        <v>27511</v>
      </c>
      <c r="E13924" t="s">
        <v>34398</v>
      </c>
      <c r="F13924">
        <v>5</v>
      </c>
      <c r="G13924" t="s">
        <v>766</v>
      </c>
      <c r="H13924" t="s">
        <v>27512</v>
      </c>
      <c r="I13924" t="s">
        <v>30540</v>
      </c>
    </row>
    <row r="13925" spans="1:9">
      <c r="A13925" s="1">
        <f ca="1">RAND()</f>
        <v>0.46297070445910793</v>
      </c>
      <c r="B13925" s="1"/>
      <c r="C13925">
        <v>18</v>
      </c>
      <c r="D13925" t="s">
        <v>27513</v>
      </c>
      <c r="E13925" t="s">
        <v>34398</v>
      </c>
      <c r="F13925">
        <v>4</v>
      </c>
      <c r="G13925" t="s">
        <v>14</v>
      </c>
      <c r="H13925" t="s">
        <v>27514</v>
      </c>
      <c r="I13925" t="s">
        <v>30540</v>
      </c>
    </row>
    <row r="13926" spans="1:9">
      <c r="A13926" s="1">
        <f ca="1">RAND()</f>
        <v>0.82223892347573158</v>
      </c>
      <c r="B13926" s="1"/>
      <c r="C13926">
        <v>19</v>
      </c>
      <c r="D13926" t="s">
        <v>27509</v>
      </c>
      <c r="E13926" t="s">
        <v>34399</v>
      </c>
      <c r="F13926">
        <v>5</v>
      </c>
      <c r="G13926" t="s">
        <v>0</v>
      </c>
      <c r="H13926" t="s">
        <v>27510</v>
      </c>
      <c r="I13926" t="s">
        <v>30540</v>
      </c>
    </row>
    <row r="13927" spans="1:9">
      <c r="A13927" s="1">
        <f ca="1">RAND()</f>
        <v>0.30725916127720609</v>
      </c>
      <c r="B13927" s="1"/>
      <c r="C13927">
        <v>16</v>
      </c>
      <c r="D13927" t="s">
        <v>27507</v>
      </c>
      <c r="E13927" t="s">
        <v>34399</v>
      </c>
      <c r="F13927">
        <v>4</v>
      </c>
      <c r="G13927" t="s">
        <v>14</v>
      </c>
      <c r="H13927" t="s">
        <v>27508</v>
      </c>
      <c r="I13927" t="s">
        <v>30540</v>
      </c>
    </row>
    <row r="13928" spans="1:9">
      <c r="A13928" s="1">
        <f ca="1">RAND()</f>
        <v>0.1815119072289989</v>
      </c>
      <c r="B13928" s="1"/>
      <c r="C13928">
        <v>8</v>
      </c>
      <c r="D13928" t="s">
        <v>27505</v>
      </c>
      <c r="E13928" t="s">
        <v>34399</v>
      </c>
      <c r="F13928">
        <v>3</v>
      </c>
      <c r="G13928" t="s">
        <v>14</v>
      </c>
      <c r="H13928" t="s">
        <v>27506</v>
      </c>
      <c r="I13928" t="s">
        <v>30540</v>
      </c>
    </row>
    <row r="13929" spans="1:9">
      <c r="A13929" s="1">
        <f ca="1">RAND()</f>
        <v>0.58557667074969388</v>
      </c>
      <c r="B13929" s="1"/>
      <c r="C13929">
        <v>9</v>
      </c>
      <c r="D13929" t="s">
        <v>27503</v>
      </c>
      <c r="E13929" t="s">
        <v>34400</v>
      </c>
      <c r="F13929">
        <v>4</v>
      </c>
      <c r="G13929" t="s">
        <v>9</v>
      </c>
      <c r="H13929" t="s">
        <v>27504</v>
      </c>
      <c r="I13929" t="s">
        <v>30540</v>
      </c>
    </row>
    <row r="13930" spans="1:9">
      <c r="A13930" s="1">
        <f ca="1">RAND()</f>
        <v>0.53578585444356785</v>
      </c>
      <c r="B13930" s="1"/>
      <c r="C13930">
        <v>1</v>
      </c>
      <c r="D13930" t="s">
        <v>27499</v>
      </c>
      <c r="E13930" t="s">
        <v>34400</v>
      </c>
      <c r="F13930">
        <v>4</v>
      </c>
      <c r="G13930" t="s">
        <v>14</v>
      </c>
      <c r="H13930" t="s">
        <v>27500</v>
      </c>
      <c r="I13930" t="s">
        <v>30540</v>
      </c>
    </row>
    <row r="13931" spans="1:9">
      <c r="A13931" s="1">
        <f ca="1">RAND()</f>
        <v>0.12931386702562297</v>
      </c>
      <c r="B13931" s="1"/>
      <c r="C13931">
        <v>3</v>
      </c>
      <c r="D13931" t="s">
        <v>27501</v>
      </c>
      <c r="E13931" t="s">
        <v>34400</v>
      </c>
      <c r="F13931">
        <v>4</v>
      </c>
      <c r="G13931" t="s">
        <v>14</v>
      </c>
      <c r="H13931" t="s">
        <v>27502</v>
      </c>
      <c r="I13931" t="s">
        <v>30540</v>
      </c>
    </row>
    <row r="13932" spans="1:9">
      <c r="A13932" s="1">
        <f ca="1">RAND()</f>
        <v>4.3411844104255692E-2</v>
      </c>
      <c r="B13932" s="1"/>
      <c r="C13932">
        <v>10</v>
      </c>
      <c r="D13932" t="s">
        <v>27493</v>
      </c>
      <c r="E13932" t="s">
        <v>34401</v>
      </c>
      <c r="F13932">
        <v>5</v>
      </c>
      <c r="G13932" t="s">
        <v>14</v>
      </c>
      <c r="H13932" t="s">
        <v>27494</v>
      </c>
      <c r="I13932" t="s">
        <v>30540</v>
      </c>
    </row>
    <row r="13933" spans="1:9">
      <c r="A13933" s="1">
        <f ca="1">RAND()</f>
        <v>0.50705437673334453</v>
      </c>
      <c r="B13933" s="1"/>
      <c r="C13933">
        <v>2</v>
      </c>
      <c r="D13933" t="s">
        <v>27491</v>
      </c>
      <c r="E13933" t="s">
        <v>34401</v>
      </c>
      <c r="F13933">
        <v>4</v>
      </c>
      <c r="G13933" t="s">
        <v>2</v>
      </c>
      <c r="H13933" t="s">
        <v>27492</v>
      </c>
      <c r="I13933" t="s">
        <v>30540</v>
      </c>
    </row>
    <row r="13934" spans="1:9">
      <c r="A13934" s="1">
        <f ca="1">RAND()</f>
        <v>0.2830493248608601</v>
      </c>
      <c r="B13934" s="1"/>
      <c r="C13934">
        <v>12</v>
      </c>
      <c r="D13934" t="s">
        <v>27495</v>
      </c>
      <c r="E13934" t="s">
        <v>34401</v>
      </c>
      <c r="F13934">
        <v>4</v>
      </c>
      <c r="G13934" t="s">
        <v>14</v>
      </c>
      <c r="H13934" t="s">
        <v>27496</v>
      </c>
      <c r="I13934" t="s">
        <v>30540</v>
      </c>
    </row>
    <row r="13935" spans="1:9">
      <c r="A13935" s="1">
        <f ca="1">RAND()</f>
        <v>7.5216176148596769E-2</v>
      </c>
      <c r="B13935" s="1"/>
      <c r="C13935">
        <v>20</v>
      </c>
      <c r="D13935" t="s">
        <v>27497</v>
      </c>
      <c r="E13935" t="s">
        <v>34401</v>
      </c>
      <c r="F13935">
        <v>2</v>
      </c>
      <c r="G13935" t="s">
        <v>14</v>
      </c>
      <c r="H13935" t="s">
        <v>27498</v>
      </c>
      <c r="I13935" t="s">
        <v>30540</v>
      </c>
    </row>
    <row r="13936" spans="1:9">
      <c r="A13936" s="1">
        <f ca="1">RAND()</f>
        <v>0.84872863042203261</v>
      </c>
      <c r="B13936" s="1"/>
      <c r="C13936">
        <v>10</v>
      </c>
      <c r="D13936" t="s">
        <v>27489</v>
      </c>
      <c r="E13936" t="s">
        <v>34402</v>
      </c>
      <c r="F13936">
        <v>4</v>
      </c>
      <c r="G13936" t="s">
        <v>14</v>
      </c>
      <c r="H13936" t="s">
        <v>27490</v>
      </c>
      <c r="I13936" t="s">
        <v>30540</v>
      </c>
    </row>
    <row r="13937" spans="1:9">
      <c r="A13937" s="1">
        <f ca="1">RAND()</f>
        <v>0.25598794407564085</v>
      </c>
      <c r="B13937" s="1"/>
      <c r="C13937">
        <v>9</v>
      </c>
      <c r="D13937" t="s">
        <v>27485</v>
      </c>
      <c r="E13937" t="s">
        <v>34403</v>
      </c>
      <c r="F13937">
        <v>5</v>
      </c>
      <c r="G13937" t="s">
        <v>2229</v>
      </c>
      <c r="H13937" t="s">
        <v>27486</v>
      </c>
      <c r="I13937" t="s">
        <v>30540</v>
      </c>
    </row>
    <row r="13938" spans="1:9">
      <c r="A13938" s="1">
        <f ca="1">RAND()</f>
        <v>0.93743775139303542</v>
      </c>
      <c r="B13938" s="1"/>
      <c r="C13938">
        <v>6</v>
      </c>
      <c r="D13938" t="s">
        <v>27483</v>
      </c>
      <c r="E13938" t="s">
        <v>34403</v>
      </c>
      <c r="F13938">
        <v>4</v>
      </c>
      <c r="G13938" t="s">
        <v>1426</v>
      </c>
      <c r="H13938" t="s">
        <v>27484</v>
      </c>
      <c r="I13938" t="s">
        <v>30540</v>
      </c>
    </row>
    <row r="13939" spans="1:9">
      <c r="A13939" s="1">
        <f ca="1">RAND()</f>
        <v>0.99401672320151602</v>
      </c>
      <c r="B13939" s="1"/>
      <c r="C13939">
        <v>4</v>
      </c>
      <c r="D13939" t="s">
        <v>27481</v>
      </c>
      <c r="E13939" t="s">
        <v>34403</v>
      </c>
      <c r="F13939">
        <v>4</v>
      </c>
      <c r="G13939" t="s">
        <v>10</v>
      </c>
      <c r="H13939" t="s">
        <v>27482</v>
      </c>
      <c r="I13939" t="s">
        <v>30540</v>
      </c>
    </row>
    <row r="13940" spans="1:9">
      <c r="A13940" s="1">
        <f ca="1">RAND()</f>
        <v>0.12144373336166392</v>
      </c>
      <c r="B13940" s="1"/>
      <c r="C13940">
        <v>12</v>
      </c>
      <c r="D13940" t="s">
        <v>27487</v>
      </c>
      <c r="E13940" t="s">
        <v>34403</v>
      </c>
      <c r="F13940">
        <v>2</v>
      </c>
      <c r="G13940" t="s">
        <v>3732</v>
      </c>
      <c r="H13940" t="s">
        <v>27488</v>
      </c>
      <c r="I13940" t="s">
        <v>30540</v>
      </c>
    </row>
    <row r="13941" spans="1:9">
      <c r="A13941" s="1">
        <f ca="1">RAND()</f>
        <v>9.4757716985694351E-2</v>
      </c>
      <c r="B13941" s="1"/>
      <c r="C13941">
        <v>20</v>
      </c>
      <c r="D13941" t="s">
        <v>27479</v>
      </c>
      <c r="E13941" t="s">
        <v>34404</v>
      </c>
      <c r="F13941">
        <v>5</v>
      </c>
      <c r="G13941" t="s">
        <v>14</v>
      </c>
      <c r="H13941" t="s">
        <v>27480</v>
      </c>
      <c r="I13941" t="s">
        <v>30540</v>
      </c>
    </row>
    <row r="13942" spans="1:9">
      <c r="A13942" s="1">
        <f ca="1">RAND()</f>
        <v>0.95452657761627924</v>
      </c>
      <c r="B13942" s="1"/>
      <c r="C13942">
        <v>2</v>
      </c>
      <c r="D13942" t="s">
        <v>27471</v>
      </c>
      <c r="E13942" t="s">
        <v>34404</v>
      </c>
      <c r="F13942">
        <v>5</v>
      </c>
      <c r="G13942" t="s">
        <v>2</v>
      </c>
      <c r="H13942" t="s">
        <v>27472</v>
      </c>
      <c r="I13942" t="s">
        <v>30540</v>
      </c>
    </row>
    <row r="13943" spans="1:9">
      <c r="A13943" s="1">
        <f ca="1">RAND()</f>
        <v>0.64238781845301807</v>
      </c>
      <c r="B13943" s="1"/>
      <c r="C13943">
        <v>16</v>
      </c>
      <c r="D13943" t="s">
        <v>27473</v>
      </c>
      <c r="E13943" t="s">
        <v>34404</v>
      </c>
      <c r="F13943">
        <v>4</v>
      </c>
      <c r="G13943" t="s">
        <v>9</v>
      </c>
      <c r="H13943" t="s">
        <v>27474</v>
      </c>
      <c r="I13943" t="s">
        <v>30540</v>
      </c>
    </row>
    <row r="13944" spans="1:9">
      <c r="A13944" s="1">
        <f ca="1">RAND()</f>
        <v>0.63531845801349629</v>
      </c>
      <c r="B13944" s="1"/>
      <c r="C13944">
        <v>19</v>
      </c>
      <c r="D13944" t="s">
        <v>27477</v>
      </c>
      <c r="E13944" t="s">
        <v>34404</v>
      </c>
      <c r="F13944">
        <v>4</v>
      </c>
      <c r="G13944" t="s">
        <v>14</v>
      </c>
      <c r="H13944" t="s">
        <v>27478</v>
      </c>
      <c r="I13944" t="s">
        <v>30540</v>
      </c>
    </row>
    <row r="13945" spans="1:9">
      <c r="A13945" s="1">
        <f ca="1">RAND()</f>
        <v>0.50823646803352662</v>
      </c>
      <c r="B13945" s="1"/>
      <c r="C13945">
        <v>17</v>
      </c>
      <c r="D13945" t="s">
        <v>27475</v>
      </c>
      <c r="E13945" t="s">
        <v>34404</v>
      </c>
      <c r="F13945">
        <v>4</v>
      </c>
      <c r="G13945" t="s">
        <v>0</v>
      </c>
      <c r="H13945" t="s">
        <v>27476</v>
      </c>
      <c r="I13945" t="s">
        <v>30540</v>
      </c>
    </row>
    <row r="13946" spans="1:9">
      <c r="A13946" s="1">
        <f ca="1">RAND()</f>
        <v>0.21980254948856615</v>
      </c>
      <c r="B13946" s="1"/>
      <c r="C13946">
        <v>10</v>
      </c>
      <c r="D13946" t="s">
        <v>27463</v>
      </c>
      <c r="E13946" t="s">
        <v>34405</v>
      </c>
      <c r="F13946">
        <v>4</v>
      </c>
      <c r="G13946" t="s">
        <v>9</v>
      </c>
      <c r="H13946" t="s">
        <v>27464</v>
      </c>
      <c r="I13946" t="s">
        <v>30540</v>
      </c>
    </row>
    <row r="13947" spans="1:9">
      <c r="A13947" s="1">
        <f ca="1">RAND()</f>
        <v>0.73195935108302035</v>
      </c>
      <c r="B13947" s="1"/>
      <c r="C13947">
        <v>15</v>
      </c>
      <c r="D13947" t="s">
        <v>27467</v>
      </c>
      <c r="E13947" t="s">
        <v>34405</v>
      </c>
      <c r="F13947">
        <v>4</v>
      </c>
      <c r="G13947" t="s">
        <v>14</v>
      </c>
      <c r="H13947" t="s">
        <v>27468</v>
      </c>
      <c r="I13947" t="s">
        <v>30540</v>
      </c>
    </row>
    <row r="13948" spans="1:9">
      <c r="A13948" s="1">
        <f ca="1">RAND()</f>
        <v>0.4148015615130678</v>
      </c>
      <c r="B13948" s="1"/>
      <c r="C13948">
        <v>16</v>
      </c>
      <c r="D13948" t="s">
        <v>27469</v>
      </c>
      <c r="E13948" t="s">
        <v>34405</v>
      </c>
      <c r="F13948">
        <v>4</v>
      </c>
      <c r="G13948" t="s">
        <v>14</v>
      </c>
      <c r="H13948" t="s">
        <v>27470</v>
      </c>
      <c r="I13948" t="s">
        <v>30540</v>
      </c>
    </row>
    <row r="13949" spans="1:9">
      <c r="A13949" s="1">
        <f ca="1">RAND()</f>
        <v>0.98699846725148477</v>
      </c>
      <c r="B13949" s="1"/>
      <c r="C13949">
        <v>14</v>
      </c>
      <c r="D13949" t="s">
        <v>27465</v>
      </c>
      <c r="E13949" t="s">
        <v>34405</v>
      </c>
      <c r="F13949">
        <v>4</v>
      </c>
      <c r="G13949" t="s">
        <v>14</v>
      </c>
      <c r="H13949" t="s">
        <v>27466</v>
      </c>
      <c r="I13949" t="s">
        <v>30540</v>
      </c>
    </row>
    <row r="13950" spans="1:9">
      <c r="A13950" s="1">
        <f ca="1">RAND()</f>
        <v>1.7062392144387095E-2</v>
      </c>
      <c r="B13950" s="1"/>
      <c r="C13950">
        <v>20</v>
      </c>
      <c r="D13950" t="s">
        <v>27461</v>
      </c>
      <c r="E13950" t="s">
        <v>34406</v>
      </c>
      <c r="F13950">
        <v>4</v>
      </c>
      <c r="G13950" t="s">
        <v>2</v>
      </c>
      <c r="H13950" t="s">
        <v>27462</v>
      </c>
      <c r="I13950" t="s">
        <v>30540</v>
      </c>
    </row>
    <row r="13951" spans="1:9">
      <c r="A13951" s="1">
        <f ca="1">RAND()</f>
        <v>0.99582101129391509</v>
      </c>
      <c r="B13951" s="1"/>
      <c r="C13951">
        <v>11</v>
      </c>
      <c r="D13951" t="s">
        <v>27457</v>
      </c>
      <c r="E13951" t="s">
        <v>34406</v>
      </c>
      <c r="F13951">
        <v>4</v>
      </c>
      <c r="G13951" t="s">
        <v>14</v>
      </c>
      <c r="H13951" t="s">
        <v>27458</v>
      </c>
      <c r="I13951" t="s">
        <v>30540</v>
      </c>
    </row>
    <row r="13952" spans="1:9">
      <c r="A13952" s="1">
        <f ca="1">RAND()</f>
        <v>0.4536038175385968</v>
      </c>
      <c r="B13952" s="1"/>
      <c r="C13952">
        <v>13</v>
      </c>
      <c r="D13952" t="s">
        <v>27459</v>
      </c>
      <c r="E13952" t="s">
        <v>34406</v>
      </c>
      <c r="F13952">
        <v>4</v>
      </c>
      <c r="G13952" t="s">
        <v>14</v>
      </c>
      <c r="H13952" t="s">
        <v>27460</v>
      </c>
      <c r="I13952" t="s">
        <v>30540</v>
      </c>
    </row>
    <row r="13953" spans="1:9">
      <c r="A13953" s="1">
        <f ca="1">RAND()</f>
        <v>0.85332017917020464</v>
      </c>
      <c r="B13953" s="1"/>
      <c r="C13953">
        <v>3</v>
      </c>
      <c r="D13953" t="s">
        <v>27455</v>
      </c>
      <c r="E13953" t="s">
        <v>34406</v>
      </c>
      <c r="F13953">
        <v>2</v>
      </c>
      <c r="G13953" t="s">
        <v>10</v>
      </c>
      <c r="H13953" t="s">
        <v>27456</v>
      </c>
      <c r="I13953" t="s">
        <v>30540</v>
      </c>
    </row>
    <row r="13954" spans="1:9">
      <c r="A13954" s="1">
        <f ca="1">RAND()</f>
        <v>0.8669146324801088</v>
      </c>
      <c r="B13954" s="1"/>
      <c r="C13954">
        <v>10</v>
      </c>
      <c r="D13954" t="s">
        <v>27451</v>
      </c>
      <c r="E13954" t="s">
        <v>34407</v>
      </c>
      <c r="F13954">
        <v>5</v>
      </c>
      <c r="G13954" t="s">
        <v>14</v>
      </c>
      <c r="H13954" t="s">
        <v>27452</v>
      </c>
      <c r="I13954" t="s">
        <v>30540</v>
      </c>
    </row>
    <row r="13955" spans="1:9">
      <c r="A13955" s="1">
        <f ca="1">RAND()</f>
        <v>0.56519846613503777</v>
      </c>
      <c r="B13955" s="1"/>
      <c r="C13955">
        <v>1</v>
      </c>
      <c r="D13955" t="s">
        <v>27443</v>
      </c>
      <c r="E13955" t="s">
        <v>34407</v>
      </c>
      <c r="F13955">
        <v>5</v>
      </c>
      <c r="G13955" t="s">
        <v>2</v>
      </c>
      <c r="H13955" t="s">
        <v>27444</v>
      </c>
      <c r="I13955" t="s">
        <v>30540</v>
      </c>
    </row>
    <row r="13956" spans="1:9">
      <c r="A13956" s="1">
        <f ca="1">RAND()</f>
        <v>0.62130804042249255</v>
      </c>
      <c r="B13956" s="1"/>
      <c r="C13956">
        <v>9</v>
      </c>
      <c r="D13956" t="s">
        <v>27449</v>
      </c>
      <c r="E13956" t="s">
        <v>34407</v>
      </c>
      <c r="F13956">
        <v>5</v>
      </c>
      <c r="G13956" t="s">
        <v>1</v>
      </c>
      <c r="H13956" t="s">
        <v>27450</v>
      </c>
      <c r="I13956" t="s">
        <v>30540</v>
      </c>
    </row>
    <row r="13957" spans="1:9">
      <c r="A13957" s="1">
        <f ca="1">RAND()</f>
        <v>0.73376228205888694</v>
      </c>
      <c r="B13957" s="1"/>
      <c r="C13957">
        <v>8</v>
      </c>
      <c r="D13957" t="s">
        <v>27447</v>
      </c>
      <c r="E13957" t="s">
        <v>34407</v>
      </c>
      <c r="F13957">
        <v>4</v>
      </c>
      <c r="G13957" t="s">
        <v>14</v>
      </c>
      <c r="H13957" t="s">
        <v>27448</v>
      </c>
      <c r="I13957" t="s">
        <v>30540</v>
      </c>
    </row>
    <row r="13958" spans="1:9">
      <c r="A13958" s="1">
        <f ca="1">RAND()</f>
        <v>0.78174793986191771</v>
      </c>
      <c r="B13958" s="1"/>
      <c r="C13958">
        <v>7</v>
      </c>
      <c r="D13958" t="s">
        <v>27445</v>
      </c>
      <c r="E13958" t="s">
        <v>34407</v>
      </c>
      <c r="F13958">
        <v>4</v>
      </c>
      <c r="G13958" t="s">
        <v>14</v>
      </c>
      <c r="H13958" t="s">
        <v>27446</v>
      </c>
      <c r="I13958" t="s">
        <v>30540</v>
      </c>
    </row>
    <row r="13959" spans="1:9">
      <c r="A13959" s="1">
        <f ca="1">RAND()</f>
        <v>0.65780801467214656</v>
      </c>
      <c r="B13959" s="1"/>
      <c r="C13959">
        <v>16</v>
      </c>
      <c r="D13959" t="s">
        <v>27453</v>
      </c>
      <c r="E13959" t="s">
        <v>34407</v>
      </c>
      <c r="F13959">
        <v>4</v>
      </c>
      <c r="G13959" t="s">
        <v>0</v>
      </c>
      <c r="H13959" t="s">
        <v>27454</v>
      </c>
      <c r="I13959" t="s">
        <v>30540</v>
      </c>
    </row>
    <row r="13960" spans="1:9">
      <c r="A13960" s="1">
        <f ca="1">RAND()</f>
        <v>0.47997729908900821</v>
      </c>
      <c r="B13960" s="1"/>
      <c r="C13960">
        <v>15</v>
      </c>
      <c r="D13960" t="s">
        <v>27439</v>
      </c>
      <c r="E13960" t="s">
        <v>34408</v>
      </c>
      <c r="F13960">
        <v>5</v>
      </c>
      <c r="G13960" t="s">
        <v>0</v>
      </c>
      <c r="H13960" t="s">
        <v>27440</v>
      </c>
      <c r="I13960" t="s">
        <v>30540</v>
      </c>
    </row>
    <row r="13961" spans="1:9">
      <c r="A13961" s="1">
        <f ca="1">RAND()</f>
        <v>0.44264441750575811</v>
      </c>
      <c r="B13961" s="1"/>
      <c r="C13961">
        <v>19</v>
      </c>
      <c r="D13961" t="s">
        <v>27441</v>
      </c>
      <c r="E13961" t="s">
        <v>34408</v>
      </c>
      <c r="F13961">
        <v>4</v>
      </c>
      <c r="G13961" t="s">
        <v>14</v>
      </c>
      <c r="H13961" t="s">
        <v>27442</v>
      </c>
      <c r="I13961" t="s">
        <v>30540</v>
      </c>
    </row>
    <row r="13962" spans="1:9">
      <c r="A13962" s="1">
        <f ca="1">RAND()</f>
        <v>0.23472677030218725</v>
      </c>
      <c r="B13962" s="1"/>
      <c r="C13962">
        <v>10</v>
      </c>
      <c r="D13962" t="s">
        <v>27437</v>
      </c>
      <c r="E13962" t="s">
        <v>34408</v>
      </c>
      <c r="F13962">
        <v>4</v>
      </c>
      <c r="G13962" t="s">
        <v>14</v>
      </c>
      <c r="H13962" t="s">
        <v>27438</v>
      </c>
      <c r="I13962" t="s">
        <v>30540</v>
      </c>
    </row>
    <row r="13963" spans="1:9">
      <c r="A13963" s="1">
        <f ca="1">RAND()</f>
        <v>0.24644739047530462</v>
      </c>
      <c r="B13963" s="1"/>
      <c r="C13963">
        <v>12</v>
      </c>
      <c r="D13963" t="s">
        <v>27435</v>
      </c>
      <c r="E13963" t="s">
        <v>34409</v>
      </c>
      <c r="F13963">
        <v>4</v>
      </c>
      <c r="G13963" t="s">
        <v>13</v>
      </c>
      <c r="H13963" t="s">
        <v>27436</v>
      </c>
      <c r="I13963" t="s">
        <v>30540</v>
      </c>
    </row>
    <row r="13964" spans="1:9">
      <c r="A13964" s="1">
        <f ca="1">RAND()</f>
        <v>0.83624240523673044</v>
      </c>
      <c r="B13964" s="1"/>
      <c r="C13964">
        <v>5</v>
      </c>
      <c r="D13964" t="s">
        <v>27433</v>
      </c>
      <c r="E13964" t="s">
        <v>34409</v>
      </c>
      <c r="F13964">
        <v>2</v>
      </c>
      <c r="G13964" t="s">
        <v>14</v>
      </c>
      <c r="H13964" t="s">
        <v>27434</v>
      </c>
      <c r="I13964" t="s">
        <v>30540</v>
      </c>
    </row>
    <row r="13965" spans="1:9">
      <c r="A13965" s="1">
        <f ca="1">RAND()</f>
        <v>6.7488222591557401E-3</v>
      </c>
      <c r="B13965" s="1"/>
      <c r="C13965">
        <v>6</v>
      </c>
      <c r="D13965" t="s">
        <v>27429</v>
      </c>
      <c r="E13965" t="s">
        <v>34410</v>
      </c>
      <c r="F13965">
        <v>4</v>
      </c>
      <c r="G13965" t="s">
        <v>15</v>
      </c>
      <c r="H13965" t="s">
        <v>27430</v>
      </c>
      <c r="I13965" t="s">
        <v>30540</v>
      </c>
    </row>
    <row r="13966" spans="1:9">
      <c r="A13966" s="1">
        <f ca="1">RAND()</f>
        <v>0.99914319799777218</v>
      </c>
      <c r="B13966" s="1"/>
      <c r="C13966">
        <v>13</v>
      </c>
      <c r="D13966" t="s">
        <v>27431</v>
      </c>
      <c r="E13966" t="s">
        <v>34410</v>
      </c>
      <c r="F13966">
        <v>4</v>
      </c>
      <c r="G13966" t="s">
        <v>14</v>
      </c>
      <c r="H13966" t="s">
        <v>27432</v>
      </c>
      <c r="I13966" t="s">
        <v>30540</v>
      </c>
    </row>
    <row r="13967" spans="1:9">
      <c r="A13967" s="1">
        <f ca="1">RAND()</f>
        <v>5.8579902096457137E-2</v>
      </c>
      <c r="B13967" s="1"/>
      <c r="C13967">
        <v>5</v>
      </c>
      <c r="D13967" t="s">
        <v>27427</v>
      </c>
      <c r="E13967" t="s">
        <v>34410</v>
      </c>
      <c r="F13967">
        <v>4</v>
      </c>
      <c r="G13967" t="s">
        <v>9</v>
      </c>
      <c r="H13967" t="s">
        <v>27428</v>
      </c>
      <c r="I13967" t="s">
        <v>30540</v>
      </c>
    </row>
    <row r="13968" spans="1:9">
      <c r="A13968" s="1">
        <f ca="1">RAND()</f>
        <v>0.50560565116196421</v>
      </c>
      <c r="B13968" s="1"/>
      <c r="C13968">
        <v>13</v>
      </c>
      <c r="D13968" t="s">
        <v>27425</v>
      </c>
      <c r="E13968" t="s">
        <v>34411</v>
      </c>
      <c r="F13968">
        <v>4</v>
      </c>
      <c r="G13968" t="s">
        <v>2226</v>
      </c>
      <c r="H13968" t="s">
        <v>27426</v>
      </c>
      <c r="I13968" t="s">
        <v>30540</v>
      </c>
    </row>
    <row r="13969" spans="1:9">
      <c r="A13969" s="1">
        <f ca="1">RAND()</f>
        <v>0.71495656700049748</v>
      </c>
      <c r="B13969" s="1"/>
      <c r="C13969">
        <v>5</v>
      </c>
      <c r="D13969" t="s">
        <v>27423</v>
      </c>
      <c r="E13969" t="s">
        <v>34411</v>
      </c>
      <c r="F13969">
        <v>4</v>
      </c>
      <c r="G13969" t="s">
        <v>10</v>
      </c>
      <c r="H13969" t="s">
        <v>27424</v>
      </c>
      <c r="I13969" t="s">
        <v>30540</v>
      </c>
    </row>
    <row r="13970" spans="1:9">
      <c r="A13970" s="1">
        <f ca="1">RAND()</f>
        <v>0.36854320436545607</v>
      </c>
      <c r="B13970" s="1"/>
      <c r="C13970">
        <v>13</v>
      </c>
      <c r="D13970" t="s">
        <v>27417</v>
      </c>
      <c r="E13970" t="s">
        <v>34412</v>
      </c>
      <c r="F13970">
        <v>4</v>
      </c>
      <c r="G13970" t="s">
        <v>10</v>
      </c>
      <c r="H13970" t="s">
        <v>27418</v>
      </c>
      <c r="I13970" t="s">
        <v>30540</v>
      </c>
    </row>
    <row r="13971" spans="1:9">
      <c r="A13971" s="1">
        <f ca="1">RAND()</f>
        <v>0.1073124683849277</v>
      </c>
      <c r="B13971" s="1"/>
      <c r="C13971">
        <v>8</v>
      </c>
      <c r="D13971" t="s">
        <v>27415</v>
      </c>
      <c r="E13971" t="s">
        <v>34412</v>
      </c>
      <c r="F13971">
        <v>4</v>
      </c>
      <c r="G13971" t="s">
        <v>14</v>
      </c>
      <c r="H13971" t="s">
        <v>27416</v>
      </c>
      <c r="I13971" t="s">
        <v>30540</v>
      </c>
    </row>
    <row r="13972" spans="1:9">
      <c r="A13972" s="1">
        <f ca="1">RAND()</f>
        <v>0.39444267570272995</v>
      </c>
      <c r="B13972" s="1"/>
      <c r="C13972">
        <v>14</v>
      </c>
      <c r="D13972" t="s">
        <v>27419</v>
      </c>
      <c r="E13972" t="s">
        <v>34412</v>
      </c>
      <c r="F13972">
        <v>4</v>
      </c>
      <c r="G13972" t="s">
        <v>9</v>
      </c>
      <c r="H13972" t="s">
        <v>27420</v>
      </c>
      <c r="I13972" t="s">
        <v>30540</v>
      </c>
    </row>
    <row r="13973" spans="1:9">
      <c r="A13973" s="1">
        <f ca="1">RAND()</f>
        <v>0.35239365282368018</v>
      </c>
      <c r="B13973" s="1"/>
      <c r="C13973">
        <v>16</v>
      </c>
      <c r="D13973" t="s">
        <v>27421</v>
      </c>
      <c r="E13973" t="s">
        <v>34412</v>
      </c>
      <c r="F13973">
        <v>4</v>
      </c>
      <c r="G13973" t="s">
        <v>14</v>
      </c>
      <c r="H13973" t="s">
        <v>27422</v>
      </c>
      <c r="I13973" t="s">
        <v>30540</v>
      </c>
    </row>
    <row r="13974" spans="1:9">
      <c r="A13974" s="1">
        <f ca="1">RAND()</f>
        <v>0.74111236059949448</v>
      </c>
      <c r="B13974" s="1"/>
      <c r="C13974">
        <v>7</v>
      </c>
      <c r="D13974" t="s">
        <v>27411</v>
      </c>
      <c r="E13974" t="s">
        <v>34413</v>
      </c>
      <c r="F13974">
        <v>4</v>
      </c>
      <c r="G13974" t="s">
        <v>14</v>
      </c>
      <c r="H13974" t="s">
        <v>27412</v>
      </c>
      <c r="I13974" t="s">
        <v>30540</v>
      </c>
    </row>
    <row r="13975" spans="1:9">
      <c r="A13975" s="1">
        <f ca="1">RAND()</f>
        <v>0.79804154637245139</v>
      </c>
      <c r="B13975" s="1"/>
      <c r="C13975">
        <v>6</v>
      </c>
      <c r="D13975" t="s">
        <v>27409</v>
      </c>
      <c r="E13975" t="s">
        <v>34413</v>
      </c>
      <c r="F13975">
        <v>4</v>
      </c>
      <c r="G13975" t="s">
        <v>9</v>
      </c>
      <c r="H13975" t="s">
        <v>27410</v>
      </c>
      <c r="I13975" t="s">
        <v>30540</v>
      </c>
    </row>
    <row r="13976" spans="1:9">
      <c r="A13976" s="1">
        <f ca="1">RAND()</f>
        <v>0.9258598484582472</v>
      </c>
      <c r="B13976" s="1"/>
      <c r="C13976">
        <v>16</v>
      </c>
      <c r="D13976" t="s">
        <v>27413</v>
      </c>
      <c r="E13976" t="s">
        <v>34413</v>
      </c>
      <c r="F13976">
        <v>2</v>
      </c>
      <c r="G13976" t="s">
        <v>14</v>
      </c>
      <c r="H13976" t="s">
        <v>27414</v>
      </c>
      <c r="I13976" t="s">
        <v>30540</v>
      </c>
    </row>
    <row r="13977" spans="1:9">
      <c r="A13977" s="1">
        <f ca="1">RAND()</f>
        <v>0.67557235289592965</v>
      </c>
      <c r="B13977" s="1"/>
      <c r="C13977">
        <v>12</v>
      </c>
      <c r="D13977" t="s">
        <v>27407</v>
      </c>
      <c r="E13977" t="s">
        <v>34414</v>
      </c>
      <c r="F13977">
        <v>4</v>
      </c>
      <c r="G13977" t="s">
        <v>14</v>
      </c>
      <c r="H13977" t="s">
        <v>27408</v>
      </c>
      <c r="I13977" t="s">
        <v>30540</v>
      </c>
    </row>
    <row r="13978" spans="1:9">
      <c r="A13978" s="1">
        <f ca="1">RAND()</f>
        <v>0.65240139168089994</v>
      </c>
      <c r="B13978" s="1"/>
      <c r="C13978">
        <v>2</v>
      </c>
      <c r="D13978" t="s">
        <v>27405</v>
      </c>
      <c r="E13978" t="s">
        <v>34414</v>
      </c>
      <c r="F13978">
        <v>4</v>
      </c>
      <c r="G13978" t="s">
        <v>14</v>
      </c>
      <c r="H13978" t="s">
        <v>27406</v>
      </c>
      <c r="I13978" t="s">
        <v>30540</v>
      </c>
    </row>
    <row r="13979" spans="1:9">
      <c r="A13979" s="1">
        <f ca="1">RAND()</f>
        <v>0.19790151680516865</v>
      </c>
      <c r="B13979" s="1"/>
      <c r="C13979">
        <v>16</v>
      </c>
      <c r="D13979" t="s">
        <v>27401</v>
      </c>
      <c r="E13979" t="s">
        <v>34415</v>
      </c>
      <c r="F13979">
        <v>4</v>
      </c>
      <c r="G13979" t="s">
        <v>14</v>
      </c>
      <c r="H13979" t="s">
        <v>27402</v>
      </c>
      <c r="I13979" t="s">
        <v>30540</v>
      </c>
    </row>
    <row r="13980" spans="1:9">
      <c r="A13980" s="1">
        <f ca="1">RAND()</f>
        <v>0.86347193634673181</v>
      </c>
      <c r="B13980" s="1"/>
      <c r="C13980">
        <v>19</v>
      </c>
      <c r="D13980" t="s">
        <v>27403</v>
      </c>
      <c r="E13980" t="s">
        <v>34415</v>
      </c>
      <c r="F13980">
        <v>4</v>
      </c>
      <c r="G13980" t="s">
        <v>14</v>
      </c>
      <c r="H13980" t="s">
        <v>27404</v>
      </c>
      <c r="I13980" t="s">
        <v>30540</v>
      </c>
    </row>
    <row r="13981" spans="1:9">
      <c r="A13981" s="1">
        <f ca="1">RAND()</f>
        <v>0.44277265548997169</v>
      </c>
      <c r="B13981" s="1"/>
      <c r="C13981">
        <v>3</v>
      </c>
      <c r="D13981" t="s">
        <v>27397</v>
      </c>
      <c r="E13981" t="s">
        <v>34415</v>
      </c>
      <c r="F13981">
        <v>4</v>
      </c>
      <c r="G13981" t="s">
        <v>15</v>
      </c>
      <c r="H13981" t="s">
        <v>27398</v>
      </c>
      <c r="I13981" t="s">
        <v>30540</v>
      </c>
    </row>
    <row r="13982" spans="1:9">
      <c r="A13982" s="1">
        <f ca="1">RAND()</f>
        <v>0.86530600061947316</v>
      </c>
      <c r="B13982" s="1"/>
      <c r="C13982">
        <v>11</v>
      </c>
      <c r="D13982" t="s">
        <v>27399</v>
      </c>
      <c r="E13982" t="s">
        <v>34415</v>
      </c>
      <c r="F13982">
        <v>4</v>
      </c>
      <c r="G13982" t="s">
        <v>14</v>
      </c>
      <c r="H13982" t="s">
        <v>27400</v>
      </c>
      <c r="I13982" t="s">
        <v>30540</v>
      </c>
    </row>
    <row r="13983" spans="1:9">
      <c r="A13983" s="1">
        <f ca="1">RAND()</f>
        <v>2.1467355515990438E-2</v>
      </c>
      <c r="B13983" s="1"/>
      <c r="C13983">
        <v>10</v>
      </c>
      <c r="D13983" t="s">
        <v>27393</v>
      </c>
      <c r="E13983" t="s">
        <v>34416</v>
      </c>
      <c r="F13983">
        <v>4</v>
      </c>
      <c r="G13983" t="s">
        <v>14</v>
      </c>
      <c r="H13983" t="s">
        <v>27394</v>
      </c>
      <c r="I13983" t="s">
        <v>30540</v>
      </c>
    </row>
    <row r="13984" spans="1:9">
      <c r="A13984" s="1">
        <f ca="1">RAND()</f>
        <v>0.88421833299356301</v>
      </c>
      <c r="B13984" s="1"/>
      <c r="C13984">
        <v>15</v>
      </c>
      <c r="D13984" t="s">
        <v>27395</v>
      </c>
      <c r="E13984" t="s">
        <v>34416</v>
      </c>
      <c r="F13984">
        <v>4</v>
      </c>
      <c r="G13984" t="s">
        <v>2738</v>
      </c>
      <c r="H13984" t="s">
        <v>27396</v>
      </c>
      <c r="I13984" t="s">
        <v>30540</v>
      </c>
    </row>
    <row r="13985" spans="1:9">
      <c r="A13985" s="1">
        <f ca="1">RAND()</f>
        <v>0.96546941796454422</v>
      </c>
      <c r="B13985" s="1"/>
      <c r="C13985">
        <v>7</v>
      </c>
      <c r="D13985" t="s">
        <v>27391</v>
      </c>
      <c r="E13985" t="s">
        <v>34416</v>
      </c>
      <c r="F13985">
        <v>3</v>
      </c>
      <c r="G13985" t="s">
        <v>10</v>
      </c>
      <c r="H13985" t="s">
        <v>27392</v>
      </c>
      <c r="I13985" t="s">
        <v>30540</v>
      </c>
    </row>
    <row r="13986" spans="1:9">
      <c r="A13986" s="1">
        <f ca="1">RAND()</f>
        <v>0.285428808387445</v>
      </c>
      <c r="B13986" s="1"/>
      <c r="C13986">
        <v>9</v>
      </c>
      <c r="D13986" t="s">
        <v>27383</v>
      </c>
      <c r="E13986" t="s">
        <v>34417</v>
      </c>
      <c r="F13986">
        <v>5</v>
      </c>
      <c r="G13986" t="s">
        <v>14</v>
      </c>
      <c r="H13986" t="s">
        <v>27384</v>
      </c>
      <c r="I13986" t="s">
        <v>30540</v>
      </c>
    </row>
    <row r="13987" spans="1:9">
      <c r="A13987" s="1">
        <f ca="1">RAND()</f>
        <v>0.12970365653991678</v>
      </c>
      <c r="B13987" s="1"/>
      <c r="C13987">
        <v>16</v>
      </c>
      <c r="D13987" t="s">
        <v>27387</v>
      </c>
      <c r="E13987" t="s">
        <v>34417</v>
      </c>
      <c r="F13987">
        <v>5</v>
      </c>
      <c r="G13987" t="s">
        <v>14</v>
      </c>
      <c r="H13987" t="s">
        <v>27388</v>
      </c>
      <c r="I13987" t="s">
        <v>30540</v>
      </c>
    </row>
    <row r="13988" spans="1:9">
      <c r="A13988" s="1">
        <f ca="1">RAND()</f>
        <v>0.75021600741024452</v>
      </c>
      <c r="B13988" s="1"/>
      <c r="C13988">
        <v>15</v>
      </c>
      <c r="D13988" t="s">
        <v>27385</v>
      </c>
      <c r="E13988" t="s">
        <v>34417</v>
      </c>
      <c r="F13988">
        <v>4</v>
      </c>
      <c r="G13988" t="s">
        <v>14</v>
      </c>
      <c r="H13988" t="s">
        <v>27386</v>
      </c>
      <c r="I13988" t="s">
        <v>30540</v>
      </c>
    </row>
    <row r="13989" spans="1:9">
      <c r="A13989" s="1">
        <f ca="1">RAND()</f>
        <v>0.73764886319900935</v>
      </c>
      <c r="B13989" s="1"/>
      <c r="C13989">
        <v>6</v>
      </c>
      <c r="D13989" t="s">
        <v>27381</v>
      </c>
      <c r="E13989" t="s">
        <v>34417</v>
      </c>
      <c r="F13989">
        <v>4</v>
      </c>
      <c r="G13989" t="s">
        <v>14</v>
      </c>
      <c r="H13989" t="s">
        <v>27382</v>
      </c>
      <c r="I13989" t="s">
        <v>30540</v>
      </c>
    </row>
    <row r="13990" spans="1:9">
      <c r="A13990" s="1">
        <f ca="1">RAND()</f>
        <v>0.30718545728732227</v>
      </c>
      <c r="B13990" s="1"/>
      <c r="C13990">
        <v>19</v>
      </c>
      <c r="D13990" t="s">
        <v>27389</v>
      </c>
      <c r="E13990" t="s">
        <v>34417</v>
      </c>
      <c r="F13990">
        <v>4</v>
      </c>
      <c r="G13990" t="s">
        <v>14</v>
      </c>
      <c r="H13990" t="s">
        <v>27390</v>
      </c>
      <c r="I13990" t="s">
        <v>30540</v>
      </c>
    </row>
    <row r="13991" spans="1:9">
      <c r="A13991" s="1">
        <f ca="1">RAND()</f>
        <v>0.81661336075986091</v>
      </c>
      <c r="B13991" s="1"/>
      <c r="C13991">
        <v>20</v>
      </c>
      <c r="D13991" t="s">
        <v>27379</v>
      </c>
      <c r="E13991" t="s">
        <v>34418</v>
      </c>
      <c r="F13991">
        <v>4</v>
      </c>
      <c r="G13991" t="s">
        <v>14</v>
      </c>
      <c r="H13991" t="s">
        <v>27380</v>
      </c>
      <c r="I13991" t="s">
        <v>30540</v>
      </c>
    </row>
    <row r="13992" spans="1:9">
      <c r="A13992" s="1">
        <f ca="1">RAND()</f>
        <v>0.13590477521933531</v>
      </c>
      <c r="B13992" s="1"/>
      <c r="C13992">
        <v>14</v>
      </c>
      <c r="D13992" t="s">
        <v>27377</v>
      </c>
      <c r="E13992" t="s">
        <v>34418</v>
      </c>
      <c r="F13992">
        <v>4</v>
      </c>
      <c r="G13992" t="s">
        <v>14</v>
      </c>
      <c r="H13992" t="s">
        <v>27378</v>
      </c>
      <c r="I13992" t="s">
        <v>30540</v>
      </c>
    </row>
    <row r="13993" spans="1:9">
      <c r="A13993" s="1">
        <f ca="1">RAND()</f>
        <v>0.18092562164233528</v>
      </c>
      <c r="B13993" s="1"/>
      <c r="C13993">
        <v>5</v>
      </c>
      <c r="D13993" t="s">
        <v>27371</v>
      </c>
      <c r="E13993" t="s">
        <v>34418</v>
      </c>
      <c r="F13993">
        <v>4</v>
      </c>
      <c r="G13993" t="s">
        <v>14</v>
      </c>
      <c r="H13993" t="s">
        <v>27372</v>
      </c>
      <c r="I13993" t="s">
        <v>30540</v>
      </c>
    </row>
    <row r="13994" spans="1:9">
      <c r="A13994" s="1">
        <f ca="1">RAND()</f>
        <v>0.20352666713458889</v>
      </c>
      <c r="B13994" s="1"/>
      <c r="C13994">
        <v>9</v>
      </c>
      <c r="D13994" t="s">
        <v>27373</v>
      </c>
      <c r="E13994" t="s">
        <v>34418</v>
      </c>
      <c r="F13994">
        <v>2</v>
      </c>
      <c r="G13994" t="s">
        <v>9</v>
      </c>
      <c r="H13994" t="s">
        <v>27374</v>
      </c>
      <c r="I13994" t="s">
        <v>30540</v>
      </c>
    </row>
    <row r="13995" spans="1:9">
      <c r="A13995" s="1">
        <f ca="1">RAND()</f>
        <v>0.58482558951388308</v>
      </c>
      <c r="B13995" s="1"/>
      <c r="C13995">
        <v>11</v>
      </c>
      <c r="D13995" t="s">
        <v>27375</v>
      </c>
      <c r="E13995" t="s">
        <v>34418</v>
      </c>
      <c r="F13995">
        <v>2</v>
      </c>
      <c r="G13995" t="s">
        <v>14</v>
      </c>
      <c r="H13995" t="s">
        <v>27376</v>
      </c>
      <c r="I13995" t="s">
        <v>30540</v>
      </c>
    </row>
    <row r="13996" spans="1:9">
      <c r="A13996" s="1">
        <f ca="1">RAND()</f>
        <v>0.69353987530362926</v>
      </c>
      <c r="B13996" s="1"/>
      <c r="C13996">
        <v>2</v>
      </c>
      <c r="D13996" t="s">
        <v>27363</v>
      </c>
      <c r="E13996" t="s">
        <v>34419</v>
      </c>
      <c r="F13996">
        <v>4</v>
      </c>
      <c r="G13996" t="s">
        <v>14</v>
      </c>
      <c r="H13996" t="s">
        <v>27364</v>
      </c>
      <c r="I13996" t="s">
        <v>30540</v>
      </c>
    </row>
    <row r="13997" spans="1:9">
      <c r="A13997" s="1">
        <f ca="1">RAND()</f>
        <v>0.24585541558848023</v>
      </c>
      <c r="B13997" s="1"/>
      <c r="C13997">
        <v>1</v>
      </c>
      <c r="D13997" t="s">
        <v>27361</v>
      </c>
      <c r="E13997" t="s">
        <v>34419</v>
      </c>
      <c r="F13997">
        <v>4</v>
      </c>
      <c r="G13997" t="s">
        <v>2</v>
      </c>
      <c r="H13997" t="s">
        <v>27362</v>
      </c>
      <c r="I13997" t="s">
        <v>30540</v>
      </c>
    </row>
    <row r="13998" spans="1:9">
      <c r="A13998" s="1">
        <f ca="1">RAND()</f>
        <v>0.31908096417877618</v>
      </c>
      <c r="B13998" s="1"/>
      <c r="C13998">
        <v>18</v>
      </c>
      <c r="D13998" t="s">
        <v>27369</v>
      </c>
      <c r="E13998" t="s">
        <v>34419</v>
      </c>
      <c r="F13998">
        <v>4</v>
      </c>
      <c r="G13998" t="s">
        <v>14</v>
      </c>
      <c r="H13998" t="s">
        <v>27370</v>
      </c>
      <c r="I13998" t="s">
        <v>30540</v>
      </c>
    </row>
    <row r="13999" spans="1:9">
      <c r="A13999" s="1">
        <f ca="1">RAND()</f>
        <v>0.77419582477581295</v>
      </c>
      <c r="B13999" s="1"/>
      <c r="C13999">
        <v>10</v>
      </c>
      <c r="D13999" t="s">
        <v>27367</v>
      </c>
      <c r="E13999" t="s">
        <v>34419</v>
      </c>
      <c r="F13999">
        <v>4</v>
      </c>
      <c r="G13999" t="s">
        <v>1</v>
      </c>
      <c r="H13999" t="s">
        <v>27368</v>
      </c>
      <c r="I13999" t="s">
        <v>30540</v>
      </c>
    </row>
    <row r="14000" spans="1:9">
      <c r="A14000" s="1">
        <f ca="1">RAND()</f>
        <v>0.98980402703295622</v>
      </c>
      <c r="B14000" s="1"/>
      <c r="C14000">
        <v>7</v>
      </c>
      <c r="D14000" t="s">
        <v>27365</v>
      </c>
      <c r="E14000" t="s">
        <v>34419</v>
      </c>
      <c r="F14000">
        <v>1</v>
      </c>
      <c r="G14000" t="s">
        <v>14</v>
      </c>
      <c r="H14000" t="s">
        <v>27366</v>
      </c>
      <c r="I14000" t="s">
        <v>30540</v>
      </c>
    </row>
    <row r="14001" spans="1:9">
      <c r="A14001" s="1">
        <f ca="1">RAND()</f>
        <v>0.41616355374017877</v>
      </c>
      <c r="B14001" s="1"/>
      <c r="C14001">
        <v>5</v>
      </c>
      <c r="D14001" t="s">
        <v>27353</v>
      </c>
      <c r="E14001" t="s">
        <v>34420</v>
      </c>
      <c r="F14001">
        <v>5</v>
      </c>
      <c r="G14001" t="s">
        <v>14</v>
      </c>
      <c r="H14001" t="s">
        <v>27354</v>
      </c>
      <c r="I14001" t="s">
        <v>30540</v>
      </c>
    </row>
    <row r="14002" spans="1:9">
      <c r="A14002" s="1">
        <f ca="1">RAND()</f>
        <v>0.92174130732168458</v>
      </c>
      <c r="B14002" s="1"/>
      <c r="C14002">
        <v>7</v>
      </c>
      <c r="D14002" t="s">
        <v>27355</v>
      </c>
      <c r="E14002" t="s">
        <v>34420</v>
      </c>
      <c r="F14002">
        <v>4</v>
      </c>
      <c r="G14002" t="s">
        <v>10</v>
      </c>
      <c r="H14002" t="s">
        <v>27356</v>
      </c>
      <c r="I14002" t="s">
        <v>30540</v>
      </c>
    </row>
    <row r="14003" spans="1:9">
      <c r="A14003" s="1">
        <f ca="1">RAND()</f>
        <v>0.78468621749450973</v>
      </c>
      <c r="B14003" s="1"/>
      <c r="C14003">
        <v>14</v>
      </c>
      <c r="D14003" t="s">
        <v>27359</v>
      </c>
      <c r="E14003" t="s">
        <v>34420</v>
      </c>
      <c r="F14003">
        <v>4</v>
      </c>
      <c r="G14003" t="s">
        <v>14</v>
      </c>
      <c r="H14003" t="s">
        <v>27360</v>
      </c>
      <c r="I14003" t="s">
        <v>30540</v>
      </c>
    </row>
    <row r="14004" spans="1:9">
      <c r="A14004" s="1">
        <f ca="1">RAND()</f>
        <v>0.31354125376524555</v>
      </c>
      <c r="B14004" s="1"/>
      <c r="C14004">
        <v>9</v>
      </c>
      <c r="D14004" t="s">
        <v>27357</v>
      </c>
      <c r="E14004" t="s">
        <v>34420</v>
      </c>
      <c r="F14004">
        <v>4</v>
      </c>
      <c r="G14004" t="s">
        <v>14</v>
      </c>
      <c r="H14004" t="s">
        <v>27358</v>
      </c>
      <c r="I14004" t="s">
        <v>30540</v>
      </c>
    </row>
    <row r="14005" spans="1:9">
      <c r="A14005" s="1">
        <f ca="1">RAND()</f>
        <v>7.4321869205760782E-2</v>
      </c>
      <c r="B14005" s="1"/>
      <c r="C14005">
        <v>2</v>
      </c>
      <c r="D14005" t="s">
        <v>27351</v>
      </c>
      <c r="E14005" t="s">
        <v>34420</v>
      </c>
      <c r="F14005">
        <v>2</v>
      </c>
      <c r="G14005" t="s">
        <v>10</v>
      </c>
      <c r="H14005" t="s">
        <v>27352</v>
      </c>
      <c r="I14005" t="s">
        <v>30540</v>
      </c>
    </row>
    <row r="14006" spans="1:9">
      <c r="A14006" s="1">
        <f ca="1">RAND()</f>
        <v>7.1946404297228206E-2</v>
      </c>
      <c r="B14006" s="1"/>
      <c r="C14006">
        <v>7</v>
      </c>
      <c r="D14006" t="s">
        <v>27347</v>
      </c>
      <c r="E14006" t="s">
        <v>34421</v>
      </c>
      <c r="F14006">
        <v>5</v>
      </c>
      <c r="G14006" t="s">
        <v>762</v>
      </c>
      <c r="H14006" t="s">
        <v>27348</v>
      </c>
      <c r="I14006" t="s">
        <v>30540</v>
      </c>
    </row>
    <row r="14007" spans="1:9">
      <c r="A14007" s="1">
        <f ca="1">RAND()</f>
        <v>0.99737667266076879</v>
      </c>
      <c r="B14007" s="1"/>
      <c r="C14007">
        <v>3</v>
      </c>
      <c r="D14007" t="s">
        <v>27345</v>
      </c>
      <c r="E14007" t="s">
        <v>34421</v>
      </c>
      <c r="F14007">
        <v>5</v>
      </c>
      <c r="G14007" t="s">
        <v>766</v>
      </c>
      <c r="H14007" t="s">
        <v>27346</v>
      </c>
      <c r="I14007" t="s">
        <v>30540</v>
      </c>
    </row>
    <row r="14008" spans="1:9">
      <c r="A14008" s="1">
        <f ca="1">RAND()</f>
        <v>0.90093238022844657</v>
      </c>
      <c r="B14008" s="1"/>
      <c r="C14008">
        <v>19</v>
      </c>
      <c r="D14008" t="s">
        <v>27349</v>
      </c>
      <c r="E14008" t="s">
        <v>34421</v>
      </c>
      <c r="F14008">
        <v>4</v>
      </c>
      <c r="G14008" t="s">
        <v>1426</v>
      </c>
      <c r="H14008" t="s">
        <v>27350</v>
      </c>
      <c r="I14008" t="s">
        <v>30540</v>
      </c>
    </row>
    <row r="14009" spans="1:9">
      <c r="A14009" s="1">
        <f ca="1">RAND()</f>
        <v>0.57482937797329225</v>
      </c>
      <c r="B14009" s="1"/>
      <c r="C14009">
        <v>2</v>
      </c>
      <c r="D14009" t="s">
        <v>27343</v>
      </c>
      <c r="E14009" t="s">
        <v>34421</v>
      </c>
      <c r="F14009">
        <v>4</v>
      </c>
      <c r="G14009" t="s">
        <v>10</v>
      </c>
      <c r="H14009" t="s">
        <v>27344</v>
      </c>
      <c r="I14009" t="s">
        <v>30540</v>
      </c>
    </row>
    <row r="14010" spans="1:9">
      <c r="A14010" s="1">
        <f ca="1">RAND()</f>
        <v>0.33689344450160319</v>
      </c>
      <c r="B14010" s="1"/>
      <c r="C14010">
        <v>14</v>
      </c>
      <c r="D14010" t="s">
        <v>27339</v>
      </c>
      <c r="E14010" t="s">
        <v>34422</v>
      </c>
      <c r="F14010">
        <v>5</v>
      </c>
      <c r="G14010" t="s">
        <v>14</v>
      </c>
      <c r="H14010" t="s">
        <v>27340</v>
      </c>
      <c r="I14010" t="s">
        <v>30540</v>
      </c>
    </row>
    <row r="14011" spans="1:9">
      <c r="A14011" s="1">
        <f ca="1">RAND()</f>
        <v>0.5000041686968183</v>
      </c>
      <c r="B14011" s="1"/>
      <c r="C14011">
        <v>17</v>
      </c>
      <c r="D14011" t="s">
        <v>27341</v>
      </c>
      <c r="E14011" t="s">
        <v>34422</v>
      </c>
      <c r="F14011">
        <v>4</v>
      </c>
      <c r="G14011" t="s">
        <v>14</v>
      </c>
      <c r="H14011" t="s">
        <v>27342</v>
      </c>
      <c r="I14011" t="s">
        <v>30540</v>
      </c>
    </row>
    <row r="14012" spans="1:9">
      <c r="A14012" s="1">
        <f ca="1">RAND()</f>
        <v>0.75397588970247975</v>
      </c>
      <c r="B14012" s="1"/>
      <c r="C14012">
        <v>13</v>
      </c>
      <c r="D14012" t="s">
        <v>27337</v>
      </c>
      <c r="E14012" t="s">
        <v>34422</v>
      </c>
      <c r="F14012">
        <v>4</v>
      </c>
      <c r="G14012" t="s">
        <v>14</v>
      </c>
      <c r="H14012" t="s">
        <v>27338</v>
      </c>
      <c r="I14012" t="s">
        <v>30540</v>
      </c>
    </row>
    <row r="14013" spans="1:9">
      <c r="A14013" s="1">
        <f ca="1">RAND()</f>
        <v>3.324714145369978E-2</v>
      </c>
      <c r="B14013" s="1"/>
      <c r="C14013">
        <v>12</v>
      </c>
      <c r="D14013" t="s">
        <v>27335</v>
      </c>
      <c r="E14013" t="s">
        <v>34422</v>
      </c>
      <c r="F14013">
        <v>4</v>
      </c>
      <c r="G14013" t="s">
        <v>0</v>
      </c>
      <c r="H14013" t="s">
        <v>27336</v>
      </c>
      <c r="I14013" t="s">
        <v>30540</v>
      </c>
    </row>
    <row r="14014" spans="1:9">
      <c r="A14014" s="1">
        <f ca="1">RAND()</f>
        <v>5.0714401295101852E-2</v>
      </c>
      <c r="B14014" s="1"/>
      <c r="C14014">
        <v>1</v>
      </c>
      <c r="D14014" t="s">
        <v>27329</v>
      </c>
      <c r="E14014" t="s">
        <v>34422</v>
      </c>
      <c r="F14014">
        <v>4</v>
      </c>
      <c r="G14014" t="s">
        <v>2</v>
      </c>
      <c r="H14014" t="s">
        <v>27330</v>
      </c>
      <c r="I14014" t="s">
        <v>30540</v>
      </c>
    </row>
    <row r="14015" spans="1:9">
      <c r="A14015" s="1">
        <f ca="1">RAND()</f>
        <v>0.48969202026814085</v>
      </c>
      <c r="B14015" s="1"/>
      <c r="C14015">
        <v>3</v>
      </c>
      <c r="D14015" t="s">
        <v>27331</v>
      </c>
      <c r="E14015" t="s">
        <v>34422</v>
      </c>
      <c r="F14015">
        <v>2</v>
      </c>
      <c r="G14015" t="s">
        <v>15</v>
      </c>
      <c r="H14015" t="s">
        <v>27332</v>
      </c>
      <c r="I14015" t="s">
        <v>30540</v>
      </c>
    </row>
    <row r="14016" spans="1:9">
      <c r="A14016" s="1">
        <f ca="1">RAND()</f>
        <v>0.32394445897496926</v>
      </c>
      <c r="B14016" s="1"/>
      <c r="C14016">
        <v>5</v>
      </c>
      <c r="D14016" t="s">
        <v>27333</v>
      </c>
      <c r="E14016" t="s">
        <v>34422</v>
      </c>
      <c r="F14016">
        <v>1</v>
      </c>
      <c r="G14016" t="s">
        <v>1</v>
      </c>
      <c r="H14016" t="s">
        <v>27334</v>
      </c>
      <c r="I14016" t="s">
        <v>30540</v>
      </c>
    </row>
    <row r="14017" spans="1:9">
      <c r="A14017" s="1">
        <f ca="1">RAND()</f>
        <v>4.522489710189348E-2</v>
      </c>
      <c r="B14017" s="1"/>
      <c r="C14017">
        <v>17</v>
      </c>
      <c r="D14017" t="s">
        <v>27325</v>
      </c>
      <c r="E14017" t="s">
        <v>34423</v>
      </c>
      <c r="F14017">
        <v>5</v>
      </c>
      <c r="G14017" t="s">
        <v>9</v>
      </c>
      <c r="H14017" t="s">
        <v>27326</v>
      </c>
      <c r="I14017" t="s">
        <v>30540</v>
      </c>
    </row>
    <row r="14018" spans="1:9">
      <c r="A14018" s="1">
        <f ca="1">RAND()</f>
        <v>0.47279172498370814</v>
      </c>
      <c r="B14018" s="1"/>
      <c r="C14018">
        <v>13</v>
      </c>
      <c r="D14018" t="s">
        <v>27321</v>
      </c>
      <c r="E14018" t="s">
        <v>34423</v>
      </c>
      <c r="F14018">
        <v>5</v>
      </c>
      <c r="G14018" t="s">
        <v>14</v>
      </c>
      <c r="H14018" t="s">
        <v>27322</v>
      </c>
      <c r="I14018" t="s">
        <v>30540</v>
      </c>
    </row>
    <row r="14019" spans="1:9">
      <c r="A14019" s="1">
        <f ca="1">RAND()</f>
        <v>0.83247188452846299</v>
      </c>
      <c r="B14019" s="1"/>
      <c r="C14019">
        <v>18</v>
      </c>
      <c r="D14019" t="s">
        <v>27327</v>
      </c>
      <c r="E14019" t="s">
        <v>34423</v>
      </c>
      <c r="F14019">
        <v>5</v>
      </c>
      <c r="G14019" t="s">
        <v>14</v>
      </c>
      <c r="H14019" t="s">
        <v>27328</v>
      </c>
      <c r="I14019" t="s">
        <v>30540</v>
      </c>
    </row>
    <row r="14020" spans="1:9">
      <c r="A14020" s="1">
        <f ca="1">RAND()</f>
        <v>0.47531769358173703</v>
      </c>
      <c r="B14020" s="1"/>
      <c r="C14020">
        <v>2</v>
      </c>
      <c r="D14020" t="s">
        <v>27319</v>
      </c>
      <c r="E14020" t="s">
        <v>34423</v>
      </c>
      <c r="F14020">
        <v>4</v>
      </c>
      <c r="G14020" t="s">
        <v>2</v>
      </c>
      <c r="H14020" t="s">
        <v>27320</v>
      </c>
      <c r="I14020" t="s">
        <v>30540</v>
      </c>
    </row>
    <row r="14021" spans="1:9">
      <c r="A14021" s="1">
        <f ca="1">RAND()</f>
        <v>0.73765805495708914</v>
      </c>
      <c r="B14021" s="1"/>
      <c r="C14021">
        <v>14</v>
      </c>
      <c r="D14021" t="s">
        <v>27323</v>
      </c>
      <c r="E14021" t="s">
        <v>34423</v>
      </c>
      <c r="F14021">
        <v>2</v>
      </c>
      <c r="G14021" t="s">
        <v>15</v>
      </c>
      <c r="H14021" t="s">
        <v>27324</v>
      </c>
      <c r="I14021" t="s">
        <v>30540</v>
      </c>
    </row>
    <row r="14022" spans="1:9">
      <c r="A14022" s="1">
        <f ca="1">RAND()</f>
        <v>0.33697366305353893</v>
      </c>
      <c r="B14022" s="1"/>
      <c r="C14022">
        <v>9</v>
      </c>
      <c r="D14022" t="s">
        <v>27315</v>
      </c>
      <c r="E14022" t="s">
        <v>34424</v>
      </c>
      <c r="F14022">
        <v>5</v>
      </c>
      <c r="G14022" t="s">
        <v>14</v>
      </c>
      <c r="H14022" t="s">
        <v>27316</v>
      </c>
      <c r="I14022" t="s">
        <v>30540</v>
      </c>
    </row>
    <row r="14023" spans="1:9">
      <c r="A14023" s="1">
        <f ca="1">RAND()</f>
        <v>0.1093889400727921</v>
      </c>
      <c r="B14023" s="1"/>
      <c r="C14023">
        <v>13</v>
      </c>
      <c r="D14023" t="s">
        <v>27317</v>
      </c>
      <c r="E14023" t="s">
        <v>34424</v>
      </c>
      <c r="F14023">
        <v>4</v>
      </c>
      <c r="G14023" t="s">
        <v>14</v>
      </c>
      <c r="H14023" t="s">
        <v>27318</v>
      </c>
      <c r="I14023" t="s">
        <v>30540</v>
      </c>
    </row>
    <row r="14024" spans="1:9">
      <c r="A14024" s="1">
        <f ca="1">RAND()</f>
        <v>0.72394775121003752</v>
      </c>
      <c r="B14024" s="1"/>
      <c r="C14024">
        <v>1</v>
      </c>
      <c r="D14024" t="s">
        <v>27313</v>
      </c>
      <c r="E14024" t="s">
        <v>34424</v>
      </c>
      <c r="F14024">
        <v>2</v>
      </c>
      <c r="G14024" t="s">
        <v>14</v>
      </c>
      <c r="H14024" t="s">
        <v>27314</v>
      </c>
      <c r="I14024" t="s">
        <v>30540</v>
      </c>
    </row>
    <row r="14025" spans="1:9">
      <c r="A14025" s="1">
        <f ca="1">RAND()</f>
        <v>0.89085622705236944</v>
      </c>
      <c r="B14025" s="1"/>
      <c r="C14025">
        <v>5</v>
      </c>
      <c r="D14025" t="s">
        <v>27309</v>
      </c>
      <c r="E14025" t="s">
        <v>34425</v>
      </c>
      <c r="F14025">
        <v>5</v>
      </c>
      <c r="G14025" t="s">
        <v>14</v>
      </c>
      <c r="H14025" t="s">
        <v>27310</v>
      </c>
      <c r="I14025" t="s">
        <v>30540</v>
      </c>
    </row>
    <row r="14026" spans="1:9">
      <c r="A14026" s="1">
        <f ca="1">RAND()</f>
        <v>3.5354746199940057E-2</v>
      </c>
      <c r="B14026" s="1"/>
      <c r="C14026">
        <v>10</v>
      </c>
      <c r="D14026" t="s">
        <v>27311</v>
      </c>
      <c r="E14026" t="s">
        <v>34425</v>
      </c>
      <c r="F14026">
        <v>4</v>
      </c>
      <c r="G14026" t="s">
        <v>14</v>
      </c>
      <c r="H14026" t="s">
        <v>27312</v>
      </c>
      <c r="I14026" t="s">
        <v>30540</v>
      </c>
    </row>
    <row r="14027" spans="1:9">
      <c r="A14027" s="1">
        <f ca="1">RAND()</f>
        <v>0.97850689929323731</v>
      </c>
      <c r="B14027" s="1"/>
      <c r="C14027">
        <v>1</v>
      </c>
      <c r="D14027" t="s">
        <v>27307</v>
      </c>
      <c r="E14027" t="s">
        <v>34425</v>
      </c>
      <c r="F14027">
        <v>4</v>
      </c>
      <c r="G14027" t="s">
        <v>2</v>
      </c>
      <c r="H14027" t="s">
        <v>27308</v>
      </c>
      <c r="I14027" t="s">
        <v>30540</v>
      </c>
    </row>
    <row r="14028" spans="1:9">
      <c r="A14028" s="1">
        <f ca="1">RAND()</f>
        <v>0.14266512947681076</v>
      </c>
      <c r="B14028" s="1"/>
      <c r="C14028">
        <v>11</v>
      </c>
      <c r="D14028" t="s">
        <v>27301</v>
      </c>
      <c r="E14028" t="s">
        <v>34426</v>
      </c>
      <c r="F14028">
        <v>5</v>
      </c>
      <c r="G14028" t="s">
        <v>2738</v>
      </c>
      <c r="H14028" t="s">
        <v>27302</v>
      </c>
      <c r="I14028" t="s">
        <v>30540</v>
      </c>
    </row>
    <row r="14029" spans="1:9">
      <c r="A14029" s="1">
        <f ca="1">RAND()</f>
        <v>0.95058258417088171</v>
      </c>
      <c r="B14029" s="1"/>
      <c r="C14029">
        <v>17</v>
      </c>
      <c r="D14029" t="s">
        <v>27305</v>
      </c>
      <c r="E14029" t="s">
        <v>34426</v>
      </c>
      <c r="F14029">
        <v>4</v>
      </c>
      <c r="G14029" t="s">
        <v>14</v>
      </c>
      <c r="H14029" t="s">
        <v>27306</v>
      </c>
      <c r="I14029" t="s">
        <v>30540</v>
      </c>
    </row>
    <row r="14030" spans="1:9">
      <c r="A14030" s="1">
        <f ca="1">RAND()</f>
        <v>0.73420192527356098</v>
      </c>
      <c r="B14030" s="1"/>
      <c r="C14030">
        <v>15</v>
      </c>
      <c r="D14030" t="s">
        <v>27303</v>
      </c>
      <c r="E14030" t="s">
        <v>34426</v>
      </c>
      <c r="F14030">
        <v>4</v>
      </c>
      <c r="G14030" t="s">
        <v>1431</v>
      </c>
      <c r="H14030" t="s">
        <v>27304</v>
      </c>
      <c r="I14030" t="s">
        <v>30540</v>
      </c>
    </row>
    <row r="14031" spans="1:9">
      <c r="A14031" s="1">
        <f ca="1">RAND()</f>
        <v>0.29676713753693873</v>
      </c>
      <c r="B14031" s="1"/>
      <c r="C14031">
        <v>1</v>
      </c>
      <c r="D14031" t="s">
        <v>27299</v>
      </c>
      <c r="E14031" t="s">
        <v>34426</v>
      </c>
      <c r="F14031">
        <v>3</v>
      </c>
      <c r="G14031" t="s">
        <v>10</v>
      </c>
      <c r="H14031" t="s">
        <v>27300</v>
      </c>
      <c r="I14031" t="s">
        <v>30540</v>
      </c>
    </row>
    <row r="14032" spans="1:9">
      <c r="A14032" s="1">
        <f ca="1">RAND()</f>
        <v>0.14370419144574387</v>
      </c>
      <c r="B14032" s="1"/>
      <c r="C14032">
        <v>9</v>
      </c>
      <c r="D14032" t="s">
        <v>27293</v>
      </c>
      <c r="E14032" t="s">
        <v>34427</v>
      </c>
      <c r="F14032">
        <v>5</v>
      </c>
      <c r="G14032" t="s">
        <v>15</v>
      </c>
      <c r="H14032" t="s">
        <v>27294</v>
      </c>
      <c r="I14032" t="s">
        <v>30540</v>
      </c>
    </row>
    <row r="14033" spans="1:9">
      <c r="A14033" s="1">
        <f ca="1">RAND()</f>
        <v>0.89592518031797541</v>
      </c>
      <c r="B14033" s="1"/>
      <c r="C14033">
        <v>3</v>
      </c>
      <c r="D14033" t="s">
        <v>27289</v>
      </c>
      <c r="E14033" t="s">
        <v>34427</v>
      </c>
      <c r="F14033">
        <v>4</v>
      </c>
      <c r="G14033" t="s">
        <v>15</v>
      </c>
      <c r="H14033" t="s">
        <v>27290</v>
      </c>
      <c r="I14033" t="s">
        <v>30540</v>
      </c>
    </row>
    <row r="14034" spans="1:9">
      <c r="A14034" s="1">
        <f ca="1">RAND()</f>
        <v>0.50771578379564763</v>
      </c>
      <c r="B14034" s="1"/>
      <c r="C14034">
        <v>2</v>
      </c>
      <c r="D14034" t="s">
        <v>27287</v>
      </c>
      <c r="E14034" t="s">
        <v>34427</v>
      </c>
      <c r="F14034">
        <v>4</v>
      </c>
      <c r="G14034" t="s">
        <v>14</v>
      </c>
      <c r="H14034" t="s">
        <v>27288</v>
      </c>
      <c r="I14034" t="s">
        <v>30540</v>
      </c>
    </row>
    <row r="14035" spans="1:9">
      <c r="A14035" s="1">
        <f ca="1">RAND()</f>
        <v>0.10340988705469323</v>
      </c>
      <c r="B14035" s="1"/>
      <c r="C14035">
        <v>7</v>
      </c>
      <c r="D14035" t="s">
        <v>27291</v>
      </c>
      <c r="E14035" t="s">
        <v>34427</v>
      </c>
      <c r="F14035">
        <v>4</v>
      </c>
      <c r="G14035" t="s">
        <v>1</v>
      </c>
      <c r="H14035" t="s">
        <v>27292</v>
      </c>
      <c r="I14035" t="s">
        <v>30540</v>
      </c>
    </row>
    <row r="14036" spans="1:9">
      <c r="A14036" s="1">
        <f ca="1">RAND()</f>
        <v>0.94988083558860292</v>
      </c>
      <c r="B14036" s="1"/>
      <c r="C14036">
        <v>12</v>
      </c>
      <c r="D14036" t="s">
        <v>27295</v>
      </c>
      <c r="E14036" t="s">
        <v>34427</v>
      </c>
      <c r="F14036">
        <v>4</v>
      </c>
      <c r="G14036" t="s">
        <v>9</v>
      </c>
      <c r="H14036" t="s">
        <v>27296</v>
      </c>
      <c r="I14036" t="s">
        <v>30540</v>
      </c>
    </row>
    <row r="14037" spans="1:9">
      <c r="A14037" s="1">
        <f ca="1">RAND()</f>
        <v>0.73391073760891579</v>
      </c>
      <c r="B14037" s="1"/>
      <c r="C14037">
        <v>19</v>
      </c>
      <c r="D14037" t="s">
        <v>27297</v>
      </c>
      <c r="E14037" t="s">
        <v>34427</v>
      </c>
      <c r="F14037">
        <v>4</v>
      </c>
      <c r="G14037" t="s">
        <v>14</v>
      </c>
      <c r="H14037" t="s">
        <v>27298</v>
      </c>
      <c r="I14037" t="s">
        <v>30540</v>
      </c>
    </row>
    <row r="14038" spans="1:9">
      <c r="A14038" s="1">
        <f ca="1">RAND()</f>
        <v>0.11850561103946355</v>
      </c>
      <c r="B14038" s="1"/>
      <c r="C14038">
        <v>10</v>
      </c>
      <c r="D14038" t="s">
        <v>27281</v>
      </c>
      <c r="E14038" t="s">
        <v>34428</v>
      </c>
      <c r="F14038">
        <v>5</v>
      </c>
      <c r="G14038" t="s">
        <v>14</v>
      </c>
      <c r="H14038" t="s">
        <v>27282</v>
      </c>
      <c r="I14038" t="s">
        <v>30540</v>
      </c>
    </row>
    <row r="14039" spans="1:9">
      <c r="A14039" s="1">
        <f ca="1">RAND()</f>
        <v>0.9123828358613707</v>
      </c>
      <c r="B14039" s="1"/>
      <c r="C14039">
        <v>15</v>
      </c>
      <c r="D14039" t="s">
        <v>27283</v>
      </c>
      <c r="E14039" t="s">
        <v>34428</v>
      </c>
      <c r="F14039">
        <v>4</v>
      </c>
      <c r="G14039" t="s">
        <v>14</v>
      </c>
      <c r="H14039" t="s">
        <v>27284</v>
      </c>
      <c r="I14039" t="s">
        <v>30540</v>
      </c>
    </row>
    <row r="14040" spans="1:9">
      <c r="A14040" s="1">
        <f ca="1">RAND()</f>
        <v>0.67572625556424915</v>
      </c>
      <c r="B14040" s="1"/>
      <c r="C14040">
        <v>17</v>
      </c>
      <c r="D14040" t="s">
        <v>27285</v>
      </c>
      <c r="E14040" t="s">
        <v>34428</v>
      </c>
      <c r="F14040">
        <v>4</v>
      </c>
      <c r="G14040" t="s">
        <v>14</v>
      </c>
      <c r="H14040" t="s">
        <v>27286</v>
      </c>
      <c r="I14040" t="s">
        <v>30540</v>
      </c>
    </row>
    <row r="14041" spans="1:9">
      <c r="A14041" s="1">
        <f ca="1">RAND()</f>
        <v>0.29103264881163338</v>
      </c>
      <c r="B14041" s="1"/>
      <c r="C14041">
        <v>14</v>
      </c>
      <c r="D14041" t="s">
        <v>27277</v>
      </c>
      <c r="E14041" t="s">
        <v>34429</v>
      </c>
      <c r="F14041">
        <v>5</v>
      </c>
      <c r="G14041" t="s">
        <v>0</v>
      </c>
      <c r="H14041" t="s">
        <v>27278</v>
      </c>
      <c r="I14041" t="s">
        <v>30540</v>
      </c>
    </row>
    <row r="14042" spans="1:9">
      <c r="A14042" s="1">
        <f ca="1">RAND()</f>
        <v>0.3130808894354693</v>
      </c>
      <c r="B14042" s="1"/>
      <c r="C14042">
        <v>11</v>
      </c>
      <c r="D14042" t="s">
        <v>27275</v>
      </c>
      <c r="E14042" t="s">
        <v>34429</v>
      </c>
      <c r="F14042">
        <v>5</v>
      </c>
      <c r="G14042" t="s">
        <v>14</v>
      </c>
      <c r="H14042" t="s">
        <v>27276</v>
      </c>
      <c r="I14042" t="s">
        <v>30540</v>
      </c>
    </row>
    <row r="14043" spans="1:9">
      <c r="A14043" s="1">
        <f ca="1">RAND()</f>
        <v>0.18051969137120261</v>
      </c>
      <c r="B14043" s="1"/>
      <c r="C14043">
        <v>8</v>
      </c>
      <c r="D14043" t="s">
        <v>27273</v>
      </c>
      <c r="E14043" t="s">
        <v>34429</v>
      </c>
      <c r="F14043">
        <v>5</v>
      </c>
      <c r="G14043" t="s">
        <v>14</v>
      </c>
      <c r="H14043" t="s">
        <v>27274</v>
      </c>
      <c r="I14043" t="s">
        <v>30540</v>
      </c>
    </row>
    <row r="14044" spans="1:9">
      <c r="A14044" s="1">
        <f ca="1">RAND()</f>
        <v>0.19754978685954705</v>
      </c>
      <c r="B14044" s="1"/>
      <c r="C14044">
        <v>18</v>
      </c>
      <c r="D14044" t="s">
        <v>27279</v>
      </c>
      <c r="E14044" t="s">
        <v>34429</v>
      </c>
      <c r="F14044">
        <v>4</v>
      </c>
      <c r="G14044" t="s">
        <v>14</v>
      </c>
      <c r="H14044" t="s">
        <v>27280</v>
      </c>
      <c r="I14044" t="s">
        <v>30540</v>
      </c>
    </row>
    <row r="14045" spans="1:9">
      <c r="A14045" s="1">
        <f ca="1">RAND()</f>
        <v>0.17023707042104974</v>
      </c>
      <c r="B14045" s="1"/>
      <c r="C14045">
        <v>5</v>
      </c>
      <c r="D14045" t="s">
        <v>27267</v>
      </c>
      <c r="E14045" t="s">
        <v>34430</v>
      </c>
      <c r="F14045">
        <v>5</v>
      </c>
      <c r="G14045" t="s">
        <v>9</v>
      </c>
      <c r="H14045" t="s">
        <v>27268</v>
      </c>
      <c r="I14045" t="s">
        <v>30540</v>
      </c>
    </row>
    <row r="14046" spans="1:9">
      <c r="A14046" s="1">
        <f ca="1">RAND()</f>
        <v>0.95500643426500453</v>
      </c>
      <c r="B14046" s="1"/>
      <c r="C14046">
        <v>19</v>
      </c>
      <c r="D14046" t="s">
        <v>27271</v>
      </c>
      <c r="E14046" t="s">
        <v>34430</v>
      </c>
      <c r="F14046">
        <v>4</v>
      </c>
      <c r="G14046" t="s">
        <v>14</v>
      </c>
      <c r="H14046" t="s">
        <v>27272</v>
      </c>
      <c r="I14046" t="s">
        <v>30540</v>
      </c>
    </row>
    <row r="14047" spans="1:9">
      <c r="A14047" s="1">
        <f ca="1">RAND()</f>
        <v>0.91025965985597668</v>
      </c>
      <c r="B14047" s="1"/>
      <c r="C14047">
        <v>4</v>
      </c>
      <c r="D14047" t="s">
        <v>27265</v>
      </c>
      <c r="E14047" t="s">
        <v>34430</v>
      </c>
      <c r="F14047">
        <v>4</v>
      </c>
      <c r="G14047" t="s">
        <v>1</v>
      </c>
      <c r="H14047" t="s">
        <v>27266</v>
      </c>
      <c r="I14047" t="s">
        <v>30540</v>
      </c>
    </row>
    <row r="14048" spans="1:9">
      <c r="A14048" s="1">
        <f ca="1">RAND()</f>
        <v>0.32169731479449981</v>
      </c>
      <c r="B14048" s="1"/>
      <c r="C14048">
        <v>8</v>
      </c>
      <c r="D14048" t="s">
        <v>27269</v>
      </c>
      <c r="E14048" t="s">
        <v>34430</v>
      </c>
      <c r="F14048">
        <v>4</v>
      </c>
      <c r="G14048" t="s">
        <v>14</v>
      </c>
      <c r="H14048" t="s">
        <v>27270</v>
      </c>
      <c r="I14048" t="s">
        <v>30540</v>
      </c>
    </row>
    <row r="14049" spans="1:9">
      <c r="A14049" s="1">
        <f ca="1">RAND()</f>
        <v>0.20721330722522657</v>
      </c>
      <c r="B14049" s="1"/>
      <c r="C14049">
        <v>7</v>
      </c>
      <c r="D14049" t="s">
        <v>27261</v>
      </c>
      <c r="E14049" t="s">
        <v>34431</v>
      </c>
      <c r="F14049">
        <v>4</v>
      </c>
      <c r="G14049" t="s">
        <v>14</v>
      </c>
      <c r="H14049" t="s">
        <v>27262</v>
      </c>
      <c r="I14049" t="s">
        <v>30540</v>
      </c>
    </row>
    <row r="14050" spans="1:9">
      <c r="A14050" s="1">
        <f ca="1">RAND()</f>
        <v>0.71909585391198594</v>
      </c>
      <c r="B14050" s="1"/>
      <c r="C14050">
        <v>18</v>
      </c>
      <c r="D14050" t="s">
        <v>27263</v>
      </c>
      <c r="E14050" t="s">
        <v>34431</v>
      </c>
      <c r="F14050">
        <v>4</v>
      </c>
      <c r="G14050" t="s">
        <v>2738</v>
      </c>
      <c r="H14050" t="s">
        <v>27264</v>
      </c>
      <c r="I14050" t="s">
        <v>30540</v>
      </c>
    </row>
    <row r="14051" spans="1:9">
      <c r="A14051" s="1">
        <f ca="1">RAND()</f>
        <v>0.66149354135061467</v>
      </c>
      <c r="B14051" s="1"/>
      <c r="C14051">
        <v>3</v>
      </c>
      <c r="D14051" t="s">
        <v>27259</v>
      </c>
      <c r="E14051" t="s">
        <v>34431</v>
      </c>
      <c r="F14051">
        <v>2</v>
      </c>
      <c r="G14051" t="s">
        <v>10</v>
      </c>
      <c r="H14051" t="s">
        <v>27260</v>
      </c>
      <c r="I14051" t="s">
        <v>30540</v>
      </c>
    </row>
    <row r="14052" spans="1:9">
      <c r="A14052" s="1">
        <f ca="1">RAND()</f>
        <v>0.94737545024008352</v>
      </c>
      <c r="B14052" s="1"/>
      <c r="C14052">
        <v>5</v>
      </c>
      <c r="D14052" t="s">
        <v>27255</v>
      </c>
      <c r="E14052" t="s">
        <v>34432</v>
      </c>
      <c r="F14052">
        <v>4</v>
      </c>
      <c r="G14052" t="s">
        <v>9</v>
      </c>
      <c r="H14052" t="s">
        <v>27256</v>
      </c>
      <c r="I14052" t="s">
        <v>30540</v>
      </c>
    </row>
    <row r="14053" spans="1:9">
      <c r="A14053" s="1">
        <f ca="1">RAND()</f>
        <v>0.43705499065284847</v>
      </c>
      <c r="B14053" s="1"/>
      <c r="C14053">
        <v>7</v>
      </c>
      <c r="D14053" t="s">
        <v>27257</v>
      </c>
      <c r="E14053" t="s">
        <v>34432</v>
      </c>
      <c r="F14053">
        <v>2</v>
      </c>
      <c r="G14053" t="s">
        <v>15</v>
      </c>
      <c r="H14053" t="s">
        <v>27258</v>
      </c>
      <c r="I14053" t="s">
        <v>30540</v>
      </c>
    </row>
    <row r="14054" spans="1:9">
      <c r="A14054" s="1">
        <f ca="1">RAND()</f>
        <v>0.15687098471623107</v>
      </c>
      <c r="B14054" s="1"/>
      <c r="C14054">
        <v>4</v>
      </c>
      <c r="D14054" t="s">
        <v>27251</v>
      </c>
      <c r="E14054" t="s">
        <v>34433</v>
      </c>
      <c r="F14054">
        <v>4</v>
      </c>
      <c r="G14054" t="s">
        <v>14</v>
      </c>
      <c r="H14054" t="s">
        <v>27252</v>
      </c>
      <c r="I14054" t="s">
        <v>30540</v>
      </c>
    </row>
    <row r="14055" spans="1:9">
      <c r="A14055" s="1">
        <f ca="1">RAND()</f>
        <v>0.95493314242620775</v>
      </c>
      <c r="B14055" s="1"/>
      <c r="C14055">
        <v>13</v>
      </c>
      <c r="D14055" t="s">
        <v>27253</v>
      </c>
      <c r="E14055" t="s">
        <v>34433</v>
      </c>
      <c r="F14055">
        <v>4</v>
      </c>
      <c r="G14055" t="s">
        <v>9</v>
      </c>
      <c r="H14055" t="s">
        <v>27254</v>
      </c>
      <c r="I14055" t="s">
        <v>30540</v>
      </c>
    </row>
    <row r="14056" spans="1:9">
      <c r="A14056" s="1">
        <f ca="1">RAND()</f>
        <v>0.21801721529982621</v>
      </c>
      <c r="B14056" s="1"/>
      <c r="C14056">
        <v>6</v>
      </c>
      <c r="D14056" t="s">
        <v>27249</v>
      </c>
      <c r="E14056" t="s">
        <v>34434</v>
      </c>
      <c r="F14056">
        <v>5</v>
      </c>
      <c r="G14056" t="s">
        <v>14</v>
      </c>
      <c r="H14056" t="s">
        <v>27250</v>
      </c>
      <c r="I14056" t="s">
        <v>30540</v>
      </c>
    </row>
    <row r="14057" spans="1:9">
      <c r="A14057" s="1">
        <f ca="1">RAND()</f>
        <v>2.7507518030695288E-2</v>
      </c>
      <c r="B14057" s="1"/>
      <c r="C14057">
        <v>5</v>
      </c>
      <c r="D14057" t="s">
        <v>27247</v>
      </c>
      <c r="E14057" t="s">
        <v>34434</v>
      </c>
      <c r="F14057">
        <v>5</v>
      </c>
      <c r="G14057" t="s">
        <v>14</v>
      </c>
      <c r="H14057" t="s">
        <v>27248</v>
      </c>
      <c r="I14057" t="s">
        <v>30540</v>
      </c>
    </row>
    <row r="14058" spans="1:9">
      <c r="A14058" s="1">
        <f ca="1">RAND()</f>
        <v>0.60722854118392733</v>
      </c>
      <c r="B14058" s="1"/>
      <c r="C14058">
        <v>3</v>
      </c>
      <c r="D14058" t="s">
        <v>27239</v>
      </c>
      <c r="E14058" t="s">
        <v>34435</v>
      </c>
      <c r="F14058">
        <v>5</v>
      </c>
      <c r="G14058" t="s">
        <v>13</v>
      </c>
      <c r="H14058" t="s">
        <v>27240</v>
      </c>
      <c r="I14058" t="s">
        <v>30540</v>
      </c>
    </row>
    <row r="14059" spans="1:9">
      <c r="A14059" s="1">
        <f ca="1">RAND()</f>
        <v>0.75153001703339106</v>
      </c>
      <c r="B14059" s="1"/>
      <c r="C14059">
        <v>18</v>
      </c>
      <c r="D14059" t="s">
        <v>27245</v>
      </c>
      <c r="E14059" t="s">
        <v>34435</v>
      </c>
      <c r="F14059">
        <v>4</v>
      </c>
      <c r="G14059" t="s">
        <v>9</v>
      </c>
      <c r="H14059" t="s">
        <v>27246</v>
      </c>
      <c r="I14059" t="s">
        <v>30540</v>
      </c>
    </row>
    <row r="14060" spans="1:9">
      <c r="A14060" s="1">
        <f ca="1">RAND()</f>
        <v>0.82460359276558004</v>
      </c>
      <c r="B14060" s="1"/>
      <c r="C14060">
        <v>8</v>
      </c>
      <c r="D14060" t="s">
        <v>27243</v>
      </c>
      <c r="E14060" t="s">
        <v>34435</v>
      </c>
      <c r="F14060">
        <v>4</v>
      </c>
      <c r="G14060" t="s">
        <v>14</v>
      </c>
      <c r="H14060" t="s">
        <v>27244</v>
      </c>
      <c r="I14060" t="s">
        <v>30540</v>
      </c>
    </row>
    <row r="14061" spans="1:9">
      <c r="A14061" s="1">
        <f ca="1">RAND()</f>
        <v>0.6352467670057842</v>
      </c>
      <c r="B14061" s="1"/>
      <c r="C14061">
        <v>7</v>
      </c>
      <c r="D14061" t="s">
        <v>27241</v>
      </c>
      <c r="E14061" t="s">
        <v>34435</v>
      </c>
      <c r="F14061">
        <v>4</v>
      </c>
      <c r="G14061" t="s">
        <v>14</v>
      </c>
      <c r="H14061" t="s">
        <v>27242</v>
      </c>
      <c r="I14061" t="s">
        <v>30540</v>
      </c>
    </row>
    <row r="14062" spans="1:9">
      <c r="A14062" s="1">
        <f ca="1">RAND()</f>
        <v>0.3012083138318522</v>
      </c>
      <c r="B14062" s="1"/>
      <c r="C14062">
        <v>19</v>
      </c>
      <c r="D14062" t="s">
        <v>27237</v>
      </c>
      <c r="E14062" t="s">
        <v>34436</v>
      </c>
      <c r="F14062">
        <v>4</v>
      </c>
      <c r="G14062" t="s">
        <v>2738</v>
      </c>
      <c r="H14062" t="s">
        <v>27238</v>
      </c>
      <c r="I14062" t="s">
        <v>30540</v>
      </c>
    </row>
    <row r="14063" spans="1:9">
      <c r="A14063" s="1">
        <f ca="1">RAND()</f>
        <v>0.74078689852019741</v>
      </c>
      <c r="B14063" s="1"/>
      <c r="C14063">
        <v>13</v>
      </c>
      <c r="D14063" t="s">
        <v>27235</v>
      </c>
      <c r="E14063" t="s">
        <v>34436</v>
      </c>
      <c r="F14063">
        <v>4</v>
      </c>
      <c r="G14063" t="s">
        <v>14</v>
      </c>
      <c r="H14063" t="s">
        <v>27236</v>
      </c>
      <c r="I14063" t="s">
        <v>30540</v>
      </c>
    </row>
    <row r="14064" spans="1:9">
      <c r="A14064" s="1">
        <f ca="1">RAND()</f>
        <v>0.51609542976484191</v>
      </c>
      <c r="B14064" s="1"/>
      <c r="C14064">
        <v>5</v>
      </c>
      <c r="D14064" t="s">
        <v>27233</v>
      </c>
      <c r="E14064" t="s">
        <v>34436</v>
      </c>
      <c r="F14064">
        <v>4</v>
      </c>
      <c r="G14064" t="s">
        <v>14</v>
      </c>
      <c r="H14064" t="s">
        <v>27234</v>
      </c>
      <c r="I14064" t="s">
        <v>30540</v>
      </c>
    </row>
    <row r="14065" spans="1:9">
      <c r="A14065" s="1">
        <f ca="1">RAND()</f>
        <v>0.74948707707984752</v>
      </c>
      <c r="B14065" s="1"/>
      <c r="C14065">
        <v>16</v>
      </c>
      <c r="D14065" t="s">
        <v>27231</v>
      </c>
      <c r="E14065" t="s">
        <v>34437</v>
      </c>
      <c r="F14065">
        <v>5</v>
      </c>
      <c r="G14065" t="s">
        <v>14</v>
      </c>
      <c r="H14065" t="s">
        <v>27232</v>
      </c>
      <c r="I14065" t="s">
        <v>30540</v>
      </c>
    </row>
    <row r="14066" spans="1:9">
      <c r="A14066" s="1">
        <f ca="1">RAND()</f>
        <v>0.196909285549144</v>
      </c>
      <c r="B14066" s="1"/>
      <c r="C14066">
        <v>8</v>
      </c>
      <c r="D14066" t="s">
        <v>27229</v>
      </c>
      <c r="E14066" t="s">
        <v>34437</v>
      </c>
      <c r="F14066">
        <v>3</v>
      </c>
      <c r="G14066" t="s">
        <v>14</v>
      </c>
      <c r="H14066" t="s">
        <v>27230</v>
      </c>
      <c r="I14066" t="s">
        <v>30540</v>
      </c>
    </row>
    <row r="14067" spans="1:9">
      <c r="A14067" s="1">
        <f ca="1">RAND()</f>
        <v>0.56731068208241664</v>
      </c>
      <c r="B14067" s="1"/>
      <c r="C14067">
        <v>7</v>
      </c>
      <c r="D14067" t="s">
        <v>27227</v>
      </c>
      <c r="E14067" t="s">
        <v>34437</v>
      </c>
      <c r="F14067">
        <v>2</v>
      </c>
      <c r="G14067" t="s">
        <v>14</v>
      </c>
      <c r="H14067" t="s">
        <v>27228</v>
      </c>
      <c r="I14067" t="s">
        <v>30540</v>
      </c>
    </row>
    <row r="14068" spans="1:9">
      <c r="A14068" s="1">
        <f ca="1">RAND()</f>
        <v>9.0326080419123711E-2</v>
      </c>
      <c r="B14068" s="1"/>
      <c r="C14068">
        <v>16</v>
      </c>
      <c r="D14068" t="s">
        <v>27223</v>
      </c>
      <c r="E14068" t="s">
        <v>34438</v>
      </c>
      <c r="F14068">
        <v>5</v>
      </c>
      <c r="G14068" t="s">
        <v>14</v>
      </c>
      <c r="H14068" t="s">
        <v>27224</v>
      </c>
      <c r="I14068" t="s">
        <v>30540</v>
      </c>
    </row>
    <row r="14069" spans="1:9">
      <c r="A14069" s="1">
        <f ca="1">RAND()</f>
        <v>0.34540086196223818</v>
      </c>
      <c r="B14069" s="1"/>
      <c r="C14069">
        <v>20</v>
      </c>
      <c r="D14069" t="s">
        <v>27225</v>
      </c>
      <c r="E14069" t="s">
        <v>34438</v>
      </c>
      <c r="F14069">
        <v>5</v>
      </c>
      <c r="G14069" t="s">
        <v>14</v>
      </c>
      <c r="H14069" t="s">
        <v>27226</v>
      </c>
      <c r="I14069" t="s">
        <v>30540</v>
      </c>
    </row>
    <row r="14070" spans="1:9">
      <c r="A14070" s="1">
        <f ca="1">RAND()</f>
        <v>0.25534327093342846</v>
      </c>
      <c r="B14070" s="1"/>
      <c r="C14070">
        <v>11</v>
      </c>
      <c r="D14070" t="s">
        <v>27221</v>
      </c>
      <c r="E14070" t="s">
        <v>34438</v>
      </c>
      <c r="F14070">
        <v>4</v>
      </c>
      <c r="G14070" t="s">
        <v>14</v>
      </c>
      <c r="H14070" t="s">
        <v>27222</v>
      </c>
      <c r="I14070" t="s">
        <v>30540</v>
      </c>
    </row>
    <row r="14071" spans="1:9">
      <c r="A14071" s="1">
        <f ca="1">RAND()</f>
        <v>0.70878344862188969</v>
      </c>
      <c r="B14071" s="1"/>
      <c r="C14071">
        <v>13</v>
      </c>
      <c r="D14071" t="s">
        <v>27219</v>
      </c>
      <c r="E14071" t="s">
        <v>34439</v>
      </c>
      <c r="F14071">
        <v>5</v>
      </c>
      <c r="G14071" t="s">
        <v>14</v>
      </c>
      <c r="H14071" t="s">
        <v>27220</v>
      </c>
      <c r="I14071" t="s">
        <v>30540</v>
      </c>
    </row>
    <row r="14072" spans="1:9">
      <c r="A14072" s="1">
        <f ca="1">RAND()</f>
        <v>0.35662372689921817</v>
      </c>
      <c r="B14072" s="1"/>
      <c r="C14072">
        <v>8</v>
      </c>
      <c r="D14072" t="s">
        <v>27217</v>
      </c>
      <c r="E14072" t="s">
        <v>34439</v>
      </c>
      <c r="F14072">
        <v>4</v>
      </c>
      <c r="G14072" t="s">
        <v>9</v>
      </c>
      <c r="H14072" t="s">
        <v>27218</v>
      </c>
      <c r="I14072" t="s">
        <v>30540</v>
      </c>
    </row>
    <row r="14073" spans="1:9">
      <c r="A14073" s="1">
        <f ca="1">RAND()</f>
        <v>0.98099203504275334</v>
      </c>
      <c r="B14073" s="1"/>
      <c r="C14073">
        <v>5</v>
      </c>
      <c r="D14073" t="s">
        <v>27215</v>
      </c>
      <c r="E14073" t="s">
        <v>34439</v>
      </c>
      <c r="F14073">
        <v>2</v>
      </c>
      <c r="G14073" t="s">
        <v>14</v>
      </c>
      <c r="H14073" t="s">
        <v>27216</v>
      </c>
      <c r="I14073" t="s">
        <v>30540</v>
      </c>
    </row>
    <row r="14074" spans="1:9">
      <c r="A14074" s="1">
        <f ca="1">RAND()</f>
        <v>0.64326019662179923</v>
      </c>
      <c r="B14074" s="1"/>
      <c r="C14074">
        <v>2</v>
      </c>
      <c r="D14074" t="s">
        <v>27205</v>
      </c>
      <c r="E14074" t="s">
        <v>34440</v>
      </c>
      <c r="F14074">
        <v>4</v>
      </c>
      <c r="G14074" t="s">
        <v>14</v>
      </c>
      <c r="H14074" t="s">
        <v>27206</v>
      </c>
      <c r="I14074" t="s">
        <v>30540</v>
      </c>
    </row>
    <row r="14075" spans="1:9">
      <c r="A14075" s="1">
        <f ca="1">RAND()</f>
        <v>9.7893115997446767E-2</v>
      </c>
      <c r="B14075" s="1"/>
      <c r="C14075">
        <v>16</v>
      </c>
      <c r="D14075" t="s">
        <v>27213</v>
      </c>
      <c r="E14075" t="s">
        <v>34440</v>
      </c>
      <c r="F14075">
        <v>4</v>
      </c>
      <c r="G14075" t="s">
        <v>9</v>
      </c>
      <c r="H14075" t="s">
        <v>27214</v>
      </c>
      <c r="I14075" t="s">
        <v>30540</v>
      </c>
    </row>
    <row r="14076" spans="1:9">
      <c r="A14076" s="1">
        <f ca="1">RAND()</f>
        <v>5.5730439464982129E-2</v>
      </c>
      <c r="B14076" s="1"/>
      <c r="C14076">
        <v>12</v>
      </c>
      <c r="D14076" t="s">
        <v>27209</v>
      </c>
      <c r="E14076" t="s">
        <v>34440</v>
      </c>
      <c r="F14076">
        <v>4</v>
      </c>
      <c r="G14076" t="s">
        <v>2</v>
      </c>
      <c r="H14076" t="s">
        <v>27210</v>
      </c>
      <c r="I14076" t="s">
        <v>30540</v>
      </c>
    </row>
    <row r="14077" spans="1:9">
      <c r="A14077" s="1">
        <f ca="1">RAND()</f>
        <v>0.49488298834320754</v>
      </c>
      <c r="B14077" s="1"/>
      <c r="C14077">
        <v>13</v>
      </c>
      <c r="D14077" t="s">
        <v>27211</v>
      </c>
      <c r="E14077" t="s">
        <v>34440</v>
      </c>
      <c r="F14077">
        <v>4</v>
      </c>
      <c r="G14077" t="s">
        <v>14</v>
      </c>
      <c r="H14077" t="s">
        <v>27212</v>
      </c>
      <c r="I14077" t="s">
        <v>30540</v>
      </c>
    </row>
    <row r="14078" spans="1:9">
      <c r="A14078" s="1">
        <f ca="1">RAND()</f>
        <v>0.33556572703756593</v>
      </c>
      <c r="B14078" s="1"/>
      <c r="C14078">
        <v>7</v>
      </c>
      <c r="D14078" t="s">
        <v>27207</v>
      </c>
      <c r="E14078" t="s">
        <v>34440</v>
      </c>
      <c r="F14078">
        <v>2</v>
      </c>
      <c r="G14078" t="s">
        <v>14</v>
      </c>
      <c r="H14078" t="s">
        <v>27208</v>
      </c>
      <c r="I14078" t="s">
        <v>30540</v>
      </c>
    </row>
    <row r="14079" spans="1:9">
      <c r="A14079" s="1">
        <f ca="1">RAND()</f>
        <v>0.76972144180961066</v>
      </c>
      <c r="B14079" s="1"/>
      <c r="C14079">
        <v>9</v>
      </c>
      <c r="D14079" t="s">
        <v>27201</v>
      </c>
      <c r="E14079" t="s">
        <v>34441</v>
      </c>
      <c r="F14079">
        <v>5</v>
      </c>
      <c r="G14079" t="s">
        <v>769</v>
      </c>
      <c r="H14079" t="s">
        <v>27202</v>
      </c>
      <c r="I14079" t="s">
        <v>30540</v>
      </c>
    </row>
    <row r="14080" spans="1:9">
      <c r="A14080" s="1">
        <f ca="1">RAND()</f>
        <v>0.83639167210406162</v>
      </c>
      <c r="B14080" s="1"/>
      <c r="C14080">
        <v>17</v>
      </c>
      <c r="D14080" t="s">
        <v>27203</v>
      </c>
      <c r="E14080" t="s">
        <v>34441</v>
      </c>
      <c r="F14080">
        <v>4</v>
      </c>
      <c r="G14080" t="s">
        <v>14</v>
      </c>
      <c r="H14080" t="s">
        <v>27204</v>
      </c>
      <c r="I14080" t="s">
        <v>30540</v>
      </c>
    </row>
    <row r="14081" spans="1:9">
      <c r="A14081" s="1">
        <f ca="1">RAND()</f>
        <v>0.47652068295962324</v>
      </c>
      <c r="B14081" s="1"/>
      <c r="C14081">
        <v>4</v>
      </c>
      <c r="D14081" t="s">
        <v>27199</v>
      </c>
      <c r="E14081" t="s">
        <v>34441</v>
      </c>
      <c r="F14081">
        <v>3</v>
      </c>
      <c r="G14081" t="s">
        <v>10</v>
      </c>
      <c r="H14081" t="s">
        <v>27200</v>
      </c>
      <c r="I14081" t="s">
        <v>30540</v>
      </c>
    </row>
    <row r="14082" spans="1:9">
      <c r="A14082" s="1">
        <f ca="1">RAND()</f>
        <v>0.49861851114242295</v>
      </c>
      <c r="B14082" s="1"/>
      <c r="C14082">
        <v>7</v>
      </c>
      <c r="D14082" t="s">
        <v>27197</v>
      </c>
      <c r="E14082" t="s">
        <v>34442</v>
      </c>
      <c r="F14082">
        <v>4</v>
      </c>
      <c r="G14082" t="s">
        <v>14</v>
      </c>
      <c r="H14082" t="s">
        <v>27198</v>
      </c>
      <c r="I14082" t="s">
        <v>30540</v>
      </c>
    </row>
    <row r="14083" spans="1:9">
      <c r="A14083" s="1">
        <f ca="1">RAND()</f>
        <v>0.2215201878775902</v>
      </c>
      <c r="B14083" s="1"/>
      <c r="C14083">
        <v>8</v>
      </c>
      <c r="D14083" t="s">
        <v>27193</v>
      </c>
      <c r="E14083" t="s">
        <v>34443</v>
      </c>
      <c r="F14083">
        <v>5</v>
      </c>
      <c r="G14083" t="s">
        <v>9</v>
      </c>
      <c r="H14083" t="s">
        <v>27194</v>
      </c>
      <c r="I14083" t="s">
        <v>30540</v>
      </c>
    </row>
    <row r="14084" spans="1:9">
      <c r="A14084" s="1">
        <f ca="1">RAND()</f>
        <v>0.14298159039125313</v>
      </c>
      <c r="B14084" s="1"/>
      <c r="C14084">
        <v>12</v>
      </c>
      <c r="D14084" t="s">
        <v>27195</v>
      </c>
      <c r="E14084" t="s">
        <v>34443</v>
      </c>
      <c r="F14084">
        <v>2</v>
      </c>
      <c r="G14084" t="s">
        <v>14</v>
      </c>
      <c r="H14084" t="s">
        <v>27196</v>
      </c>
      <c r="I14084" t="s">
        <v>30540</v>
      </c>
    </row>
    <row r="14085" spans="1:9">
      <c r="A14085" s="1">
        <f ca="1">RAND()</f>
        <v>4.3228677156629147E-2</v>
      </c>
      <c r="B14085" s="1"/>
      <c r="C14085">
        <v>4</v>
      </c>
      <c r="D14085" t="s">
        <v>27189</v>
      </c>
      <c r="E14085" t="s">
        <v>34444</v>
      </c>
      <c r="F14085">
        <v>4</v>
      </c>
      <c r="G14085" t="s">
        <v>14</v>
      </c>
      <c r="H14085" t="s">
        <v>27190</v>
      </c>
      <c r="I14085" t="s">
        <v>30540</v>
      </c>
    </row>
    <row r="14086" spans="1:9">
      <c r="A14086" s="1">
        <f ca="1">RAND()</f>
        <v>0.59191155675052953</v>
      </c>
      <c r="B14086" s="1"/>
      <c r="C14086">
        <v>13</v>
      </c>
      <c r="D14086" t="s">
        <v>27191</v>
      </c>
      <c r="E14086" t="s">
        <v>34444</v>
      </c>
      <c r="F14086">
        <v>4</v>
      </c>
      <c r="G14086" t="s">
        <v>14</v>
      </c>
      <c r="H14086" t="s">
        <v>27192</v>
      </c>
      <c r="I14086" t="s">
        <v>30540</v>
      </c>
    </row>
    <row r="14087" spans="1:9">
      <c r="A14087" s="1">
        <f ca="1">RAND()</f>
        <v>0.45188894628225518</v>
      </c>
      <c r="B14087" s="1"/>
      <c r="C14087">
        <v>1</v>
      </c>
      <c r="D14087" t="s">
        <v>27187</v>
      </c>
      <c r="E14087" t="s">
        <v>34444</v>
      </c>
      <c r="F14087">
        <v>2</v>
      </c>
      <c r="G14087" t="s">
        <v>2</v>
      </c>
      <c r="H14087" t="s">
        <v>27188</v>
      </c>
      <c r="I14087" t="s">
        <v>30540</v>
      </c>
    </row>
    <row r="14088" spans="1:9">
      <c r="A14088" s="1">
        <f ca="1">RAND()</f>
        <v>0.60778924123319256</v>
      </c>
      <c r="B14088" s="1"/>
      <c r="C14088">
        <v>11</v>
      </c>
      <c r="D14088" t="s">
        <v>27185</v>
      </c>
      <c r="E14088" t="s">
        <v>34445</v>
      </c>
      <c r="F14088">
        <v>4</v>
      </c>
      <c r="G14088" t="s">
        <v>10</v>
      </c>
      <c r="H14088" t="s">
        <v>27186</v>
      </c>
      <c r="I14088" t="s">
        <v>30540</v>
      </c>
    </row>
    <row r="14089" spans="1:9">
      <c r="A14089" s="1">
        <f ca="1">RAND()</f>
        <v>0.44304742963077004</v>
      </c>
      <c r="B14089" s="1"/>
      <c r="C14089">
        <v>2</v>
      </c>
      <c r="D14089" t="s">
        <v>27181</v>
      </c>
      <c r="E14089" t="s">
        <v>34445</v>
      </c>
      <c r="F14089">
        <v>4</v>
      </c>
      <c r="G14089" t="s">
        <v>14</v>
      </c>
      <c r="H14089" t="s">
        <v>27182</v>
      </c>
      <c r="I14089" t="s">
        <v>30540</v>
      </c>
    </row>
    <row r="14090" spans="1:9">
      <c r="A14090" s="1">
        <f ca="1">RAND()</f>
        <v>4.3677580027594254E-2</v>
      </c>
      <c r="B14090" s="1"/>
      <c r="C14090">
        <v>6</v>
      </c>
      <c r="D14090" t="s">
        <v>27183</v>
      </c>
      <c r="E14090" t="s">
        <v>34445</v>
      </c>
      <c r="F14090">
        <v>4</v>
      </c>
      <c r="G14090" t="s">
        <v>9</v>
      </c>
      <c r="H14090" t="s">
        <v>27184</v>
      </c>
      <c r="I14090" t="s">
        <v>30540</v>
      </c>
    </row>
    <row r="14091" spans="1:9">
      <c r="A14091" s="1">
        <f ca="1">RAND()</f>
        <v>0.99387077622628872</v>
      </c>
      <c r="B14091" s="1"/>
      <c r="C14091">
        <v>17</v>
      </c>
      <c r="D14091" t="s">
        <v>27179</v>
      </c>
      <c r="E14091" t="s">
        <v>34446</v>
      </c>
      <c r="F14091">
        <v>5</v>
      </c>
      <c r="G14091" t="s">
        <v>14</v>
      </c>
      <c r="H14091" t="s">
        <v>27180</v>
      </c>
      <c r="I14091" t="s">
        <v>30540</v>
      </c>
    </row>
    <row r="14092" spans="1:9">
      <c r="A14092" s="1">
        <f ca="1">RAND()</f>
        <v>0.63815338416368284</v>
      </c>
      <c r="B14092" s="1"/>
      <c r="C14092">
        <v>9</v>
      </c>
      <c r="D14092" t="s">
        <v>27175</v>
      </c>
      <c r="E14092" t="s">
        <v>34446</v>
      </c>
      <c r="F14092">
        <v>4</v>
      </c>
      <c r="G14092" t="s">
        <v>1431</v>
      </c>
      <c r="H14092" t="s">
        <v>27176</v>
      </c>
      <c r="I14092" t="s">
        <v>30540</v>
      </c>
    </row>
    <row r="14093" spans="1:9">
      <c r="A14093" s="1">
        <f ca="1">RAND()</f>
        <v>0.18149943947478797</v>
      </c>
      <c r="B14093" s="1"/>
      <c r="C14093">
        <v>10</v>
      </c>
      <c r="D14093" t="s">
        <v>27177</v>
      </c>
      <c r="E14093" t="s">
        <v>34446</v>
      </c>
      <c r="F14093">
        <v>2</v>
      </c>
      <c r="G14093" t="s">
        <v>2</v>
      </c>
      <c r="H14093" t="s">
        <v>27178</v>
      </c>
      <c r="I14093" t="s">
        <v>30540</v>
      </c>
    </row>
    <row r="14094" spans="1:9">
      <c r="A14094" s="1">
        <f ca="1">RAND()</f>
        <v>0.83148880051711038</v>
      </c>
      <c r="B14094" s="1"/>
      <c r="C14094">
        <v>12</v>
      </c>
      <c r="D14094" t="s">
        <v>27171</v>
      </c>
      <c r="E14094" t="s">
        <v>34447</v>
      </c>
      <c r="F14094">
        <v>4</v>
      </c>
      <c r="G14094" t="s">
        <v>2</v>
      </c>
      <c r="H14094" t="s">
        <v>27172</v>
      </c>
      <c r="I14094" t="s">
        <v>30540</v>
      </c>
    </row>
    <row r="14095" spans="1:9">
      <c r="A14095" s="1">
        <f ca="1">RAND()</f>
        <v>0.7953301846858094</v>
      </c>
      <c r="B14095" s="1"/>
      <c r="C14095">
        <v>1</v>
      </c>
      <c r="D14095" t="s">
        <v>27169</v>
      </c>
      <c r="E14095" t="s">
        <v>34447</v>
      </c>
      <c r="F14095">
        <v>3</v>
      </c>
      <c r="G14095" t="s">
        <v>14</v>
      </c>
      <c r="H14095" t="s">
        <v>27170</v>
      </c>
      <c r="I14095" t="s">
        <v>30540</v>
      </c>
    </row>
    <row r="14096" spans="1:9">
      <c r="A14096" s="1">
        <f ca="1">RAND()</f>
        <v>0.22045797532248113</v>
      </c>
      <c r="B14096" s="1"/>
      <c r="C14096">
        <v>13</v>
      </c>
      <c r="D14096" t="s">
        <v>27173</v>
      </c>
      <c r="E14096" t="s">
        <v>34447</v>
      </c>
      <c r="F14096">
        <v>3</v>
      </c>
      <c r="G14096" t="s">
        <v>14</v>
      </c>
      <c r="H14096" t="s">
        <v>27174</v>
      </c>
      <c r="I14096" t="s">
        <v>30540</v>
      </c>
    </row>
    <row r="14097" spans="1:9">
      <c r="A14097" s="1">
        <f ca="1">RAND()</f>
        <v>0.48103790746372832</v>
      </c>
      <c r="B14097" s="1"/>
      <c r="C14097">
        <v>19</v>
      </c>
      <c r="D14097" t="s">
        <v>27167</v>
      </c>
      <c r="E14097" t="s">
        <v>34448</v>
      </c>
      <c r="F14097">
        <v>5</v>
      </c>
      <c r="G14097" t="s">
        <v>14</v>
      </c>
      <c r="H14097" t="s">
        <v>27168</v>
      </c>
      <c r="I14097" t="s">
        <v>30540</v>
      </c>
    </row>
    <row r="14098" spans="1:9">
      <c r="A14098" s="1">
        <f ca="1">RAND()</f>
        <v>0.93720154274392786</v>
      </c>
      <c r="B14098" s="1"/>
      <c r="C14098">
        <v>9</v>
      </c>
      <c r="D14098" t="s">
        <v>27157</v>
      </c>
      <c r="E14098" t="s">
        <v>34448</v>
      </c>
      <c r="F14098">
        <v>4</v>
      </c>
      <c r="G14098" t="s">
        <v>9</v>
      </c>
      <c r="H14098" t="s">
        <v>27158</v>
      </c>
      <c r="I14098" t="s">
        <v>30540</v>
      </c>
    </row>
    <row r="14099" spans="1:9">
      <c r="A14099" s="1">
        <f ca="1">RAND()</f>
        <v>0.41792348755321884</v>
      </c>
      <c r="B14099" s="1"/>
      <c r="C14099">
        <v>11</v>
      </c>
      <c r="D14099" t="s">
        <v>27161</v>
      </c>
      <c r="E14099" t="s">
        <v>34448</v>
      </c>
      <c r="F14099">
        <v>4</v>
      </c>
      <c r="G14099" t="s">
        <v>14</v>
      </c>
      <c r="H14099" t="s">
        <v>27162</v>
      </c>
      <c r="I14099" t="s">
        <v>30540</v>
      </c>
    </row>
    <row r="14100" spans="1:9">
      <c r="A14100" s="1">
        <f ca="1">RAND()</f>
        <v>0.8912777458527299</v>
      </c>
      <c r="B14100" s="1"/>
      <c r="C14100">
        <v>6</v>
      </c>
      <c r="D14100" t="s">
        <v>27155</v>
      </c>
      <c r="E14100" t="s">
        <v>34448</v>
      </c>
      <c r="F14100">
        <v>4</v>
      </c>
      <c r="G14100" t="s">
        <v>9</v>
      </c>
      <c r="H14100" t="s">
        <v>27156</v>
      </c>
      <c r="I14100" t="s">
        <v>30540</v>
      </c>
    </row>
    <row r="14101" spans="1:9">
      <c r="A14101" s="1">
        <f ca="1">RAND()</f>
        <v>0.81019691385950121</v>
      </c>
      <c r="B14101" s="1"/>
      <c r="C14101">
        <v>10</v>
      </c>
      <c r="D14101" t="s">
        <v>27159</v>
      </c>
      <c r="E14101" t="s">
        <v>34448</v>
      </c>
      <c r="F14101">
        <v>4</v>
      </c>
      <c r="G14101" t="s">
        <v>14</v>
      </c>
      <c r="H14101" t="s">
        <v>27160</v>
      </c>
      <c r="I14101" t="s">
        <v>30540</v>
      </c>
    </row>
    <row r="14102" spans="1:9">
      <c r="A14102" s="1">
        <f ca="1">RAND()</f>
        <v>0.95852855503541134</v>
      </c>
      <c r="B14102" s="1"/>
      <c r="C14102">
        <v>16</v>
      </c>
      <c r="D14102" t="s">
        <v>27165</v>
      </c>
      <c r="E14102" t="s">
        <v>34448</v>
      </c>
      <c r="F14102">
        <v>3</v>
      </c>
      <c r="G14102" t="s">
        <v>14</v>
      </c>
      <c r="H14102" t="s">
        <v>27166</v>
      </c>
      <c r="I14102" t="s">
        <v>30540</v>
      </c>
    </row>
    <row r="14103" spans="1:9">
      <c r="A14103" s="1">
        <f ca="1">RAND()</f>
        <v>0.94200374427676237</v>
      </c>
      <c r="B14103" s="1"/>
      <c r="C14103">
        <v>14</v>
      </c>
      <c r="D14103" t="s">
        <v>27163</v>
      </c>
      <c r="E14103" t="s">
        <v>34448</v>
      </c>
      <c r="F14103">
        <v>3</v>
      </c>
      <c r="G14103" t="s">
        <v>14</v>
      </c>
      <c r="H14103" t="s">
        <v>27164</v>
      </c>
      <c r="I14103" t="s">
        <v>30540</v>
      </c>
    </row>
    <row r="14104" spans="1:9">
      <c r="A14104" s="1">
        <f ca="1">RAND()</f>
        <v>0.94165747386787835</v>
      </c>
      <c r="B14104" s="1"/>
      <c r="C14104">
        <v>16</v>
      </c>
      <c r="D14104" t="s">
        <v>27153</v>
      </c>
      <c r="E14104" t="s">
        <v>34449</v>
      </c>
      <c r="F14104">
        <v>5</v>
      </c>
      <c r="G14104" t="s">
        <v>14</v>
      </c>
      <c r="H14104" t="s">
        <v>27154</v>
      </c>
      <c r="I14104" t="s">
        <v>30540</v>
      </c>
    </row>
    <row r="14105" spans="1:9">
      <c r="A14105" s="1">
        <f ca="1">RAND()</f>
        <v>0.10734277111673274</v>
      </c>
      <c r="B14105" s="1"/>
      <c r="C14105">
        <v>3</v>
      </c>
      <c r="D14105" t="s">
        <v>27149</v>
      </c>
      <c r="E14105" t="s">
        <v>34449</v>
      </c>
      <c r="F14105">
        <v>4</v>
      </c>
      <c r="G14105" t="s">
        <v>15</v>
      </c>
      <c r="H14105" t="s">
        <v>27150</v>
      </c>
      <c r="I14105" t="s">
        <v>30540</v>
      </c>
    </row>
    <row r="14106" spans="1:9">
      <c r="A14106" s="1">
        <f ca="1">RAND()</f>
        <v>0.68976370890501426</v>
      </c>
      <c r="B14106" s="1"/>
      <c r="C14106">
        <v>12</v>
      </c>
      <c r="D14106" t="s">
        <v>27151</v>
      </c>
      <c r="E14106" t="s">
        <v>34449</v>
      </c>
      <c r="F14106">
        <v>4</v>
      </c>
      <c r="G14106" t="s">
        <v>14</v>
      </c>
      <c r="H14106" t="s">
        <v>27152</v>
      </c>
      <c r="I14106" t="s">
        <v>30540</v>
      </c>
    </row>
    <row r="14107" spans="1:9">
      <c r="A14107" s="1">
        <f ca="1">RAND()</f>
        <v>0.43937006588654959</v>
      </c>
      <c r="B14107" s="1"/>
      <c r="C14107">
        <v>8</v>
      </c>
      <c r="D14107" t="s">
        <v>27147</v>
      </c>
      <c r="E14107" t="s">
        <v>34450</v>
      </c>
      <c r="F14107">
        <v>4</v>
      </c>
      <c r="G14107" t="s">
        <v>14</v>
      </c>
      <c r="H14107" t="s">
        <v>27148</v>
      </c>
      <c r="I14107" t="s">
        <v>30540</v>
      </c>
    </row>
    <row r="14108" spans="1:9">
      <c r="A14108" s="1">
        <f ca="1">RAND()</f>
        <v>0.51922931818828699</v>
      </c>
      <c r="B14108" s="1"/>
      <c r="C14108">
        <v>6</v>
      </c>
      <c r="D14108" t="s">
        <v>27145</v>
      </c>
      <c r="E14108" t="s">
        <v>34450</v>
      </c>
      <c r="F14108">
        <v>4</v>
      </c>
      <c r="G14108" t="s">
        <v>14</v>
      </c>
      <c r="H14108" t="s">
        <v>27146</v>
      </c>
      <c r="I14108" t="s">
        <v>30540</v>
      </c>
    </row>
    <row r="14109" spans="1:9">
      <c r="A14109" s="1">
        <f ca="1">RAND()</f>
        <v>0.60265193345903156</v>
      </c>
      <c r="B14109" s="1"/>
      <c r="C14109">
        <v>4</v>
      </c>
      <c r="D14109" t="s">
        <v>27133</v>
      </c>
      <c r="E14109" t="s">
        <v>34451</v>
      </c>
      <c r="F14109">
        <v>4</v>
      </c>
      <c r="G14109" t="s">
        <v>3107</v>
      </c>
      <c r="H14109" t="s">
        <v>27134</v>
      </c>
      <c r="I14109" t="s">
        <v>30540</v>
      </c>
    </row>
    <row r="14110" spans="1:9">
      <c r="A14110" s="1">
        <f ca="1">RAND()</f>
        <v>0.18374299940136896</v>
      </c>
      <c r="B14110" s="1"/>
      <c r="C14110">
        <v>8</v>
      </c>
      <c r="D14110" t="s">
        <v>27139</v>
      </c>
      <c r="E14110" t="s">
        <v>34451</v>
      </c>
      <c r="F14110">
        <v>4</v>
      </c>
      <c r="G14110" t="s">
        <v>3732</v>
      </c>
      <c r="H14110" t="s">
        <v>27140</v>
      </c>
      <c r="I14110" t="s">
        <v>30540</v>
      </c>
    </row>
    <row r="14111" spans="1:9">
      <c r="A14111" s="1">
        <f ca="1">RAND()</f>
        <v>0.88855357034109783</v>
      </c>
      <c r="B14111" s="1"/>
      <c r="C14111">
        <v>11</v>
      </c>
      <c r="D14111" t="s">
        <v>27141</v>
      </c>
      <c r="E14111" t="s">
        <v>34451</v>
      </c>
      <c r="F14111">
        <v>4</v>
      </c>
      <c r="G14111" t="s">
        <v>14</v>
      </c>
      <c r="H14111" t="s">
        <v>27142</v>
      </c>
      <c r="I14111" t="s">
        <v>30540</v>
      </c>
    </row>
    <row r="14112" spans="1:9">
      <c r="A14112" s="1">
        <f ca="1">RAND()</f>
        <v>0.51007669595594518</v>
      </c>
      <c r="B14112" s="1"/>
      <c r="C14112">
        <v>1</v>
      </c>
      <c r="D14112" t="s">
        <v>27131</v>
      </c>
      <c r="E14112" t="s">
        <v>34451</v>
      </c>
      <c r="F14112">
        <v>4</v>
      </c>
      <c r="G14112" t="s">
        <v>10</v>
      </c>
      <c r="H14112" t="s">
        <v>27132</v>
      </c>
      <c r="I14112" t="s">
        <v>30540</v>
      </c>
    </row>
    <row r="14113" spans="1:9">
      <c r="A14113" s="1">
        <f ca="1">RAND()</f>
        <v>0.41964431471705799</v>
      </c>
      <c r="B14113" s="1"/>
      <c r="C14113">
        <v>7</v>
      </c>
      <c r="D14113" t="s">
        <v>27137</v>
      </c>
      <c r="E14113" t="s">
        <v>34451</v>
      </c>
      <c r="F14113">
        <v>4</v>
      </c>
      <c r="G14113" t="s">
        <v>762</v>
      </c>
      <c r="H14113" t="s">
        <v>27138</v>
      </c>
      <c r="I14113" t="s">
        <v>30540</v>
      </c>
    </row>
    <row r="14114" spans="1:9">
      <c r="A14114" s="1">
        <f ca="1">RAND()</f>
        <v>0.53169682500501692</v>
      </c>
      <c r="B14114" s="1"/>
      <c r="C14114">
        <v>5</v>
      </c>
      <c r="D14114" t="s">
        <v>27135</v>
      </c>
      <c r="E14114" t="s">
        <v>34451</v>
      </c>
      <c r="F14114">
        <v>4</v>
      </c>
      <c r="G14114" t="s">
        <v>770</v>
      </c>
      <c r="H14114" t="s">
        <v>27136</v>
      </c>
      <c r="I14114" t="s">
        <v>30540</v>
      </c>
    </row>
    <row r="14115" spans="1:9">
      <c r="A14115" s="1">
        <f ca="1">RAND()</f>
        <v>0.64856652740083054</v>
      </c>
      <c r="B14115" s="1"/>
      <c r="C14115">
        <v>16</v>
      </c>
      <c r="D14115" t="s">
        <v>27143</v>
      </c>
      <c r="E14115" t="s">
        <v>34451</v>
      </c>
      <c r="F14115">
        <v>4</v>
      </c>
      <c r="G14115" t="s">
        <v>15</v>
      </c>
      <c r="H14115" t="s">
        <v>27144</v>
      </c>
      <c r="I14115" t="s">
        <v>30540</v>
      </c>
    </row>
    <row r="14116" spans="1:9">
      <c r="A14116" s="1">
        <f ca="1">RAND()</f>
        <v>0.52707448742648522</v>
      </c>
      <c r="B14116" s="1"/>
      <c r="C14116">
        <v>11</v>
      </c>
      <c r="D14116" t="s">
        <v>27127</v>
      </c>
      <c r="E14116" t="s">
        <v>34452</v>
      </c>
      <c r="F14116">
        <v>4</v>
      </c>
      <c r="G14116" t="s">
        <v>14</v>
      </c>
      <c r="H14116" t="s">
        <v>27128</v>
      </c>
      <c r="I14116" t="s">
        <v>30540</v>
      </c>
    </row>
    <row r="14117" spans="1:9">
      <c r="A14117" s="1">
        <f ca="1">RAND()</f>
        <v>0.75990274191907303</v>
      </c>
      <c r="B14117" s="1"/>
      <c r="C14117">
        <v>18</v>
      </c>
      <c r="D14117" t="s">
        <v>27129</v>
      </c>
      <c r="E14117" t="s">
        <v>34452</v>
      </c>
      <c r="F14117">
        <v>4</v>
      </c>
      <c r="G14117" t="s">
        <v>14</v>
      </c>
      <c r="H14117" t="s">
        <v>27130</v>
      </c>
      <c r="I14117" t="s">
        <v>30540</v>
      </c>
    </row>
    <row r="14118" spans="1:9">
      <c r="A14118" s="1">
        <f ca="1">RAND()</f>
        <v>0.37147648310505632</v>
      </c>
      <c r="B14118" s="1"/>
      <c r="C14118">
        <v>9</v>
      </c>
      <c r="D14118" t="s">
        <v>27125</v>
      </c>
      <c r="E14118" t="s">
        <v>34452</v>
      </c>
      <c r="F14118">
        <v>3</v>
      </c>
      <c r="G14118" t="s">
        <v>14</v>
      </c>
      <c r="H14118" t="s">
        <v>27126</v>
      </c>
      <c r="I14118" t="s">
        <v>30540</v>
      </c>
    </row>
    <row r="14119" spans="1:9">
      <c r="A14119" s="1">
        <f ca="1">RAND()</f>
        <v>0.86380756373855794</v>
      </c>
      <c r="B14119" s="1"/>
      <c r="C14119">
        <v>3</v>
      </c>
      <c r="D14119" t="s">
        <v>27121</v>
      </c>
      <c r="E14119" t="s">
        <v>34453</v>
      </c>
      <c r="F14119">
        <v>4</v>
      </c>
      <c r="G14119" t="s">
        <v>9</v>
      </c>
      <c r="H14119" t="s">
        <v>27122</v>
      </c>
      <c r="I14119" t="s">
        <v>30540</v>
      </c>
    </row>
    <row r="14120" spans="1:9">
      <c r="A14120" s="1">
        <f ca="1">RAND()</f>
        <v>0.67530792343558055</v>
      </c>
      <c r="B14120" s="1"/>
      <c r="C14120">
        <v>14</v>
      </c>
      <c r="D14120" t="s">
        <v>27123</v>
      </c>
      <c r="E14120" t="s">
        <v>34453</v>
      </c>
      <c r="F14120">
        <v>4</v>
      </c>
      <c r="G14120" t="s">
        <v>14</v>
      </c>
      <c r="H14120" t="s">
        <v>27124</v>
      </c>
      <c r="I14120" t="s">
        <v>30540</v>
      </c>
    </row>
    <row r="14121" spans="1:9">
      <c r="A14121" s="1">
        <f ca="1">RAND()</f>
        <v>0.88679660322684828</v>
      </c>
      <c r="B14121" s="1"/>
      <c r="C14121">
        <v>2</v>
      </c>
      <c r="D14121" t="s">
        <v>27119</v>
      </c>
      <c r="E14121" t="s">
        <v>34453</v>
      </c>
      <c r="F14121">
        <v>4</v>
      </c>
      <c r="G14121" t="s">
        <v>9</v>
      </c>
      <c r="H14121" t="s">
        <v>27120</v>
      </c>
      <c r="I14121" t="s">
        <v>30540</v>
      </c>
    </row>
    <row r="14122" spans="1:9">
      <c r="A14122" s="1">
        <f ca="1">RAND()</f>
        <v>0.98951811350915009</v>
      </c>
      <c r="B14122" s="1"/>
      <c r="C14122">
        <v>5</v>
      </c>
      <c r="D14122" t="s">
        <v>27115</v>
      </c>
      <c r="E14122" t="s">
        <v>34454</v>
      </c>
      <c r="F14122">
        <v>4</v>
      </c>
      <c r="G14122" t="s">
        <v>13</v>
      </c>
      <c r="H14122" t="s">
        <v>27116</v>
      </c>
      <c r="I14122" t="s">
        <v>30540</v>
      </c>
    </row>
    <row r="14123" spans="1:9">
      <c r="A14123" s="1">
        <f ca="1">RAND()</f>
        <v>0.45606833301684868</v>
      </c>
      <c r="B14123" s="1"/>
      <c r="C14123">
        <v>12</v>
      </c>
      <c r="D14123" t="s">
        <v>27117</v>
      </c>
      <c r="E14123" t="s">
        <v>34454</v>
      </c>
      <c r="F14123">
        <v>4</v>
      </c>
      <c r="G14123" t="s">
        <v>14</v>
      </c>
      <c r="H14123" t="s">
        <v>27118</v>
      </c>
      <c r="I14123" t="s">
        <v>30540</v>
      </c>
    </row>
    <row r="14124" spans="1:9">
      <c r="A14124" s="1">
        <f ca="1">RAND()</f>
        <v>0.72363399317620214</v>
      </c>
      <c r="B14124" s="1"/>
      <c r="C14124">
        <v>1</v>
      </c>
      <c r="D14124" t="s">
        <v>27113</v>
      </c>
      <c r="E14124" t="s">
        <v>34454</v>
      </c>
      <c r="F14124">
        <v>3</v>
      </c>
      <c r="G14124" t="s">
        <v>15</v>
      </c>
      <c r="H14124" t="s">
        <v>27114</v>
      </c>
      <c r="I14124" t="s">
        <v>30540</v>
      </c>
    </row>
    <row r="14125" spans="1:9">
      <c r="A14125" s="1">
        <f ca="1">RAND()</f>
        <v>0.66139201303821116</v>
      </c>
      <c r="B14125" s="1"/>
      <c r="C14125">
        <v>6</v>
      </c>
      <c r="D14125" t="s">
        <v>27109</v>
      </c>
      <c r="E14125" t="s">
        <v>34455</v>
      </c>
      <c r="F14125">
        <v>4</v>
      </c>
      <c r="G14125" t="s">
        <v>14</v>
      </c>
      <c r="H14125" t="s">
        <v>27110</v>
      </c>
      <c r="I14125" t="s">
        <v>30540</v>
      </c>
    </row>
    <row r="14126" spans="1:9">
      <c r="A14126" s="1">
        <f ca="1">RAND()</f>
        <v>0.83509060279649938</v>
      </c>
      <c r="B14126" s="1"/>
      <c r="C14126">
        <v>11</v>
      </c>
      <c r="D14126" t="s">
        <v>27111</v>
      </c>
      <c r="E14126" t="s">
        <v>34455</v>
      </c>
      <c r="F14126">
        <v>4</v>
      </c>
      <c r="G14126" t="s">
        <v>14</v>
      </c>
      <c r="H14126" t="s">
        <v>27112</v>
      </c>
      <c r="I14126" t="s">
        <v>30540</v>
      </c>
    </row>
    <row r="14127" spans="1:9">
      <c r="A14127" s="1">
        <f ca="1">RAND()</f>
        <v>6.974962444917121E-2</v>
      </c>
      <c r="B14127" s="1"/>
      <c r="C14127">
        <v>16</v>
      </c>
      <c r="D14127" t="s">
        <v>27107</v>
      </c>
      <c r="E14127" t="s">
        <v>34456</v>
      </c>
      <c r="F14127">
        <v>4</v>
      </c>
      <c r="G14127" t="s">
        <v>1426</v>
      </c>
      <c r="H14127" t="s">
        <v>27108</v>
      </c>
      <c r="I14127" t="s">
        <v>30540</v>
      </c>
    </row>
    <row r="14128" spans="1:9">
      <c r="A14128" s="1">
        <f ca="1">RAND()</f>
        <v>4.5691852757356433E-2</v>
      </c>
      <c r="B14128" s="1"/>
      <c r="C14128">
        <v>1</v>
      </c>
      <c r="D14128" t="s">
        <v>27103</v>
      </c>
      <c r="E14128" t="s">
        <v>34456</v>
      </c>
      <c r="F14128">
        <v>4</v>
      </c>
      <c r="G14128" t="s">
        <v>10</v>
      </c>
      <c r="H14128" t="s">
        <v>27104</v>
      </c>
      <c r="I14128" t="s">
        <v>30540</v>
      </c>
    </row>
    <row r="14129" spans="1:9">
      <c r="A14129" s="1">
        <f ca="1">RAND()</f>
        <v>0.37743444154765182</v>
      </c>
      <c r="B14129" s="1"/>
      <c r="C14129">
        <v>14</v>
      </c>
      <c r="D14129" t="s">
        <v>27105</v>
      </c>
      <c r="E14129" t="s">
        <v>34456</v>
      </c>
      <c r="F14129">
        <v>2</v>
      </c>
      <c r="G14129" t="s">
        <v>14</v>
      </c>
      <c r="H14129" t="s">
        <v>27106</v>
      </c>
      <c r="I14129" t="s">
        <v>30540</v>
      </c>
    </row>
    <row r="14130" spans="1:9">
      <c r="A14130" s="1">
        <f ca="1">RAND()</f>
        <v>0.98900986518395628</v>
      </c>
      <c r="B14130" s="1"/>
      <c r="C14130">
        <v>11</v>
      </c>
      <c r="D14130" t="s">
        <v>27099</v>
      </c>
      <c r="E14130" t="s">
        <v>34457</v>
      </c>
      <c r="F14130">
        <v>4</v>
      </c>
      <c r="G14130" t="s">
        <v>14</v>
      </c>
      <c r="H14130" t="s">
        <v>27100</v>
      </c>
      <c r="I14130" t="s">
        <v>30540</v>
      </c>
    </row>
    <row r="14131" spans="1:9">
      <c r="A14131" s="1">
        <f ca="1">RAND()</f>
        <v>7.5457201546194841E-2</v>
      </c>
      <c r="B14131" s="1"/>
      <c r="C14131">
        <v>13</v>
      </c>
      <c r="D14131" t="s">
        <v>27101</v>
      </c>
      <c r="E14131" t="s">
        <v>34457</v>
      </c>
      <c r="F14131">
        <v>2</v>
      </c>
      <c r="G14131" t="s">
        <v>14</v>
      </c>
      <c r="H14131" t="s">
        <v>27102</v>
      </c>
      <c r="I14131" t="s">
        <v>30540</v>
      </c>
    </row>
    <row r="14132" spans="1:9">
      <c r="A14132" s="1">
        <f ca="1">RAND()</f>
        <v>0.1450719531886121</v>
      </c>
      <c r="B14132" s="1"/>
      <c r="C14132">
        <v>15</v>
      </c>
      <c r="D14132" t="s">
        <v>27091</v>
      </c>
      <c r="E14132" t="s">
        <v>34458</v>
      </c>
      <c r="F14132">
        <v>5</v>
      </c>
      <c r="G14132" t="s">
        <v>9</v>
      </c>
      <c r="H14132" t="s">
        <v>27092</v>
      </c>
      <c r="I14132" t="s">
        <v>30540</v>
      </c>
    </row>
    <row r="14133" spans="1:9">
      <c r="A14133" s="1">
        <f ca="1">RAND()</f>
        <v>0.12020287066144208</v>
      </c>
      <c r="B14133" s="1"/>
      <c r="C14133">
        <v>19</v>
      </c>
      <c r="D14133" t="s">
        <v>27097</v>
      </c>
      <c r="E14133" t="s">
        <v>34458</v>
      </c>
      <c r="F14133">
        <v>5</v>
      </c>
      <c r="G14133" t="s">
        <v>14</v>
      </c>
      <c r="H14133" t="s">
        <v>27098</v>
      </c>
      <c r="I14133" t="s">
        <v>30540</v>
      </c>
    </row>
    <row r="14134" spans="1:9">
      <c r="A14134" s="1">
        <f ca="1">RAND()</f>
        <v>0.73594715604295335</v>
      </c>
      <c r="B14134" s="1"/>
      <c r="C14134">
        <v>17</v>
      </c>
      <c r="D14134" t="s">
        <v>27093</v>
      </c>
      <c r="E14134" t="s">
        <v>34458</v>
      </c>
      <c r="F14134">
        <v>4</v>
      </c>
      <c r="G14134" t="s">
        <v>14</v>
      </c>
      <c r="H14134" t="s">
        <v>27094</v>
      </c>
      <c r="I14134" t="s">
        <v>30540</v>
      </c>
    </row>
    <row r="14135" spans="1:9">
      <c r="A14135" s="1">
        <f ca="1">RAND()</f>
        <v>0.38561513073207054</v>
      </c>
      <c r="B14135" s="1"/>
      <c r="C14135">
        <v>18</v>
      </c>
      <c r="D14135" t="s">
        <v>27095</v>
      </c>
      <c r="E14135" t="s">
        <v>34458</v>
      </c>
      <c r="F14135">
        <v>4</v>
      </c>
      <c r="G14135" t="s">
        <v>14</v>
      </c>
      <c r="H14135" t="s">
        <v>27096</v>
      </c>
      <c r="I14135" t="s">
        <v>30540</v>
      </c>
    </row>
    <row r="14136" spans="1:9">
      <c r="A14136" s="1">
        <f ca="1">RAND()</f>
        <v>0.73789056855828683</v>
      </c>
      <c r="B14136" s="1"/>
      <c r="C14136">
        <v>5</v>
      </c>
      <c r="D14136" t="s">
        <v>27085</v>
      </c>
      <c r="E14136" t="s">
        <v>34459</v>
      </c>
      <c r="F14136">
        <v>4</v>
      </c>
      <c r="G14136" t="s">
        <v>14</v>
      </c>
      <c r="H14136" t="s">
        <v>27086</v>
      </c>
      <c r="I14136" t="s">
        <v>30540</v>
      </c>
    </row>
    <row r="14137" spans="1:9">
      <c r="A14137" s="1">
        <f ca="1">RAND()</f>
        <v>5.7570537538491062E-2</v>
      </c>
      <c r="B14137" s="1"/>
      <c r="C14137">
        <v>13</v>
      </c>
      <c r="D14137" t="s">
        <v>27089</v>
      </c>
      <c r="E14137" t="s">
        <v>34459</v>
      </c>
      <c r="F14137">
        <v>4</v>
      </c>
      <c r="G14137" t="s">
        <v>14</v>
      </c>
      <c r="H14137" t="s">
        <v>27090</v>
      </c>
      <c r="I14137" t="s">
        <v>30540</v>
      </c>
    </row>
    <row r="14138" spans="1:9">
      <c r="A14138" s="1">
        <f ca="1">RAND()</f>
        <v>0.87181119483284086</v>
      </c>
      <c r="B14138" s="1"/>
      <c r="C14138">
        <v>10</v>
      </c>
      <c r="D14138" t="s">
        <v>27087</v>
      </c>
      <c r="E14138" t="s">
        <v>34459</v>
      </c>
      <c r="F14138">
        <v>4</v>
      </c>
      <c r="G14138" t="s">
        <v>14</v>
      </c>
      <c r="H14138" t="s">
        <v>27088</v>
      </c>
      <c r="I14138" t="s">
        <v>30540</v>
      </c>
    </row>
    <row r="14139" spans="1:9">
      <c r="A14139" s="1">
        <f ca="1">RAND()</f>
        <v>0.23136171941044925</v>
      </c>
      <c r="B14139" s="1"/>
      <c r="C14139">
        <v>4</v>
      </c>
      <c r="D14139" t="s">
        <v>27083</v>
      </c>
      <c r="E14139" t="s">
        <v>34459</v>
      </c>
      <c r="F14139">
        <v>3</v>
      </c>
      <c r="G14139" t="s">
        <v>14</v>
      </c>
      <c r="H14139" t="s">
        <v>27084</v>
      </c>
      <c r="I14139" t="s">
        <v>30540</v>
      </c>
    </row>
    <row r="14140" spans="1:9">
      <c r="A14140" s="1">
        <f ca="1">RAND()</f>
        <v>0.10256932478008263</v>
      </c>
      <c r="B14140" s="1"/>
      <c r="C14140">
        <v>4</v>
      </c>
      <c r="D14140" t="s">
        <v>27075</v>
      </c>
      <c r="E14140" t="s">
        <v>34460</v>
      </c>
      <c r="F14140">
        <v>5</v>
      </c>
      <c r="G14140" t="s">
        <v>15</v>
      </c>
      <c r="H14140" t="s">
        <v>27076</v>
      </c>
      <c r="I14140" t="s">
        <v>30540</v>
      </c>
    </row>
    <row r="14141" spans="1:9">
      <c r="A14141" s="1">
        <f ca="1">RAND()</f>
        <v>0.26669244091943722</v>
      </c>
      <c r="B14141" s="1"/>
      <c r="C14141">
        <v>8</v>
      </c>
      <c r="D14141" t="s">
        <v>27077</v>
      </c>
      <c r="E14141" t="s">
        <v>34460</v>
      </c>
      <c r="F14141">
        <v>4</v>
      </c>
      <c r="G14141" t="s">
        <v>9</v>
      </c>
      <c r="H14141" t="s">
        <v>27078</v>
      </c>
      <c r="I14141" t="s">
        <v>30540</v>
      </c>
    </row>
    <row r="14142" spans="1:9">
      <c r="A14142" s="1">
        <f ca="1">RAND()</f>
        <v>0.51519161111529699</v>
      </c>
      <c r="B14142" s="1"/>
      <c r="C14142">
        <v>12</v>
      </c>
      <c r="D14142" t="s">
        <v>27079</v>
      </c>
      <c r="E14142" t="s">
        <v>34460</v>
      </c>
      <c r="F14142">
        <v>4</v>
      </c>
      <c r="G14142" t="s">
        <v>9</v>
      </c>
      <c r="H14142" t="s">
        <v>27080</v>
      </c>
      <c r="I14142" t="s">
        <v>30540</v>
      </c>
    </row>
    <row r="14143" spans="1:9">
      <c r="A14143" s="1">
        <f ca="1">RAND()</f>
        <v>0.13408434135233271</v>
      </c>
      <c r="B14143" s="1"/>
      <c r="C14143">
        <v>13</v>
      </c>
      <c r="D14143" t="s">
        <v>27081</v>
      </c>
      <c r="E14143" t="s">
        <v>34460</v>
      </c>
      <c r="F14143">
        <v>4</v>
      </c>
      <c r="G14143" t="s">
        <v>9</v>
      </c>
      <c r="H14143" t="s">
        <v>27082</v>
      </c>
      <c r="I14143" t="s">
        <v>30540</v>
      </c>
    </row>
    <row r="14144" spans="1:9">
      <c r="A14144" s="1">
        <f ca="1">RAND()</f>
        <v>0.27251493486706202</v>
      </c>
      <c r="B14144" s="1"/>
      <c r="C14144">
        <v>14</v>
      </c>
      <c r="D14144" t="s">
        <v>27071</v>
      </c>
      <c r="E14144" t="s">
        <v>34461</v>
      </c>
      <c r="F14144">
        <v>4</v>
      </c>
      <c r="G14144" t="s">
        <v>9</v>
      </c>
      <c r="H14144" t="s">
        <v>27072</v>
      </c>
      <c r="I14144" t="s">
        <v>30540</v>
      </c>
    </row>
    <row r="14145" spans="1:9">
      <c r="A14145" s="1">
        <f ca="1">RAND()</f>
        <v>5.3399144286452871E-2</v>
      </c>
      <c r="B14145" s="1"/>
      <c r="C14145">
        <v>18</v>
      </c>
      <c r="D14145" t="s">
        <v>27073</v>
      </c>
      <c r="E14145" t="s">
        <v>34461</v>
      </c>
      <c r="F14145">
        <v>4</v>
      </c>
      <c r="G14145" t="s">
        <v>9</v>
      </c>
      <c r="H14145" t="s">
        <v>27074</v>
      </c>
      <c r="I14145" t="s">
        <v>30540</v>
      </c>
    </row>
    <row r="14146" spans="1:9">
      <c r="A14146" s="1">
        <f ca="1">RAND()</f>
        <v>0.54448834881042274</v>
      </c>
      <c r="B14146" s="1"/>
      <c r="C14146">
        <v>13</v>
      </c>
      <c r="D14146" t="s">
        <v>27069</v>
      </c>
      <c r="E14146" t="s">
        <v>34461</v>
      </c>
      <c r="F14146">
        <v>3</v>
      </c>
      <c r="G14146" t="s">
        <v>9</v>
      </c>
      <c r="H14146" t="s">
        <v>27070</v>
      </c>
      <c r="I14146" t="s">
        <v>30540</v>
      </c>
    </row>
    <row r="14147" spans="1:9">
      <c r="A14147" s="1">
        <f ca="1">RAND()</f>
        <v>4.6143656690308066E-2</v>
      </c>
      <c r="B14147" s="1"/>
      <c r="C14147">
        <v>11</v>
      </c>
      <c r="D14147" t="s">
        <v>27067</v>
      </c>
      <c r="E14147" t="s">
        <v>34462</v>
      </c>
      <c r="F14147">
        <v>5</v>
      </c>
      <c r="G14147" t="s">
        <v>0</v>
      </c>
      <c r="H14147" t="s">
        <v>27068</v>
      </c>
      <c r="I14147" t="s">
        <v>30540</v>
      </c>
    </row>
    <row r="14148" spans="1:9">
      <c r="A14148" s="1">
        <f ca="1">RAND()</f>
        <v>0.57633540247656412</v>
      </c>
      <c r="B14148" s="1"/>
      <c r="C14148">
        <v>1</v>
      </c>
      <c r="D14148" t="s">
        <v>27065</v>
      </c>
      <c r="E14148" t="s">
        <v>34462</v>
      </c>
      <c r="F14148">
        <v>2</v>
      </c>
      <c r="G14148" t="s">
        <v>9</v>
      </c>
      <c r="H14148" t="s">
        <v>27066</v>
      </c>
      <c r="I14148" t="s">
        <v>30540</v>
      </c>
    </row>
    <row r="14149" spans="1:9">
      <c r="A14149" s="1">
        <f ca="1">RAND()</f>
        <v>0.83626754301160056</v>
      </c>
      <c r="B14149" s="1"/>
      <c r="C14149">
        <v>2</v>
      </c>
      <c r="D14149" t="s">
        <v>27061</v>
      </c>
      <c r="E14149" t="s">
        <v>34463</v>
      </c>
      <c r="F14149">
        <v>5</v>
      </c>
      <c r="G14149" t="s">
        <v>14</v>
      </c>
      <c r="H14149" t="s">
        <v>27062</v>
      </c>
      <c r="I14149" t="s">
        <v>30540</v>
      </c>
    </row>
    <row r="14150" spans="1:9">
      <c r="A14150" s="1">
        <f ca="1">RAND()</f>
        <v>0.28591209013527019</v>
      </c>
      <c r="B14150" s="1"/>
      <c r="C14150">
        <v>9</v>
      </c>
      <c r="D14150" t="s">
        <v>27063</v>
      </c>
      <c r="E14150" t="s">
        <v>34463</v>
      </c>
      <c r="F14150">
        <v>4</v>
      </c>
      <c r="G14150" t="s">
        <v>15</v>
      </c>
      <c r="H14150" t="s">
        <v>27064</v>
      </c>
      <c r="I14150" t="s">
        <v>30540</v>
      </c>
    </row>
    <row r="14151" spans="1:9">
      <c r="A14151" s="1">
        <f ca="1">RAND()</f>
        <v>8.6306536340264972E-2</v>
      </c>
      <c r="B14151" s="1"/>
      <c r="C14151">
        <v>14</v>
      </c>
      <c r="D14151" t="s">
        <v>27057</v>
      </c>
      <c r="E14151" t="s">
        <v>34464</v>
      </c>
      <c r="F14151">
        <v>4</v>
      </c>
      <c r="G14151" t="s">
        <v>9</v>
      </c>
      <c r="H14151" t="s">
        <v>27058</v>
      </c>
      <c r="I14151" t="s">
        <v>30540</v>
      </c>
    </row>
    <row r="14152" spans="1:9">
      <c r="A14152" s="1">
        <f ca="1">RAND()</f>
        <v>0.72929296984149616</v>
      </c>
      <c r="B14152" s="1"/>
      <c r="C14152">
        <v>15</v>
      </c>
      <c r="D14152" t="s">
        <v>27059</v>
      </c>
      <c r="E14152" t="s">
        <v>34464</v>
      </c>
      <c r="F14152">
        <v>3</v>
      </c>
      <c r="G14152" t="s">
        <v>9</v>
      </c>
      <c r="H14152" t="s">
        <v>27060</v>
      </c>
      <c r="I14152" t="s">
        <v>30540</v>
      </c>
    </row>
    <row r="14153" spans="1:9">
      <c r="A14153" s="1">
        <f ca="1">RAND()</f>
        <v>0.12446636714056858</v>
      </c>
      <c r="B14153" s="1"/>
      <c r="C14153">
        <v>9</v>
      </c>
      <c r="D14153" t="s">
        <v>27053</v>
      </c>
      <c r="E14153" t="s">
        <v>34465</v>
      </c>
      <c r="F14153">
        <v>5</v>
      </c>
      <c r="G14153" t="s">
        <v>9</v>
      </c>
      <c r="H14153" t="s">
        <v>27054</v>
      </c>
      <c r="I14153" t="s">
        <v>30540</v>
      </c>
    </row>
    <row r="14154" spans="1:9">
      <c r="A14154" s="1">
        <f ca="1">RAND()</f>
        <v>1.2857397965535533E-3</v>
      </c>
      <c r="B14154" s="1"/>
      <c r="C14154">
        <v>5</v>
      </c>
      <c r="D14154" t="s">
        <v>27051</v>
      </c>
      <c r="E14154" t="s">
        <v>34465</v>
      </c>
      <c r="F14154">
        <v>5</v>
      </c>
      <c r="G14154" t="s">
        <v>9</v>
      </c>
      <c r="H14154" t="s">
        <v>27052</v>
      </c>
      <c r="I14154" t="s">
        <v>30540</v>
      </c>
    </row>
    <row r="14155" spans="1:9">
      <c r="A14155" s="1">
        <f ca="1">RAND()</f>
        <v>0.13215527694708351</v>
      </c>
      <c r="B14155" s="1"/>
      <c r="C14155">
        <v>12</v>
      </c>
      <c r="D14155" t="s">
        <v>27055</v>
      </c>
      <c r="E14155" t="s">
        <v>34465</v>
      </c>
      <c r="F14155">
        <v>4</v>
      </c>
      <c r="G14155" t="s">
        <v>9</v>
      </c>
      <c r="H14155" t="s">
        <v>27056</v>
      </c>
      <c r="I14155" t="s">
        <v>30540</v>
      </c>
    </row>
    <row r="14156" spans="1:9">
      <c r="A14156" s="1">
        <f ca="1">RAND()</f>
        <v>0.250632795415347</v>
      </c>
      <c r="B14156" s="1"/>
      <c r="C14156">
        <v>9</v>
      </c>
      <c r="D14156" t="s">
        <v>27047</v>
      </c>
      <c r="E14156" t="s">
        <v>34466</v>
      </c>
      <c r="F14156">
        <v>5</v>
      </c>
      <c r="G14156" t="s">
        <v>9</v>
      </c>
      <c r="H14156" t="s">
        <v>27048</v>
      </c>
      <c r="I14156" t="s">
        <v>30540</v>
      </c>
    </row>
    <row r="14157" spans="1:9">
      <c r="A14157" s="1">
        <f ca="1">RAND()</f>
        <v>0.93736131913027676</v>
      </c>
      <c r="B14157" s="1"/>
      <c r="C14157">
        <v>10</v>
      </c>
      <c r="D14157" t="s">
        <v>27049</v>
      </c>
      <c r="E14157" t="s">
        <v>34466</v>
      </c>
      <c r="F14157">
        <v>4</v>
      </c>
      <c r="G14157" t="s">
        <v>9</v>
      </c>
      <c r="H14157" t="s">
        <v>27050</v>
      </c>
      <c r="I14157" t="s">
        <v>30540</v>
      </c>
    </row>
    <row r="14158" spans="1:9">
      <c r="A14158" s="1">
        <f ca="1">RAND()</f>
        <v>0.91428056416797199</v>
      </c>
      <c r="B14158" s="1"/>
      <c r="C14158">
        <v>5</v>
      </c>
      <c r="D14158" t="s">
        <v>27043</v>
      </c>
      <c r="E14158" t="s">
        <v>34466</v>
      </c>
      <c r="F14158">
        <v>4</v>
      </c>
      <c r="G14158" t="s">
        <v>2</v>
      </c>
      <c r="H14158" t="s">
        <v>27044</v>
      </c>
      <c r="I14158" t="s">
        <v>30540</v>
      </c>
    </row>
    <row r="14159" spans="1:9">
      <c r="A14159" s="1">
        <f ca="1">RAND()</f>
        <v>0.88763358755532862</v>
      </c>
      <c r="B14159" s="1"/>
      <c r="C14159">
        <v>4</v>
      </c>
      <c r="D14159" t="s">
        <v>27041</v>
      </c>
      <c r="E14159" t="s">
        <v>34466</v>
      </c>
      <c r="F14159">
        <v>3</v>
      </c>
      <c r="G14159" t="s">
        <v>9</v>
      </c>
      <c r="H14159" t="s">
        <v>27042</v>
      </c>
      <c r="I14159" t="s">
        <v>30540</v>
      </c>
    </row>
    <row r="14160" spans="1:9">
      <c r="A14160" s="1">
        <f ca="1">RAND()</f>
        <v>0.63615584500494282</v>
      </c>
      <c r="B14160" s="1"/>
      <c r="C14160">
        <v>6</v>
      </c>
      <c r="D14160" t="s">
        <v>27045</v>
      </c>
      <c r="E14160" t="s">
        <v>34466</v>
      </c>
      <c r="F14160">
        <v>2</v>
      </c>
      <c r="G14160" t="s">
        <v>9</v>
      </c>
      <c r="H14160" t="s">
        <v>27046</v>
      </c>
      <c r="I14160" t="s">
        <v>30540</v>
      </c>
    </row>
    <row r="14161" spans="1:9">
      <c r="A14161" s="1">
        <f ca="1">RAND()</f>
        <v>0.55060867719764117</v>
      </c>
      <c r="B14161" s="1"/>
      <c r="C14161">
        <v>8</v>
      </c>
      <c r="D14161" t="s">
        <v>27033</v>
      </c>
      <c r="E14161" t="s">
        <v>34467</v>
      </c>
      <c r="F14161">
        <v>4</v>
      </c>
      <c r="G14161" t="s">
        <v>9</v>
      </c>
      <c r="H14161" t="s">
        <v>27034</v>
      </c>
      <c r="I14161" t="s">
        <v>30540</v>
      </c>
    </row>
    <row r="14162" spans="1:9">
      <c r="A14162" s="1">
        <f ca="1">RAND()</f>
        <v>0.72105230786126684</v>
      </c>
      <c r="B14162" s="1"/>
      <c r="C14162">
        <v>12</v>
      </c>
      <c r="D14162" t="s">
        <v>27035</v>
      </c>
      <c r="E14162" t="s">
        <v>34467</v>
      </c>
      <c r="F14162">
        <v>4</v>
      </c>
      <c r="G14162" t="s">
        <v>14</v>
      </c>
      <c r="H14162" t="s">
        <v>27036</v>
      </c>
      <c r="I14162" t="s">
        <v>30540</v>
      </c>
    </row>
    <row r="14163" spans="1:9">
      <c r="A14163" s="1">
        <f ca="1">RAND()</f>
        <v>0.30867451756476005</v>
      </c>
      <c r="B14163" s="1"/>
      <c r="C14163">
        <v>19</v>
      </c>
      <c r="D14163" t="s">
        <v>27039</v>
      </c>
      <c r="E14163" t="s">
        <v>34467</v>
      </c>
      <c r="F14163">
        <v>4</v>
      </c>
      <c r="G14163" t="s">
        <v>0</v>
      </c>
      <c r="H14163" t="s">
        <v>27040</v>
      </c>
      <c r="I14163" t="s">
        <v>30540</v>
      </c>
    </row>
    <row r="14164" spans="1:9">
      <c r="A14164" s="1">
        <f ca="1">RAND()</f>
        <v>0.39965078061576464</v>
      </c>
      <c r="B14164" s="1"/>
      <c r="C14164">
        <v>5</v>
      </c>
      <c r="D14164" t="s">
        <v>27031</v>
      </c>
      <c r="E14164" t="s">
        <v>34467</v>
      </c>
      <c r="F14164">
        <v>4</v>
      </c>
      <c r="G14164" t="s">
        <v>14</v>
      </c>
      <c r="H14164" t="s">
        <v>27032</v>
      </c>
      <c r="I14164" t="s">
        <v>30540</v>
      </c>
    </row>
    <row r="14165" spans="1:9">
      <c r="A14165" s="1">
        <f ca="1">RAND()</f>
        <v>0.52382774143089705</v>
      </c>
      <c r="B14165" s="1"/>
      <c r="C14165">
        <v>15</v>
      </c>
      <c r="D14165" t="s">
        <v>27037</v>
      </c>
      <c r="E14165" t="s">
        <v>34467</v>
      </c>
      <c r="F14165">
        <v>3</v>
      </c>
      <c r="G14165" t="s">
        <v>14</v>
      </c>
      <c r="H14165" t="s">
        <v>27038</v>
      </c>
      <c r="I14165" t="s">
        <v>30540</v>
      </c>
    </row>
    <row r="14166" spans="1:9">
      <c r="A14166" s="1">
        <f ca="1">RAND()</f>
        <v>2.0822258902181034E-2</v>
      </c>
      <c r="B14166" s="1"/>
      <c r="C14166">
        <v>2</v>
      </c>
      <c r="D14166" t="s">
        <v>27025</v>
      </c>
      <c r="E14166" t="s">
        <v>34468</v>
      </c>
      <c r="F14166">
        <v>4</v>
      </c>
      <c r="G14166" t="s">
        <v>10</v>
      </c>
      <c r="H14166" t="s">
        <v>27026</v>
      </c>
      <c r="I14166" t="s">
        <v>30540</v>
      </c>
    </row>
    <row r="14167" spans="1:9">
      <c r="A14167" s="1">
        <f ca="1">RAND()</f>
        <v>0.60776182349406627</v>
      </c>
      <c r="B14167" s="1"/>
      <c r="C14167">
        <v>11</v>
      </c>
      <c r="D14167" t="s">
        <v>27029</v>
      </c>
      <c r="E14167" t="s">
        <v>34468</v>
      </c>
      <c r="F14167">
        <v>4</v>
      </c>
      <c r="G14167" t="s">
        <v>10</v>
      </c>
      <c r="H14167" t="s">
        <v>27030</v>
      </c>
      <c r="I14167" t="s">
        <v>30540</v>
      </c>
    </row>
    <row r="14168" spans="1:9">
      <c r="A14168" s="1">
        <f ca="1">RAND()</f>
        <v>0.57932797044406048</v>
      </c>
      <c r="B14168" s="1"/>
      <c r="C14168">
        <v>5</v>
      </c>
      <c r="D14168" t="s">
        <v>27027</v>
      </c>
      <c r="E14168" t="s">
        <v>34468</v>
      </c>
      <c r="F14168">
        <v>4</v>
      </c>
      <c r="G14168" t="s">
        <v>769</v>
      </c>
      <c r="H14168" t="s">
        <v>27028</v>
      </c>
      <c r="I14168" t="s">
        <v>30540</v>
      </c>
    </row>
    <row r="14169" spans="1:9">
      <c r="A14169" s="1">
        <f ca="1">RAND()</f>
        <v>0.88576555841935356</v>
      </c>
      <c r="B14169" s="1"/>
      <c r="C14169">
        <v>4</v>
      </c>
      <c r="D14169" t="s">
        <v>27013</v>
      </c>
      <c r="E14169" t="s">
        <v>34469</v>
      </c>
      <c r="F14169">
        <v>5</v>
      </c>
      <c r="G14169" t="s">
        <v>10</v>
      </c>
      <c r="H14169" t="s">
        <v>27014</v>
      </c>
      <c r="I14169" t="s">
        <v>30540</v>
      </c>
    </row>
    <row r="14170" spans="1:9">
      <c r="A14170" s="1">
        <f ca="1">RAND()</f>
        <v>0.14834706188223801</v>
      </c>
      <c r="B14170" s="1"/>
      <c r="C14170">
        <v>15</v>
      </c>
      <c r="D14170" t="s">
        <v>27021</v>
      </c>
      <c r="E14170" t="s">
        <v>34469</v>
      </c>
      <c r="F14170">
        <v>5</v>
      </c>
      <c r="G14170" t="s">
        <v>10</v>
      </c>
      <c r="H14170" t="s">
        <v>27022</v>
      </c>
      <c r="I14170" t="s">
        <v>30540</v>
      </c>
    </row>
    <row r="14171" spans="1:9">
      <c r="A14171" s="1">
        <f ca="1">RAND()</f>
        <v>0.88749214081877736</v>
      </c>
      <c r="B14171" s="1"/>
      <c r="C14171">
        <v>14</v>
      </c>
      <c r="D14171" t="s">
        <v>27019</v>
      </c>
      <c r="E14171" t="s">
        <v>34469</v>
      </c>
      <c r="F14171">
        <v>5</v>
      </c>
      <c r="G14171" t="s">
        <v>0</v>
      </c>
      <c r="H14171" t="s">
        <v>27020</v>
      </c>
      <c r="I14171" t="s">
        <v>30540</v>
      </c>
    </row>
    <row r="14172" spans="1:9">
      <c r="A14172" s="1">
        <f ca="1">RAND()</f>
        <v>0.35795007441467341</v>
      </c>
      <c r="B14172" s="1"/>
      <c r="C14172">
        <v>11</v>
      </c>
      <c r="D14172" t="s">
        <v>27017</v>
      </c>
      <c r="E14172" t="s">
        <v>34469</v>
      </c>
      <c r="F14172">
        <v>4</v>
      </c>
      <c r="G14172" t="s">
        <v>10</v>
      </c>
      <c r="H14172" t="s">
        <v>27018</v>
      </c>
      <c r="I14172" t="s">
        <v>30540</v>
      </c>
    </row>
    <row r="14173" spans="1:9">
      <c r="A14173" s="1">
        <f ca="1">RAND()</f>
        <v>0.96100592281412467</v>
      </c>
      <c r="B14173" s="1"/>
      <c r="C14173">
        <v>19</v>
      </c>
      <c r="D14173" t="s">
        <v>27023</v>
      </c>
      <c r="E14173" t="s">
        <v>34469</v>
      </c>
      <c r="F14173">
        <v>4</v>
      </c>
      <c r="G14173" t="s">
        <v>14</v>
      </c>
      <c r="H14173" t="s">
        <v>27024</v>
      </c>
      <c r="I14173" t="s">
        <v>30540</v>
      </c>
    </row>
    <row r="14174" spans="1:9">
      <c r="A14174" s="1">
        <f ca="1">RAND()</f>
        <v>0.26540326871769382</v>
      </c>
      <c r="B14174" s="1"/>
      <c r="C14174">
        <v>8</v>
      </c>
      <c r="D14174" t="s">
        <v>27015</v>
      </c>
      <c r="E14174" t="s">
        <v>34469</v>
      </c>
      <c r="F14174">
        <v>4</v>
      </c>
      <c r="G14174" t="s">
        <v>14</v>
      </c>
      <c r="H14174" t="s">
        <v>27016</v>
      </c>
      <c r="I14174" t="s">
        <v>30540</v>
      </c>
    </row>
    <row r="14175" spans="1:9">
      <c r="A14175" s="1">
        <f ca="1">RAND()</f>
        <v>0.30650535651101407</v>
      </c>
      <c r="B14175" s="1"/>
      <c r="C14175">
        <v>3</v>
      </c>
      <c r="D14175" t="s">
        <v>27007</v>
      </c>
      <c r="E14175" t="s">
        <v>34470</v>
      </c>
      <c r="F14175">
        <v>5</v>
      </c>
      <c r="G14175" t="s">
        <v>14</v>
      </c>
      <c r="H14175" t="s">
        <v>27008</v>
      </c>
      <c r="I14175" t="s">
        <v>30540</v>
      </c>
    </row>
    <row r="14176" spans="1:9">
      <c r="A14176" s="1">
        <f ca="1">RAND()</f>
        <v>0.58606334644748903</v>
      </c>
      <c r="B14176" s="1"/>
      <c r="C14176">
        <v>8</v>
      </c>
      <c r="D14176" t="s">
        <v>27009</v>
      </c>
      <c r="E14176" t="s">
        <v>34470</v>
      </c>
      <c r="F14176">
        <v>5</v>
      </c>
      <c r="G14176" t="s">
        <v>15</v>
      </c>
      <c r="H14176" t="s">
        <v>27010</v>
      </c>
      <c r="I14176" t="s">
        <v>30540</v>
      </c>
    </row>
    <row r="14177" spans="1:9">
      <c r="A14177" s="1">
        <f ca="1">RAND()</f>
        <v>0.5947950695210531</v>
      </c>
      <c r="B14177" s="1"/>
      <c r="C14177">
        <v>11</v>
      </c>
      <c r="D14177" t="s">
        <v>27011</v>
      </c>
      <c r="E14177" t="s">
        <v>34470</v>
      </c>
      <c r="F14177">
        <v>5</v>
      </c>
      <c r="G14177" t="s">
        <v>10</v>
      </c>
      <c r="H14177" t="s">
        <v>27012</v>
      </c>
      <c r="I14177" t="s">
        <v>30540</v>
      </c>
    </row>
    <row r="14178" spans="1:9">
      <c r="A14178" s="1">
        <f ca="1">RAND()</f>
        <v>0.36321572755821552</v>
      </c>
      <c r="B14178" s="1"/>
      <c r="C14178">
        <v>13</v>
      </c>
      <c r="D14178" t="s">
        <v>27003</v>
      </c>
      <c r="E14178" t="s">
        <v>34471</v>
      </c>
      <c r="F14178">
        <v>4</v>
      </c>
      <c r="G14178" t="s">
        <v>14</v>
      </c>
      <c r="H14178" t="s">
        <v>27004</v>
      </c>
      <c r="I14178" t="s">
        <v>30540</v>
      </c>
    </row>
    <row r="14179" spans="1:9">
      <c r="A14179" s="1">
        <f ca="1">RAND()</f>
        <v>0.71359731518127967</v>
      </c>
      <c r="B14179" s="1"/>
      <c r="C14179">
        <v>7</v>
      </c>
      <c r="D14179" t="s">
        <v>26999</v>
      </c>
      <c r="E14179" t="s">
        <v>34471</v>
      </c>
      <c r="F14179">
        <v>4</v>
      </c>
      <c r="G14179" t="s">
        <v>9</v>
      </c>
      <c r="H14179" t="s">
        <v>27000</v>
      </c>
      <c r="I14179" t="s">
        <v>30540</v>
      </c>
    </row>
    <row r="14180" spans="1:9">
      <c r="A14180" s="1">
        <f ca="1">RAND()</f>
        <v>0.79861242354218942</v>
      </c>
      <c r="B14180" s="1"/>
      <c r="C14180">
        <v>16</v>
      </c>
      <c r="D14180" t="s">
        <v>27005</v>
      </c>
      <c r="E14180" t="s">
        <v>34471</v>
      </c>
      <c r="F14180">
        <v>4</v>
      </c>
      <c r="G14180" t="s">
        <v>14</v>
      </c>
      <c r="H14180" t="s">
        <v>27006</v>
      </c>
      <c r="I14180" t="s">
        <v>30540</v>
      </c>
    </row>
    <row r="14181" spans="1:9">
      <c r="A14181" s="1">
        <f ca="1">RAND()</f>
        <v>0.25859054818337468</v>
      </c>
      <c r="B14181" s="1"/>
      <c r="C14181">
        <v>9</v>
      </c>
      <c r="D14181" t="s">
        <v>27001</v>
      </c>
      <c r="E14181" t="s">
        <v>34471</v>
      </c>
      <c r="F14181">
        <v>4</v>
      </c>
      <c r="G14181" t="s">
        <v>14</v>
      </c>
      <c r="H14181" t="s">
        <v>27002</v>
      </c>
      <c r="I14181" t="s">
        <v>30540</v>
      </c>
    </row>
    <row r="14182" spans="1:9">
      <c r="A14182" s="1">
        <f ca="1">RAND()</f>
        <v>0.69675921943440688</v>
      </c>
      <c r="B14182" s="1"/>
      <c r="C14182">
        <v>9</v>
      </c>
      <c r="D14182" t="s">
        <v>26995</v>
      </c>
      <c r="E14182" t="s">
        <v>34472</v>
      </c>
      <c r="F14182">
        <v>5</v>
      </c>
      <c r="G14182" t="s">
        <v>9</v>
      </c>
      <c r="H14182" t="s">
        <v>26996</v>
      </c>
      <c r="I14182" t="s">
        <v>30540</v>
      </c>
    </row>
    <row r="14183" spans="1:9">
      <c r="A14183" s="1">
        <f ca="1">RAND()</f>
        <v>0.82686041145426925</v>
      </c>
      <c r="B14183" s="1"/>
      <c r="C14183">
        <v>6</v>
      </c>
      <c r="D14183" t="s">
        <v>26993</v>
      </c>
      <c r="E14183" t="s">
        <v>34472</v>
      </c>
      <c r="F14183">
        <v>4</v>
      </c>
      <c r="G14183" t="s">
        <v>9</v>
      </c>
      <c r="H14183" t="s">
        <v>26994</v>
      </c>
      <c r="I14183" t="s">
        <v>30540</v>
      </c>
    </row>
    <row r="14184" spans="1:9">
      <c r="A14184" s="1">
        <f ca="1">RAND()</f>
        <v>0.91881215895533452</v>
      </c>
      <c r="B14184" s="1"/>
      <c r="C14184">
        <v>5</v>
      </c>
      <c r="D14184" t="s">
        <v>26991</v>
      </c>
      <c r="E14184" t="s">
        <v>34472</v>
      </c>
      <c r="F14184">
        <v>4</v>
      </c>
      <c r="G14184" t="s">
        <v>14</v>
      </c>
      <c r="H14184" t="s">
        <v>26992</v>
      </c>
      <c r="I14184" t="s">
        <v>30540</v>
      </c>
    </row>
    <row r="14185" spans="1:9">
      <c r="A14185" s="1">
        <f ca="1">RAND()</f>
        <v>0.33485708336877129</v>
      </c>
      <c r="B14185" s="1"/>
      <c r="C14185">
        <v>12</v>
      </c>
      <c r="D14185" t="s">
        <v>26997</v>
      </c>
      <c r="E14185" t="s">
        <v>34472</v>
      </c>
      <c r="F14185">
        <v>4</v>
      </c>
      <c r="G14185" t="s">
        <v>14</v>
      </c>
      <c r="H14185" t="s">
        <v>26998</v>
      </c>
      <c r="I14185" t="s">
        <v>30540</v>
      </c>
    </row>
    <row r="14186" spans="1:9">
      <c r="A14186" s="1">
        <f ca="1">RAND()</f>
        <v>0.48395337346376099</v>
      </c>
      <c r="B14186" s="1"/>
      <c r="C14186">
        <v>4</v>
      </c>
      <c r="D14186" t="s">
        <v>26987</v>
      </c>
      <c r="E14186" t="s">
        <v>34473</v>
      </c>
      <c r="F14186">
        <v>5</v>
      </c>
      <c r="G14186" t="s">
        <v>10</v>
      </c>
      <c r="H14186" t="s">
        <v>26988</v>
      </c>
      <c r="I14186" t="s">
        <v>30540</v>
      </c>
    </row>
    <row r="14187" spans="1:9">
      <c r="A14187" s="1">
        <f ca="1">RAND()</f>
        <v>0.48699526266293902</v>
      </c>
      <c r="B14187" s="1"/>
      <c r="C14187">
        <v>7</v>
      </c>
      <c r="D14187" t="s">
        <v>26989</v>
      </c>
      <c r="E14187" t="s">
        <v>34473</v>
      </c>
      <c r="F14187">
        <v>4</v>
      </c>
      <c r="G14187" t="s">
        <v>2738</v>
      </c>
      <c r="H14187" t="s">
        <v>26990</v>
      </c>
      <c r="I14187" t="s">
        <v>30540</v>
      </c>
    </row>
    <row r="14188" spans="1:9">
      <c r="A14188" s="1">
        <f ca="1">RAND()</f>
        <v>0.37138059188228401</v>
      </c>
      <c r="B14188" s="1"/>
      <c r="C14188">
        <v>3</v>
      </c>
      <c r="D14188" t="s">
        <v>26985</v>
      </c>
      <c r="E14188" t="s">
        <v>34473</v>
      </c>
      <c r="F14188">
        <v>3</v>
      </c>
      <c r="G14188" t="s">
        <v>1431</v>
      </c>
      <c r="H14188" t="s">
        <v>26986</v>
      </c>
      <c r="I14188" t="s">
        <v>30540</v>
      </c>
    </row>
    <row r="14189" spans="1:9">
      <c r="A14189" s="1">
        <f ca="1">RAND()</f>
        <v>0.62793809243452914</v>
      </c>
      <c r="B14189" s="1"/>
      <c r="C14189">
        <v>11</v>
      </c>
      <c r="D14189" t="s">
        <v>26983</v>
      </c>
      <c r="E14189" t="s">
        <v>34474</v>
      </c>
      <c r="F14189">
        <v>4</v>
      </c>
      <c r="G14189" t="s">
        <v>14</v>
      </c>
      <c r="H14189" t="s">
        <v>26984</v>
      </c>
      <c r="I14189" t="s">
        <v>30540</v>
      </c>
    </row>
    <row r="14190" spans="1:9">
      <c r="A14190" s="1">
        <f ca="1">RAND()</f>
        <v>0.5137687883679265</v>
      </c>
      <c r="B14190" s="1"/>
      <c r="C14190">
        <v>1</v>
      </c>
      <c r="D14190" t="s">
        <v>26979</v>
      </c>
      <c r="E14190" t="s">
        <v>34474</v>
      </c>
      <c r="F14190">
        <v>4</v>
      </c>
      <c r="G14190" t="s">
        <v>2</v>
      </c>
      <c r="H14190" t="s">
        <v>26980</v>
      </c>
      <c r="I14190" t="s">
        <v>30540</v>
      </c>
    </row>
    <row r="14191" spans="1:9">
      <c r="A14191" s="1">
        <f ca="1">RAND()</f>
        <v>5.742622902212724E-3</v>
      </c>
      <c r="B14191" s="1"/>
      <c r="C14191">
        <v>9</v>
      </c>
      <c r="D14191" t="s">
        <v>26981</v>
      </c>
      <c r="E14191" t="s">
        <v>34474</v>
      </c>
      <c r="F14191">
        <v>2</v>
      </c>
      <c r="G14191" t="s">
        <v>14</v>
      </c>
      <c r="H14191" t="s">
        <v>26982</v>
      </c>
      <c r="I14191" t="s">
        <v>30540</v>
      </c>
    </row>
    <row r="14192" spans="1:9">
      <c r="A14192" s="1">
        <f ca="1">RAND()</f>
        <v>0.99299083449518266</v>
      </c>
      <c r="B14192" s="1"/>
      <c r="C14192">
        <v>6</v>
      </c>
      <c r="D14192" t="s">
        <v>26973</v>
      </c>
      <c r="E14192" t="s">
        <v>34475</v>
      </c>
      <c r="F14192">
        <v>4</v>
      </c>
      <c r="G14192" t="s">
        <v>9</v>
      </c>
      <c r="H14192" t="s">
        <v>26974</v>
      </c>
      <c r="I14192" t="s">
        <v>30540</v>
      </c>
    </row>
    <row r="14193" spans="1:9">
      <c r="A14193" s="1">
        <f ca="1">RAND()</f>
        <v>0.5357868416917041</v>
      </c>
      <c r="B14193" s="1"/>
      <c r="C14193">
        <v>8</v>
      </c>
      <c r="D14193" t="s">
        <v>26977</v>
      </c>
      <c r="E14193" t="s">
        <v>34475</v>
      </c>
      <c r="F14193">
        <v>3</v>
      </c>
      <c r="G14193" t="s">
        <v>14</v>
      </c>
      <c r="H14193" t="s">
        <v>26978</v>
      </c>
      <c r="I14193" t="s">
        <v>30540</v>
      </c>
    </row>
    <row r="14194" spans="1:9">
      <c r="A14194" s="1">
        <f ca="1">RAND()</f>
        <v>0.26810156089922232</v>
      </c>
      <c r="B14194" s="1"/>
      <c r="C14194">
        <v>7</v>
      </c>
      <c r="D14194" t="s">
        <v>26975</v>
      </c>
      <c r="E14194" t="s">
        <v>34475</v>
      </c>
      <c r="F14194">
        <v>2</v>
      </c>
      <c r="G14194" t="s">
        <v>14</v>
      </c>
      <c r="H14194" t="s">
        <v>26976</v>
      </c>
      <c r="I14194" t="s">
        <v>30540</v>
      </c>
    </row>
    <row r="14195" spans="1:9">
      <c r="A14195" s="1">
        <f ca="1">RAND()</f>
        <v>0.24678197947876634</v>
      </c>
      <c r="B14195" s="1"/>
      <c r="C14195">
        <v>14</v>
      </c>
      <c r="D14195" t="s">
        <v>26971</v>
      </c>
      <c r="E14195" t="s">
        <v>34476</v>
      </c>
      <c r="F14195">
        <v>4</v>
      </c>
      <c r="G14195" t="s">
        <v>14</v>
      </c>
      <c r="H14195" t="s">
        <v>26972</v>
      </c>
      <c r="I14195" t="s">
        <v>30540</v>
      </c>
    </row>
    <row r="14196" spans="1:9">
      <c r="A14196" s="1">
        <f ca="1">RAND()</f>
        <v>0.6402946898935703</v>
      </c>
      <c r="B14196" s="1"/>
      <c r="C14196">
        <v>2</v>
      </c>
      <c r="D14196" t="s">
        <v>26969</v>
      </c>
      <c r="E14196" t="s">
        <v>34476</v>
      </c>
      <c r="F14196">
        <v>4</v>
      </c>
      <c r="G14196" t="s">
        <v>14</v>
      </c>
      <c r="H14196" t="s">
        <v>26970</v>
      </c>
      <c r="I14196" t="s">
        <v>30540</v>
      </c>
    </row>
    <row r="14197" spans="1:9">
      <c r="A14197" s="1">
        <f ca="1">RAND()</f>
        <v>9.6141620962010954E-2</v>
      </c>
      <c r="B14197" s="1"/>
      <c r="C14197">
        <v>15</v>
      </c>
      <c r="D14197" t="s">
        <v>26965</v>
      </c>
      <c r="E14197" t="s">
        <v>34477</v>
      </c>
      <c r="F14197">
        <v>5</v>
      </c>
      <c r="G14197" t="s">
        <v>14</v>
      </c>
      <c r="H14197" t="s">
        <v>26966</v>
      </c>
      <c r="I14197" t="s">
        <v>30540</v>
      </c>
    </row>
    <row r="14198" spans="1:9">
      <c r="A14198" s="1">
        <f ca="1">RAND()</f>
        <v>0.11664682445861496</v>
      </c>
      <c r="B14198" s="1"/>
      <c r="C14198">
        <v>9</v>
      </c>
      <c r="D14198" t="s">
        <v>26961</v>
      </c>
      <c r="E14198" t="s">
        <v>34477</v>
      </c>
      <c r="F14198">
        <v>4</v>
      </c>
      <c r="G14198" t="s">
        <v>14</v>
      </c>
      <c r="H14198" t="s">
        <v>26962</v>
      </c>
      <c r="I14198" t="s">
        <v>30540</v>
      </c>
    </row>
    <row r="14199" spans="1:9">
      <c r="A14199" s="1">
        <f ca="1">RAND()</f>
        <v>0.92046963199408383</v>
      </c>
      <c r="B14199" s="1"/>
      <c r="C14199">
        <v>14</v>
      </c>
      <c r="D14199" t="s">
        <v>26963</v>
      </c>
      <c r="E14199" t="s">
        <v>34477</v>
      </c>
      <c r="F14199">
        <v>2</v>
      </c>
      <c r="G14199" t="s">
        <v>2</v>
      </c>
      <c r="H14199" t="s">
        <v>26964</v>
      </c>
      <c r="I14199" t="s">
        <v>30540</v>
      </c>
    </row>
    <row r="14200" spans="1:9">
      <c r="A14200" s="1">
        <f ca="1">RAND()</f>
        <v>0.49674126617521186</v>
      </c>
      <c r="B14200" s="1"/>
      <c r="C14200">
        <v>20</v>
      </c>
      <c r="D14200" t="s">
        <v>26967</v>
      </c>
      <c r="E14200" t="s">
        <v>34477</v>
      </c>
      <c r="F14200">
        <v>2</v>
      </c>
      <c r="G14200" t="s">
        <v>0</v>
      </c>
      <c r="H14200" t="s">
        <v>26968</v>
      </c>
      <c r="I14200" t="s">
        <v>30540</v>
      </c>
    </row>
    <row r="14201" spans="1:9">
      <c r="A14201" s="1">
        <f ca="1">RAND()</f>
        <v>0.64938103818269299</v>
      </c>
      <c r="B14201" s="1"/>
      <c r="C14201">
        <v>18</v>
      </c>
      <c r="D14201" t="s">
        <v>26957</v>
      </c>
      <c r="E14201" t="s">
        <v>34478</v>
      </c>
      <c r="F14201">
        <v>4</v>
      </c>
      <c r="G14201" t="s">
        <v>3107</v>
      </c>
      <c r="H14201" t="s">
        <v>26958</v>
      </c>
      <c r="I14201" t="s">
        <v>30540</v>
      </c>
    </row>
    <row r="14202" spans="1:9">
      <c r="A14202" s="1">
        <f ca="1">RAND()</f>
        <v>0.57790802457497059</v>
      </c>
      <c r="B14202" s="1"/>
      <c r="C14202">
        <v>4</v>
      </c>
      <c r="D14202" t="s">
        <v>26953</v>
      </c>
      <c r="E14202" t="s">
        <v>34478</v>
      </c>
      <c r="F14202">
        <v>4</v>
      </c>
      <c r="G14202" t="s">
        <v>762</v>
      </c>
      <c r="H14202" t="s">
        <v>26954</v>
      </c>
      <c r="I14202" t="s">
        <v>30540</v>
      </c>
    </row>
    <row r="14203" spans="1:9">
      <c r="A14203" s="1">
        <f ca="1">RAND()</f>
        <v>0.67702690953236189</v>
      </c>
      <c r="B14203" s="1"/>
      <c r="C14203">
        <v>13</v>
      </c>
      <c r="D14203" t="s">
        <v>26955</v>
      </c>
      <c r="E14203" t="s">
        <v>34478</v>
      </c>
      <c r="F14203">
        <v>4</v>
      </c>
      <c r="G14203" t="s">
        <v>2738</v>
      </c>
      <c r="H14203" t="s">
        <v>26956</v>
      </c>
      <c r="I14203" t="s">
        <v>30540</v>
      </c>
    </row>
    <row r="14204" spans="1:9">
      <c r="A14204" s="1">
        <f ca="1">RAND()</f>
        <v>0.46496286599852554</v>
      </c>
      <c r="B14204" s="1"/>
      <c r="C14204">
        <v>19</v>
      </c>
      <c r="D14204" t="s">
        <v>26959</v>
      </c>
      <c r="E14204" t="s">
        <v>34478</v>
      </c>
      <c r="F14204">
        <v>2</v>
      </c>
      <c r="G14204" t="s">
        <v>14</v>
      </c>
      <c r="H14204" t="s">
        <v>26960</v>
      </c>
      <c r="I14204" t="s">
        <v>30540</v>
      </c>
    </row>
    <row r="14205" spans="1:9">
      <c r="A14205" s="1">
        <f ca="1">RAND()</f>
        <v>0.45251469139416478</v>
      </c>
      <c r="B14205" s="1"/>
      <c r="C14205">
        <v>13</v>
      </c>
      <c r="D14205" t="s">
        <v>26949</v>
      </c>
      <c r="E14205" t="s">
        <v>34479</v>
      </c>
      <c r="F14205">
        <v>5</v>
      </c>
      <c r="G14205" t="s">
        <v>14</v>
      </c>
      <c r="H14205" t="s">
        <v>26950</v>
      </c>
      <c r="I14205" t="s">
        <v>30540</v>
      </c>
    </row>
    <row r="14206" spans="1:9">
      <c r="A14206" s="1">
        <f ca="1">RAND()</f>
        <v>0.62209831812109184</v>
      </c>
      <c r="B14206" s="1"/>
      <c r="C14206">
        <v>7</v>
      </c>
      <c r="D14206" t="s">
        <v>26945</v>
      </c>
      <c r="E14206" t="s">
        <v>34479</v>
      </c>
      <c r="F14206">
        <v>5</v>
      </c>
      <c r="G14206" t="s">
        <v>14</v>
      </c>
      <c r="H14206" t="s">
        <v>26946</v>
      </c>
      <c r="I14206" t="s">
        <v>30540</v>
      </c>
    </row>
    <row r="14207" spans="1:9">
      <c r="A14207" s="1">
        <f ca="1">RAND()</f>
        <v>0.65008770363034829</v>
      </c>
      <c r="B14207" s="1"/>
      <c r="C14207">
        <v>19</v>
      </c>
      <c r="D14207" t="s">
        <v>26951</v>
      </c>
      <c r="E14207" t="s">
        <v>34479</v>
      </c>
      <c r="F14207">
        <v>4</v>
      </c>
      <c r="G14207" t="s">
        <v>14</v>
      </c>
      <c r="H14207" t="s">
        <v>26952</v>
      </c>
      <c r="I14207" t="s">
        <v>30540</v>
      </c>
    </row>
    <row r="14208" spans="1:9">
      <c r="A14208" s="1">
        <f ca="1">RAND()</f>
        <v>0.38326428074816121</v>
      </c>
      <c r="B14208" s="1"/>
      <c r="C14208">
        <v>9</v>
      </c>
      <c r="D14208" t="s">
        <v>26947</v>
      </c>
      <c r="E14208" t="s">
        <v>34479</v>
      </c>
      <c r="F14208">
        <v>4</v>
      </c>
      <c r="G14208" t="s">
        <v>14</v>
      </c>
      <c r="H14208" t="s">
        <v>26948</v>
      </c>
      <c r="I14208" t="s">
        <v>30540</v>
      </c>
    </row>
    <row r="14209" spans="1:9">
      <c r="A14209" s="1">
        <f ca="1">RAND()</f>
        <v>0.194763113996264</v>
      </c>
      <c r="B14209" s="1"/>
      <c r="C14209">
        <v>4</v>
      </c>
      <c r="D14209" t="s">
        <v>26937</v>
      </c>
      <c r="E14209" t="s">
        <v>34480</v>
      </c>
      <c r="F14209">
        <v>5</v>
      </c>
      <c r="G14209" t="s">
        <v>2</v>
      </c>
      <c r="H14209" t="s">
        <v>26938</v>
      </c>
      <c r="I14209" t="s">
        <v>30540</v>
      </c>
    </row>
    <row r="14210" spans="1:9">
      <c r="A14210" s="1">
        <f ca="1">RAND()</f>
        <v>0.11435293018381909</v>
      </c>
      <c r="B14210" s="1"/>
      <c r="C14210">
        <v>12</v>
      </c>
      <c r="D14210" t="s">
        <v>26943</v>
      </c>
      <c r="E14210" t="s">
        <v>34480</v>
      </c>
      <c r="F14210">
        <v>4</v>
      </c>
      <c r="G14210" t="s">
        <v>14</v>
      </c>
      <c r="H14210" t="s">
        <v>26944</v>
      </c>
      <c r="I14210" t="s">
        <v>30540</v>
      </c>
    </row>
    <row r="14211" spans="1:9">
      <c r="A14211" s="1">
        <f ca="1">RAND()</f>
        <v>0.10328149570986145</v>
      </c>
      <c r="B14211" s="1"/>
      <c r="C14211">
        <v>5</v>
      </c>
      <c r="D14211" t="s">
        <v>26939</v>
      </c>
      <c r="E14211" t="s">
        <v>34480</v>
      </c>
      <c r="F14211">
        <v>4</v>
      </c>
      <c r="G14211" t="s">
        <v>9</v>
      </c>
      <c r="H14211" t="s">
        <v>26940</v>
      </c>
      <c r="I14211" t="s">
        <v>30540</v>
      </c>
    </row>
    <row r="14212" spans="1:9">
      <c r="A14212" s="1">
        <f ca="1">RAND()</f>
        <v>0.44986553385133754</v>
      </c>
      <c r="B14212" s="1"/>
      <c r="C14212">
        <v>11</v>
      </c>
      <c r="D14212" t="s">
        <v>26941</v>
      </c>
      <c r="E14212" t="s">
        <v>34480</v>
      </c>
      <c r="F14212">
        <v>2</v>
      </c>
      <c r="G14212" t="s">
        <v>14</v>
      </c>
      <c r="H14212" t="s">
        <v>26942</v>
      </c>
      <c r="I14212" t="s">
        <v>30540</v>
      </c>
    </row>
    <row r="14213" spans="1:9">
      <c r="A14213" s="1">
        <f ca="1">RAND()</f>
        <v>0.12666262035244868</v>
      </c>
      <c r="B14213" s="1"/>
      <c r="C14213">
        <v>8</v>
      </c>
      <c r="D14213" t="s">
        <v>26933</v>
      </c>
      <c r="E14213" t="s">
        <v>34481</v>
      </c>
      <c r="F14213">
        <v>4</v>
      </c>
      <c r="G14213" t="s">
        <v>14</v>
      </c>
      <c r="H14213" t="s">
        <v>26934</v>
      </c>
      <c r="I14213" t="s">
        <v>30540</v>
      </c>
    </row>
    <row r="14214" spans="1:9">
      <c r="A14214" s="1">
        <f ca="1">RAND()</f>
        <v>0.37662795126254844</v>
      </c>
      <c r="B14214" s="1"/>
      <c r="C14214">
        <v>11</v>
      </c>
      <c r="D14214" t="s">
        <v>26935</v>
      </c>
      <c r="E14214" t="s">
        <v>34481</v>
      </c>
      <c r="F14214">
        <v>4</v>
      </c>
      <c r="G14214" t="s">
        <v>15</v>
      </c>
      <c r="H14214" t="s">
        <v>26936</v>
      </c>
      <c r="I14214" t="s">
        <v>30540</v>
      </c>
    </row>
    <row r="14215" spans="1:9">
      <c r="A14215" s="1">
        <f ca="1">RAND()</f>
        <v>0.33104783906290436</v>
      </c>
      <c r="B14215" s="1"/>
      <c r="C14215">
        <v>4</v>
      </c>
      <c r="D14215" t="s">
        <v>26929</v>
      </c>
      <c r="E14215" t="s">
        <v>34482</v>
      </c>
      <c r="F14215">
        <v>5</v>
      </c>
      <c r="G14215" t="s">
        <v>9</v>
      </c>
      <c r="H14215" t="s">
        <v>26930</v>
      </c>
      <c r="I14215" t="s">
        <v>30540</v>
      </c>
    </row>
    <row r="14216" spans="1:9">
      <c r="A14216" s="1">
        <f ca="1">RAND()</f>
        <v>0.45429385961575708</v>
      </c>
      <c r="B14216" s="1"/>
      <c r="C14216">
        <v>2</v>
      </c>
      <c r="D14216" t="s">
        <v>26927</v>
      </c>
      <c r="E14216" t="s">
        <v>34482</v>
      </c>
      <c r="F14216">
        <v>4</v>
      </c>
      <c r="G14216" t="s">
        <v>14</v>
      </c>
      <c r="H14216" t="s">
        <v>26928</v>
      </c>
      <c r="I14216" t="s">
        <v>30540</v>
      </c>
    </row>
    <row r="14217" spans="1:9">
      <c r="A14217" s="1">
        <f ca="1">RAND()</f>
        <v>0.78987901976248798</v>
      </c>
      <c r="B14217" s="1"/>
      <c r="C14217">
        <v>20</v>
      </c>
      <c r="D14217" t="s">
        <v>26931</v>
      </c>
      <c r="E14217" t="s">
        <v>34482</v>
      </c>
      <c r="F14217">
        <v>4</v>
      </c>
      <c r="G14217" t="s">
        <v>14</v>
      </c>
      <c r="H14217" t="s">
        <v>26932</v>
      </c>
      <c r="I14217" t="s">
        <v>30540</v>
      </c>
    </row>
    <row r="14218" spans="1:9">
      <c r="A14218" s="1">
        <f ca="1">RAND()</f>
        <v>0.2840335379479676</v>
      </c>
      <c r="B14218" s="1"/>
      <c r="C14218">
        <v>11</v>
      </c>
      <c r="D14218" t="s">
        <v>26925</v>
      </c>
      <c r="E14218" t="s">
        <v>34483</v>
      </c>
      <c r="F14218">
        <v>4</v>
      </c>
      <c r="G14218" t="s">
        <v>2</v>
      </c>
      <c r="H14218" t="s">
        <v>26926</v>
      </c>
      <c r="I14218" t="s">
        <v>30540</v>
      </c>
    </row>
    <row r="14219" spans="1:9">
      <c r="A14219" s="1">
        <f ca="1">RAND()</f>
        <v>0.68211397529646633</v>
      </c>
      <c r="B14219" s="1"/>
      <c r="C14219">
        <v>7</v>
      </c>
      <c r="D14219" t="s">
        <v>26923</v>
      </c>
      <c r="E14219" t="s">
        <v>34483</v>
      </c>
      <c r="F14219">
        <v>4</v>
      </c>
      <c r="G14219" t="s">
        <v>3107</v>
      </c>
      <c r="H14219" t="s">
        <v>26924</v>
      </c>
      <c r="I14219" t="s">
        <v>30540</v>
      </c>
    </row>
    <row r="14220" spans="1:9">
      <c r="A14220" s="1">
        <f ca="1">RAND()</f>
        <v>0.13730631515397473</v>
      </c>
      <c r="B14220" s="1"/>
      <c r="C14220">
        <v>4</v>
      </c>
      <c r="D14220" t="s">
        <v>26921</v>
      </c>
      <c r="E14220" t="s">
        <v>34483</v>
      </c>
      <c r="F14220">
        <v>2</v>
      </c>
      <c r="G14220" t="s">
        <v>10</v>
      </c>
      <c r="H14220" t="s">
        <v>26922</v>
      </c>
      <c r="I14220" t="s">
        <v>30540</v>
      </c>
    </row>
    <row r="14221" spans="1:9">
      <c r="A14221" s="1">
        <f ca="1">RAND()</f>
        <v>0.58013513277685924</v>
      </c>
      <c r="B14221" s="1"/>
      <c r="C14221">
        <v>10</v>
      </c>
      <c r="D14221" t="s">
        <v>26913</v>
      </c>
      <c r="E14221" t="s">
        <v>34484</v>
      </c>
      <c r="F14221">
        <v>5</v>
      </c>
      <c r="G14221" t="s">
        <v>1</v>
      </c>
      <c r="H14221" t="s">
        <v>26914</v>
      </c>
      <c r="I14221" t="s">
        <v>30540</v>
      </c>
    </row>
    <row r="14222" spans="1:9">
      <c r="A14222" s="1">
        <f ca="1">RAND()</f>
        <v>0.90849028175652624</v>
      </c>
      <c r="B14222" s="1"/>
      <c r="C14222">
        <v>9</v>
      </c>
      <c r="D14222" t="s">
        <v>26911</v>
      </c>
      <c r="E14222" t="s">
        <v>34484</v>
      </c>
      <c r="F14222">
        <v>4</v>
      </c>
      <c r="G14222" t="s">
        <v>14</v>
      </c>
      <c r="H14222" t="s">
        <v>26912</v>
      </c>
      <c r="I14222" t="s">
        <v>30540</v>
      </c>
    </row>
    <row r="14223" spans="1:9">
      <c r="A14223" s="1">
        <f ca="1">RAND()</f>
        <v>0.20510320518942415</v>
      </c>
      <c r="B14223" s="1"/>
      <c r="C14223">
        <v>16</v>
      </c>
      <c r="D14223" t="s">
        <v>26919</v>
      </c>
      <c r="E14223" t="s">
        <v>34484</v>
      </c>
      <c r="F14223">
        <v>4</v>
      </c>
      <c r="G14223" t="s">
        <v>14</v>
      </c>
      <c r="H14223" t="s">
        <v>26920</v>
      </c>
      <c r="I14223" t="s">
        <v>30540</v>
      </c>
    </row>
    <row r="14224" spans="1:9">
      <c r="A14224" s="1">
        <f ca="1">RAND()</f>
        <v>0.55546498561017998</v>
      </c>
      <c r="B14224" s="1"/>
      <c r="C14224">
        <v>15</v>
      </c>
      <c r="D14224" t="s">
        <v>26917</v>
      </c>
      <c r="E14224" t="s">
        <v>34484</v>
      </c>
      <c r="F14224">
        <v>4</v>
      </c>
      <c r="G14224" t="s">
        <v>14</v>
      </c>
      <c r="H14224" t="s">
        <v>26918</v>
      </c>
      <c r="I14224" t="s">
        <v>30540</v>
      </c>
    </row>
    <row r="14225" spans="1:9">
      <c r="A14225" s="1">
        <f ca="1">RAND()</f>
        <v>0.56597084875614156</v>
      </c>
      <c r="B14225" s="1"/>
      <c r="C14225">
        <v>12</v>
      </c>
      <c r="D14225" t="s">
        <v>26915</v>
      </c>
      <c r="E14225" t="s">
        <v>34484</v>
      </c>
      <c r="F14225">
        <v>4</v>
      </c>
      <c r="G14225" t="s">
        <v>14</v>
      </c>
      <c r="H14225" t="s">
        <v>26916</v>
      </c>
      <c r="I14225" t="s">
        <v>30540</v>
      </c>
    </row>
    <row r="14226" spans="1:9">
      <c r="A14226" s="1">
        <f ca="1">RAND()</f>
        <v>0.69086098933798867</v>
      </c>
      <c r="B14226" s="1"/>
      <c r="C14226">
        <v>7</v>
      </c>
      <c r="D14226" t="s">
        <v>26905</v>
      </c>
      <c r="E14226" t="s">
        <v>34485</v>
      </c>
      <c r="F14226">
        <v>4</v>
      </c>
      <c r="G14226" t="s">
        <v>14</v>
      </c>
      <c r="H14226" t="s">
        <v>26906</v>
      </c>
      <c r="I14226" t="s">
        <v>30540</v>
      </c>
    </row>
    <row r="14227" spans="1:9">
      <c r="A14227" s="1">
        <f ca="1">RAND()</f>
        <v>0.36500234637002515</v>
      </c>
      <c r="B14227" s="1"/>
      <c r="C14227">
        <v>11</v>
      </c>
      <c r="D14227" t="s">
        <v>26909</v>
      </c>
      <c r="E14227" t="s">
        <v>34485</v>
      </c>
      <c r="F14227">
        <v>4</v>
      </c>
      <c r="G14227" t="s">
        <v>9</v>
      </c>
      <c r="H14227" t="s">
        <v>26910</v>
      </c>
      <c r="I14227" t="s">
        <v>30540</v>
      </c>
    </row>
    <row r="14228" spans="1:9">
      <c r="A14228" s="1">
        <f ca="1">RAND()</f>
        <v>0.67348331848966014</v>
      </c>
      <c r="B14228" s="1"/>
      <c r="C14228">
        <v>8</v>
      </c>
      <c r="D14228" t="s">
        <v>26907</v>
      </c>
      <c r="E14228" t="s">
        <v>34485</v>
      </c>
      <c r="F14228">
        <v>4</v>
      </c>
      <c r="G14228" t="s">
        <v>14</v>
      </c>
      <c r="H14228" t="s">
        <v>26908</v>
      </c>
      <c r="I14228" t="s">
        <v>30540</v>
      </c>
    </row>
    <row r="14229" spans="1:9">
      <c r="A14229" s="1">
        <f ca="1">RAND()</f>
        <v>4.9449773618750137E-2</v>
      </c>
      <c r="B14229" s="1"/>
      <c r="C14229">
        <v>7</v>
      </c>
      <c r="D14229" t="s">
        <v>26899</v>
      </c>
      <c r="E14229" t="s">
        <v>34486</v>
      </c>
      <c r="F14229">
        <v>4</v>
      </c>
      <c r="G14229" t="s">
        <v>15</v>
      </c>
      <c r="H14229" t="s">
        <v>26900</v>
      </c>
      <c r="I14229" t="s">
        <v>30540</v>
      </c>
    </row>
    <row r="14230" spans="1:9">
      <c r="A14230" s="1">
        <f ca="1">RAND()</f>
        <v>0.57897778042760373</v>
      </c>
      <c r="B14230" s="1"/>
      <c r="C14230">
        <v>17</v>
      </c>
      <c r="D14230" t="s">
        <v>26903</v>
      </c>
      <c r="E14230" t="s">
        <v>34486</v>
      </c>
      <c r="F14230">
        <v>4</v>
      </c>
      <c r="G14230" t="s">
        <v>14</v>
      </c>
      <c r="H14230" t="s">
        <v>26904</v>
      </c>
      <c r="I14230" t="s">
        <v>30540</v>
      </c>
    </row>
    <row r="14231" spans="1:9">
      <c r="A14231" s="1">
        <f ca="1">RAND()</f>
        <v>0.38752340384741446</v>
      </c>
      <c r="B14231" s="1"/>
      <c r="C14231">
        <v>3</v>
      </c>
      <c r="D14231" t="s">
        <v>26897</v>
      </c>
      <c r="E14231" t="s">
        <v>34486</v>
      </c>
      <c r="F14231">
        <v>4</v>
      </c>
      <c r="G14231" t="s">
        <v>14</v>
      </c>
      <c r="H14231" t="s">
        <v>26898</v>
      </c>
      <c r="I14231" t="s">
        <v>30540</v>
      </c>
    </row>
    <row r="14232" spans="1:9">
      <c r="A14232" s="1">
        <f ca="1">RAND()</f>
        <v>0.2031120691020204</v>
      </c>
      <c r="B14232" s="1"/>
      <c r="C14232">
        <v>15</v>
      </c>
      <c r="D14232" t="s">
        <v>26901</v>
      </c>
      <c r="E14232" t="s">
        <v>34486</v>
      </c>
      <c r="F14232">
        <v>3</v>
      </c>
      <c r="G14232" t="s">
        <v>14</v>
      </c>
      <c r="H14232" t="s">
        <v>26902</v>
      </c>
      <c r="I14232" t="s">
        <v>30540</v>
      </c>
    </row>
    <row r="14233" spans="1:9">
      <c r="A14233" s="1">
        <f ca="1">RAND()</f>
        <v>0.88607108382118316</v>
      </c>
      <c r="B14233" s="1"/>
      <c r="C14233">
        <v>15</v>
      </c>
      <c r="D14233" t="s">
        <v>26893</v>
      </c>
      <c r="E14233" t="s">
        <v>34487</v>
      </c>
      <c r="F14233">
        <v>5</v>
      </c>
      <c r="G14233" t="s">
        <v>14</v>
      </c>
      <c r="H14233" t="s">
        <v>26894</v>
      </c>
      <c r="I14233" t="s">
        <v>30540</v>
      </c>
    </row>
    <row r="14234" spans="1:9">
      <c r="A14234" s="1">
        <f ca="1">RAND()</f>
        <v>0.37752070191828069</v>
      </c>
      <c r="B14234" s="1"/>
      <c r="C14234">
        <v>9</v>
      </c>
      <c r="D14234" t="s">
        <v>26889</v>
      </c>
      <c r="E14234" t="s">
        <v>34487</v>
      </c>
      <c r="F14234">
        <v>5</v>
      </c>
      <c r="G14234" t="s">
        <v>14</v>
      </c>
      <c r="H14234" t="s">
        <v>26890</v>
      </c>
      <c r="I14234" t="s">
        <v>30540</v>
      </c>
    </row>
    <row r="14235" spans="1:9">
      <c r="A14235" s="1">
        <f ca="1">RAND()</f>
        <v>0.41912587441454408</v>
      </c>
      <c r="B14235" s="1"/>
      <c r="C14235">
        <v>20</v>
      </c>
      <c r="D14235" t="s">
        <v>26895</v>
      </c>
      <c r="E14235" t="s">
        <v>34487</v>
      </c>
      <c r="F14235">
        <v>5</v>
      </c>
      <c r="G14235" t="s">
        <v>0</v>
      </c>
      <c r="H14235" t="s">
        <v>26896</v>
      </c>
      <c r="I14235" t="s">
        <v>30540</v>
      </c>
    </row>
    <row r="14236" spans="1:9">
      <c r="A14236" s="1">
        <f ca="1">RAND()</f>
        <v>0.12144314322634808</v>
      </c>
      <c r="B14236" s="1"/>
      <c r="C14236">
        <v>13</v>
      </c>
      <c r="D14236" t="s">
        <v>26891</v>
      </c>
      <c r="E14236" t="s">
        <v>34487</v>
      </c>
      <c r="F14236">
        <v>4</v>
      </c>
      <c r="G14236" t="s">
        <v>9</v>
      </c>
      <c r="H14236" t="s">
        <v>26892</v>
      </c>
      <c r="I14236" t="s">
        <v>30540</v>
      </c>
    </row>
    <row r="14237" spans="1:9">
      <c r="A14237" s="1">
        <f ca="1">RAND()</f>
        <v>0.65700522411947082</v>
      </c>
      <c r="B14237" s="1"/>
      <c r="C14237">
        <v>2</v>
      </c>
      <c r="D14237" t="s">
        <v>26879</v>
      </c>
      <c r="E14237" t="s">
        <v>34488</v>
      </c>
      <c r="F14237">
        <v>5</v>
      </c>
      <c r="G14237" t="s">
        <v>10</v>
      </c>
      <c r="H14237" t="s">
        <v>26880</v>
      </c>
      <c r="I14237" t="s">
        <v>30540</v>
      </c>
    </row>
    <row r="14238" spans="1:9">
      <c r="A14238" s="1">
        <f ca="1">RAND()</f>
        <v>0.41786969063368817</v>
      </c>
      <c r="B14238" s="1"/>
      <c r="C14238">
        <v>15</v>
      </c>
      <c r="D14238" t="s">
        <v>26885</v>
      </c>
      <c r="E14238" t="s">
        <v>34488</v>
      </c>
      <c r="F14238">
        <v>5</v>
      </c>
      <c r="G14238" t="s">
        <v>10</v>
      </c>
      <c r="H14238" t="s">
        <v>26886</v>
      </c>
      <c r="I14238" t="s">
        <v>30540</v>
      </c>
    </row>
    <row r="14239" spans="1:9">
      <c r="A14239" s="1">
        <f ca="1">RAND()</f>
        <v>0.53812263631055557</v>
      </c>
      <c r="B14239" s="1"/>
      <c r="C14239">
        <v>13</v>
      </c>
      <c r="D14239" t="s">
        <v>26883</v>
      </c>
      <c r="E14239" t="s">
        <v>34488</v>
      </c>
      <c r="F14239">
        <v>5</v>
      </c>
      <c r="G14239" t="s">
        <v>1431</v>
      </c>
      <c r="H14239" t="s">
        <v>26884</v>
      </c>
      <c r="I14239" t="s">
        <v>30540</v>
      </c>
    </row>
    <row r="14240" spans="1:9">
      <c r="A14240" s="1">
        <f ca="1">RAND()</f>
        <v>0.40277340504869463</v>
      </c>
      <c r="B14240" s="1"/>
      <c r="C14240">
        <v>18</v>
      </c>
      <c r="D14240" t="s">
        <v>26887</v>
      </c>
      <c r="E14240" t="s">
        <v>34488</v>
      </c>
      <c r="F14240">
        <v>4</v>
      </c>
      <c r="G14240" t="s">
        <v>9</v>
      </c>
      <c r="H14240" t="s">
        <v>26888</v>
      </c>
      <c r="I14240" t="s">
        <v>30540</v>
      </c>
    </row>
    <row r="14241" spans="1:9">
      <c r="A14241" s="1">
        <f ca="1">RAND()</f>
        <v>8.2509290181736472E-2</v>
      </c>
      <c r="B14241" s="1"/>
      <c r="C14241">
        <v>3</v>
      </c>
      <c r="D14241" t="s">
        <v>26881</v>
      </c>
      <c r="E14241" t="s">
        <v>34488</v>
      </c>
      <c r="F14241">
        <v>2</v>
      </c>
      <c r="G14241" t="s">
        <v>10</v>
      </c>
      <c r="H14241" t="s">
        <v>26882</v>
      </c>
      <c r="I14241" t="s">
        <v>30540</v>
      </c>
    </row>
    <row r="14242" spans="1:9">
      <c r="A14242" s="1">
        <f ca="1">RAND()</f>
        <v>0.96333286275586971</v>
      </c>
      <c r="B14242" s="1"/>
      <c r="C14242">
        <v>6</v>
      </c>
      <c r="D14242" t="s">
        <v>26871</v>
      </c>
      <c r="E14242" t="s">
        <v>34489</v>
      </c>
      <c r="F14242">
        <v>5</v>
      </c>
      <c r="G14242" t="s">
        <v>14</v>
      </c>
      <c r="H14242" t="s">
        <v>26872</v>
      </c>
      <c r="I14242" t="s">
        <v>30540</v>
      </c>
    </row>
    <row r="14243" spans="1:9">
      <c r="A14243" s="1">
        <f ca="1">RAND()</f>
        <v>0.60403023447465276</v>
      </c>
      <c r="B14243" s="1"/>
      <c r="C14243">
        <v>12</v>
      </c>
      <c r="D14243" t="s">
        <v>26877</v>
      </c>
      <c r="E14243" t="s">
        <v>34489</v>
      </c>
      <c r="F14243">
        <v>5</v>
      </c>
      <c r="G14243" t="s">
        <v>15</v>
      </c>
      <c r="H14243" t="s">
        <v>26878</v>
      </c>
      <c r="I14243" t="s">
        <v>30540</v>
      </c>
    </row>
    <row r="14244" spans="1:9">
      <c r="A14244" s="1">
        <f ca="1">RAND()</f>
        <v>0.4975792127386951</v>
      </c>
      <c r="B14244" s="1"/>
      <c r="C14244">
        <v>7</v>
      </c>
      <c r="D14244" t="s">
        <v>26873</v>
      </c>
      <c r="E14244" t="s">
        <v>34489</v>
      </c>
      <c r="F14244">
        <v>4</v>
      </c>
      <c r="G14244" t="s">
        <v>14</v>
      </c>
      <c r="H14244" t="s">
        <v>26874</v>
      </c>
      <c r="I14244" t="s">
        <v>30540</v>
      </c>
    </row>
    <row r="14245" spans="1:9">
      <c r="A14245" s="1">
        <f ca="1">RAND()</f>
        <v>0.70040139901187193</v>
      </c>
      <c r="B14245" s="1"/>
      <c r="C14245">
        <v>3</v>
      </c>
      <c r="D14245" t="s">
        <v>26867</v>
      </c>
      <c r="E14245" t="s">
        <v>34489</v>
      </c>
      <c r="F14245">
        <v>4</v>
      </c>
      <c r="G14245" t="s">
        <v>9</v>
      </c>
      <c r="H14245" t="s">
        <v>26868</v>
      </c>
      <c r="I14245" t="s">
        <v>30540</v>
      </c>
    </row>
    <row r="14246" spans="1:9">
      <c r="A14246" s="1">
        <f ca="1">RAND()</f>
        <v>0.46547158816529843</v>
      </c>
      <c r="B14246" s="1"/>
      <c r="C14246">
        <v>11</v>
      </c>
      <c r="D14246" t="s">
        <v>26875</v>
      </c>
      <c r="E14246" t="s">
        <v>34489</v>
      </c>
      <c r="F14246">
        <v>4</v>
      </c>
      <c r="G14246" t="s">
        <v>14</v>
      </c>
      <c r="H14246" t="s">
        <v>26876</v>
      </c>
      <c r="I14246" t="s">
        <v>30540</v>
      </c>
    </row>
    <row r="14247" spans="1:9">
      <c r="A14247" s="1">
        <f ca="1">RAND()</f>
        <v>0.91165060735227266</v>
      </c>
      <c r="B14247" s="1"/>
      <c r="C14247">
        <v>4</v>
      </c>
      <c r="D14247" t="s">
        <v>26869</v>
      </c>
      <c r="E14247" t="s">
        <v>34489</v>
      </c>
      <c r="F14247">
        <v>4</v>
      </c>
      <c r="G14247" t="s">
        <v>13</v>
      </c>
      <c r="H14247" t="s">
        <v>26870</v>
      </c>
      <c r="I14247" t="s">
        <v>30540</v>
      </c>
    </row>
    <row r="14248" spans="1:9">
      <c r="A14248" s="1">
        <f ca="1">RAND()</f>
        <v>0.58481347838782649</v>
      </c>
      <c r="B14248" s="1"/>
      <c r="C14248">
        <v>17</v>
      </c>
      <c r="D14248" t="s">
        <v>26861</v>
      </c>
      <c r="E14248" t="s">
        <v>34490</v>
      </c>
      <c r="F14248">
        <v>4</v>
      </c>
      <c r="G14248" t="s">
        <v>14</v>
      </c>
      <c r="H14248" t="s">
        <v>26862</v>
      </c>
      <c r="I14248" t="s">
        <v>30540</v>
      </c>
    </row>
    <row r="14249" spans="1:9">
      <c r="A14249" s="1">
        <f ca="1">RAND()</f>
        <v>0.61668091420809334</v>
      </c>
      <c r="B14249" s="1"/>
      <c r="C14249">
        <v>9</v>
      </c>
      <c r="D14249" t="s">
        <v>26857</v>
      </c>
      <c r="E14249" t="s">
        <v>34490</v>
      </c>
      <c r="F14249">
        <v>4</v>
      </c>
      <c r="G14249" t="s">
        <v>14</v>
      </c>
      <c r="H14249" t="s">
        <v>26858</v>
      </c>
      <c r="I14249" t="s">
        <v>30540</v>
      </c>
    </row>
    <row r="14250" spans="1:9">
      <c r="A14250" s="1">
        <f ca="1">RAND()</f>
        <v>0.58960974344472539</v>
      </c>
      <c r="B14250" s="1"/>
      <c r="C14250">
        <v>19</v>
      </c>
      <c r="D14250" t="s">
        <v>26863</v>
      </c>
      <c r="E14250" t="s">
        <v>34490</v>
      </c>
      <c r="F14250">
        <v>4</v>
      </c>
      <c r="G14250" t="s">
        <v>14</v>
      </c>
      <c r="H14250" t="s">
        <v>26864</v>
      </c>
      <c r="I14250" t="s">
        <v>30540</v>
      </c>
    </row>
    <row r="14251" spans="1:9">
      <c r="A14251" s="1">
        <f ca="1">RAND()</f>
        <v>0.67499367334888982</v>
      </c>
      <c r="B14251" s="1"/>
      <c r="C14251">
        <v>2</v>
      </c>
      <c r="D14251" t="s">
        <v>26855</v>
      </c>
      <c r="E14251" t="s">
        <v>34490</v>
      </c>
      <c r="F14251">
        <v>4</v>
      </c>
      <c r="G14251" t="s">
        <v>10</v>
      </c>
      <c r="H14251" t="s">
        <v>26856</v>
      </c>
      <c r="I14251" t="s">
        <v>30540</v>
      </c>
    </row>
    <row r="14252" spans="1:9">
      <c r="A14252" s="1">
        <f ca="1">RAND()</f>
        <v>0.83821242634039927</v>
      </c>
      <c r="B14252" s="1"/>
      <c r="C14252">
        <v>14</v>
      </c>
      <c r="D14252" t="s">
        <v>26859</v>
      </c>
      <c r="E14252" t="s">
        <v>34490</v>
      </c>
      <c r="F14252">
        <v>4</v>
      </c>
      <c r="G14252" t="s">
        <v>0</v>
      </c>
      <c r="H14252" t="s">
        <v>26860</v>
      </c>
      <c r="I14252" t="s">
        <v>30540</v>
      </c>
    </row>
    <row r="14253" spans="1:9">
      <c r="A14253" s="1">
        <f ca="1">RAND()</f>
        <v>0.27756776330587685</v>
      </c>
      <c r="B14253" s="1"/>
      <c r="C14253">
        <v>20</v>
      </c>
      <c r="D14253" t="s">
        <v>26865</v>
      </c>
      <c r="E14253" t="s">
        <v>34490</v>
      </c>
      <c r="F14253">
        <v>2</v>
      </c>
      <c r="G14253" t="s">
        <v>14</v>
      </c>
      <c r="H14253" t="s">
        <v>26866</v>
      </c>
      <c r="I14253" t="s">
        <v>30540</v>
      </c>
    </row>
    <row r="14254" spans="1:9">
      <c r="A14254" s="1">
        <f ca="1">RAND()</f>
        <v>0.85863711795235953</v>
      </c>
      <c r="B14254" s="1"/>
      <c r="C14254">
        <v>11</v>
      </c>
      <c r="D14254" t="s">
        <v>26849</v>
      </c>
      <c r="E14254" t="s">
        <v>34491</v>
      </c>
      <c r="F14254">
        <v>4</v>
      </c>
      <c r="G14254" t="s">
        <v>0</v>
      </c>
      <c r="H14254" t="s">
        <v>26850</v>
      </c>
      <c r="I14254" t="s">
        <v>30540</v>
      </c>
    </row>
    <row r="14255" spans="1:9">
      <c r="A14255" s="1">
        <f ca="1">RAND()</f>
        <v>0.33233794525777172</v>
      </c>
      <c r="B14255" s="1"/>
      <c r="C14255">
        <v>9</v>
      </c>
      <c r="D14255" t="s">
        <v>26847</v>
      </c>
      <c r="E14255" t="s">
        <v>34491</v>
      </c>
      <c r="F14255">
        <v>4</v>
      </c>
      <c r="G14255" t="s">
        <v>15</v>
      </c>
      <c r="H14255" t="s">
        <v>26848</v>
      </c>
      <c r="I14255" t="s">
        <v>30540</v>
      </c>
    </row>
    <row r="14256" spans="1:9">
      <c r="A14256" s="1">
        <f ca="1">RAND()</f>
        <v>0.31391620889290583</v>
      </c>
      <c r="B14256" s="1"/>
      <c r="C14256">
        <v>7</v>
      </c>
      <c r="D14256" t="s">
        <v>26845</v>
      </c>
      <c r="E14256" t="s">
        <v>34491</v>
      </c>
      <c r="F14256">
        <v>4</v>
      </c>
      <c r="G14256" t="s">
        <v>14</v>
      </c>
      <c r="H14256" t="s">
        <v>26846</v>
      </c>
      <c r="I14256" t="s">
        <v>30540</v>
      </c>
    </row>
    <row r="14257" spans="1:9">
      <c r="A14257" s="1">
        <f ca="1">RAND()</f>
        <v>0.39744605459712234</v>
      </c>
      <c r="B14257" s="1"/>
      <c r="C14257">
        <v>16</v>
      </c>
      <c r="D14257" t="s">
        <v>26851</v>
      </c>
      <c r="E14257" t="s">
        <v>34491</v>
      </c>
      <c r="F14257">
        <v>4</v>
      </c>
      <c r="G14257" t="s">
        <v>14</v>
      </c>
      <c r="H14257" t="s">
        <v>26852</v>
      </c>
      <c r="I14257" t="s">
        <v>30540</v>
      </c>
    </row>
    <row r="14258" spans="1:9">
      <c r="A14258" s="1">
        <f ca="1">RAND()</f>
        <v>0.95524728334952658</v>
      </c>
      <c r="B14258" s="1"/>
      <c r="C14258">
        <v>20</v>
      </c>
      <c r="D14258" t="s">
        <v>26853</v>
      </c>
      <c r="E14258" t="s">
        <v>34491</v>
      </c>
      <c r="F14258">
        <v>4</v>
      </c>
      <c r="G14258" t="s">
        <v>14</v>
      </c>
      <c r="H14258" t="s">
        <v>26854</v>
      </c>
      <c r="I14258" t="s">
        <v>30540</v>
      </c>
    </row>
    <row r="14259" spans="1:9">
      <c r="A14259" s="1">
        <f ca="1">RAND()</f>
        <v>0.62164896321871588</v>
      </c>
      <c r="B14259" s="1"/>
      <c r="C14259">
        <v>14</v>
      </c>
      <c r="D14259" t="s">
        <v>26839</v>
      </c>
      <c r="E14259" t="s">
        <v>34492</v>
      </c>
      <c r="F14259">
        <v>4</v>
      </c>
      <c r="G14259" t="s">
        <v>14</v>
      </c>
      <c r="H14259" t="s">
        <v>26840</v>
      </c>
      <c r="I14259" t="s">
        <v>30540</v>
      </c>
    </row>
    <row r="14260" spans="1:9">
      <c r="A14260" s="1">
        <f ca="1">RAND()</f>
        <v>0.63454000376383268</v>
      </c>
      <c r="B14260" s="1"/>
      <c r="C14260">
        <v>19</v>
      </c>
      <c r="D14260" t="s">
        <v>26843</v>
      </c>
      <c r="E14260" t="s">
        <v>34492</v>
      </c>
      <c r="F14260">
        <v>4</v>
      </c>
      <c r="G14260" t="s">
        <v>14</v>
      </c>
      <c r="H14260" t="s">
        <v>26844</v>
      </c>
      <c r="I14260" t="s">
        <v>30540</v>
      </c>
    </row>
    <row r="14261" spans="1:9">
      <c r="A14261" s="1">
        <f ca="1">RAND()</f>
        <v>7.2749490060038946E-3</v>
      </c>
      <c r="B14261" s="1"/>
      <c r="C14261">
        <v>17</v>
      </c>
      <c r="D14261" t="s">
        <v>26841</v>
      </c>
      <c r="E14261" t="s">
        <v>34492</v>
      </c>
      <c r="F14261">
        <v>4</v>
      </c>
      <c r="G14261" t="s">
        <v>14</v>
      </c>
      <c r="H14261" t="s">
        <v>26842</v>
      </c>
      <c r="I14261" t="s">
        <v>30540</v>
      </c>
    </row>
    <row r="14262" spans="1:9">
      <c r="A14262" s="1">
        <f ca="1">RAND()</f>
        <v>0.45137951016293509</v>
      </c>
      <c r="B14262" s="1"/>
      <c r="C14262">
        <v>2</v>
      </c>
      <c r="D14262" t="s">
        <v>26833</v>
      </c>
      <c r="E14262" t="s">
        <v>34492</v>
      </c>
      <c r="F14262">
        <v>4</v>
      </c>
      <c r="G14262" t="s">
        <v>15</v>
      </c>
      <c r="H14262" t="s">
        <v>26834</v>
      </c>
      <c r="I14262" t="s">
        <v>30540</v>
      </c>
    </row>
    <row r="14263" spans="1:9">
      <c r="A14263" s="1">
        <f ca="1">RAND()</f>
        <v>0.67132541538248536</v>
      </c>
      <c r="B14263" s="1"/>
      <c r="C14263">
        <v>11</v>
      </c>
      <c r="D14263" t="s">
        <v>26837</v>
      </c>
      <c r="E14263" t="s">
        <v>34492</v>
      </c>
      <c r="F14263">
        <v>4</v>
      </c>
      <c r="G14263" t="s">
        <v>1</v>
      </c>
      <c r="H14263" t="s">
        <v>26838</v>
      </c>
      <c r="I14263" t="s">
        <v>30540</v>
      </c>
    </row>
    <row r="14264" spans="1:9">
      <c r="A14264" s="1">
        <f ca="1">RAND()</f>
        <v>0.97480913694400195</v>
      </c>
      <c r="B14264" s="1"/>
      <c r="C14264">
        <v>10</v>
      </c>
      <c r="D14264" t="s">
        <v>26835</v>
      </c>
      <c r="E14264" t="s">
        <v>34492</v>
      </c>
      <c r="F14264">
        <v>3</v>
      </c>
      <c r="G14264" t="s">
        <v>10</v>
      </c>
      <c r="H14264" t="s">
        <v>26836</v>
      </c>
      <c r="I14264" t="s">
        <v>30540</v>
      </c>
    </row>
    <row r="14265" spans="1:9">
      <c r="A14265" s="1">
        <f ca="1">RAND()</f>
        <v>0.39708532710126299</v>
      </c>
      <c r="B14265" s="1"/>
      <c r="C14265">
        <v>8</v>
      </c>
      <c r="D14265" t="s">
        <v>26831</v>
      </c>
      <c r="E14265" t="s">
        <v>34493</v>
      </c>
      <c r="F14265">
        <v>4</v>
      </c>
      <c r="G14265" t="s">
        <v>2229</v>
      </c>
      <c r="H14265" t="s">
        <v>26832</v>
      </c>
      <c r="I14265" t="s">
        <v>30540</v>
      </c>
    </row>
    <row r="14266" spans="1:9">
      <c r="A14266" s="1">
        <f ca="1">RAND()</f>
        <v>0.25498659059847328</v>
      </c>
      <c r="B14266" s="1"/>
      <c r="C14266">
        <v>6</v>
      </c>
      <c r="D14266" t="s">
        <v>26827</v>
      </c>
      <c r="E14266" t="s">
        <v>34493</v>
      </c>
      <c r="F14266">
        <v>4</v>
      </c>
      <c r="G14266" t="s">
        <v>15</v>
      </c>
      <c r="H14266" t="s">
        <v>26828</v>
      </c>
      <c r="I14266" t="s">
        <v>30540</v>
      </c>
    </row>
    <row r="14267" spans="1:9">
      <c r="A14267" s="1">
        <f ca="1">RAND()</f>
        <v>0.49999537592465981</v>
      </c>
      <c r="B14267" s="1"/>
      <c r="C14267">
        <v>7</v>
      </c>
      <c r="D14267" t="s">
        <v>26829</v>
      </c>
      <c r="E14267" t="s">
        <v>34493</v>
      </c>
      <c r="F14267">
        <v>2</v>
      </c>
      <c r="G14267" t="s">
        <v>14</v>
      </c>
      <c r="H14267" t="s">
        <v>26830</v>
      </c>
      <c r="I14267" t="s">
        <v>30540</v>
      </c>
    </row>
    <row r="14268" spans="1:9">
      <c r="A14268" s="1">
        <f ca="1">RAND()</f>
        <v>0.12872744613314013</v>
      </c>
      <c r="B14268" s="1"/>
      <c r="C14268">
        <v>14</v>
      </c>
      <c r="D14268" t="s">
        <v>26825</v>
      </c>
      <c r="E14268" t="s">
        <v>34494</v>
      </c>
      <c r="F14268">
        <v>5</v>
      </c>
      <c r="G14268" t="s">
        <v>9</v>
      </c>
      <c r="H14268" t="s">
        <v>26826</v>
      </c>
      <c r="I14268" t="s">
        <v>30540</v>
      </c>
    </row>
    <row r="14269" spans="1:9">
      <c r="A14269" s="1">
        <f ca="1">RAND()</f>
        <v>9.2656046998364494E-2</v>
      </c>
      <c r="B14269" s="1"/>
      <c r="C14269">
        <v>5</v>
      </c>
      <c r="D14269" t="s">
        <v>26821</v>
      </c>
      <c r="E14269" t="s">
        <v>34494</v>
      </c>
      <c r="F14269">
        <v>5</v>
      </c>
      <c r="G14269" t="s">
        <v>14</v>
      </c>
      <c r="H14269" t="s">
        <v>26822</v>
      </c>
      <c r="I14269" t="s">
        <v>30540</v>
      </c>
    </row>
    <row r="14270" spans="1:9">
      <c r="A14270" s="1">
        <f ca="1">RAND()</f>
        <v>9.2335030154886977E-2</v>
      </c>
      <c r="B14270" s="1"/>
      <c r="C14270">
        <v>1</v>
      </c>
      <c r="D14270" t="s">
        <v>26819</v>
      </c>
      <c r="E14270" t="s">
        <v>34494</v>
      </c>
      <c r="F14270">
        <v>4</v>
      </c>
      <c r="G14270" t="s">
        <v>14</v>
      </c>
      <c r="H14270" t="s">
        <v>26820</v>
      </c>
      <c r="I14270" t="s">
        <v>30540</v>
      </c>
    </row>
    <row r="14271" spans="1:9">
      <c r="A14271" s="1">
        <f ca="1">RAND()</f>
        <v>0.2881582583833564</v>
      </c>
      <c r="B14271" s="1"/>
      <c r="C14271">
        <v>11</v>
      </c>
      <c r="D14271" t="s">
        <v>26823</v>
      </c>
      <c r="E14271" t="s">
        <v>34494</v>
      </c>
      <c r="F14271">
        <v>4</v>
      </c>
      <c r="G14271" t="s">
        <v>14</v>
      </c>
      <c r="H14271" t="s">
        <v>26824</v>
      </c>
      <c r="I14271" t="s">
        <v>30540</v>
      </c>
    </row>
    <row r="14272" spans="1:9">
      <c r="A14272" s="1">
        <f ca="1">RAND()</f>
        <v>0.96138105882359415</v>
      </c>
      <c r="B14272" s="1"/>
      <c r="C14272">
        <v>13</v>
      </c>
      <c r="D14272" t="s">
        <v>26815</v>
      </c>
      <c r="E14272" t="s">
        <v>34495</v>
      </c>
      <c r="F14272">
        <v>4</v>
      </c>
      <c r="G14272" t="s">
        <v>14</v>
      </c>
      <c r="H14272" t="s">
        <v>26816</v>
      </c>
      <c r="I14272" t="s">
        <v>30540</v>
      </c>
    </row>
    <row r="14273" spans="1:9">
      <c r="A14273" s="1">
        <f ca="1">RAND()</f>
        <v>0.33476986404706521</v>
      </c>
      <c r="B14273" s="1"/>
      <c r="C14273">
        <v>15</v>
      </c>
      <c r="D14273" t="s">
        <v>26817</v>
      </c>
      <c r="E14273" t="s">
        <v>34495</v>
      </c>
      <c r="F14273">
        <v>4</v>
      </c>
      <c r="G14273" t="s">
        <v>10</v>
      </c>
      <c r="H14273" t="s">
        <v>26818</v>
      </c>
      <c r="I14273" t="s">
        <v>30540</v>
      </c>
    </row>
    <row r="14274" spans="1:9">
      <c r="A14274" s="1">
        <f ca="1">RAND()</f>
        <v>1.1971217947703838E-3</v>
      </c>
      <c r="B14274" s="1"/>
      <c r="C14274">
        <v>3</v>
      </c>
      <c r="D14274" t="s">
        <v>26811</v>
      </c>
      <c r="E14274" t="s">
        <v>34495</v>
      </c>
      <c r="F14274">
        <v>3</v>
      </c>
      <c r="G14274" t="s">
        <v>14</v>
      </c>
      <c r="H14274" t="s">
        <v>26812</v>
      </c>
      <c r="I14274" t="s">
        <v>30540</v>
      </c>
    </row>
    <row r="14275" spans="1:9">
      <c r="A14275" s="1">
        <f ca="1">RAND()</f>
        <v>0.27216041838903637</v>
      </c>
      <c r="B14275" s="1"/>
      <c r="C14275">
        <v>8</v>
      </c>
      <c r="D14275" t="s">
        <v>26813</v>
      </c>
      <c r="E14275" t="s">
        <v>34495</v>
      </c>
      <c r="F14275">
        <v>3</v>
      </c>
      <c r="G14275" t="s">
        <v>10</v>
      </c>
      <c r="H14275" t="s">
        <v>26814</v>
      </c>
      <c r="I14275" t="s">
        <v>30540</v>
      </c>
    </row>
    <row r="14276" spans="1:9">
      <c r="A14276" s="1">
        <f ca="1">RAND()</f>
        <v>0.94953968235747388</v>
      </c>
      <c r="B14276" s="1"/>
      <c r="C14276">
        <v>2</v>
      </c>
      <c r="D14276" t="s">
        <v>26805</v>
      </c>
      <c r="E14276" t="s">
        <v>34496</v>
      </c>
      <c r="F14276">
        <v>5</v>
      </c>
      <c r="G14276" t="s">
        <v>14</v>
      </c>
      <c r="H14276" t="s">
        <v>26806</v>
      </c>
      <c r="I14276" t="s">
        <v>30540</v>
      </c>
    </row>
    <row r="14277" spans="1:9">
      <c r="A14277" s="1">
        <f ca="1">RAND()</f>
        <v>0.73635050336982089</v>
      </c>
      <c r="B14277" s="1"/>
      <c r="C14277">
        <v>9</v>
      </c>
      <c r="D14277" t="s">
        <v>26809</v>
      </c>
      <c r="E14277" t="s">
        <v>34496</v>
      </c>
      <c r="F14277">
        <v>5</v>
      </c>
      <c r="G14277" t="s">
        <v>14</v>
      </c>
      <c r="H14277" t="s">
        <v>26810</v>
      </c>
      <c r="I14277" t="s">
        <v>30540</v>
      </c>
    </row>
    <row r="14278" spans="1:9">
      <c r="A14278" s="1">
        <f ca="1">RAND()</f>
        <v>0.55394520319213647</v>
      </c>
      <c r="B14278" s="1"/>
      <c r="C14278">
        <v>4</v>
      </c>
      <c r="D14278" t="s">
        <v>26807</v>
      </c>
      <c r="E14278" t="s">
        <v>34496</v>
      </c>
      <c r="F14278">
        <v>4</v>
      </c>
      <c r="G14278" t="s">
        <v>14</v>
      </c>
      <c r="H14278" t="s">
        <v>26808</v>
      </c>
      <c r="I14278" t="s">
        <v>30540</v>
      </c>
    </row>
    <row r="14279" spans="1:9">
      <c r="A14279" s="1">
        <f ca="1">RAND()</f>
        <v>6.524856050921235E-3</v>
      </c>
      <c r="B14279" s="1"/>
      <c r="C14279">
        <v>7</v>
      </c>
      <c r="D14279" t="s">
        <v>26799</v>
      </c>
      <c r="E14279" t="s">
        <v>34497</v>
      </c>
      <c r="F14279">
        <v>5</v>
      </c>
      <c r="G14279" t="s">
        <v>10</v>
      </c>
      <c r="H14279" t="s">
        <v>26800</v>
      </c>
      <c r="I14279" t="s">
        <v>30540</v>
      </c>
    </row>
    <row r="14280" spans="1:9">
      <c r="A14280" s="1">
        <f ca="1">RAND()</f>
        <v>0.97504582850559607</v>
      </c>
      <c r="B14280" s="1"/>
      <c r="C14280">
        <v>4</v>
      </c>
      <c r="D14280" t="s">
        <v>26797</v>
      </c>
      <c r="E14280" t="s">
        <v>34497</v>
      </c>
      <c r="F14280">
        <v>5</v>
      </c>
      <c r="G14280" t="s">
        <v>10</v>
      </c>
      <c r="H14280" t="s">
        <v>26798</v>
      </c>
      <c r="I14280" t="s">
        <v>30540</v>
      </c>
    </row>
    <row r="14281" spans="1:9">
      <c r="A14281" s="1">
        <f ca="1">RAND()</f>
        <v>0.33670614853484848</v>
      </c>
      <c r="B14281" s="1"/>
      <c r="C14281">
        <v>10</v>
      </c>
      <c r="D14281" t="s">
        <v>26803</v>
      </c>
      <c r="E14281" t="s">
        <v>34497</v>
      </c>
      <c r="F14281">
        <v>5</v>
      </c>
      <c r="G14281" t="s">
        <v>10</v>
      </c>
      <c r="H14281" t="s">
        <v>26804</v>
      </c>
      <c r="I14281" t="s">
        <v>30540</v>
      </c>
    </row>
    <row r="14282" spans="1:9">
      <c r="A14282" s="1">
        <f ca="1">RAND()</f>
        <v>0.35995897174794733</v>
      </c>
      <c r="B14282" s="1"/>
      <c r="C14282">
        <v>9</v>
      </c>
      <c r="D14282" t="s">
        <v>26801</v>
      </c>
      <c r="E14282" t="s">
        <v>34497</v>
      </c>
      <c r="F14282">
        <v>4</v>
      </c>
      <c r="G14282" t="s">
        <v>10</v>
      </c>
      <c r="H14282" t="s">
        <v>26802</v>
      </c>
      <c r="I14282" t="s">
        <v>30540</v>
      </c>
    </row>
    <row r="14283" spans="1:9">
      <c r="A14283" s="1">
        <f ca="1">RAND()</f>
        <v>0.6020279068385529</v>
      </c>
      <c r="B14283" s="1"/>
      <c r="C14283">
        <v>2</v>
      </c>
      <c r="D14283" t="s">
        <v>26789</v>
      </c>
      <c r="E14283" t="s">
        <v>34498</v>
      </c>
      <c r="F14283">
        <v>5</v>
      </c>
      <c r="G14283" t="s">
        <v>774</v>
      </c>
      <c r="H14283" t="s">
        <v>26790</v>
      </c>
      <c r="I14283" t="s">
        <v>30540</v>
      </c>
    </row>
    <row r="14284" spans="1:9">
      <c r="A14284" s="1">
        <f ca="1">RAND()</f>
        <v>0.99892653999705983</v>
      </c>
      <c r="B14284" s="1"/>
      <c r="C14284">
        <v>7</v>
      </c>
      <c r="D14284" t="s">
        <v>26791</v>
      </c>
      <c r="E14284" t="s">
        <v>34498</v>
      </c>
      <c r="F14284">
        <v>4</v>
      </c>
      <c r="G14284" t="s">
        <v>15</v>
      </c>
      <c r="H14284" t="s">
        <v>26792</v>
      </c>
      <c r="I14284" t="s">
        <v>30540</v>
      </c>
    </row>
    <row r="14285" spans="1:9">
      <c r="A14285" s="1">
        <f ca="1">RAND()</f>
        <v>0.28054553399512805</v>
      </c>
      <c r="B14285" s="1"/>
      <c r="C14285">
        <v>20</v>
      </c>
      <c r="D14285" t="s">
        <v>26795</v>
      </c>
      <c r="E14285" t="s">
        <v>34498</v>
      </c>
      <c r="F14285">
        <v>4</v>
      </c>
      <c r="G14285" t="s">
        <v>14</v>
      </c>
      <c r="H14285" t="s">
        <v>26796</v>
      </c>
      <c r="I14285" t="s">
        <v>30540</v>
      </c>
    </row>
    <row r="14286" spans="1:9">
      <c r="A14286" s="1">
        <f ca="1">RAND()</f>
        <v>0.83445678733236128</v>
      </c>
      <c r="B14286" s="1"/>
      <c r="C14286">
        <v>18</v>
      </c>
      <c r="D14286" t="s">
        <v>26793</v>
      </c>
      <c r="E14286" t="s">
        <v>34498</v>
      </c>
      <c r="F14286">
        <v>3</v>
      </c>
      <c r="G14286" t="s">
        <v>2</v>
      </c>
      <c r="H14286" t="s">
        <v>26794</v>
      </c>
      <c r="I14286" t="s">
        <v>30540</v>
      </c>
    </row>
    <row r="14287" spans="1:9">
      <c r="A14287" s="1">
        <f ca="1">RAND()</f>
        <v>0.24633519774646206</v>
      </c>
      <c r="B14287" s="1"/>
      <c r="C14287">
        <v>8</v>
      </c>
      <c r="D14287" t="s">
        <v>26783</v>
      </c>
      <c r="E14287" t="s">
        <v>34499</v>
      </c>
      <c r="F14287">
        <v>4</v>
      </c>
      <c r="G14287" t="s">
        <v>10</v>
      </c>
      <c r="H14287" t="s">
        <v>26784</v>
      </c>
      <c r="I14287" t="s">
        <v>30540</v>
      </c>
    </row>
    <row r="14288" spans="1:9">
      <c r="A14288" s="1">
        <f ca="1">RAND()</f>
        <v>6.9701124793477232E-2</v>
      </c>
      <c r="B14288" s="1"/>
      <c r="C14288">
        <v>6</v>
      </c>
      <c r="D14288" t="s">
        <v>26781</v>
      </c>
      <c r="E14288" t="s">
        <v>34499</v>
      </c>
      <c r="F14288">
        <v>4</v>
      </c>
      <c r="G14288" t="s">
        <v>10</v>
      </c>
      <c r="H14288" t="s">
        <v>26782</v>
      </c>
      <c r="I14288" t="s">
        <v>30540</v>
      </c>
    </row>
    <row r="14289" spans="1:9">
      <c r="A14289" s="1">
        <f ca="1">RAND()</f>
        <v>2.7554988106953449E-2</v>
      </c>
      <c r="B14289" s="1"/>
      <c r="C14289">
        <v>11</v>
      </c>
      <c r="D14289" t="s">
        <v>26787</v>
      </c>
      <c r="E14289" t="s">
        <v>34499</v>
      </c>
      <c r="F14289">
        <v>3</v>
      </c>
      <c r="G14289" t="s">
        <v>9</v>
      </c>
      <c r="H14289" t="s">
        <v>26788</v>
      </c>
      <c r="I14289" t="s">
        <v>30540</v>
      </c>
    </row>
    <row r="14290" spans="1:9">
      <c r="A14290" s="1">
        <f ca="1">RAND()</f>
        <v>0.27988248843933494</v>
      </c>
      <c r="B14290" s="1"/>
      <c r="C14290">
        <v>9</v>
      </c>
      <c r="D14290" t="s">
        <v>26785</v>
      </c>
      <c r="E14290" t="s">
        <v>34499</v>
      </c>
      <c r="F14290">
        <v>2</v>
      </c>
      <c r="G14290" t="s">
        <v>10</v>
      </c>
      <c r="H14290" t="s">
        <v>26786</v>
      </c>
      <c r="I14290" t="s">
        <v>30540</v>
      </c>
    </row>
    <row r="14291" spans="1:9">
      <c r="A14291" s="1">
        <f ca="1">RAND()</f>
        <v>0.43320436214728786</v>
      </c>
      <c r="B14291" s="1"/>
      <c r="C14291">
        <v>8</v>
      </c>
      <c r="D14291" t="s">
        <v>26777</v>
      </c>
      <c r="E14291" t="s">
        <v>34500</v>
      </c>
      <c r="F14291">
        <v>4</v>
      </c>
      <c r="G14291" t="s">
        <v>14</v>
      </c>
      <c r="H14291" t="s">
        <v>26778</v>
      </c>
      <c r="I14291" t="s">
        <v>30540</v>
      </c>
    </row>
    <row r="14292" spans="1:9">
      <c r="A14292" s="1">
        <f ca="1">RAND()</f>
        <v>9.0518107260767922E-2</v>
      </c>
      <c r="B14292" s="1"/>
      <c r="C14292">
        <v>14</v>
      </c>
      <c r="D14292" t="s">
        <v>26779</v>
      </c>
      <c r="E14292" t="s">
        <v>34500</v>
      </c>
      <c r="F14292">
        <v>3</v>
      </c>
      <c r="G14292" t="s">
        <v>10</v>
      </c>
      <c r="H14292" t="s">
        <v>26780</v>
      </c>
      <c r="I14292" t="s">
        <v>30540</v>
      </c>
    </row>
    <row r="14293" spans="1:9">
      <c r="A14293" s="1">
        <f ca="1">RAND()</f>
        <v>0.59377846899022246</v>
      </c>
      <c r="B14293" s="1"/>
      <c r="C14293">
        <v>6</v>
      </c>
      <c r="D14293" t="s">
        <v>26775</v>
      </c>
      <c r="E14293" t="s">
        <v>34500</v>
      </c>
      <c r="F14293">
        <v>3</v>
      </c>
      <c r="G14293" t="s">
        <v>14</v>
      </c>
      <c r="H14293" t="s">
        <v>26776</v>
      </c>
      <c r="I14293" t="s">
        <v>30540</v>
      </c>
    </row>
    <row r="14294" spans="1:9">
      <c r="A14294" s="1">
        <f ca="1">RAND()</f>
        <v>0.44612255366501541</v>
      </c>
      <c r="B14294" s="1"/>
      <c r="C14294">
        <v>10</v>
      </c>
      <c r="D14294" t="s">
        <v>26769</v>
      </c>
      <c r="E14294" t="s">
        <v>34501</v>
      </c>
      <c r="F14294">
        <v>4</v>
      </c>
      <c r="G14294" t="s">
        <v>15</v>
      </c>
      <c r="H14294" t="s">
        <v>26770</v>
      </c>
      <c r="I14294" t="s">
        <v>30540</v>
      </c>
    </row>
    <row r="14295" spans="1:9">
      <c r="A14295" s="1">
        <f ca="1">RAND()</f>
        <v>0.54938495768741047</v>
      </c>
      <c r="B14295" s="1"/>
      <c r="C14295">
        <v>16</v>
      </c>
      <c r="D14295" t="s">
        <v>26771</v>
      </c>
      <c r="E14295" t="s">
        <v>34501</v>
      </c>
      <c r="F14295">
        <v>4</v>
      </c>
      <c r="G14295" t="s">
        <v>14</v>
      </c>
      <c r="H14295" t="s">
        <v>26772</v>
      </c>
      <c r="I14295" t="s">
        <v>30540</v>
      </c>
    </row>
    <row r="14296" spans="1:9">
      <c r="A14296" s="1">
        <f ca="1">RAND()</f>
        <v>0.26807958105845586</v>
      </c>
      <c r="B14296" s="1"/>
      <c r="C14296">
        <v>6</v>
      </c>
      <c r="D14296" t="s">
        <v>26767</v>
      </c>
      <c r="E14296" t="s">
        <v>34501</v>
      </c>
      <c r="F14296">
        <v>4</v>
      </c>
      <c r="G14296" t="s">
        <v>14</v>
      </c>
      <c r="H14296" t="s">
        <v>26768</v>
      </c>
      <c r="I14296" t="s">
        <v>30540</v>
      </c>
    </row>
    <row r="14297" spans="1:9">
      <c r="A14297" s="1">
        <f ca="1">RAND()</f>
        <v>0.30033381461124853</v>
      </c>
      <c r="B14297" s="1"/>
      <c r="C14297">
        <v>20</v>
      </c>
      <c r="D14297" t="s">
        <v>26773</v>
      </c>
      <c r="E14297" t="s">
        <v>34501</v>
      </c>
      <c r="F14297">
        <v>4</v>
      </c>
      <c r="G14297" t="s">
        <v>14</v>
      </c>
      <c r="H14297" t="s">
        <v>26774</v>
      </c>
      <c r="I14297" t="s">
        <v>30540</v>
      </c>
    </row>
    <row r="14298" spans="1:9">
      <c r="A14298" s="1">
        <f ca="1">RAND()</f>
        <v>0.11383738819471534</v>
      </c>
      <c r="B14298" s="1"/>
      <c r="C14298">
        <v>11</v>
      </c>
      <c r="D14298" t="s">
        <v>26761</v>
      </c>
      <c r="E14298" t="s">
        <v>34502</v>
      </c>
      <c r="F14298">
        <v>5</v>
      </c>
      <c r="G14298" t="s">
        <v>14</v>
      </c>
      <c r="H14298" t="s">
        <v>26762</v>
      </c>
      <c r="I14298" t="s">
        <v>30540</v>
      </c>
    </row>
    <row r="14299" spans="1:9">
      <c r="A14299" s="1">
        <f ca="1">RAND()</f>
        <v>0.91559466367376674</v>
      </c>
      <c r="B14299" s="1"/>
      <c r="C14299">
        <v>12</v>
      </c>
      <c r="D14299" t="s">
        <v>26763</v>
      </c>
      <c r="E14299" t="s">
        <v>34502</v>
      </c>
      <c r="F14299">
        <v>5</v>
      </c>
      <c r="G14299" t="s">
        <v>14</v>
      </c>
      <c r="H14299" t="s">
        <v>26764</v>
      </c>
      <c r="I14299" t="s">
        <v>30540</v>
      </c>
    </row>
    <row r="14300" spans="1:9">
      <c r="A14300" s="1">
        <f ca="1">RAND()</f>
        <v>0.24447061041967144</v>
      </c>
      <c r="B14300" s="1"/>
      <c r="C14300">
        <v>18</v>
      </c>
      <c r="D14300" t="s">
        <v>26765</v>
      </c>
      <c r="E14300" t="s">
        <v>34502</v>
      </c>
      <c r="F14300">
        <v>4</v>
      </c>
      <c r="G14300" t="s">
        <v>14</v>
      </c>
      <c r="H14300" t="s">
        <v>26766</v>
      </c>
      <c r="I14300" t="s">
        <v>30540</v>
      </c>
    </row>
    <row r="14301" spans="1:9">
      <c r="A14301" s="1">
        <f ca="1">RAND()</f>
        <v>0.47729492378750993</v>
      </c>
      <c r="B14301" s="1"/>
      <c r="C14301">
        <v>19</v>
      </c>
      <c r="D14301" t="s">
        <v>26759</v>
      </c>
      <c r="E14301" t="s">
        <v>34503</v>
      </c>
      <c r="F14301">
        <v>5</v>
      </c>
      <c r="G14301" t="s">
        <v>2</v>
      </c>
      <c r="H14301" t="s">
        <v>26760</v>
      </c>
      <c r="I14301" t="s">
        <v>30540</v>
      </c>
    </row>
    <row r="14302" spans="1:9">
      <c r="A14302" s="1">
        <f ca="1">RAND()</f>
        <v>0.59914349241742093</v>
      </c>
      <c r="B14302" s="1"/>
      <c r="C14302">
        <v>6</v>
      </c>
      <c r="D14302" t="s">
        <v>26757</v>
      </c>
      <c r="E14302" t="s">
        <v>34503</v>
      </c>
      <c r="F14302">
        <v>5</v>
      </c>
      <c r="G14302" t="s">
        <v>10</v>
      </c>
      <c r="H14302" t="s">
        <v>26758</v>
      </c>
      <c r="I14302" t="s">
        <v>30540</v>
      </c>
    </row>
    <row r="14303" spans="1:9">
      <c r="A14303" s="1">
        <f ca="1">RAND()</f>
        <v>0.80524475808428231</v>
      </c>
      <c r="B14303" s="1"/>
      <c r="C14303">
        <v>2</v>
      </c>
      <c r="D14303" t="s">
        <v>26755</v>
      </c>
      <c r="E14303" t="s">
        <v>34503</v>
      </c>
      <c r="F14303">
        <v>4</v>
      </c>
      <c r="G14303" t="s">
        <v>15</v>
      </c>
      <c r="H14303" t="s">
        <v>26756</v>
      </c>
      <c r="I14303" t="s">
        <v>30540</v>
      </c>
    </row>
    <row r="14304" spans="1:9">
      <c r="A14304" s="1">
        <f ca="1">RAND()</f>
        <v>0.85508867184016724</v>
      </c>
      <c r="B14304" s="1"/>
      <c r="C14304">
        <v>10</v>
      </c>
      <c r="D14304" t="s">
        <v>26751</v>
      </c>
      <c r="E14304" t="s">
        <v>34504</v>
      </c>
      <c r="F14304">
        <v>5</v>
      </c>
      <c r="G14304" t="s">
        <v>10</v>
      </c>
      <c r="H14304" t="s">
        <v>26752</v>
      </c>
      <c r="I14304" t="s">
        <v>30540</v>
      </c>
    </row>
    <row r="14305" spans="1:9">
      <c r="A14305" s="1">
        <f ca="1">RAND()</f>
        <v>0.23346611032524289</v>
      </c>
      <c r="B14305" s="1"/>
      <c r="C14305">
        <v>3</v>
      </c>
      <c r="D14305" t="s">
        <v>26747</v>
      </c>
      <c r="E14305" t="s">
        <v>34504</v>
      </c>
      <c r="F14305">
        <v>4</v>
      </c>
      <c r="G14305" t="s">
        <v>10</v>
      </c>
      <c r="H14305" t="s">
        <v>26748</v>
      </c>
      <c r="I14305" t="s">
        <v>30540</v>
      </c>
    </row>
    <row r="14306" spans="1:9">
      <c r="A14306" s="1">
        <f ca="1">RAND()</f>
        <v>0.68390942733849314</v>
      </c>
      <c r="B14306" s="1"/>
      <c r="C14306">
        <v>20</v>
      </c>
      <c r="D14306" t="s">
        <v>26753</v>
      </c>
      <c r="E14306" t="s">
        <v>34504</v>
      </c>
      <c r="F14306">
        <v>4</v>
      </c>
      <c r="G14306" t="s">
        <v>10</v>
      </c>
      <c r="H14306" t="s">
        <v>26754</v>
      </c>
      <c r="I14306" t="s">
        <v>30540</v>
      </c>
    </row>
    <row r="14307" spans="1:9">
      <c r="A14307" s="1">
        <f ca="1">RAND()</f>
        <v>0.28148703896284111</v>
      </c>
      <c r="B14307" s="1"/>
      <c r="C14307">
        <v>9</v>
      </c>
      <c r="D14307" t="s">
        <v>26749</v>
      </c>
      <c r="E14307" t="s">
        <v>34504</v>
      </c>
      <c r="F14307">
        <v>4</v>
      </c>
      <c r="G14307" t="s">
        <v>1</v>
      </c>
      <c r="H14307" t="s">
        <v>26750</v>
      </c>
      <c r="I14307" t="s">
        <v>30540</v>
      </c>
    </row>
    <row r="14308" spans="1:9">
      <c r="A14308" s="1">
        <f ca="1">RAND()</f>
        <v>0.63049878951631511</v>
      </c>
      <c r="B14308" s="1"/>
      <c r="C14308">
        <v>1</v>
      </c>
      <c r="D14308" t="s">
        <v>26745</v>
      </c>
      <c r="E14308" t="s">
        <v>34504</v>
      </c>
      <c r="F14308">
        <v>4</v>
      </c>
      <c r="G14308" t="s">
        <v>10</v>
      </c>
      <c r="H14308" t="s">
        <v>26746</v>
      </c>
      <c r="I14308" t="s">
        <v>30540</v>
      </c>
    </row>
    <row r="14309" spans="1:9">
      <c r="A14309" s="1">
        <f ca="1">RAND()</f>
        <v>0.80360643325547909</v>
      </c>
      <c r="B14309" s="1"/>
      <c r="C14309">
        <v>18</v>
      </c>
      <c r="D14309" t="s">
        <v>26743</v>
      </c>
      <c r="E14309" t="s">
        <v>34505</v>
      </c>
      <c r="F14309">
        <v>4</v>
      </c>
      <c r="G14309" t="s">
        <v>14</v>
      </c>
      <c r="H14309" t="s">
        <v>26744</v>
      </c>
      <c r="I14309" t="s">
        <v>30540</v>
      </c>
    </row>
    <row r="14310" spans="1:9">
      <c r="A14310" s="1">
        <f ca="1">RAND()</f>
        <v>0.60051602542894311</v>
      </c>
      <c r="B14310" s="1"/>
      <c r="C14310">
        <v>5</v>
      </c>
      <c r="D14310" t="s">
        <v>26739</v>
      </c>
      <c r="E14310" t="s">
        <v>34505</v>
      </c>
      <c r="F14310">
        <v>4</v>
      </c>
      <c r="G14310" t="s">
        <v>14</v>
      </c>
      <c r="H14310" t="s">
        <v>26740</v>
      </c>
      <c r="I14310" t="s">
        <v>30540</v>
      </c>
    </row>
    <row r="14311" spans="1:9">
      <c r="A14311" s="1">
        <f ca="1">RAND()</f>
        <v>0.72511071232878288</v>
      </c>
      <c r="B14311" s="1"/>
      <c r="C14311">
        <v>12</v>
      </c>
      <c r="D14311" t="s">
        <v>26741</v>
      </c>
      <c r="E14311" t="s">
        <v>34505</v>
      </c>
      <c r="F14311">
        <v>2</v>
      </c>
      <c r="G14311" t="s">
        <v>14</v>
      </c>
      <c r="H14311" t="s">
        <v>26742</v>
      </c>
      <c r="I14311" t="s">
        <v>30540</v>
      </c>
    </row>
    <row r="14312" spans="1:9">
      <c r="A14312" s="1">
        <f ca="1">RAND()</f>
        <v>0.5587920484900416</v>
      </c>
      <c r="B14312" s="1"/>
      <c r="C14312">
        <v>4</v>
      </c>
      <c r="D14312" t="s">
        <v>26735</v>
      </c>
      <c r="E14312" t="s">
        <v>34506</v>
      </c>
      <c r="F14312">
        <v>5</v>
      </c>
      <c r="G14312" t="s">
        <v>14</v>
      </c>
      <c r="H14312" t="s">
        <v>26736</v>
      </c>
      <c r="I14312" t="s">
        <v>30540</v>
      </c>
    </row>
    <row r="14313" spans="1:9">
      <c r="A14313" s="1">
        <f ca="1">RAND()</f>
        <v>0.18099609543732509</v>
      </c>
      <c r="B14313" s="1"/>
      <c r="C14313">
        <v>12</v>
      </c>
      <c r="D14313" t="s">
        <v>26737</v>
      </c>
      <c r="E14313" t="s">
        <v>34506</v>
      </c>
      <c r="F14313">
        <v>5</v>
      </c>
      <c r="G14313" t="s">
        <v>1</v>
      </c>
      <c r="H14313" t="s">
        <v>26738</v>
      </c>
      <c r="I14313" t="s">
        <v>30540</v>
      </c>
    </row>
    <row r="14314" spans="1:9">
      <c r="A14314" s="1">
        <f ca="1">RAND()</f>
        <v>0.10050417451802041</v>
      </c>
      <c r="B14314" s="1"/>
      <c r="C14314">
        <v>9</v>
      </c>
      <c r="D14314" t="s">
        <v>26733</v>
      </c>
      <c r="E14314" t="s">
        <v>34507</v>
      </c>
      <c r="F14314">
        <v>5</v>
      </c>
      <c r="G14314" t="s">
        <v>10</v>
      </c>
      <c r="H14314" t="s">
        <v>26734</v>
      </c>
      <c r="I14314" t="s">
        <v>30540</v>
      </c>
    </row>
    <row r="14315" spans="1:9">
      <c r="A14315" s="1">
        <f ca="1">RAND()</f>
        <v>0.42608277590043697</v>
      </c>
      <c r="B14315" s="1"/>
      <c r="C14315">
        <v>8</v>
      </c>
      <c r="D14315" t="s">
        <v>26731</v>
      </c>
      <c r="E14315" t="s">
        <v>34507</v>
      </c>
      <c r="F14315">
        <v>5</v>
      </c>
      <c r="G14315" t="s">
        <v>10</v>
      </c>
      <c r="H14315" t="s">
        <v>26732</v>
      </c>
      <c r="I14315" t="s">
        <v>30540</v>
      </c>
    </row>
    <row r="14316" spans="1:9">
      <c r="A14316" s="1">
        <f ca="1">RAND()</f>
        <v>0.22536288407223282</v>
      </c>
      <c r="B14316" s="1"/>
      <c r="C14316">
        <v>3</v>
      </c>
      <c r="D14316" t="s">
        <v>26729</v>
      </c>
      <c r="E14316" t="s">
        <v>34507</v>
      </c>
      <c r="F14316">
        <v>4</v>
      </c>
      <c r="G14316" t="s">
        <v>10</v>
      </c>
      <c r="H14316" t="s">
        <v>26730</v>
      </c>
      <c r="I14316" t="s">
        <v>30540</v>
      </c>
    </row>
    <row r="14317" spans="1:9">
      <c r="A14317" s="1">
        <f ca="1">RAND()</f>
        <v>0.33410073347170277</v>
      </c>
      <c r="B14317" s="1"/>
      <c r="C14317">
        <v>15</v>
      </c>
      <c r="D14317" t="s">
        <v>26725</v>
      </c>
      <c r="E14317" t="s">
        <v>34508</v>
      </c>
      <c r="F14317">
        <v>5</v>
      </c>
      <c r="G14317" t="s">
        <v>2738</v>
      </c>
      <c r="H14317" t="s">
        <v>26726</v>
      </c>
      <c r="I14317" t="s">
        <v>30540</v>
      </c>
    </row>
    <row r="14318" spans="1:9">
      <c r="A14318" s="1">
        <f ca="1">RAND()</f>
        <v>0.39708203364975914</v>
      </c>
      <c r="B14318" s="1"/>
      <c r="C14318">
        <v>18</v>
      </c>
      <c r="D14318" t="s">
        <v>26727</v>
      </c>
      <c r="E14318" t="s">
        <v>34508</v>
      </c>
      <c r="F14318">
        <v>4</v>
      </c>
      <c r="G14318" t="s">
        <v>10</v>
      </c>
      <c r="H14318" t="s">
        <v>26728</v>
      </c>
      <c r="I14318" t="s">
        <v>30540</v>
      </c>
    </row>
    <row r="14319" spans="1:9">
      <c r="A14319" s="1">
        <f ca="1">RAND()</f>
        <v>0.14115481419277032</v>
      </c>
      <c r="B14319" s="1"/>
      <c r="C14319">
        <v>14</v>
      </c>
      <c r="D14319" t="s">
        <v>26723</v>
      </c>
      <c r="E14319" t="s">
        <v>34508</v>
      </c>
      <c r="F14319">
        <v>4</v>
      </c>
      <c r="G14319" t="s">
        <v>10</v>
      </c>
      <c r="H14319" t="s">
        <v>26724</v>
      </c>
      <c r="I14319" t="s">
        <v>30540</v>
      </c>
    </row>
    <row r="14320" spans="1:9">
      <c r="A14320" s="1">
        <f ca="1">RAND()</f>
        <v>0.82203253762193429</v>
      </c>
      <c r="B14320" s="1"/>
      <c r="C14320">
        <v>2</v>
      </c>
      <c r="D14320" t="s">
        <v>26719</v>
      </c>
      <c r="E14320" t="s">
        <v>34509</v>
      </c>
      <c r="F14320">
        <v>3</v>
      </c>
      <c r="G14320" t="s">
        <v>14</v>
      </c>
      <c r="H14320" t="s">
        <v>26720</v>
      </c>
      <c r="I14320" t="s">
        <v>30540</v>
      </c>
    </row>
    <row r="14321" spans="1:9">
      <c r="A14321" s="1">
        <f ca="1">RAND()</f>
        <v>0.82332112034269045</v>
      </c>
      <c r="B14321" s="1"/>
      <c r="C14321">
        <v>12</v>
      </c>
      <c r="D14321" t="s">
        <v>26721</v>
      </c>
      <c r="E14321" t="s">
        <v>34509</v>
      </c>
      <c r="F14321">
        <v>1</v>
      </c>
      <c r="G14321" t="s">
        <v>14</v>
      </c>
      <c r="H14321" t="s">
        <v>26722</v>
      </c>
      <c r="I14321" t="s">
        <v>30540</v>
      </c>
    </row>
    <row r="14322" spans="1:9">
      <c r="A14322" s="1">
        <f ca="1">RAND()</f>
        <v>0.61290611782984217</v>
      </c>
      <c r="B14322" s="1"/>
      <c r="C14322">
        <v>15</v>
      </c>
      <c r="D14322" t="s">
        <v>26717</v>
      </c>
      <c r="E14322" t="s">
        <v>34510</v>
      </c>
      <c r="F14322">
        <v>4</v>
      </c>
      <c r="G14322" t="s">
        <v>14</v>
      </c>
      <c r="H14322" t="s">
        <v>26718</v>
      </c>
      <c r="I14322" t="s">
        <v>30540</v>
      </c>
    </row>
    <row r="14323" spans="1:9">
      <c r="A14323" s="1">
        <f ca="1">RAND()</f>
        <v>0.51105941013575962</v>
      </c>
      <c r="B14323" s="1"/>
      <c r="C14323">
        <v>4</v>
      </c>
      <c r="D14323" t="s">
        <v>26713</v>
      </c>
      <c r="E14323" t="s">
        <v>34510</v>
      </c>
      <c r="F14323">
        <v>4</v>
      </c>
      <c r="G14323" t="s">
        <v>14</v>
      </c>
      <c r="H14323" t="s">
        <v>26714</v>
      </c>
      <c r="I14323" t="s">
        <v>30540</v>
      </c>
    </row>
    <row r="14324" spans="1:9">
      <c r="A14324" s="1">
        <f ca="1">RAND()</f>
        <v>0.80488365181986921</v>
      </c>
      <c r="B14324" s="1"/>
      <c r="C14324">
        <v>1</v>
      </c>
      <c r="D14324" t="s">
        <v>26711</v>
      </c>
      <c r="E14324" t="s">
        <v>34510</v>
      </c>
      <c r="F14324">
        <v>2</v>
      </c>
      <c r="G14324" t="s">
        <v>2</v>
      </c>
      <c r="H14324" t="s">
        <v>26712</v>
      </c>
      <c r="I14324" t="s">
        <v>30540</v>
      </c>
    </row>
    <row r="14325" spans="1:9">
      <c r="A14325" s="1">
        <f ca="1">RAND()</f>
        <v>0.7757318584711711</v>
      </c>
      <c r="B14325" s="1"/>
      <c r="C14325">
        <v>14</v>
      </c>
      <c r="D14325" t="s">
        <v>26715</v>
      </c>
      <c r="E14325" t="s">
        <v>34510</v>
      </c>
      <c r="F14325">
        <v>2</v>
      </c>
      <c r="G14325" t="s">
        <v>14</v>
      </c>
      <c r="H14325" t="s">
        <v>26716</v>
      </c>
      <c r="I14325" t="s">
        <v>30540</v>
      </c>
    </row>
    <row r="14326" spans="1:9">
      <c r="A14326" s="1">
        <f ca="1">RAND()</f>
        <v>1.4438340329951171E-2</v>
      </c>
      <c r="B14326" s="1"/>
      <c r="C14326">
        <v>14</v>
      </c>
      <c r="D14326" t="s">
        <v>26709</v>
      </c>
      <c r="E14326" t="s">
        <v>34511</v>
      </c>
      <c r="F14326">
        <v>5</v>
      </c>
      <c r="G14326" t="s">
        <v>14</v>
      </c>
      <c r="H14326" t="s">
        <v>26710</v>
      </c>
      <c r="I14326" t="s">
        <v>30540</v>
      </c>
    </row>
    <row r="14327" spans="1:9">
      <c r="A14327" s="1">
        <f ca="1">RAND()</f>
        <v>0.58482863418887931</v>
      </c>
      <c r="B14327" s="1"/>
      <c r="C14327">
        <v>10</v>
      </c>
      <c r="D14327" t="s">
        <v>26707</v>
      </c>
      <c r="E14327" t="s">
        <v>34511</v>
      </c>
      <c r="F14327">
        <v>5</v>
      </c>
      <c r="G14327" t="s">
        <v>14</v>
      </c>
      <c r="H14327" t="s">
        <v>26708</v>
      </c>
      <c r="I14327" t="s">
        <v>30540</v>
      </c>
    </row>
    <row r="14328" spans="1:9">
      <c r="A14328" s="1">
        <f ca="1">RAND()</f>
        <v>0.81759667418155224</v>
      </c>
      <c r="B14328" s="1"/>
      <c r="C14328">
        <v>9</v>
      </c>
      <c r="D14328" t="s">
        <v>26705</v>
      </c>
      <c r="E14328" t="s">
        <v>34511</v>
      </c>
      <c r="F14328">
        <v>4</v>
      </c>
      <c r="G14328" t="s">
        <v>14</v>
      </c>
      <c r="H14328" t="s">
        <v>26706</v>
      </c>
      <c r="I14328" t="s">
        <v>30540</v>
      </c>
    </row>
    <row r="14329" spans="1:9">
      <c r="A14329" s="1">
        <f ca="1">RAND()</f>
        <v>0.72225526678287033</v>
      </c>
      <c r="B14329" s="1"/>
      <c r="C14329">
        <v>9</v>
      </c>
      <c r="D14329" t="s">
        <v>26699</v>
      </c>
      <c r="E14329" t="s">
        <v>34512</v>
      </c>
      <c r="F14329">
        <v>4</v>
      </c>
      <c r="G14329" t="s">
        <v>14</v>
      </c>
      <c r="H14329" t="s">
        <v>26700</v>
      </c>
      <c r="I14329" t="s">
        <v>30540</v>
      </c>
    </row>
    <row r="14330" spans="1:9">
      <c r="A14330" s="1">
        <f ca="1">RAND()</f>
        <v>0.99299930070061393</v>
      </c>
      <c r="B14330" s="1"/>
      <c r="C14330">
        <v>13</v>
      </c>
      <c r="D14330" t="s">
        <v>26701</v>
      </c>
      <c r="E14330" t="s">
        <v>34512</v>
      </c>
      <c r="F14330">
        <v>4</v>
      </c>
      <c r="G14330" t="s">
        <v>14</v>
      </c>
      <c r="H14330" t="s">
        <v>26702</v>
      </c>
      <c r="I14330" t="s">
        <v>30540</v>
      </c>
    </row>
    <row r="14331" spans="1:9">
      <c r="A14331" s="1">
        <f ca="1">RAND()</f>
        <v>0.19878846339162681</v>
      </c>
      <c r="B14331" s="1"/>
      <c r="C14331">
        <v>14</v>
      </c>
      <c r="D14331" t="s">
        <v>26703</v>
      </c>
      <c r="E14331" t="s">
        <v>34512</v>
      </c>
      <c r="F14331">
        <v>4</v>
      </c>
      <c r="G14331" t="s">
        <v>0</v>
      </c>
      <c r="H14331" t="s">
        <v>26704</v>
      </c>
      <c r="I14331" t="s">
        <v>30540</v>
      </c>
    </row>
    <row r="14332" spans="1:9">
      <c r="A14332" s="1">
        <f ca="1">RAND()</f>
        <v>0.69648225414843834</v>
      </c>
      <c r="B14332" s="1"/>
      <c r="C14332">
        <v>1</v>
      </c>
      <c r="D14332" t="s">
        <v>26697</v>
      </c>
      <c r="E14332" t="s">
        <v>34512</v>
      </c>
      <c r="F14332">
        <v>2</v>
      </c>
      <c r="G14332" t="s">
        <v>10</v>
      </c>
      <c r="H14332" t="s">
        <v>26698</v>
      </c>
      <c r="I14332" t="s">
        <v>30540</v>
      </c>
    </row>
    <row r="14333" spans="1:9">
      <c r="A14333" s="1">
        <f ca="1">RAND()</f>
        <v>0.12881034899508714</v>
      </c>
      <c r="B14333" s="1"/>
      <c r="C14333">
        <v>18</v>
      </c>
      <c r="D14333" t="s">
        <v>26695</v>
      </c>
      <c r="E14333" t="s">
        <v>34513</v>
      </c>
      <c r="F14333">
        <v>5</v>
      </c>
      <c r="G14333" t="s">
        <v>14</v>
      </c>
      <c r="H14333" t="s">
        <v>26696</v>
      </c>
      <c r="I14333" t="s">
        <v>30540</v>
      </c>
    </row>
    <row r="14334" spans="1:9">
      <c r="A14334" s="1">
        <f ca="1">RAND()</f>
        <v>0.16152652549644031</v>
      </c>
      <c r="B14334" s="1"/>
      <c r="C14334">
        <v>18</v>
      </c>
      <c r="D14334" t="s">
        <v>30377</v>
      </c>
      <c r="E14334" t="s">
        <v>34514</v>
      </c>
      <c r="F14334">
        <v>5</v>
      </c>
      <c r="G14334" t="s">
        <v>0</v>
      </c>
      <c r="H14334" t="s">
        <v>30378</v>
      </c>
      <c r="I14334" t="s">
        <v>30540</v>
      </c>
    </row>
    <row r="14335" spans="1:9">
      <c r="A14335" s="1">
        <f ca="1">RAND()</f>
        <v>0.35075940829695973</v>
      </c>
      <c r="B14335" s="1"/>
      <c r="C14335">
        <v>10</v>
      </c>
      <c r="D14335" t="s">
        <v>30375</v>
      </c>
      <c r="E14335" t="s">
        <v>34514</v>
      </c>
      <c r="F14335">
        <v>4</v>
      </c>
      <c r="G14335" t="s">
        <v>2</v>
      </c>
      <c r="H14335" t="s">
        <v>30376</v>
      </c>
      <c r="I14335" t="s">
        <v>30540</v>
      </c>
    </row>
    <row r="14336" spans="1:9">
      <c r="A14336" s="1">
        <f ca="1">RAND()</f>
        <v>0.9892925488956219</v>
      </c>
      <c r="B14336" s="1"/>
      <c r="C14336">
        <v>15</v>
      </c>
      <c r="D14336" t="s">
        <v>30373</v>
      </c>
      <c r="E14336" t="s">
        <v>34515</v>
      </c>
      <c r="F14336">
        <v>5</v>
      </c>
      <c r="G14336" t="s">
        <v>0</v>
      </c>
      <c r="H14336" t="s">
        <v>30374</v>
      </c>
      <c r="I14336" t="s">
        <v>30540</v>
      </c>
    </row>
    <row r="14337" spans="1:9">
      <c r="A14337" s="1">
        <f ca="1">RAND()</f>
        <v>0.67919332185848447</v>
      </c>
      <c r="B14337" s="1"/>
      <c r="C14337">
        <v>14</v>
      </c>
      <c r="D14337" t="s">
        <v>30371</v>
      </c>
      <c r="E14337" t="s">
        <v>34515</v>
      </c>
      <c r="F14337">
        <v>4</v>
      </c>
      <c r="G14337" t="s">
        <v>0</v>
      </c>
      <c r="H14337" t="s">
        <v>30372</v>
      </c>
      <c r="I14337" t="s">
        <v>30540</v>
      </c>
    </row>
    <row r="14338" spans="1:9">
      <c r="A14338" s="1">
        <f ca="1">RAND()</f>
        <v>0.86754444189196633</v>
      </c>
      <c r="B14338" s="1"/>
      <c r="C14338">
        <v>8</v>
      </c>
      <c r="D14338" t="s">
        <v>30367</v>
      </c>
      <c r="E14338" t="s">
        <v>34516</v>
      </c>
      <c r="F14338">
        <v>4</v>
      </c>
      <c r="G14338" t="s">
        <v>0</v>
      </c>
      <c r="H14338" t="s">
        <v>30368</v>
      </c>
      <c r="I14338" t="s">
        <v>30540</v>
      </c>
    </row>
    <row r="14339" spans="1:9">
      <c r="A14339" s="1">
        <f ca="1">RAND()</f>
        <v>0.8731783282147445</v>
      </c>
      <c r="B14339" s="1"/>
      <c r="C14339">
        <v>14</v>
      </c>
      <c r="D14339" t="s">
        <v>30369</v>
      </c>
      <c r="E14339" t="s">
        <v>34516</v>
      </c>
      <c r="F14339">
        <v>4</v>
      </c>
      <c r="G14339" t="s">
        <v>0</v>
      </c>
      <c r="H14339" t="s">
        <v>30370</v>
      </c>
      <c r="I14339" t="s">
        <v>30540</v>
      </c>
    </row>
    <row r="14340" spans="1:9">
      <c r="A14340" s="1">
        <f ca="1">RAND()</f>
        <v>0.48240291131351687</v>
      </c>
      <c r="B14340" s="1"/>
      <c r="C14340">
        <v>6</v>
      </c>
      <c r="D14340" t="s">
        <v>30365</v>
      </c>
      <c r="E14340" t="s">
        <v>34516</v>
      </c>
      <c r="F14340">
        <v>4</v>
      </c>
      <c r="G14340" t="s">
        <v>10</v>
      </c>
      <c r="H14340" t="s">
        <v>30366</v>
      </c>
      <c r="I14340" t="s">
        <v>30540</v>
      </c>
    </row>
    <row r="14341" spans="1:9">
      <c r="A14341" s="1">
        <f ca="1">RAND()</f>
        <v>0.5583817115271853</v>
      </c>
      <c r="B14341" s="1"/>
      <c r="C14341">
        <v>13</v>
      </c>
      <c r="D14341" t="s">
        <v>30363</v>
      </c>
      <c r="E14341" t="s">
        <v>34517</v>
      </c>
      <c r="F14341">
        <v>3</v>
      </c>
      <c r="G14341" t="s">
        <v>10</v>
      </c>
      <c r="H14341" t="s">
        <v>30364</v>
      </c>
      <c r="I14341" t="s">
        <v>30540</v>
      </c>
    </row>
    <row r="14342" spans="1:9">
      <c r="A14342" s="1">
        <f ca="1">RAND()</f>
        <v>0.95125157216853562</v>
      </c>
      <c r="B14342" s="1"/>
      <c r="C14342">
        <v>4</v>
      </c>
      <c r="D14342" t="s">
        <v>30359</v>
      </c>
      <c r="E14342" t="s">
        <v>34517</v>
      </c>
      <c r="F14342">
        <v>3</v>
      </c>
      <c r="G14342" t="s">
        <v>10</v>
      </c>
      <c r="H14342" t="s">
        <v>30360</v>
      </c>
      <c r="I14342" t="s">
        <v>30540</v>
      </c>
    </row>
    <row r="14343" spans="1:9">
      <c r="A14343" s="1">
        <f ca="1">RAND()</f>
        <v>0.81055249710284072</v>
      </c>
      <c r="B14343" s="1"/>
      <c r="C14343">
        <v>6</v>
      </c>
      <c r="D14343" t="s">
        <v>30361</v>
      </c>
      <c r="E14343" t="s">
        <v>34517</v>
      </c>
      <c r="F14343">
        <v>2</v>
      </c>
      <c r="G14343" t="s">
        <v>9</v>
      </c>
      <c r="H14343" t="s">
        <v>30362</v>
      </c>
      <c r="I14343" t="s">
        <v>30540</v>
      </c>
    </row>
    <row r="14344" spans="1:9">
      <c r="A14344" s="1">
        <f ca="1">RAND()</f>
        <v>0.62367161031232143</v>
      </c>
      <c r="B14344" s="1"/>
      <c r="C14344">
        <v>17</v>
      </c>
      <c r="D14344" t="s">
        <v>30357</v>
      </c>
      <c r="E14344" t="s">
        <v>34518</v>
      </c>
      <c r="F14344">
        <v>4</v>
      </c>
      <c r="G14344" t="s">
        <v>0</v>
      </c>
      <c r="H14344" t="s">
        <v>30358</v>
      </c>
      <c r="I14344" t="s">
        <v>30540</v>
      </c>
    </row>
    <row r="14345" spans="1:9">
      <c r="A14345" s="1">
        <f ca="1">RAND()</f>
        <v>0.89504598397080704</v>
      </c>
      <c r="B14345" s="1"/>
      <c r="C14345">
        <v>8</v>
      </c>
      <c r="D14345" t="s">
        <v>30353</v>
      </c>
      <c r="E14345" t="s">
        <v>34518</v>
      </c>
      <c r="F14345">
        <v>4</v>
      </c>
      <c r="G14345" t="s">
        <v>2</v>
      </c>
      <c r="H14345" t="s">
        <v>30354</v>
      </c>
      <c r="I14345" t="s">
        <v>30540</v>
      </c>
    </row>
    <row r="14346" spans="1:9">
      <c r="A14346" s="1">
        <f ca="1">RAND()</f>
        <v>0.65815779203521529</v>
      </c>
      <c r="B14346" s="1"/>
      <c r="C14346">
        <v>1</v>
      </c>
      <c r="D14346" t="s">
        <v>30351</v>
      </c>
      <c r="E14346" t="s">
        <v>34518</v>
      </c>
      <c r="F14346">
        <v>4</v>
      </c>
      <c r="G14346" t="s">
        <v>15</v>
      </c>
      <c r="H14346" t="s">
        <v>30352</v>
      </c>
      <c r="I14346" t="s">
        <v>30540</v>
      </c>
    </row>
    <row r="14347" spans="1:9">
      <c r="A14347" s="1">
        <f ca="1">RAND()</f>
        <v>0.35550817016691516</v>
      </c>
      <c r="B14347" s="1"/>
      <c r="C14347">
        <v>10</v>
      </c>
      <c r="D14347" t="s">
        <v>30355</v>
      </c>
      <c r="E14347" t="s">
        <v>34518</v>
      </c>
      <c r="F14347">
        <v>2</v>
      </c>
      <c r="G14347" t="s">
        <v>2</v>
      </c>
      <c r="H14347" t="s">
        <v>30356</v>
      </c>
      <c r="I14347" t="s">
        <v>30540</v>
      </c>
    </row>
    <row r="14348" spans="1:9">
      <c r="A14348" s="1">
        <f ca="1">RAND()</f>
        <v>0.61500215631208399</v>
      </c>
      <c r="B14348" s="1"/>
      <c r="C14348">
        <v>9</v>
      </c>
      <c r="D14348" t="s">
        <v>30345</v>
      </c>
      <c r="E14348" t="s">
        <v>34519</v>
      </c>
      <c r="F14348">
        <v>5</v>
      </c>
      <c r="G14348" t="s">
        <v>0</v>
      </c>
      <c r="H14348" t="s">
        <v>30346</v>
      </c>
      <c r="I14348" t="s">
        <v>30540</v>
      </c>
    </row>
    <row r="14349" spans="1:9">
      <c r="A14349" s="1">
        <f ca="1">RAND()</f>
        <v>0.2489755710013144</v>
      </c>
      <c r="B14349" s="1"/>
      <c r="C14349">
        <v>2</v>
      </c>
      <c r="D14349" t="s">
        <v>30341</v>
      </c>
      <c r="E14349" t="s">
        <v>34519</v>
      </c>
      <c r="F14349">
        <v>4</v>
      </c>
      <c r="G14349" t="s">
        <v>10</v>
      </c>
      <c r="H14349" t="s">
        <v>30342</v>
      </c>
      <c r="I14349" t="s">
        <v>30540</v>
      </c>
    </row>
    <row r="14350" spans="1:9">
      <c r="A14350" s="1">
        <f ca="1">RAND()</f>
        <v>0.15076250318402817</v>
      </c>
      <c r="B14350" s="1"/>
      <c r="C14350">
        <v>13</v>
      </c>
      <c r="D14350" t="s">
        <v>30347</v>
      </c>
      <c r="E14350" t="s">
        <v>34519</v>
      </c>
      <c r="F14350">
        <v>3</v>
      </c>
      <c r="G14350" t="s">
        <v>10</v>
      </c>
      <c r="H14350" t="s">
        <v>30348</v>
      </c>
      <c r="I14350" t="s">
        <v>30540</v>
      </c>
    </row>
    <row r="14351" spans="1:9">
      <c r="A14351" s="1">
        <f ca="1">RAND()</f>
        <v>9.8649457255517548E-2</v>
      </c>
      <c r="B14351" s="1"/>
      <c r="C14351">
        <v>7</v>
      </c>
      <c r="D14351" t="s">
        <v>30343</v>
      </c>
      <c r="E14351" t="s">
        <v>34519</v>
      </c>
      <c r="F14351">
        <v>2</v>
      </c>
      <c r="G14351" t="s">
        <v>0</v>
      </c>
      <c r="H14351" t="s">
        <v>30344</v>
      </c>
      <c r="I14351" t="s">
        <v>30540</v>
      </c>
    </row>
    <row r="14352" spans="1:9">
      <c r="A14352" s="1">
        <f ca="1">RAND()</f>
        <v>0.73752745269536257</v>
      </c>
      <c r="B14352" s="1"/>
      <c r="C14352">
        <v>15</v>
      </c>
      <c r="D14352" t="s">
        <v>30349</v>
      </c>
      <c r="E14352" t="s">
        <v>34519</v>
      </c>
      <c r="F14352">
        <v>2</v>
      </c>
      <c r="G14352" t="s">
        <v>0</v>
      </c>
      <c r="H14352" t="s">
        <v>30350</v>
      </c>
      <c r="I14352" t="s">
        <v>30540</v>
      </c>
    </row>
    <row r="14353" spans="1:9">
      <c r="A14353" s="1">
        <f ca="1">RAND()</f>
        <v>0.11884860440493594</v>
      </c>
      <c r="B14353" s="1"/>
      <c r="C14353">
        <v>9</v>
      </c>
      <c r="D14353" t="s">
        <v>30337</v>
      </c>
      <c r="E14353" t="s">
        <v>34520</v>
      </c>
      <c r="F14353">
        <v>5</v>
      </c>
      <c r="G14353" t="s">
        <v>0</v>
      </c>
      <c r="H14353" t="s">
        <v>30338</v>
      </c>
      <c r="I14353" t="s">
        <v>30540</v>
      </c>
    </row>
    <row r="14354" spans="1:9">
      <c r="A14354" s="1">
        <f ca="1">RAND()</f>
        <v>0.66321044001422635</v>
      </c>
      <c r="B14354" s="1"/>
      <c r="C14354">
        <v>11</v>
      </c>
      <c r="D14354" t="s">
        <v>30339</v>
      </c>
      <c r="E14354" t="s">
        <v>34520</v>
      </c>
      <c r="F14354">
        <v>4</v>
      </c>
      <c r="G14354" t="s">
        <v>1</v>
      </c>
      <c r="H14354" t="s">
        <v>30340</v>
      </c>
      <c r="I14354" t="s">
        <v>30540</v>
      </c>
    </row>
    <row r="14355" spans="1:9">
      <c r="A14355" s="1">
        <f ca="1">RAND()</f>
        <v>0.60343203144614865</v>
      </c>
      <c r="B14355" s="1"/>
      <c r="C14355">
        <v>12</v>
      </c>
      <c r="D14355" t="s">
        <v>30331</v>
      </c>
      <c r="E14355" t="s">
        <v>34521</v>
      </c>
      <c r="F14355">
        <v>5</v>
      </c>
      <c r="G14355" t="s">
        <v>0</v>
      </c>
      <c r="H14355" t="s">
        <v>30332</v>
      </c>
      <c r="I14355" t="s">
        <v>30540</v>
      </c>
    </row>
    <row r="14356" spans="1:9">
      <c r="A14356" s="1">
        <f ca="1">RAND()</f>
        <v>0.88038860829205567</v>
      </c>
      <c r="B14356" s="1"/>
      <c r="C14356">
        <v>16</v>
      </c>
      <c r="D14356" t="s">
        <v>30333</v>
      </c>
      <c r="E14356" t="s">
        <v>34521</v>
      </c>
      <c r="F14356">
        <v>5</v>
      </c>
      <c r="G14356" t="s">
        <v>0</v>
      </c>
      <c r="H14356" t="s">
        <v>30334</v>
      </c>
      <c r="I14356" t="s">
        <v>30540</v>
      </c>
    </row>
    <row r="14357" spans="1:9">
      <c r="A14357" s="1">
        <f ca="1">RAND()</f>
        <v>0.95768796161075997</v>
      </c>
      <c r="B14357" s="1"/>
      <c r="C14357">
        <v>3</v>
      </c>
      <c r="D14357" t="s">
        <v>30327</v>
      </c>
      <c r="E14357" t="s">
        <v>34521</v>
      </c>
      <c r="F14357">
        <v>4</v>
      </c>
      <c r="G14357" t="s">
        <v>0</v>
      </c>
      <c r="H14357" t="s">
        <v>30328</v>
      </c>
      <c r="I14357" t="s">
        <v>30540</v>
      </c>
    </row>
    <row r="14358" spans="1:9">
      <c r="A14358" s="1">
        <f ca="1">RAND()</f>
        <v>0.70079678665671463</v>
      </c>
      <c r="B14358" s="1"/>
      <c r="C14358">
        <v>17</v>
      </c>
      <c r="D14358" t="s">
        <v>30335</v>
      </c>
      <c r="E14358" t="s">
        <v>34521</v>
      </c>
      <c r="F14358">
        <v>4</v>
      </c>
      <c r="G14358" t="s">
        <v>0</v>
      </c>
      <c r="H14358" t="s">
        <v>30336</v>
      </c>
      <c r="I14358" t="s">
        <v>30540</v>
      </c>
    </row>
    <row r="14359" spans="1:9">
      <c r="A14359" s="1">
        <f ca="1">RAND()</f>
        <v>0.40478289860680472</v>
      </c>
      <c r="B14359" s="1"/>
      <c r="C14359">
        <v>4</v>
      </c>
      <c r="D14359" t="s">
        <v>30329</v>
      </c>
      <c r="E14359" t="s">
        <v>34521</v>
      </c>
      <c r="F14359">
        <v>4</v>
      </c>
      <c r="G14359" t="s">
        <v>1</v>
      </c>
      <c r="H14359" t="s">
        <v>30330</v>
      </c>
      <c r="I14359" t="s">
        <v>30540</v>
      </c>
    </row>
    <row r="14360" spans="1:9">
      <c r="A14360" s="1">
        <f ca="1">RAND()</f>
        <v>0.55459829831146201</v>
      </c>
      <c r="B14360" s="1"/>
      <c r="C14360">
        <v>18</v>
      </c>
      <c r="D14360" t="s">
        <v>30325</v>
      </c>
      <c r="E14360" t="s">
        <v>34522</v>
      </c>
      <c r="F14360">
        <v>5</v>
      </c>
      <c r="G14360" t="s">
        <v>0</v>
      </c>
      <c r="H14360" t="s">
        <v>30326</v>
      </c>
      <c r="I14360" t="s">
        <v>30540</v>
      </c>
    </row>
    <row r="14361" spans="1:9">
      <c r="A14361" s="1">
        <f ca="1">RAND()</f>
        <v>0.15558497783461311</v>
      </c>
      <c r="B14361" s="1"/>
      <c r="C14361">
        <v>12</v>
      </c>
      <c r="D14361" t="s">
        <v>30321</v>
      </c>
      <c r="E14361" t="s">
        <v>34522</v>
      </c>
      <c r="F14361">
        <v>5</v>
      </c>
      <c r="G14361" t="s">
        <v>9</v>
      </c>
      <c r="H14361" t="s">
        <v>30322</v>
      </c>
      <c r="I14361" t="s">
        <v>30540</v>
      </c>
    </row>
    <row r="14362" spans="1:9">
      <c r="A14362" s="1">
        <f ca="1">RAND()</f>
        <v>0.96330935837709941</v>
      </c>
      <c r="B14362" s="1"/>
      <c r="C14362">
        <v>5</v>
      </c>
      <c r="D14362" t="s">
        <v>30319</v>
      </c>
      <c r="E14362" t="s">
        <v>34522</v>
      </c>
      <c r="F14362">
        <v>4</v>
      </c>
      <c r="G14362" t="s">
        <v>0</v>
      </c>
      <c r="H14362" t="s">
        <v>30320</v>
      </c>
      <c r="I14362" t="s">
        <v>30540</v>
      </c>
    </row>
    <row r="14363" spans="1:9">
      <c r="A14363" s="1">
        <f ca="1">RAND()</f>
        <v>0.75948893210972923</v>
      </c>
      <c r="B14363" s="1"/>
      <c r="C14363">
        <v>13</v>
      </c>
      <c r="D14363" t="s">
        <v>30323</v>
      </c>
      <c r="E14363" t="s">
        <v>34522</v>
      </c>
      <c r="F14363">
        <v>4</v>
      </c>
      <c r="G14363" t="s">
        <v>0</v>
      </c>
      <c r="H14363" t="s">
        <v>30324</v>
      </c>
      <c r="I14363" t="s">
        <v>30540</v>
      </c>
    </row>
    <row r="14364" spans="1:9">
      <c r="A14364" s="1">
        <f ca="1">RAND()</f>
        <v>0.25286847531665058</v>
      </c>
      <c r="B14364" s="1"/>
      <c r="C14364">
        <v>16</v>
      </c>
      <c r="D14364" t="s">
        <v>30315</v>
      </c>
      <c r="E14364" t="s">
        <v>34523</v>
      </c>
      <c r="F14364">
        <v>5</v>
      </c>
      <c r="G14364" t="s">
        <v>0</v>
      </c>
      <c r="H14364" t="s">
        <v>30316</v>
      </c>
      <c r="I14364" t="s">
        <v>30540</v>
      </c>
    </row>
    <row r="14365" spans="1:9">
      <c r="A14365" s="1">
        <f ca="1">RAND()</f>
        <v>0.5852806460862755</v>
      </c>
      <c r="B14365" s="1"/>
      <c r="C14365">
        <v>17</v>
      </c>
      <c r="D14365" t="s">
        <v>30317</v>
      </c>
      <c r="E14365" t="s">
        <v>34523</v>
      </c>
      <c r="F14365">
        <v>5</v>
      </c>
      <c r="G14365" t="s">
        <v>0</v>
      </c>
      <c r="H14365" t="s">
        <v>30318</v>
      </c>
      <c r="I14365" t="s">
        <v>30540</v>
      </c>
    </row>
    <row r="14366" spans="1:9">
      <c r="A14366" s="1">
        <f ca="1">RAND()</f>
        <v>0.50665552877548337</v>
      </c>
      <c r="B14366" s="1"/>
      <c r="C14366">
        <v>10</v>
      </c>
      <c r="D14366" t="s">
        <v>30313</v>
      </c>
      <c r="E14366" t="s">
        <v>34523</v>
      </c>
      <c r="F14366">
        <v>4</v>
      </c>
      <c r="G14366" t="s">
        <v>0</v>
      </c>
      <c r="H14366" t="s">
        <v>30314</v>
      </c>
      <c r="I14366" t="s">
        <v>30540</v>
      </c>
    </row>
    <row r="14367" spans="1:9">
      <c r="A14367" s="1">
        <f ca="1">RAND()</f>
        <v>0.38497551700672195</v>
      </c>
      <c r="B14367" s="1"/>
      <c r="C14367">
        <v>10</v>
      </c>
      <c r="D14367" t="s">
        <v>30309</v>
      </c>
      <c r="E14367" t="s">
        <v>34524</v>
      </c>
      <c r="F14367">
        <v>5</v>
      </c>
      <c r="G14367" t="s">
        <v>0</v>
      </c>
      <c r="H14367" t="s">
        <v>30310</v>
      </c>
      <c r="I14367" t="s">
        <v>30540</v>
      </c>
    </row>
    <row r="14368" spans="1:9">
      <c r="A14368" s="1">
        <f ca="1">RAND()</f>
        <v>0.56278108845851804</v>
      </c>
      <c r="B14368" s="1"/>
      <c r="C14368">
        <v>19</v>
      </c>
      <c r="D14368" t="s">
        <v>30311</v>
      </c>
      <c r="E14368" t="s">
        <v>34524</v>
      </c>
      <c r="F14368">
        <v>4</v>
      </c>
      <c r="G14368" t="s">
        <v>0</v>
      </c>
      <c r="H14368" t="s">
        <v>30312</v>
      </c>
      <c r="I14368" t="s">
        <v>30540</v>
      </c>
    </row>
    <row r="14369" spans="1:9">
      <c r="A14369" s="1">
        <f ca="1">RAND()</f>
        <v>0.62107234857788596</v>
      </c>
      <c r="B14369" s="1"/>
      <c r="C14369">
        <v>11</v>
      </c>
      <c r="D14369" t="s">
        <v>30305</v>
      </c>
      <c r="E14369" t="s">
        <v>34525</v>
      </c>
      <c r="F14369">
        <v>5</v>
      </c>
      <c r="G14369" t="s">
        <v>0</v>
      </c>
      <c r="H14369" t="s">
        <v>30306</v>
      </c>
      <c r="I14369" t="s">
        <v>30540</v>
      </c>
    </row>
    <row r="14370" spans="1:9">
      <c r="A14370" s="1">
        <f ca="1">RAND()</f>
        <v>0.84589950686625226</v>
      </c>
      <c r="B14370" s="1"/>
      <c r="C14370">
        <v>15</v>
      </c>
      <c r="D14370" t="s">
        <v>30307</v>
      </c>
      <c r="E14370" t="s">
        <v>34525</v>
      </c>
      <c r="F14370">
        <v>4</v>
      </c>
      <c r="G14370" t="s">
        <v>0</v>
      </c>
      <c r="H14370" t="s">
        <v>30308</v>
      </c>
      <c r="I14370" t="s">
        <v>30540</v>
      </c>
    </row>
    <row r="14371" spans="1:9">
      <c r="A14371" s="1">
        <f ca="1">RAND()</f>
        <v>0.55705717139732847</v>
      </c>
      <c r="B14371" s="1"/>
      <c r="C14371">
        <v>1</v>
      </c>
      <c r="D14371" t="s">
        <v>30301</v>
      </c>
      <c r="E14371" t="s">
        <v>34525</v>
      </c>
      <c r="F14371">
        <v>4</v>
      </c>
      <c r="G14371" t="s">
        <v>15</v>
      </c>
      <c r="H14371" t="s">
        <v>30302</v>
      </c>
      <c r="I14371" t="s">
        <v>30540</v>
      </c>
    </row>
    <row r="14372" spans="1:9">
      <c r="A14372" s="1">
        <f ca="1">RAND()</f>
        <v>9.8439030332074795E-3</v>
      </c>
      <c r="B14372" s="1"/>
      <c r="C14372">
        <v>7</v>
      </c>
      <c r="D14372" t="s">
        <v>30303</v>
      </c>
      <c r="E14372" t="s">
        <v>34525</v>
      </c>
      <c r="F14372">
        <v>3</v>
      </c>
      <c r="G14372" t="s">
        <v>0</v>
      </c>
      <c r="H14372" t="s">
        <v>30304</v>
      </c>
      <c r="I14372" t="s">
        <v>30540</v>
      </c>
    </row>
    <row r="14373" spans="1:9">
      <c r="A14373" s="1">
        <f ca="1">RAND()</f>
        <v>0.61348185976091585</v>
      </c>
      <c r="B14373" s="1"/>
      <c r="C14373">
        <v>12</v>
      </c>
      <c r="D14373" t="s">
        <v>30299</v>
      </c>
      <c r="E14373" t="s">
        <v>34526</v>
      </c>
      <c r="F14373">
        <v>5</v>
      </c>
      <c r="G14373" t="s">
        <v>0</v>
      </c>
      <c r="H14373" t="s">
        <v>30300</v>
      </c>
      <c r="I14373" t="s">
        <v>30540</v>
      </c>
    </row>
    <row r="14374" spans="1:9">
      <c r="A14374" s="1">
        <f ca="1">RAND()</f>
        <v>0.70395634802878992</v>
      </c>
      <c r="B14374" s="1"/>
      <c r="C14374">
        <v>8</v>
      </c>
      <c r="D14374" t="s">
        <v>30295</v>
      </c>
      <c r="E14374" t="s">
        <v>34526</v>
      </c>
      <c r="F14374">
        <v>4</v>
      </c>
      <c r="G14374" t="s">
        <v>0</v>
      </c>
      <c r="H14374" t="s">
        <v>30296</v>
      </c>
      <c r="I14374" t="s">
        <v>30540</v>
      </c>
    </row>
    <row r="14375" spans="1:9">
      <c r="A14375" s="1">
        <f ca="1">RAND()</f>
        <v>0.32159704214345874</v>
      </c>
      <c r="B14375" s="1"/>
      <c r="C14375">
        <v>10</v>
      </c>
      <c r="D14375" t="s">
        <v>30297</v>
      </c>
      <c r="E14375" t="s">
        <v>34526</v>
      </c>
      <c r="F14375">
        <v>4</v>
      </c>
      <c r="G14375" t="s">
        <v>0</v>
      </c>
      <c r="H14375" t="s">
        <v>30298</v>
      </c>
      <c r="I14375" t="s">
        <v>30540</v>
      </c>
    </row>
    <row r="14376" spans="1:9">
      <c r="A14376" s="1">
        <f ca="1">RAND()</f>
        <v>0.62916337396223532</v>
      </c>
      <c r="B14376" s="1"/>
      <c r="C14376">
        <v>18</v>
      </c>
      <c r="D14376" t="s">
        <v>30291</v>
      </c>
      <c r="E14376" t="s">
        <v>34527</v>
      </c>
      <c r="F14376">
        <v>5</v>
      </c>
      <c r="G14376" t="s">
        <v>0</v>
      </c>
      <c r="H14376" t="s">
        <v>30292</v>
      </c>
      <c r="I14376" t="s">
        <v>30540</v>
      </c>
    </row>
    <row r="14377" spans="1:9">
      <c r="A14377" s="1">
        <f ca="1">RAND()</f>
        <v>0.5646165178675121</v>
      </c>
      <c r="B14377" s="1"/>
      <c r="C14377">
        <v>1</v>
      </c>
      <c r="D14377" t="s">
        <v>30281</v>
      </c>
      <c r="E14377" t="s">
        <v>34527</v>
      </c>
      <c r="F14377">
        <v>5</v>
      </c>
      <c r="G14377" t="s">
        <v>2</v>
      </c>
      <c r="H14377" t="s">
        <v>30282</v>
      </c>
      <c r="I14377" t="s">
        <v>30540</v>
      </c>
    </row>
    <row r="14378" spans="1:9">
      <c r="A14378" s="1">
        <f ca="1">RAND()</f>
        <v>0.83681298434177176</v>
      </c>
      <c r="B14378" s="1"/>
      <c r="C14378">
        <v>13</v>
      </c>
      <c r="D14378" t="s">
        <v>30287</v>
      </c>
      <c r="E14378" t="s">
        <v>34527</v>
      </c>
      <c r="F14378">
        <v>4</v>
      </c>
      <c r="G14378" t="s">
        <v>1</v>
      </c>
      <c r="H14378" t="s">
        <v>30288</v>
      </c>
      <c r="I14378" t="s">
        <v>30540</v>
      </c>
    </row>
    <row r="14379" spans="1:9">
      <c r="A14379" s="1">
        <f ca="1">RAND()</f>
        <v>0.86710671202634415</v>
      </c>
      <c r="B14379" s="1"/>
      <c r="C14379">
        <v>2</v>
      </c>
      <c r="D14379" t="s">
        <v>30283</v>
      </c>
      <c r="E14379" t="s">
        <v>34527</v>
      </c>
      <c r="F14379">
        <v>4</v>
      </c>
      <c r="G14379" t="s">
        <v>2</v>
      </c>
      <c r="H14379" t="s">
        <v>30284</v>
      </c>
      <c r="I14379" t="s">
        <v>30540</v>
      </c>
    </row>
    <row r="14380" spans="1:9">
      <c r="A14380" s="1">
        <f ca="1">RAND()</f>
        <v>0.56967097293261526</v>
      </c>
      <c r="B14380" s="1"/>
      <c r="C14380">
        <v>20</v>
      </c>
      <c r="D14380" t="s">
        <v>30293</v>
      </c>
      <c r="E14380" t="s">
        <v>34527</v>
      </c>
      <c r="F14380">
        <v>4</v>
      </c>
      <c r="G14380" t="s">
        <v>0</v>
      </c>
      <c r="H14380" t="s">
        <v>30294</v>
      </c>
      <c r="I14380" t="s">
        <v>30540</v>
      </c>
    </row>
    <row r="14381" spans="1:9">
      <c r="A14381" s="1">
        <f ca="1">RAND()</f>
        <v>0.80821476179537688</v>
      </c>
      <c r="B14381" s="1"/>
      <c r="C14381">
        <v>16</v>
      </c>
      <c r="D14381" t="s">
        <v>30289</v>
      </c>
      <c r="E14381" t="s">
        <v>34527</v>
      </c>
      <c r="F14381">
        <v>4</v>
      </c>
      <c r="G14381" t="s">
        <v>0</v>
      </c>
      <c r="H14381" t="s">
        <v>30290</v>
      </c>
      <c r="I14381" t="s">
        <v>30540</v>
      </c>
    </row>
    <row r="14382" spans="1:9">
      <c r="A14382" s="1">
        <f ca="1">RAND()</f>
        <v>0.67429104132479523</v>
      </c>
      <c r="B14382" s="1"/>
      <c r="C14382">
        <v>3</v>
      </c>
      <c r="D14382" t="s">
        <v>30285</v>
      </c>
      <c r="E14382" t="s">
        <v>34527</v>
      </c>
      <c r="F14382">
        <v>4</v>
      </c>
      <c r="G14382" t="s">
        <v>0</v>
      </c>
      <c r="H14382" t="s">
        <v>30286</v>
      </c>
      <c r="I14382" t="s">
        <v>30540</v>
      </c>
    </row>
    <row r="14383" spans="1:9">
      <c r="A14383" s="1">
        <f ca="1">RAND()</f>
        <v>0.17003646708488485</v>
      </c>
      <c r="B14383" s="1"/>
      <c r="C14383">
        <v>6</v>
      </c>
      <c r="D14383" t="s">
        <v>30277</v>
      </c>
      <c r="E14383" t="s">
        <v>34528</v>
      </c>
      <c r="F14383">
        <v>4</v>
      </c>
      <c r="G14383" t="s">
        <v>0</v>
      </c>
      <c r="H14383" t="s">
        <v>30278</v>
      </c>
      <c r="I14383" t="s">
        <v>30540</v>
      </c>
    </row>
    <row r="14384" spans="1:9">
      <c r="A14384" s="1">
        <f ca="1">RAND()</f>
        <v>0.98093100740315364</v>
      </c>
      <c r="B14384" s="1"/>
      <c r="C14384">
        <v>11</v>
      </c>
      <c r="D14384" t="s">
        <v>30279</v>
      </c>
      <c r="E14384" t="s">
        <v>34528</v>
      </c>
      <c r="F14384">
        <v>3</v>
      </c>
      <c r="G14384" t="s">
        <v>0</v>
      </c>
      <c r="H14384" t="s">
        <v>30280</v>
      </c>
      <c r="I14384" t="s">
        <v>30540</v>
      </c>
    </row>
    <row r="14385" spans="1:9">
      <c r="A14385" s="1">
        <f ca="1">RAND()</f>
        <v>0.73300986550547043</v>
      </c>
      <c r="B14385" s="1"/>
      <c r="C14385">
        <v>14</v>
      </c>
      <c r="D14385" t="s">
        <v>30271</v>
      </c>
      <c r="E14385" t="s">
        <v>34529</v>
      </c>
      <c r="F14385">
        <v>5</v>
      </c>
      <c r="G14385" t="s">
        <v>0</v>
      </c>
      <c r="H14385" t="s">
        <v>30272</v>
      </c>
      <c r="I14385" t="s">
        <v>30540</v>
      </c>
    </row>
    <row r="14386" spans="1:9">
      <c r="A14386" s="1">
        <f ca="1">RAND()</f>
        <v>6.6527595453119925E-2</v>
      </c>
      <c r="B14386" s="1"/>
      <c r="C14386">
        <v>19</v>
      </c>
      <c r="D14386" t="s">
        <v>30275</v>
      </c>
      <c r="E14386" t="s">
        <v>34529</v>
      </c>
      <c r="F14386">
        <v>5</v>
      </c>
      <c r="G14386" t="s">
        <v>0</v>
      </c>
      <c r="H14386" t="s">
        <v>30276</v>
      </c>
      <c r="I14386" t="s">
        <v>30540</v>
      </c>
    </row>
    <row r="14387" spans="1:9">
      <c r="A14387" s="1">
        <f ca="1">RAND()</f>
        <v>0.66395230240007119</v>
      </c>
      <c r="B14387" s="1"/>
      <c r="C14387">
        <v>16</v>
      </c>
      <c r="D14387" t="s">
        <v>30273</v>
      </c>
      <c r="E14387" t="s">
        <v>34529</v>
      </c>
      <c r="F14387">
        <v>4</v>
      </c>
      <c r="G14387" t="s">
        <v>13</v>
      </c>
      <c r="H14387" t="s">
        <v>30274</v>
      </c>
      <c r="I14387" t="s">
        <v>30540</v>
      </c>
    </row>
    <row r="14388" spans="1:9">
      <c r="A14388" s="1">
        <f ca="1">RAND()</f>
        <v>0.79109349879166335</v>
      </c>
      <c r="B14388" s="1"/>
      <c r="C14388">
        <v>13</v>
      </c>
      <c r="D14388" t="s">
        <v>30269</v>
      </c>
      <c r="E14388" t="s">
        <v>34529</v>
      </c>
      <c r="F14388">
        <v>4</v>
      </c>
      <c r="G14388" t="s">
        <v>15</v>
      </c>
      <c r="H14388" t="s">
        <v>30270</v>
      </c>
      <c r="I14388" t="s">
        <v>30540</v>
      </c>
    </row>
    <row r="14389" spans="1:9">
      <c r="A14389" s="1">
        <f ca="1">RAND()</f>
        <v>0.33348843859115707</v>
      </c>
      <c r="B14389" s="1"/>
      <c r="C14389">
        <v>10</v>
      </c>
      <c r="D14389" t="s">
        <v>30267</v>
      </c>
      <c r="E14389" t="s">
        <v>34530</v>
      </c>
      <c r="F14389">
        <v>2</v>
      </c>
      <c r="G14389" t="s">
        <v>14</v>
      </c>
      <c r="H14389" t="s">
        <v>30268</v>
      </c>
      <c r="I14389" t="s">
        <v>30540</v>
      </c>
    </row>
    <row r="14390" spans="1:9">
      <c r="A14390" s="1">
        <f ca="1">RAND()</f>
        <v>0.33217885452272233</v>
      </c>
      <c r="B14390" s="1"/>
      <c r="C14390">
        <v>19</v>
      </c>
      <c r="D14390" t="s">
        <v>30265</v>
      </c>
      <c r="E14390" t="s">
        <v>34531</v>
      </c>
      <c r="F14390">
        <v>4</v>
      </c>
      <c r="G14390" t="s">
        <v>0</v>
      </c>
      <c r="H14390" t="s">
        <v>30266</v>
      </c>
      <c r="I14390" t="s">
        <v>30540</v>
      </c>
    </row>
    <row r="14391" spans="1:9">
      <c r="A14391" s="1">
        <f ca="1">RAND()</f>
        <v>0.45614704320567356</v>
      </c>
      <c r="B14391" s="1"/>
      <c r="C14391">
        <v>14</v>
      </c>
      <c r="D14391" t="s">
        <v>30261</v>
      </c>
      <c r="E14391" t="s">
        <v>34531</v>
      </c>
      <c r="F14391">
        <v>2</v>
      </c>
      <c r="G14391" t="s">
        <v>0</v>
      </c>
      <c r="H14391" t="s">
        <v>30262</v>
      </c>
      <c r="I14391" t="s">
        <v>30540</v>
      </c>
    </row>
    <row r="14392" spans="1:9">
      <c r="A14392" s="1">
        <f ca="1">RAND()</f>
        <v>0.85145633490089812</v>
      </c>
      <c r="B14392" s="1"/>
      <c r="C14392">
        <v>13</v>
      </c>
      <c r="D14392" t="s">
        <v>30259</v>
      </c>
      <c r="E14392" t="s">
        <v>34531</v>
      </c>
      <c r="F14392">
        <v>2</v>
      </c>
      <c r="G14392" t="s">
        <v>0</v>
      </c>
      <c r="H14392" t="s">
        <v>30260</v>
      </c>
      <c r="I14392" t="s">
        <v>30540</v>
      </c>
    </row>
    <row r="14393" spans="1:9">
      <c r="A14393" s="1">
        <f ca="1">RAND()</f>
        <v>0.58439127421718917</v>
      </c>
      <c r="B14393" s="1"/>
      <c r="C14393">
        <v>16</v>
      </c>
      <c r="D14393" t="s">
        <v>30263</v>
      </c>
      <c r="E14393" t="s">
        <v>34531</v>
      </c>
      <c r="F14393">
        <v>1</v>
      </c>
      <c r="G14393" t="s">
        <v>0</v>
      </c>
      <c r="H14393" t="s">
        <v>30264</v>
      </c>
      <c r="I14393" t="s">
        <v>30540</v>
      </c>
    </row>
    <row r="14394" spans="1:9">
      <c r="A14394" s="1">
        <f ca="1">RAND()</f>
        <v>0.86734629294998433</v>
      </c>
      <c r="B14394" s="1"/>
      <c r="C14394">
        <v>17</v>
      </c>
      <c r="D14394" t="s">
        <v>30255</v>
      </c>
      <c r="E14394" t="s">
        <v>34532</v>
      </c>
      <c r="F14394">
        <v>4</v>
      </c>
      <c r="G14394" t="s">
        <v>0</v>
      </c>
      <c r="H14394" t="s">
        <v>30256</v>
      </c>
      <c r="I14394" t="s">
        <v>30540</v>
      </c>
    </row>
    <row r="14395" spans="1:9">
      <c r="A14395" s="1">
        <f ca="1">RAND()</f>
        <v>0.51428659405322241</v>
      </c>
      <c r="B14395" s="1"/>
      <c r="C14395">
        <v>16</v>
      </c>
      <c r="D14395" t="s">
        <v>30253</v>
      </c>
      <c r="E14395" t="s">
        <v>34532</v>
      </c>
      <c r="F14395">
        <v>4</v>
      </c>
      <c r="G14395" t="s">
        <v>0</v>
      </c>
      <c r="H14395" t="s">
        <v>30254</v>
      </c>
      <c r="I14395" t="s">
        <v>30540</v>
      </c>
    </row>
    <row r="14396" spans="1:9">
      <c r="A14396" s="1">
        <f ca="1">RAND()</f>
        <v>0.10494619389902993</v>
      </c>
      <c r="B14396" s="1"/>
      <c r="C14396">
        <v>18</v>
      </c>
      <c r="D14396" t="s">
        <v>30257</v>
      </c>
      <c r="E14396" t="s">
        <v>34532</v>
      </c>
      <c r="F14396">
        <v>3</v>
      </c>
      <c r="G14396" t="s">
        <v>0</v>
      </c>
      <c r="H14396" t="s">
        <v>30258</v>
      </c>
      <c r="I14396" t="s">
        <v>30540</v>
      </c>
    </row>
    <row r="14397" spans="1:9">
      <c r="A14397" s="1">
        <f ca="1">RAND()</f>
        <v>0.71558211681427397</v>
      </c>
      <c r="B14397" s="1"/>
      <c r="C14397">
        <v>9</v>
      </c>
      <c r="D14397" t="s">
        <v>30251</v>
      </c>
      <c r="E14397" t="s">
        <v>34532</v>
      </c>
      <c r="F14397">
        <v>2</v>
      </c>
      <c r="G14397" t="s">
        <v>0</v>
      </c>
      <c r="H14397" t="s">
        <v>30252</v>
      </c>
      <c r="I14397" t="s">
        <v>30540</v>
      </c>
    </row>
    <row r="14398" spans="1:9">
      <c r="A14398" s="1">
        <f ca="1">RAND()</f>
        <v>0.27294097311997134</v>
      </c>
      <c r="B14398" s="1"/>
      <c r="C14398">
        <v>14</v>
      </c>
      <c r="D14398" t="s">
        <v>30249</v>
      </c>
      <c r="E14398" t="s">
        <v>34533</v>
      </c>
      <c r="F14398">
        <v>5</v>
      </c>
      <c r="G14398" t="s">
        <v>1</v>
      </c>
      <c r="H14398" t="s">
        <v>30250</v>
      </c>
      <c r="I14398" t="s">
        <v>30540</v>
      </c>
    </row>
    <row r="14399" spans="1:9">
      <c r="A14399" s="1">
        <f ca="1">RAND()</f>
        <v>0.98486251755895848</v>
      </c>
      <c r="B14399" s="1"/>
      <c r="C14399">
        <v>11</v>
      </c>
      <c r="D14399" t="s">
        <v>30245</v>
      </c>
      <c r="E14399" t="s">
        <v>34533</v>
      </c>
      <c r="F14399">
        <v>4</v>
      </c>
      <c r="G14399" t="s">
        <v>0</v>
      </c>
      <c r="H14399" t="s">
        <v>30246</v>
      </c>
      <c r="I14399" t="s">
        <v>30540</v>
      </c>
    </row>
    <row r="14400" spans="1:9">
      <c r="A14400" s="1">
        <f ca="1">RAND()</f>
        <v>0.34993907741562424</v>
      </c>
      <c r="B14400" s="1"/>
      <c r="C14400">
        <v>12</v>
      </c>
      <c r="D14400" t="s">
        <v>30247</v>
      </c>
      <c r="E14400" t="s">
        <v>34533</v>
      </c>
      <c r="F14400">
        <v>3</v>
      </c>
      <c r="G14400" t="s">
        <v>0</v>
      </c>
      <c r="H14400" t="s">
        <v>30248</v>
      </c>
      <c r="I14400" t="s">
        <v>30540</v>
      </c>
    </row>
    <row r="14401" spans="1:9">
      <c r="A14401" s="1">
        <f ca="1">RAND()</f>
        <v>0.82141926807946608</v>
      </c>
      <c r="B14401" s="1"/>
      <c r="C14401">
        <v>8</v>
      </c>
      <c r="D14401" t="s">
        <v>30235</v>
      </c>
      <c r="E14401" t="s">
        <v>34534</v>
      </c>
      <c r="F14401">
        <v>5</v>
      </c>
      <c r="G14401" t="s">
        <v>1</v>
      </c>
      <c r="H14401" t="s">
        <v>30236</v>
      </c>
      <c r="I14401" t="s">
        <v>30540</v>
      </c>
    </row>
    <row r="14402" spans="1:9">
      <c r="A14402" s="1">
        <f ca="1">RAND()</f>
        <v>0.5158533334887041</v>
      </c>
      <c r="B14402" s="1"/>
      <c r="C14402">
        <v>6</v>
      </c>
      <c r="D14402" t="s">
        <v>30233</v>
      </c>
      <c r="E14402" t="s">
        <v>34534</v>
      </c>
      <c r="F14402">
        <v>5</v>
      </c>
      <c r="G14402" t="s">
        <v>15</v>
      </c>
      <c r="H14402" t="s">
        <v>30234</v>
      </c>
      <c r="I14402" t="s">
        <v>30540</v>
      </c>
    </row>
    <row r="14403" spans="1:9">
      <c r="A14403" s="1">
        <f ca="1">RAND()</f>
        <v>0.96936767295084458</v>
      </c>
      <c r="B14403" s="1"/>
      <c r="C14403">
        <v>18</v>
      </c>
      <c r="D14403" t="s">
        <v>30243</v>
      </c>
      <c r="E14403" t="s">
        <v>34534</v>
      </c>
      <c r="F14403">
        <v>4</v>
      </c>
      <c r="G14403" t="s">
        <v>0</v>
      </c>
      <c r="H14403" t="s">
        <v>30244</v>
      </c>
      <c r="I14403" t="s">
        <v>30540</v>
      </c>
    </row>
    <row r="14404" spans="1:9">
      <c r="A14404" s="1">
        <f ca="1">RAND()</f>
        <v>0.17689869719267548</v>
      </c>
      <c r="B14404" s="1"/>
      <c r="C14404">
        <v>15</v>
      </c>
      <c r="D14404" t="s">
        <v>30241</v>
      </c>
      <c r="E14404" t="s">
        <v>34534</v>
      </c>
      <c r="F14404">
        <v>4</v>
      </c>
      <c r="G14404" t="s">
        <v>0</v>
      </c>
      <c r="H14404" t="s">
        <v>30242</v>
      </c>
      <c r="I14404" t="s">
        <v>30540</v>
      </c>
    </row>
    <row r="14405" spans="1:9">
      <c r="A14405" s="1">
        <f ca="1">RAND()</f>
        <v>0.63519346642243835</v>
      </c>
      <c r="B14405" s="1"/>
      <c r="C14405">
        <v>11</v>
      </c>
      <c r="D14405" t="s">
        <v>30237</v>
      </c>
      <c r="E14405" t="s">
        <v>34534</v>
      </c>
      <c r="F14405">
        <v>4</v>
      </c>
      <c r="G14405" t="s">
        <v>0</v>
      </c>
      <c r="H14405" t="s">
        <v>30238</v>
      </c>
      <c r="I14405" t="s">
        <v>30540</v>
      </c>
    </row>
    <row r="14406" spans="1:9">
      <c r="A14406" s="1">
        <f ca="1">RAND()</f>
        <v>0.72435527471260674</v>
      </c>
      <c r="B14406" s="1"/>
      <c r="C14406">
        <v>12</v>
      </c>
      <c r="D14406" t="s">
        <v>30239</v>
      </c>
      <c r="E14406" t="s">
        <v>34534</v>
      </c>
      <c r="F14406">
        <v>3</v>
      </c>
      <c r="G14406" t="s">
        <v>0</v>
      </c>
      <c r="H14406" t="s">
        <v>30240</v>
      </c>
      <c r="I14406" t="s">
        <v>30540</v>
      </c>
    </row>
    <row r="14407" spans="1:9">
      <c r="A14407" s="1">
        <f ca="1">RAND()</f>
        <v>0.53424409439083154</v>
      </c>
      <c r="B14407" s="1"/>
      <c r="C14407">
        <v>16</v>
      </c>
      <c r="D14407" t="s">
        <v>30229</v>
      </c>
      <c r="E14407" t="s">
        <v>34535</v>
      </c>
      <c r="F14407">
        <v>5</v>
      </c>
      <c r="G14407" t="s">
        <v>1</v>
      </c>
      <c r="H14407" t="s">
        <v>30230</v>
      </c>
      <c r="I14407" t="s">
        <v>30540</v>
      </c>
    </row>
    <row r="14408" spans="1:9">
      <c r="A14408" s="1">
        <f ca="1">RAND()</f>
        <v>0.71050038559201467</v>
      </c>
      <c r="B14408" s="1"/>
      <c r="C14408">
        <v>7</v>
      </c>
      <c r="D14408" t="s">
        <v>30225</v>
      </c>
      <c r="E14408" t="s">
        <v>34535</v>
      </c>
      <c r="F14408">
        <v>5</v>
      </c>
      <c r="G14408" t="s">
        <v>15</v>
      </c>
      <c r="H14408" t="s">
        <v>30226</v>
      </c>
      <c r="I14408" t="s">
        <v>30540</v>
      </c>
    </row>
    <row r="14409" spans="1:9">
      <c r="A14409" s="1">
        <f ca="1">RAND()</f>
        <v>0.26914447293847032</v>
      </c>
      <c r="B14409" s="1"/>
      <c r="C14409">
        <v>5</v>
      </c>
      <c r="D14409" t="s">
        <v>30223</v>
      </c>
      <c r="E14409" t="s">
        <v>34535</v>
      </c>
      <c r="F14409">
        <v>4</v>
      </c>
      <c r="G14409" t="s">
        <v>10</v>
      </c>
      <c r="H14409" t="s">
        <v>30224</v>
      </c>
      <c r="I14409" t="s">
        <v>30540</v>
      </c>
    </row>
    <row r="14410" spans="1:9">
      <c r="A14410" s="1">
        <f ca="1">RAND()</f>
        <v>0.12195806472989223</v>
      </c>
      <c r="B14410" s="1"/>
      <c r="C14410">
        <v>17</v>
      </c>
      <c r="D14410" t="s">
        <v>30231</v>
      </c>
      <c r="E14410" t="s">
        <v>34535</v>
      </c>
      <c r="F14410">
        <v>4</v>
      </c>
      <c r="G14410" t="s">
        <v>13</v>
      </c>
      <c r="H14410" t="s">
        <v>30232</v>
      </c>
      <c r="I14410" t="s">
        <v>30540</v>
      </c>
    </row>
    <row r="14411" spans="1:9">
      <c r="A14411" s="1">
        <f ca="1">RAND()</f>
        <v>0.53749551509722959</v>
      </c>
      <c r="B14411" s="1"/>
      <c r="C14411">
        <v>13</v>
      </c>
      <c r="D14411" t="s">
        <v>30227</v>
      </c>
      <c r="E14411" t="s">
        <v>34535</v>
      </c>
      <c r="F14411">
        <v>4</v>
      </c>
      <c r="G14411" t="s">
        <v>0</v>
      </c>
      <c r="H14411" t="s">
        <v>30228</v>
      </c>
      <c r="I14411" t="s">
        <v>30540</v>
      </c>
    </row>
    <row r="14412" spans="1:9">
      <c r="A14412" s="1">
        <f ca="1">RAND()</f>
        <v>0.68165156717322539</v>
      </c>
      <c r="B14412" s="1"/>
      <c r="C14412">
        <v>10</v>
      </c>
      <c r="D14412" t="s">
        <v>30219</v>
      </c>
      <c r="E14412" t="s">
        <v>34536</v>
      </c>
      <c r="F14412">
        <v>4</v>
      </c>
      <c r="G14412" t="s">
        <v>9</v>
      </c>
      <c r="H14412" t="s">
        <v>30220</v>
      </c>
      <c r="I14412" t="s">
        <v>30540</v>
      </c>
    </row>
    <row r="14413" spans="1:9">
      <c r="A14413" s="1">
        <f ca="1">RAND()</f>
        <v>0.59826709201837858</v>
      </c>
      <c r="B14413" s="1"/>
      <c r="C14413">
        <v>14</v>
      </c>
      <c r="D14413" t="s">
        <v>30221</v>
      </c>
      <c r="E14413" t="s">
        <v>34536</v>
      </c>
      <c r="F14413">
        <v>4</v>
      </c>
      <c r="G14413" t="s">
        <v>0</v>
      </c>
      <c r="H14413" t="s">
        <v>30222</v>
      </c>
      <c r="I14413" t="s">
        <v>30540</v>
      </c>
    </row>
    <row r="14414" spans="1:9">
      <c r="A14414" s="1">
        <f ca="1">RAND()</f>
        <v>0.75253209142155852</v>
      </c>
      <c r="B14414" s="1"/>
      <c r="C14414">
        <v>2</v>
      </c>
      <c r="D14414" t="s">
        <v>30217</v>
      </c>
      <c r="E14414" t="s">
        <v>34536</v>
      </c>
      <c r="F14414">
        <v>3</v>
      </c>
      <c r="G14414" t="s">
        <v>0</v>
      </c>
      <c r="H14414" t="s">
        <v>30218</v>
      </c>
      <c r="I14414" t="s">
        <v>30540</v>
      </c>
    </row>
    <row r="14415" spans="1:9">
      <c r="A14415" s="1">
        <f ca="1">RAND()</f>
        <v>0.23958009999437013</v>
      </c>
      <c r="B14415" s="1"/>
      <c r="C14415">
        <v>16</v>
      </c>
      <c r="D14415" t="s">
        <v>30215</v>
      </c>
      <c r="E14415" t="s">
        <v>34537</v>
      </c>
      <c r="F14415">
        <v>5</v>
      </c>
      <c r="G14415" t="s">
        <v>0</v>
      </c>
      <c r="H14415" t="s">
        <v>30216</v>
      </c>
      <c r="I14415" t="s">
        <v>30540</v>
      </c>
    </row>
    <row r="14416" spans="1:9">
      <c r="A14416" s="1">
        <f ca="1">RAND()</f>
        <v>0.64100459000400112</v>
      </c>
      <c r="B14416" s="1"/>
      <c r="C14416">
        <v>10</v>
      </c>
      <c r="D14416" t="s">
        <v>30213</v>
      </c>
      <c r="E14416" t="s">
        <v>34537</v>
      </c>
      <c r="F14416">
        <v>4</v>
      </c>
      <c r="G14416" t="s">
        <v>0</v>
      </c>
      <c r="H14416" t="s">
        <v>30214</v>
      </c>
      <c r="I14416" t="s">
        <v>30540</v>
      </c>
    </row>
    <row r="14417" spans="1:9">
      <c r="A14417" s="1">
        <f ca="1">RAND()</f>
        <v>0.84704366933562336</v>
      </c>
      <c r="B14417" s="1"/>
      <c r="C14417">
        <v>1</v>
      </c>
      <c r="D14417" t="s">
        <v>30209</v>
      </c>
      <c r="E14417" t="s">
        <v>34537</v>
      </c>
      <c r="F14417">
        <v>4</v>
      </c>
      <c r="G14417" t="s">
        <v>2</v>
      </c>
      <c r="H14417" t="s">
        <v>30210</v>
      </c>
      <c r="I14417" t="s">
        <v>30540</v>
      </c>
    </row>
    <row r="14418" spans="1:9">
      <c r="A14418" s="1">
        <f ca="1">RAND()</f>
        <v>0.17581561513010713</v>
      </c>
      <c r="B14418" s="1"/>
      <c r="C14418">
        <v>7</v>
      </c>
      <c r="D14418" t="s">
        <v>30211</v>
      </c>
      <c r="E14418" t="s">
        <v>34537</v>
      </c>
      <c r="F14418">
        <v>4</v>
      </c>
      <c r="G14418" t="s">
        <v>9</v>
      </c>
      <c r="H14418" t="s">
        <v>30212</v>
      </c>
      <c r="I14418" t="s">
        <v>30540</v>
      </c>
    </row>
    <row r="14419" spans="1:9">
      <c r="A14419" s="1">
        <f ca="1">RAND()</f>
        <v>0.83733978817637145</v>
      </c>
      <c r="B14419" s="1"/>
      <c r="C14419">
        <v>3</v>
      </c>
      <c r="D14419" t="s">
        <v>30203</v>
      </c>
      <c r="E14419" t="s">
        <v>34538</v>
      </c>
      <c r="F14419">
        <v>5</v>
      </c>
      <c r="G14419" t="s">
        <v>0</v>
      </c>
      <c r="H14419" t="s">
        <v>30204</v>
      </c>
      <c r="I14419" t="s">
        <v>30540</v>
      </c>
    </row>
    <row r="14420" spans="1:9">
      <c r="A14420" s="1">
        <f ca="1">RAND()</f>
        <v>0.33424867458571794</v>
      </c>
      <c r="B14420" s="1"/>
      <c r="C14420">
        <v>11</v>
      </c>
      <c r="D14420" t="s">
        <v>30207</v>
      </c>
      <c r="E14420" t="s">
        <v>34538</v>
      </c>
      <c r="F14420">
        <v>4</v>
      </c>
      <c r="G14420" t="s">
        <v>0</v>
      </c>
      <c r="H14420" t="s">
        <v>30208</v>
      </c>
      <c r="I14420" t="s">
        <v>30540</v>
      </c>
    </row>
    <row r="14421" spans="1:9">
      <c r="A14421" s="1">
        <f ca="1">RAND()</f>
        <v>0.39738104985483069</v>
      </c>
      <c r="B14421" s="1"/>
      <c r="C14421">
        <v>10</v>
      </c>
      <c r="D14421" t="s">
        <v>30205</v>
      </c>
      <c r="E14421" t="s">
        <v>34538</v>
      </c>
      <c r="F14421">
        <v>4</v>
      </c>
      <c r="G14421" t="s">
        <v>0</v>
      </c>
      <c r="H14421" t="s">
        <v>30206</v>
      </c>
      <c r="I14421" t="s">
        <v>30540</v>
      </c>
    </row>
    <row r="14422" spans="1:9">
      <c r="A14422" s="1">
        <f ca="1">RAND()</f>
        <v>0.14607186518313919</v>
      </c>
      <c r="B14422" s="1"/>
      <c r="C14422">
        <v>13</v>
      </c>
      <c r="D14422" t="s">
        <v>30201</v>
      </c>
      <c r="E14422" t="s">
        <v>34539</v>
      </c>
      <c r="F14422">
        <v>4</v>
      </c>
      <c r="G14422" t="s">
        <v>0</v>
      </c>
      <c r="H14422" t="s">
        <v>30202</v>
      </c>
      <c r="I14422" t="s">
        <v>30540</v>
      </c>
    </row>
    <row r="14423" spans="1:9">
      <c r="A14423" s="1">
        <f ca="1">RAND()</f>
        <v>0.80346134885110376</v>
      </c>
      <c r="B14423" s="1"/>
      <c r="C14423">
        <v>8</v>
      </c>
      <c r="D14423" t="s">
        <v>30195</v>
      </c>
      <c r="E14423" t="s">
        <v>34540</v>
      </c>
      <c r="F14423">
        <v>5</v>
      </c>
      <c r="G14423" t="s">
        <v>0</v>
      </c>
      <c r="H14423" t="s">
        <v>30196</v>
      </c>
      <c r="I14423" t="s">
        <v>30540</v>
      </c>
    </row>
    <row r="14424" spans="1:9">
      <c r="A14424" s="1">
        <f ca="1">RAND()</f>
        <v>0.86556189430275132</v>
      </c>
      <c r="B14424" s="1"/>
      <c r="C14424">
        <v>10</v>
      </c>
      <c r="D14424" t="s">
        <v>30197</v>
      </c>
      <c r="E14424" t="s">
        <v>34540</v>
      </c>
      <c r="F14424">
        <v>4</v>
      </c>
      <c r="G14424" t="s">
        <v>0</v>
      </c>
      <c r="H14424" t="s">
        <v>30198</v>
      </c>
      <c r="I14424" t="s">
        <v>30540</v>
      </c>
    </row>
    <row r="14425" spans="1:9">
      <c r="A14425" s="1">
        <f ca="1">RAND()</f>
        <v>0.72560665125852808</v>
      </c>
      <c r="B14425" s="1"/>
      <c r="C14425">
        <v>13</v>
      </c>
      <c r="D14425" t="s">
        <v>30199</v>
      </c>
      <c r="E14425" t="s">
        <v>34540</v>
      </c>
      <c r="F14425">
        <v>4</v>
      </c>
      <c r="G14425" t="s">
        <v>0</v>
      </c>
      <c r="H14425" t="s">
        <v>30200</v>
      </c>
      <c r="I14425" t="s">
        <v>30540</v>
      </c>
    </row>
    <row r="14426" spans="1:9">
      <c r="A14426" s="1">
        <f ca="1">RAND()</f>
        <v>0.34677709071363549</v>
      </c>
      <c r="B14426" s="1"/>
      <c r="C14426">
        <v>16</v>
      </c>
      <c r="D14426" t="s">
        <v>30191</v>
      </c>
      <c r="E14426" t="s">
        <v>34541</v>
      </c>
      <c r="F14426">
        <v>5</v>
      </c>
      <c r="G14426" t="s">
        <v>0</v>
      </c>
      <c r="H14426" t="s">
        <v>30192</v>
      </c>
      <c r="I14426" t="s">
        <v>30540</v>
      </c>
    </row>
    <row r="14427" spans="1:9">
      <c r="A14427" s="1">
        <f ca="1">RAND()</f>
        <v>0.14568030867184545</v>
      </c>
      <c r="B14427" s="1"/>
      <c r="C14427">
        <v>13</v>
      </c>
      <c r="D14427" t="s">
        <v>30189</v>
      </c>
      <c r="E14427" t="s">
        <v>34541</v>
      </c>
      <c r="F14427">
        <v>4</v>
      </c>
      <c r="G14427" t="s">
        <v>0</v>
      </c>
      <c r="H14427" t="s">
        <v>30190</v>
      </c>
      <c r="I14427" t="s">
        <v>30540</v>
      </c>
    </row>
    <row r="14428" spans="1:9">
      <c r="A14428" s="1">
        <f ca="1">RAND()</f>
        <v>0.16566752642746885</v>
      </c>
      <c r="B14428" s="1"/>
      <c r="C14428">
        <v>6</v>
      </c>
      <c r="D14428" t="s">
        <v>30187</v>
      </c>
      <c r="E14428" t="s">
        <v>34541</v>
      </c>
      <c r="F14428">
        <v>4</v>
      </c>
      <c r="G14428" t="s">
        <v>0</v>
      </c>
      <c r="H14428" t="s">
        <v>30188</v>
      </c>
      <c r="I14428" t="s">
        <v>30540</v>
      </c>
    </row>
    <row r="14429" spans="1:9">
      <c r="A14429" s="1">
        <f ca="1">RAND()</f>
        <v>0.88507028082845463</v>
      </c>
      <c r="B14429" s="1"/>
      <c r="C14429">
        <v>19</v>
      </c>
      <c r="D14429" t="s">
        <v>30193</v>
      </c>
      <c r="E14429" t="s">
        <v>34541</v>
      </c>
      <c r="F14429">
        <v>4</v>
      </c>
      <c r="G14429" t="s">
        <v>13</v>
      </c>
      <c r="H14429" t="s">
        <v>30194</v>
      </c>
      <c r="I14429" t="s">
        <v>30540</v>
      </c>
    </row>
    <row r="14430" spans="1:9">
      <c r="A14430" s="1">
        <f ca="1">RAND()</f>
        <v>0.5059163020541263</v>
      </c>
      <c r="B14430" s="1"/>
      <c r="C14430">
        <v>1</v>
      </c>
      <c r="D14430" t="s">
        <v>30185</v>
      </c>
      <c r="E14430" t="s">
        <v>34541</v>
      </c>
      <c r="F14430">
        <v>2</v>
      </c>
      <c r="G14430" t="s">
        <v>0</v>
      </c>
      <c r="H14430" t="s">
        <v>30186</v>
      </c>
      <c r="I14430" t="s">
        <v>30540</v>
      </c>
    </row>
    <row r="14431" spans="1:9">
      <c r="A14431" s="1">
        <f ca="1">RAND()</f>
        <v>0.92187619710820556</v>
      </c>
      <c r="B14431" s="1"/>
      <c r="C14431">
        <v>9</v>
      </c>
      <c r="D14431" t="s">
        <v>30183</v>
      </c>
      <c r="E14431" t="s">
        <v>34542</v>
      </c>
      <c r="F14431">
        <v>4</v>
      </c>
      <c r="G14431" t="s">
        <v>2</v>
      </c>
      <c r="H14431" t="s">
        <v>30184</v>
      </c>
      <c r="I14431" t="s">
        <v>30540</v>
      </c>
    </row>
    <row r="14432" spans="1:9">
      <c r="A14432" s="1">
        <f ca="1">RAND()</f>
        <v>5.9759457136798422E-2</v>
      </c>
      <c r="B14432" s="1"/>
      <c r="C14432">
        <v>10</v>
      </c>
      <c r="D14432" t="s">
        <v>30179</v>
      </c>
      <c r="E14432" t="s">
        <v>34543</v>
      </c>
      <c r="F14432">
        <v>5</v>
      </c>
      <c r="G14432" t="s">
        <v>0</v>
      </c>
      <c r="H14432" t="s">
        <v>30180</v>
      </c>
      <c r="I14432" t="s">
        <v>30540</v>
      </c>
    </row>
    <row r="14433" spans="1:9">
      <c r="A14433" s="1">
        <f ca="1">RAND()</f>
        <v>0.74721567619877172</v>
      </c>
      <c r="B14433" s="1"/>
      <c r="C14433">
        <v>9</v>
      </c>
      <c r="D14433" t="s">
        <v>30177</v>
      </c>
      <c r="E14433" t="s">
        <v>34543</v>
      </c>
      <c r="F14433">
        <v>5</v>
      </c>
      <c r="G14433" t="s">
        <v>2</v>
      </c>
      <c r="H14433" t="s">
        <v>30178</v>
      </c>
      <c r="I14433" t="s">
        <v>30540</v>
      </c>
    </row>
    <row r="14434" spans="1:9">
      <c r="A14434" s="1">
        <f ca="1">RAND()</f>
        <v>0.3737670545657269</v>
      </c>
      <c r="B14434" s="1"/>
      <c r="C14434">
        <v>15</v>
      </c>
      <c r="D14434" t="s">
        <v>30181</v>
      </c>
      <c r="E14434" t="s">
        <v>34543</v>
      </c>
      <c r="F14434">
        <v>4</v>
      </c>
      <c r="G14434" t="s">
        <v>0</v>
      </c>
      <c r="H14434" t="s">
        <v>30182</v>
      </c>
      <c r="I14434" t="s">
        <v>30540</v>
      </c>
    </row>
    <row r="14435" spans="1:9">
      <c r="A14435" s="1">
        <f ca="1">RAND()</f>
        <v>6.8297966389854414E-2</v>
      </c>
      <c r="B14435" s="1"/>
      <c r="C14435">
        <v>5</v>
      </c>
      <c r="D14435" t="s">
        <v>30175</v>
      </c>
      <c r="E14435" t="s">
        <v>34543</v>
      </c>
      <c r="F14435">
        <v>2</v>
      </c>
      <c r="G14435" t="s">
        <v>2</v>
      </c>
      <c r="H14435" t="s">
        <v>30176</v>
      </c>
      <c r="I14435" t="s">
        <v>30540</v>
      </c>
    </row>
    <row r="14436" spans="1:9">
      <c r="A14436" s="1">
        <f ca="1">RAND()</f>
        <v>0.90249405660716864</v>
      </c>
      <c r="B14436" s="1"/>
      <c r="C14436">
        <v>19</v>
      </c>
      <c r="D14436" t="s">
        <v>30173</v>
      </c>
      <c r="E14436" t="s">
        <v>34544</v>
      </c>
      <c r="F14436">
        <v>4</v>
      </c>
      <c r="G14436" t="s">
        <v>0</v>
      </c>
      <c r="H14436" t="s">
        <v>30174</v>
      </c>
      <c r="I14436" t="s">
        <v>30540</v>
      </c>
    </row>
    <row r="14437" spans="1:9">
      <c r="A14437" s="1">
        <f ca="1">RAND()</f>
        <v>0.74973653198950074</v>
      </c>
      <c r="B14437" s="1"/>
      <c r="C14437">
        <v>11</v>
      </c>
      <c r="D14437" t="s">
        <v>30171</v>
      </c>
      <c r="E14437" t="s">
        <v>34544</v>
      </c>
      <c r="F14437">
        <v>4</v>
      </c>
      <c r="G14437" t="s">
        <v>0</v>
      </c>
      <c r="H14437" t="s">
        <v>30172</v>
      </c>
      <c r="I14437" t="s">
        <v>30540</v>
      </c>
    </row>
    <row r="14438" spans="1:9">
      <c r="A14438" s="1">
        <f ca="1">RAND()</f>
        <v>0.12602378704487172</v>
      </c>
      <c r="B14438" s="1"/>
      <c r="C14438">
        <v>7</v>
      </c>
      <c r="D14438" t="s">
        <v>30163</v>
      </c>
      <c r="E14438" t="s">
        <v>34545</v>
      </c>
      <c r="F14438">
        <v>5</v>
      </c>
      <c r="G14438" t="s">
        <v>14</v>
      </c>
      <c r="H14438" t="s">
        <v>30164</v>
      </c>
      <c r="I14438" t="s">
        <v>30540</v>
      </c>
    </row>
    <row r="14439" spans="1:9">
      <c r="A14439" s="1">
        <f ca="1">RAND()</f>
        <v>0.83233922750046418</v>
      </c>
      <c r="B14439" s="1"/>
      <c r="C14439">
        <v>10</v>
      </c>
      <c r="D14439" t="s">
        <v>30165</v>
      </c>
      <c r="E14439" t="s">
        <v>34545</v>
      </c>
      <c r="F14439">
        <v>5</v>
      </c>
      <c r="G14439" t="s">
        <v>10</v>
      </c>
      <c r="H14439" t="s">
        <v>30166</v>
      </c>
      <c r="I14439" t="s">
        <v>30540</v>
      </c>
    </row>
    <row r="14440" spans="1:9">
      <c r="A14440" s="1">
        <f ca="1">RAND()</f>
        <v>0.86979110358060052</v>
      </c>
      <c r="B14440" s="1"/>
      <c r="C14440">
        <v>6</v>
      </c>
      <c r="D14440" t="s">
        <v>30161</v>
      </c>
      <c r="E14440" t="s">
        <v>34545</v>
      </c>
      <c r="F14440">
        <v>5</v>
      </c>
      <c r="G14440" t="s">
        <v>1</v>
      </c>
      <c r="H14440" t="s">
        <v>30162</v>
      </c>
      <c r="I14440" t="s">
        <v>30540</v>
      </c>
    </row>
    <row r="14441" spans="1:9">
      <c r="A14441" s="1">
        <f ca="1">RAND()</f>
        <v>0.89280848318073469</v>
      </c>
      <c r="B14441" s="1"/>
      <c r="C14441">
        <v>5</v>
      </c>
      <c r="D14441" t="s">
        <v>30159</v>
      </c>
      <c r="E14441" t="s">
        <v>34545</v>
      </c>
      <c r="F14441">
        <v>4</v>
      </c>
      <c r="G14441" t="s">
        <v>15</v>
      </c>
      <c r="H14441" t="s">
        <v>30160</v>
      </c>
      <c r="I14441" t="s">
        <v>30540</v>
      </c>
    </row>
    <row r="14442" spans="1:9">
      <c r="A14442" s="1">
        <f ca="1">RAND()</f>
        <v>0.77423748730127673</v>
      </c>
      <c r="B14442" s="1"/>
      <c r="C14442">
        <v>12</v>
      </c>
      <c r="D14442" t="s">
        <v>30167</v>
      </c>
      <c r="E14442" t="s">
        <v>34545</v>
      </c>
      <c r="F14442">
        <v>4</v>
      </c>
      <c r="G14442" t="s">
        <v>0</v>
      </c>
      <c r="H14442" t="s">
        <v>30168</v>
      </c>
      <c r="I14442" t="s">
        <v>30540</v>
      </c>
    </row>
    <row r="14443" spans="1:9">
      <c r="A14443" s="1">
        <f ca="1">RAND()</f>
        <v>0.7046703857015677</v>
      </c>
      <c r="B14443" s="1"/>
      <c r="C14443">
        <v>17</v>
      </c>
      <c r="D14443" t="s">
        <v>30169</v>
      </c>
      <c r="E14443" t="s">
        <v>34545</v>
      </c>
      <c r="F14443">
        <v>4</v>
      </c>
      <c r="G14443" t="s">
        <v>0</v>
      </c>
      <c r="H14443" t="s">
        <v>30170</v>
      </c>
      <c r="I14443" t="s">
        <v>30540</v>
      </c>
    </row>
    <row r="14444" spans="1:9">
      <c r="A14444" s="1">
        <f ca="1">RAND()</f>
        <v>6.2261427918077206E-2</v>
      </c>
      <c r="B14444" s="1"/>
      <c r="C14444">
        <v>2</v>
      </c>
      <c r="D14444" t="s">
        <v>30153</v>
      </c>
      <c r="E14444" t="s">
        <v>34546</v>
      </c>
      <c r="F14444">
        <v>5</v>
      </c>
      <c r="G14444" t="s">
        <v>0</v>
      </c>
      <c r="H14444" t="s">
        <v>30154</v>
      </c>
      <c r="I14444" t="s">
        <v>30540</v>
      </c>
    </row>
    <row r="14445" spans="1:9">
      <c r="A14445" s="1">
        <f ca="1">RAND()</f>
        <v>0.84519878992874276</v>
      </c>
      <c r="B14445" s="1"/>
      <c r="C14445">
        <v>17</v>
      </c>
      <c r="D14445" t="s">
        <v>30157</v>
      </c>
      <c r="E14445" t="s">
        <v>34546</v>
      </c>
      <c r="F14445">
        <v>4</v>
      </c>
      <c r="G14445" t="s">
        <v>0</v>
      </c>
      <c r="H14445" t="s">
        <v>30158</v>
      </c>
      <c r="I14445" t="s">
        <v>30540</v>
      </c>
    </row>
    <row r="14446" spans="1:9">
      <c r="A14446" s="1">
        <f ca="1">RAND()</f>
        <v>9.8700884889103002E-2</v>
      </c>
      <c r="B14446" s="1"/>
      <c r="C14446">
        <v>9</v>
      </c>
      <c r="D14446" t="s">
        <v>30155</v>
      </c>
      <c r="E14446" t="s">
        <v>34546</v>
      </c>
      <c r="F14446">
        <v>4</v>
      </c>
      <c r="G14446" t="s">
        <v>0</v>
      </c>
      <c r="H14446" t="s">
        <v>30156</v>
      </c>
      <c r="I14446" t="s">
        <v>30540</v>
      </c>
    </row>
    <row r="14447" spans="1:9">
      <c r="A14447" s="1">
        <f ca="1">RAND()</f>
        <v>0.65752172102779949</v>
      </c>
      <c r="B14447" s="1"/>
      <c r="C14447">
        <v>13</v>
      </c>
      <c r="D14447" t="s">
        <v>30147</v>
      </c>
      <c r="E14447" t="s">
        <v>34547</v>
      </c>
      <c r="F14447">
        <v>5</v>
      </c>
      <c r="G14447" t="s">
        <v>0</v>
      </c>
      <c r="H14447" t="s">
        <v>30148</v>
      </c>
      <c r="I14447" t="s">
        <v>30540</v>
      </c>
    </row>
    <row r="14448" spans="1:9">
      <c r="A14448" s="1">
        <f ca="1">RAND()</f>
        <v>0.45689768023156441</v>
      </c>
      <c r="B14448" s="1"/>
      <c r="C14448">
        <v>18</v>
      </c>
      <c r="D14448" t="s">
        <v>30151</v>
      </c>
      <c r="E14448" t="s">
        <v>34547</v>
      </c>
      <c r="F14448">
        <v>4</v>
      </c>
      <c r="G14448" t="s">
        <v>0</v>
      </c>
      <c r="H14448" t="s">
        <v>30152</v>
      </c>
      <c r="I14448" t="s">
        <v>30540</v>
      </c>
    </row>
    <row r="14449" spans="1:9">
      <c r="A14449" s="1">
        <f ca="1">RAND()</f>
        <v>0.14260673176315375</v>
      </c>
      <c r="B14449" s="1"/>
      <c r="C14449">
        <v>8</v>
      </c>
      <c r="D14449" t="s">
        <v>30145</v>
      </c>
      <c r="E14449" t="s">
        <v>34547</v>
      </c>
      <c r="F14449">
        <v>4</v>
      </c>
      <c r="G14449" t="s">
        <v>0</v>
      </c>
      <c r="H14449" t="s">
        <v>30146</v>
      </c>
      <c r="I14449" t="s">
        <v>30540</v>
      </c>
    </row>
    <row r="14450" spans="1:9">
      <c r="A14450" s="1">
        <f ca="1">RAND()</f>
        <v>0.1658044844608958</v>
      </c>
      <c r="B14450" s="1"/>
      <c r="C14450">
        <v>16</v>
      </c>
      <c r="D14450" t="s">
        <v>30149</v>
      </c>
      <c r="E14450" t="s">
        <v>34547</v>
      </c>
      <c r="F14450">
        <v>4</v>
      </c>
      <c r="G14450" t="s">
        <v>0</v>
      </c>
      <c r="H14450" t="s">
        <v>30150</v>
      </c>
      <c r="I14450" t="s">
        <v>30540</v>
      </c>
    </row>
    <row r="14451" spans="1:9">
      <c r="A14451" s="1">
        <f ca="1">RAND()</f>
        <v>0.20789185333125149</v>
      </c>
      <c r="B14451" s="1"/>
      <c r="C14451">
        <v>6</v>
      </c>
      <c r="D14451" t="s">
        <v>30143</v>
      </c>
      <c r="E14451" t="s">
        <v>34548</v>
      </c>
      <c r="F14451">
        <v>4</v>
      </c>
      <c r="G14451" t="s">
        <v>0</v>
      </c>
      <c r="H14451" t="s">
        <v>30144</v>
      </c>
      <c r="I14451" t="s">
        <v>30540</v>
      </c>
    </row>
    <row r="14452" spans="1:9">
      <c r="A14452" s="1">
        <f ca="1">RAND()</f>
        <v>0.64886843986350418</v>
      </c>
      <c r="B14452" s="1"/>
      <c r="C14452">
        <v>3</v>
      </c>
      <c r="D14452" t="s">
        <v>30141</v>
      </c>
      <c r="E14452" t="s">
        <v>34548</v>
      </c>
      <c r="F14452">
        <v>4</v>
      </c>
      <c r="G14452" t="s">
        <v>0</v>
      </c>
      <c r="H14452" t="s">
        <v>30142</v>
      </c>
      <c r="I14452" t="s">
        <v>30540</v>
      </c>
    </row>
    <row r="14453" spans="1:9">
      <c r="A14453" s="1">
        <f ca="1">RAND()</f>
        <v>0.25591860902265173</v>
      </c>
      <c r="B14453" s="1"/>
      <c r="C14453">
        <v>6</v>
      </c>
      <c r="D14453" t="s">
        <v>30137</v>
      </c>
      <c r="E14453" t="s">
        <v>34549</v>
      </c>
      <c r="F14453">
        <v>4</v>
      </c>
      <c r="G14453" t="s">
        <v>0</v>
      </c>
      <c r="H14453" t="s">
        <v>30138</v>
      </c>
      <c r="I14453" t="s">
        <v>30540</v>
      </c>
    </row>
    <row r="14454" spans="1:9">
      <c r="A14454" s="1">
        <f ca="1">RAND()</f>
        <v>0.86560359644254581</v>
      </c>
      <c r="B14454" s="1"/>
      <c r="C14454">
        <v>2</v>
      </c>
      <c r="D14454" t="s">
        <v>30135</v>
      </c>
      <c r="E14454" t="s">
        <v>34549</v>
      </c>
      <c r="F14454">
        <v>4</v>
      </c>
      <c r="G14454" t="s">
        <v>0</v>
      </c>
      <c r="H14454" t="s">
        <v>30136</v>
      </c>
      <c r="I14454" t="s">
        <v>30540</v>
      </c>
    </row>
    <row r="14455" spans="1:9">
      <c r="A14455" s="1">
        <f ca="1">RAND()</f>
        <v>0.33860833089161546</v>
      </c>
      <c r="B14455" s="1"/>
      <c r="C14455">
        <v>17</v>
      </c>
      <c r="D14455" t="s">
        <v>30139</v>
      </c>
      <c r="E14455" t="s">
        <v>34549</v>
      </c>
      <c r="F14455">
        <v>1</v>
      </c>
      <c r="G14455" t="s">
        <v>0</v>
      </c>
      <c r="H14455" t="s">
        <v>30140</v>
      </c>
      <c r="I14455" t="s">
        <v>30540</v>
      </c>
    </row>
    <row r="14456" spans="1:9">
      <c r="A14456" s="1">
        <f ca="1">RAND()</f>
        <v>0.67485925285928361</v>
      </c>
      <c r="B14456" s="1"/>
      <c r="C14456">
        <v>16</v>
      </c>
      <c r="D14456" t="s">
        <v>30133</v>
      </c>
      <c r="E14456" t="s">
        <v>34550</v>
      </c>
      <c r="F14456">
        <v>5</v>
      </c>
      <c r="G14456" t="s">
        <v>0</v>
      </c>
      <c r="H14456" t="s">
        <v>30134</v>
      </c>
      <c r="I14456" t="s">
        <v>30540</v>
      </c>
    </row>
    <row r="14457" spans="1:9">
      <c r="A14457" s="1">
        <f ca="1">RAND()</f>
        <v>0.7295758862935362</v>
      </c>
      <c r="B14457" s="1"/>
      <c r="C14457">
        <v>13</v>
      </c>
      <c r="D14457" t="s">
        <v>30131</v>
      </c>
      <c r="E14457" t="s">
        <v>34550</v>
      </c>
      <c r="F14457">
        <v>5</v>
      </c>
      <c r="G14457" t="s">
        <v>0</v>
      </c>
      <c r="H14457" t="s">
        <v>30132</v>
      </c>
      <c r="I14457" t="s">
        <v>30540</v>
      </c>
    </row>
    <row r="14458" spans="1:9">
      <c r="A14458" s="1">
        <f ca="1">RAND()</f>
        <v>0.9764199577715863</v>
      </c>
      <c r="B14458" s="1"/>
      <c r="C14458">
        <v>10</v>
      </c>
      <c r="D14458" t="s">
        <v>30129</v>
      </c>
      <c r="E14458" t="s">
        <v>34550</v>
      </c>
      <c r="F14458">
        <v>4</v>
      </c>
      <c r="G14458" t="s">
        <v>0</v>
      </c>
      <c r="H14458" t="s">
        <v>30130</v>
      </c>
      <c r="I14458" t="s">
        <v>30540</v>
      </c>
    </row>
    <row r="14459" spans="1:9">
      <c r="A14459" s="1">
        <f ca="1">RAND()</f>
        <v>0.84524964231609112</v>
      </c>
      <c r="B14459" s="1"/>
      <c r="C14459">
        <v>7</v>
      </c>
      <c r="D14459" t="s">
        <v>30127</v>
      </c>
      <c r="E14459" t="s">
        <v>34550</v>
      </c>
      <c r="F14459">
        <v>1</v>
      </c>
      <c r="G14459" t="s">
        <v>13</v>
      </c>
      <c r="H14459" t="s">
        <v>30128</v>
      </c>
      <c r="I14459" t="s">
        <v>30540</v>
      </c>
    </row>
    <row r="14460" spans="1:9">
      <c r="A14460" s="1">
        <f ca="1">RAND()</f>
        <v>0.84404784678148659</v>
      </c>
      <c r="B14460" s="1"/>
      <c r="C14460">
        <v>20</v>
      </c>
      <c r="D14460" t="s">
        <v>30125</v>
      </c>
      <c r="E14460" t="s">
        <v>34551</v>
      </c>
      <c r="F14460">
        <v>4</v>
      </c>
      <c r="G14460" t="s">
        <v>1</v>
      </c>
      <c r="H14460" t="s">
        <v>30126</v>
      </c>
      <c r="I14460" t="s">
        <v>30540</v>
      </c>
    </row>
    <row r="14461" spans="1:9">
      <c r="A14461" s="1">
        <f ca="1">RAND()</f>
        <v>0.51184097071698242</v>
      </c>
      <c r="B14461" s="1"/>
      <c r="C14461">
        <v>10</v>
      </c>
      <c r="D14461" t="s">
        <v>30123</v>
      </c>
      <c r="E14461" t="s">
        <v>34551</v>
      </c>
      <c r="F14461">
        <v>2</v>
      </c>
      <c r="G14461" t="s">
        <v>0</v>
      </c>
      <c r="H14461" t="s">
        <v>30124</v>
      </c>
      <c r="I14461" t="s">
        <v>30540</v>
      </c>
    </row>
    <row r="14462" spans="1:9">
      <c r="A14462" s="1">
        <f ca="1">RAND()</f>
        <v>0.41635558798700167</v>
      </c>
      <c r="B14462" s="1"/>
      <c r="C14462">
        <v>8</v>
      </c>
      <c r="D14462" t="s">
        <v>30115</v>
      </c>
      <c r="E14462" t="s">
        <v>34552</v>
      </c>
      <c r="F14462">
        <v>4</v>
      </c>
      <c r="G14462" t="s">
        <v>0</v>
      </c>
      <c r="H14462" t="s">
        <v>30116</v>
      </c>
      <c r="I14462" t="s">
        <v>30540</v>
      </c>
    </row>
    <row r="14463" spans="1:9">
      <c r="A14463" s="1">
        <f ca="1">RAND()</f>
        <v>8.6086676097158144E-2</v>
      </c>
      <c r="B14463" s="1"/>
      <c r="C14463">
        <v>15</v>
      </c>
      <c r="D14463" t="s">
        <v>30121</v>
      </c>
      <c r="E14463" t="s">
        <v>34552</v>
      </c>
      <c r="F14463">
        <v>4</v>
      </c>
      <c r="G14463" t="s">
        <v>0</v>
      </c>
      <c r="H14463" t="s">
        <v>30122</v>
      </c>
      <c r="I14463" t="s">
        <v>30540</v>
      </c>
    </row>
    <row r="14464" spans="1:9">
      <c r="A14464" s="1">
        <f ca="1">RAND()</f>
        <v>5.3342937658515943E-3</v>
      </c>
      <c r="B14464" s="1"/>
      <c r="C14464">
        <v>11</v>
      </c>
      <c r="D14464" t="s">
        <v>30117</v>
      </c>
      <c r="E14464" t="s">
        <v>34552</v>
      </c>
      <c r="F14464">
        <v>4</v>
      </c>
      <c r="G14464" t="s">
        <v>1</v>
      </c>
      <c r="H14464" t="s">
        <v>30118</v>
      </c>
      <c r="I14464" t="s">
        <v>30540</v>
      </c>
    </row>
    <row r="14465" spans="1:9">
      <c r="A14465" s="1">
        <f ca="1">RAND()</f>
        <v>0.16621153463014537</v>
      </c>
      <c r="B14465" s="1"/>
      <c r="C14465">
        <v>14</v>
      </c>
      <c r="D14465" t="s">
        <v>30119</v>
      </c>
      <c r="E14465" t="s">
        <v>34552</v>
      </c>
      <c r="F14465">
        <v>1</v>
      </c>
      <c r="G14465" t="s">
        <v>14</v>
      </c>
      <c r="H14465" t="s">
        <v>30120</v>
      </c>
      <c r="I14465" t="s">
        <v>30540</v>
      </c>
    </row>
    <row r="14466" spans="1:9">
      <c r="A14466" s="1">
        <f ca="1">RAND()</f>
        <v>0.75967670550776112</v>
      </c>
      <c r="B14466" s="1"/>
      <c r="C14466">
        <v>13</v>
      </c>
      <c r="D14466" t="s">
        <v>30113</v>
      </c>
      <c r="E14466" t="s">
        <v>34553</v>
      </c>
      <c r="F14466">
        <v>5</v>
      </c>
      <c r="G14466" t="s">
        <v>9</v>
      </c>
      <c r="H14466" t="s">
        <v>30114</v>
      </c>
      <c r="I14466" t="s">
        <v>30540</v>
      </c>
    </row>
    <row r="14467" spans="1:9">
      <c r="A14467" s="1">
        <f ca="1">RAND()</f>
        <v>7.7963857650452661E-3</v>
      </c>
      <c r="B14467" s="1"/>
      <c r="C14467">
        <v>10</v>
      </c>
      <c r="D14467" t="s">
        <v>30111</v>
      </c>
      <c r="E14467" t="s">
        <v>34553</v>
      </c>
      <c r="F14467">
        <v>4</v>
      </c>
      <c r="G14467" t="s">
        <v>1</v>
      </c>
      <c r="H14467" t="s">
        <v>30112</v>
      </c>
      <c r="I14467" t="s">
        <v>30540</v>
      </c>
    </row>
    <row r="14468" spans="1:9">
      <c r="A14468" s="1">
        <f ca="1">RAND()</f>
        <v>0.28836307906671754</v>
      </c>
      <c r="B14468" s="1"/>
      <c r="C14468">
        <v>5</v>
      </c>
      <c r="D14468" t="s">
        <v>30109</v>
      </c>
      <c r="E14468" t="s">
        <v>34553</v>
      </c>
      <c r="F14468">
        <v>4</v>
      </c>
      <c r="G14468" t="s">
        <v>9</v>
      </c>
      <c r="H14468" t="s">
        <v>30110</v>
      </c>
      <c r="I14468" t="s">
        <v>30540</v>
      </c>
    </row>
    <row r="14469" spans="1:9">
      <c r="A14469" s="1">
        <f ca="1">RAND()</f>
        <v>0.39179617646551734</v>
      </c>
      <c r="B14469" s="1"/>
      <c r="C14469">
        <v>4</v>
      </c>
      <c r="D14469" t="s">
        <v>30107</v>
      </c>
      <c r="E14469" t="s">
        <v>34553</v>
      </c>
      <c r="F14469">
        <v>2</v>
      </c>
      <c r="G14469" t="s">
        <v>9</v>
      </c>
      <c r="H14469" t="s">
        <v>30108</v>
      </c>
      <c r="I14469" t="s">
        <v>30540</v>
      </c>
    </row>
    <row r="14470" spans="1:9">
      <c r="A14470" s="1">
        <f ca="1">RAND()</f>
        <v>0.73958518111011451</v>
      </c>
      <c r="B14470" s="1"/>
      <c r="C14470">
        <v>7</v>
      </c>
      <c r="D14470" t="s">
        <v>30097</v>
      </c>
      <c r="E14470" t="s">
        <v>34554</v>
      </c>
      <c r="F14470">
        <v>5</v>
      </c>
      <c r="G14470" t="s">
        <v>9</v>
      </c>
      <c r="H14470" t="s">
        <v>30098</v>
      </c>
      <c r="I14470" t="s">
        <v>30540</v>
      </c>
    </row>
    <row r="14471" spans="1:9">
      <c r="A14471" s="1">
        <f ca="1">RAND()</f>
        <v>0.2428554899626304</v>
      </c>
      <c r="B14471" s="1"/>
      <c r="C14471">
        <v>16</v>
      </c>
      <c r="D14471" t="s">
        <v>30103</v>
      </c>
      <c r="E14471" t="s">
        <v>34554</v>
      </c>
      <c r="F14471">
        <v>4</v>
      </c>
      <c r="G14471" t="s">
        <v>9</v>
      </c>
      <c r="H14471" t="s">
        <v>30104</v>
      </c>
      <c r="I14471" t="s">
        <v>30540</v>
      </c>
    </row>
    <row r="14472" spans="1:9">
      <c r="A14472" s="1">
        <f ca="1">RAND()</f>
        <v>0.32474279472805512</v>
      </c>
      <c r="B14472" s="1"/>
      <c r="C14472">
        <v>17</v>
      </c>
      <c r="D14472" t="s">
        <v>30105</v>
      </c>
      <c r="E14472" t="s">
        <v>34554</v>
      </c>
      <c r="F14472">
        <v>4</v>
      </c>
      <c r="G14472" t="s">
        <v>9</v>
      </c>
      <c r="H14472" t="s">
        <v>30106</v>
      </c>
      <c r="I14472" t="s">
        <v>30540</v>
      </c>
    </row>
    <row r="14473" spans="1:9">
      <c r="A14473" s="1">
        <f ca="1">RAND()</f>
        <v>0.76653942833736632</v>
      </c>
      <c r="B14473" s="1"/>
      <c r="C14473">
        <v>10</v>
      </c>
      <c r="D14473" t="s">
        <v>30099</v>
      </c>
      <c r="E14473" t="s">
        <v>34554</v>
      </c>
      <c r="F14473">
        <v>4</v>
      </c>
      <c r="G14473" t="s">
        <v>9</v>
      </c>
      <c r="H14473" t="s">
        <v>30100</v>
      </c>
      <c r="I14473" t="s">
        <v>30540</v>
      </c>
    </row>
    <row r="14474" spans="1:9">
      <c r="A14474" s="1">
        <f ca="1">RAND()</f>
        <v>0.43568631332319019</v>
      </c>
      <c r="B14474" s="1"/>
      <c r="C14474">
        <v>12</v>
      </c>
      <c r="D14474" t="s">
        <v>30101</v>
      </c>
      <c r="E14474" t="s">
        <v>34554</v>
      </c>
      <c r="F14474">
        <v>2</v>
      </c>
      <c r="G14474" t="s">
        <v>9</v>
      </c>
      <c r="H14474" t="s">
        <v>30102</v>
      </c>
      <c r="I14474" t="s">
        <v>30540</v>
      </c>
    </row>
    <row r="14475" spans="1:9">
      <c r="A14475" s="1">
        <f ca="1">RAND()</f>
        <v>0.60444493858357595</v>
      </c>
      <c r="B14475" s="1"/>
      <c r="C14475">
        <v>9</v>
      </c>
      <c r="D14475" t="s">
        <v>30091</v>
      </c>
      <c r="E14475" t="s">
        <v>34555</v>
      </c>
      <c r="F14475">
        <v>5</v>
      </c>
      <c r="G14475" t="s">
        <v>9</v>
      </c>
      <c r="H14475" t="s">
        <v>30092</v>
      </c>
      <c r="I14475" t="s">
        <v>30540</v>
      </c>
    </row>
    <row r="14476" spans="1:9">
      <c r="A14476" s="1">
        <f ca="1">RAND()</f>
        <v>0.65745530419198184</v>
      </c>
      <c r="B14476" s="1"/>
      <c r="C14476">
        <v>6</v>
      </c>
      <c r="D14476" t="s">
        <v>30089</v>
      </c>
      <c r="E14476" t="s">
        <v>34555</v>
      </c>
      <c r="F14476">
        <v>4</v>
      </c>
      <c r="G14476" t="s">
        <v>9</v>
      </c>
      <c r="H14476" t="s">
        <v>30090</v>
      </c>
      <c r="I14476" t="s">
        <v>30540</v>
      </c>
    </row>
    <row r="14477" spans="1:9">
      <c r="A14477" s="1">
        <f ca="1">RAND()</f>
        <v>0.20872133691930295</v>
      </c>
      <c r="B14477" s="1"/>
      <c r="C14477">
        <v>13</v>
      </c>
      <c r="D14477" t="s">
        <v>30095</v>
      </c>
      <c r="E14477" t="s">
        <v>34555</v>
      </c>
      <c r="F14477">
        <v>4</v>
      </c>
      <c r="G14477" t="s">
        <v>9</v>
      </c>
      <c r="H14477" t="s">
        <v>30096</v>
      </c>
      <c r="I14477" t="s">
        <v>30540</v>
      </c>
    </row>
    <row r="14478" spans="1:9">
      <c r="A14478" s="1">
        <f ca="1">RAND()</f>
        <v>0.74515758941571797</v>
      </c>
      <c r="B14478" s="1"/>
      <c r="C14478">
        <v>10</v>
      </c>
      <c r="D14478" t="s">
        <v>30093</v>
      </c>
      <c r="E14478" t="s">
        <v>34555</v>
      </c>
      <c r="F14478">
        <v>2</v>
      </c>
      <c r="G14478" t="s">
        <v>9</v>
      </c>
      <c r="H14478" t="s">
        <v>30094</v>
      </c>
      <c r="I14478" t="s">
        <v>30540</v>
      </c>
    </row>
    <row r="14479" spans="1:9">
      <c r="A14479" s="1">
        <f ca="1">RAND()</f>
        <v>0.33287959295456537</v>
      </c>
      <c r="B14479" s="1"/>
      <c r="C14479">
        <v>16</v>
      </c>
      <c r="D14479" t="s">
        <v>30087</v>
      </c>
      <c r="E14479" t="s">
        <v>34556</v>
      </c>
      <c r="F14479">
        <v>5</v>
      </c>
      <c r="G14479" t="s">
        <v>0</v>
      </c>
      <c r="H14479" t="s">
        <v>30088</v>
      </c>
      <c r="I14479" t="s">
        <v>30540</v>
      </c>
    </row>
    <row r="14480" spans="1:9">
      <c r="A14480" s="1">
        <f ca="1">RAND()</f>
        <v>3.0164766469916504E-2</v>
      </c>
      <c r="B14480" s="1"/>
      <c r="C14480">
        <v>9</v>
      </c>
      <c r="D14480" t="s">
        <v>30083</v>
      </c>
      <c r="E14480" t="s">
        <v>34556</v>
      </c>
      <c r="F14480">
        <v>4</v>
      </c>
      <c r="G14480" t="s">
        <v>9</v>
      </c>
      <c r="H14480" t="s">
        <v>30084</v>
      </c>
      <c r="I14480" t="s">
        <v>30540</v>
      </c>
    </row>
    <row r="14481" spans="1:9">
      <c r="A14481" s="1">
        <f ca="1">RAND()</f>
        <v>0.24179675350325902</v>
      </c>
      <c r="B14481" s="1"/>
      <c r="C14481">
        <v>11</v>
      </c>
      <c r="D14481" t="s">
        <v>30085</v>
      </c>
      <c r="E14481" t="s">
        <v>34556</v>
      </c>
      <c r="F14481">
        <v>3</v>
      </c>
      <c r="G14481" t="s">
        <v>9</v>
      </c>
      <c r="H14481" t="s">
        <v>30086</v>
      </c>
      <c r="I14481" t="s">
        <v>30540</v>
      </c>
    </row>
    <row r="14482" spans="1:9">
      <c r="A14482" s="1">
        <f ca="1">RAND()</f>
        <v>0.73032053015939946</v>
      </c>
      <c r="B14482" s="1"/>
      <c r="C14482">
        <v>10</v>
      </c>
      <c r="D14482" t="s">
        <v>30081</v>
      </c>
      <c r="E14482" t="s">
        <v>34557</v>
      </c>
      <c r="F14482">
        <v>4</v>
      </c>
      <c r="G14482" t="s">
        <v>9</v>
      </c>
      <c r="H14482" t="s">
        <v>30082</v>
      </c>
      <c r="I14482" t="s">
        <v>30540</v>
      </c>
    </row>
    <row r="14483" spans="1:9">
      <c r="A14483" s="1">
        <f ca="1">RAND()</f>
        <v>0.32810569187198779</v>
      </c>
      <c r="B14483" s="1"/>
      <c r="C14483">
        <v>9</v>
      </c>
      <c r="D14483" t="s">
        <v>30077</v>
      </c>
      <c r="E14483" t="s">
        <v>34558</v>
      </c>
      <c r="F14483">
        <v>4</v>
      </c>
      <c r="G14483" t="s">
        <v>9</v>
      </c>
      <c r="H14483" t="s">
        <v>30078</v>
      </c>
      <c r="I14483" t="s">
        <v>30540</v>
      </c>
    </row>
    <row r="14484" spans="1:9">
      <c r="A14484" s="1">
        <f ca="1">RAND()</f>
        <v>1.4774097178880674E-2</v>
      </c>
      <c r="B14484" s="1"/>
      <c r="C14484">
        <v>3</v>
      </c>
      <c r="D14484" t="s">
        <v>30075</v>
      </c>
      <c r="E14484" t="s">
        <v>34558</v>
      </c>
      <c r="F14484">
        <v>2</v>
      </c>
      <c r="G14484" t="s">
        <v>9</v>
      </c>
      <c r="H14484" t="s">
        <v>30076</v>
      </c>
      <c r="I14484" t="s">
        <v>30540</v>
      </c>
    </row>
    <row r="14485" spans="1:9">
      <c r="A14485" s="1">
        <f ca="1">RAND()</f>
        <v>0.92046661030071963</v>
      </c>
      <c r="B14485" s="1"/>
      <c r="C14485">
        <v>15</v>
      </c>
      <c r="D14485" t="s">
        <v>30079</v>
      </c>
      <c r="E14485" t="s">
        <v>34558</v>
      </c>
      <c r="F14485">
        <v>2</v>
      </c>
      <c r="G14485" t="s">
        <v>9</v>
      </c>
      <c r="H14485" t="s">
        <v>30080</v>
      </c>
      <c r="I14485" t="s">
        <v>30540</v>
      </c>
    </row>
    <row r="14486" spans="1:9">
      <c r="A14486" s="1">
        <f ca="1">RAND()</f>
        <v>0.92602241187941003</v>
      </c>
      <c r="B14486" s="1"/>
      <c r="C14486">
        <v>1</v>
      </c>
      <c r="D14486" t="s">
        <v>30067</v>
      </c>
      <c r="E14486" t="s">
        <v>34559</v>
      </c>
      <c r="F14486">
        <v>5</v>
      </c>
      <c r="G14486" t="s">
        <v>15</v>
      </c>
      <c r="H14486" t="s">
        <v>30068</v>
      </c>
      <c r="I14486" t="s">
        <v>30540</v>
      </c>
    </row>
    <row r="14487" spans="1:9">
      <c r="A14487" s="1">
        <f ca="1">RAND()</f>
        <v>0.47261839506412551</v>
      </c>
      <c r="B14487" s="1"/>
      <c r="C14487">
        <v>16</v>
      </c>
      <c r="D14487" t="s">
        <v>30071</v>
      </c>
      <c r="E14487" t="s">
        <v>34559</v>
      </c>
      <c r="F14487">
        <v>5</v>
      </c>
      <c r="G14487" t="s">
        <v>9</v>
      </c>
      <c r="H14487" t="s">
        <v>30072</v>
      </c>
      <c r="I14487" t="s">
        <v>30540</v>
      </c>
    </row>
    <row r="14488" spans="1:9">
      <c r="A14488" s="1">
        <f ca="1">RAND()</f>
        <v>0.80306789159153369</v>
      </c>
      <c r="B14488" s="1"/>
      <c r="C14488">
        <v>17</v>
      </c>
      <c r="D14488" t="s">
        <v>30073</v>
      </c>
      <c r="E14488" t="s">
        <v>34559</v>
      </c>
      <c r="F14488">
        <v>4</v>
      </c>
      <c r="G14488" t="s">
        <v>10</v>
      </c>
      <c r="H14488" t="s">
        <v>30074</v>
      </c>
      <c r="I14488" t="s">
        <v>30540</v>
      </c>
    </row>
    <row r="14489" spans="1:9">
      <c r="A14489" s="1">
        <f ca="1">RAND()</f>
        <v>9.8541991996428102E-3</v>
      </c>
      <c r="B14489" s="1"/>
      <c r="C14489">
        <v>10</v>
      </c>
      <c r="D14489" t="s">
        <v>30069</v>
      </c>
      <c r="E14489" t="s">
        <v>34559</v>
      </c>
      <c r="F14489">
        <v>4</v>
      </c>
      <c r="G14489" t="s">
        <v>9</v>
      </c>
      <c r="H14489" t="s">
        <v>30070</v>
      </c>
      <c r="I14489" t="s">
        <v>30540</v>
      </c>
    </row>
    <row r="14490" spans="1:9">
      <c r="A14490" s="1">
        <f ca="1">RAND()</f>
        <v>0.33751801501745726</v>
      </c>
      <c r="B14490" s="1"/>
      <c r="C14490">
        <v>2</v>
      </c>
      <c r="D14490" t="s">
        <v>30061</v>
      </c>
      <c r="E14490" t="s">
        <v>34560</v>
      </c>
      <c r="F14490">
        <v>5</v>
      </c>
      <c r="G14490" t="s">
        <v>9</v>
      </c>
      <c r="H14490" t="s">
        <v>30062</v>
      </c>
      <c r="I14490" t="s">
        <v>30540</v>
      </c>
    </row>
    <row r="14491" spans="1:9">
      <c r="A14491" s="1">
        <f ca="1">RAND()</f>
        <v>0.23052516676601298</v>
      </c>
      <c r="B14491" s="1"/>
      <c r="C14491">
        <v>11</v>
      </c>
      <c r="D14491" t="s">
        <v>30065</v>
      </c>
      <c r="E14491" t="s">
        <v>34560</v>
      </c>
      <c r="F14491">
        <v>4</v>
      </c>
      <c r="G14491" t="s">
        <v>9</v>
      </c>
      <c r="H14491" t="s">
        <v>30066</v>
      </c>
      <c r="I14491" t="s">
        <v>30540</v>
      </c>
    </row>
    <row r="14492" spans="1:9">
      <c r="A14492" s="1">
        <f ca="1">RAND()</f>
        <v>0.129168332971063</v>
      </c>
      <c r="B14492" s="1"/>
      <c r="C14492">
        <v>7</v>
      </c>
      <c r="D14492" t="s">
        <v>30063</v>
      </c>
      <c r="E14492" t="s">
        <v>34560</v>
      </c>
      <c r="F14492">
        <v>4</v>
      </c>
      <c r="G14492" t="s">
        <v>9</v>
      </c>
      <c r="H14492" t="s">
        <v>30064</v>
      </c>
      <c r="I14492" t="s">
        <v>30540</v>
      </c>
    </row>
    <row r="14493" spans="1:9">
      <c r="A14493" s="1">
        <f ca="1">RAND()</f>
        <v>0.72903537221045123</v>
      </c>
      <c r="B14493" s="1"/>
      <c r="C14493">
        <v>14</v>
      </c>
      <c r="D14493" t="s">
        <v>30059</v>
      </c>
      <c r="E14493" t="s">
        <v>34561</v>
      </c>
      <c r="F14493">
        <v>5</v>
      </c>
      <c r="G14493" t="s">
        <v>9</v>
      </c>
      <c r="H14493" t="s">
        <v>30060</v>
      </c>
      <c r="I14493" t="s">
        <v>30540</v>
      </c>
    </row>
    <row r="14494" spans="1:9">
      <c r="A14494" s="1">
        <f ca="1">RAND()</f>
        <v>6.2164204532623279E-2</v>
      </c>
      <c r="B14494" s="1"/>
      <c r="C14494">
        <v>12</v>
      </c>
      <c r="D14494" t="s">
        <v>30057</v>
      </c>
      <c r="E14494" t="s">
        <v>34561</v>
      </c>
      <c r="F14494">
        <v>4</v>
      </c>
      <c r="G14494" t="s">
        <v>9</v>
      </c>
      <c r="H14494" t="s">
        <v>30058</v>
      </c>
      <c r="I14494" t="s">
        <v>30540</v>
      </c>
    </row>
    <row r="14495" spans="1:9">
      <c r="A14495" s="1">
        <f ca="1">RAND()</f>
        <v>0.17753766437247742</v>
      </c>
      <c r="B14495" s="1"/>
      <c r="C14495">
        <v>18</v>
      </c>
      <c r="D14495" t="s">
        <v>30055</v>
      </c>
      <c r="E14495" t="s">
        <v>34562</v>
      </c>
      <c r="F14495">
        <v>5</v>
      </c>
      <c r="G14495" t="s">
        <v>9</v>
      </c>
      <c r="H14495" t="s">
        <v>30056</v>
      </c>
      <c r="I14495" t="s">
        <v>30540</v>
      </c>
    </row>
    <row r="14496" spans="1:9">
      <c r="A14496" s="1">
        <f ca="1">RAND()</f>
        <v>0.948388501749998</v>
      </c>
      <c r="B14496" s="1"/>
      <c r="C14496">
        <v>3</v>
      </c>
      <c r="D14496" t="s">
        <v>30051</v>
      </c>
      <c r="E14496" t="s">
        <v>34562</v>
      </c>
      <c r="F14496">
        <v>4</v>
      </c>
      <c r="G14496" t="s">
        <v>9</v>
      </c>
      <c r="H14496" t="s">
        <v>30052</v>
      </c>
      <c r="I14496" t="s">
        <v>30540</v>
      </c>
    </row>
    <row r="14497" spans="1:9">
      <c r="A14497" s="1">
        <f ca="1">RAND()</f>
        <v>0.73605981789569763</v>
      </c>
      <c r="B14497" s="1"/>
      <c r="C14497">
        <v>8</v>
      </c>
      <c r="D14497" t="s">
        <v>30053</v>
      </c>
      <c r="E14497" t="s">
        <v>34562</v>
      </c>
      <c r="F14497">
        <v>2</v>
      </c>
      <c r="G14497" t="s">
        <v>13</v>
      </c>
      <c r="H14497" t="s">
        <v>30054</v>
      </c>
      <c r="I14497" t="s">
        <v>30540</v>
      </c>
    </row>
    <row r="14498" spans="1:9">
      <c r="A14498" s="1">
        <f ca="1">RAND()</f>
        <v>0.18946900232689856</v>
      </c>
      <c r="B14498" s="1"/>
      <c r="C14498">
        <v>7</v>
      </c>
      <c r="D14498" t="s">
        <v>30045</v>
      </c>
      <c r="E14498" t="s">
        <v>34563</v>
      </c>
      <c r="F14498">
        <v>5</v>
      </c>
      <c r="G14498" t="s">
        <v>9</v>
      </c>
      <c r="H14498" t="s">
        <v>30046</v>
      </c>
      <c r="I14498" t="s">
        <v>30540</v>
      </c>
    </row>
    <row r="14499" spans="1:9">
      <c r="A14499" s="1">
        <f ca="1">RAND()</f>
        <v>0.91627447628919645</v>
      </c>
      <c r="B14499" s="1"/>
      <c r="C14499">
        <v>13</v>
      </c>
      <c r="D14499" t="s">
        <v>30047</v>
      </c>
      <c r="E14499" t="s">
        <v>34563</v>
      </c>
      <c r="F14499">
        <v>4</v>
      </c>
      <c r="G14499" t="s">
        <v>9</v>
      </c>
      <c r="H14499" t="s">
        <v>30048</v>
      </c>
      <c r="I14499" t="s">
        <v>30540</v>
      </c>
    </row>
    <row r="14500" spans="1:9">
      <c r="A14500" s="1">
        <f ca="1">RAND()</f>
        <v>0.56218228437431328</v>
      </c>
      <c r="B14500" s="1"/>
      <c r="C14500">
        <v>15</v>
      </c>
      <c r="D14500" t="s">
        <v>30049</v>
      </c>
      <c r="E14500" t="s">
        <v>34563</v>
      </c>
      <c r="F14500">
        <v>4</v>
      </c>
      <c r="G14500" t="s">
        <v>9</v>
      </c>
      <c r="H14500" t="s">
        <v>30050</v>
      </c>
      <c r="I14500" t="s">
        <v>30540</v>
      </c>
    </row>
    <row r="14501" spans="1:9">
      <c r="A14501" s="1">
        <f ca="1">RAND()</f>
        <v>0.71913697373488195</v>
      </c>
      <c r="B14501" s="1"/>
      <c r="C14501">
        <v>1</v>
      </c>
      <c r="D14501" t="s">
        <v>30043</v>
      </c>
      <c r="E14501" t="s">
        <v>34563</v>
      </c>
      <c r="F14501">
        <v>4</v>
      </c>
      <c r="G14501" t="s">
        <v>9</v>
      </c>
      <c r="H14501" t="s">
        <v>30044</v>
      </c>
      <c r="I14501" t="s">
        <v>30540</v>
      </c>
    </row>
    <row r="14502" spans="1:9">
      <c r="A14502" s="1">
        <f ca="1">RAND()</f>
        <v>6.9343780508535513E-2</v>
      </c>
      <c r="B14502" s="1"/>
      <c r="C14502">
        <v>15</v>
      </c>
      <c r="D14502" t="s">
        <v>30039</v>
      </c>
      <c r="E14502" t="s">
        <v>34564</v>
      </c>
      <c r="F14502">
        <v>5</v>
      </c>
      <c r="G14502" t="s">
        <v>9</v>
      </c>
      <c r="H14502" t="s">
        <v>30040</v>
      </c>
      <c r="I14502" t="s">
        <v>30540</v>
      </c>
    </row>
    <row r="14503" spans="1:9">
      <c r="A14503" s="1">
        <f ca="1">RAND()</f>
        <v>0.65507436239371697</v>
      </c>
      <c r="B14503" s="1"/>
      <c r="C14503">
        <v>16</v>
      </c>
      <c r="D14503" t="s">
        <v>30041</v>
      </c>
      <c r="E14503" t="s">
        <v>34564</v>
      </c>
      <c r="F14503">
        <v>5</v>
      </c>
      <c r="G14503" t="s">
        <v>10</v>
      </c>
      <c r="H14503" t="s">
        <v>30042</v>
      </c>
      <c r="I14503" t="s">
        <v>30540</v>
      </c>
    </row>
    <row r="14504" spans="1:9">
      <c r="A14504" s="1">
        <f ca="1">RAND()</f>
        <v>0.52806234997926826</v>
      </c>
      <c r="B14504" s="1"/>
      <c r="C14504">
        <v>14</v>
      </c>
      <c r="D14504" t="s">
        <v>30037</v>
      </c>
      <c r="E14504" t="s">
        <v>34564</v>
      </c>
      <c r="F14504">
        <v>5</v>
      </c>
      <c r="G14504" t="s">
        <v>9</v>
      </c>
      <c r="H14504" t="s">
        <v>30038</v>
      </c>
      <c r="I14504" t="s">
        <v>30540</v>
      </c>
    </row>
    <row r="14505" spans="1:9">
      <c r="A14505" s="1">
        <f ca="1">RAND()</f>
        <v>0.87996535336029502</v>
      </c>
      <c r="B14505" s="1"/>
      <c r="C14505">
        <v>4</v>
      </c>
      <c r="D14505" t="s">
        <v>30035</v>
      </c>
      <c r="E14505" t="s">
        <v>34564</v>
      </c>
      <c r="F14505">
        <v>3</v>
      </c>
      <c r="G14505" t="s">
        <v>9</v>
      </c>
      <c r="H14505" t="s">
        <v>30036</v>
      </c>
      <c r="I14505" t="s">
        <v>30540</v>
      </c>
    </row>
    <row r="14506" spans="1:9">
      <c r="A14506" s="1">
        <f ca="1">RAND()</f>
        <v>0.15817847069634949</v>
      </c>
      <c r="B14506" s="1"/>
      <c r="C14506">
        <v>11</v>
      </c>
      <c r="D14506" t="s">
        <v>30029</v>
      </c>
      <c r="E14506" t="s">
        <v>34565</v>
      </c>
      <c r="F14506">
        <v>5</v>
      </c>
      <c r="G14506" t="s">
        <v>9</v>
      </c>
      <c r="H14506" t="s">
        <v>30030</v>
      </c>
      <c r="I14506" t="s">
        <v>30540</v>
      </c>
    </row>
    <row r="14507" spans="1:9">
      <c r="A14507" s="1">
        <f ca="1">RAND()</f>
        <v>0.31702048815454786</v>
      </c>
      <c r="B14507" s="1"/>
      <c r="C14507">
        <v>3</v>
      </c>
      <c r="D14507" t="s">
        <v>30025</v>
      </c>
      <c r="E14507" t="s">
        <v>34565</v>
      </c>
      <c r="F14507">
        <v>4</v>
      </c>
      <c r="G14507" t="s">
        <v>9</v>
      </c>
      <c r="H14507" t="s">
        <v>30026</v>
      </c>
      <c r="I14507" t="s">
        <v>30540</v>
      </c>
    </row>
    <row r="14508" spans="1:9">
      <c r="A14508" s="1">
        <f ca="1">RAND()</f>
        <v>0.77021930544812967</v>
      </c>
      <c r="B14508" s="1"/>
      <c r="C14508">
        <v>8</v>
      </c>
      <c r="D14508" t="s">
        <v>30027</v>
      </c>
      <c r="E14508" t="s">
        <v>34565</v>
      </c>
      <c r="F14508">
        <v>4</v>
      </c>
      <c r="G14508" t="s">
        <v>2</v>
      </c>
      <c r="H14508" t="s">
        <v>30028</v>
      </c>
      <c r="I14508" t="s">
        <v>30540</v>
      </c>
    </row>
    <row r="14509" spans="1:9">
      <c r="A14509" s="1">
        <f ca="1">RAND()</f>
        <v>0.52494620344067988</v>
      </c>
      <c r="B14509" s="1"/>
      <c r="C14509">
        <v>13</v>
      </c>
      <c r="D14509" t="s">
        <v>30031</v>
      </c>
      <c r="E14509" t="s">
        <v>34565</v>
      </c>
      <c r="F14509">
        <v>4</v>
      </c>
      <c r="G14509" t="s">
        <v>9</v>
      </c>
      <c r="H14509" t="s">
        <v>30032</v>
      </c>
      <c r="I14509" t="s">
        <v>30540</v>
      </c>
    </row>
    <row r="14510" spans="1:9">
      <c r="A14510" s="1">
        <f ca="1">RAND()</f>
        <v>0.10456442238912977</v>
      </c>
      <c r="B14510" s="1"/>
      <c r="C14510">
        <v>16</v>
      </c>
      <c r="D14510" t="s">
        <v>30033</v>
      </c>
      <c r="E14510" t="s">
        <v>34565</v>
      </c>
      <c r="F14510">
        <v>4</v>
      </c>
      <c r="G14510" t="s">
        <v>9</v>
      </c>
      <c r="H14510" t="s">
        <v>30034</v>
      </c>
      <c r="I14510" t="s">
        <v>30540</v>
      </c>
    </row>
    <row r="14511" spans="1:9">
      <c r="A14511" s="1">
        <f ca="1">RAND()</f>
        <v>0.26937302400181318</v>
      </c>
      <c r="B14511" s="1"/>
      <c r="C14511">
        <v>8</v>
      </c>
      <c r="D14511" t="s">
        <v>30019</v>
      </c>
      <c r="E14511" t="s">
        <v>34566</v>
      </c>
      <c r="F14511">
        <v>5</v>
      </c>
      <c r="G14511" t="s">
        <v>9</v>
      </c>
      <c r="H14511" t="s">
        <v>30020</v>
      </c>
      <c r="I14511" t="s">
        <v>30540</v>
      </c>
    </row>
    <row r="14512" spans="1:9">
      <c r="A14512" s="1">
        <f ca="1">RAND()</f>
        <v>0.6364445782545507</v>
      </c>
      <c r="B14512" s="1"/>
      <c r="C14512">
        <v>13</v>
      </c>
      <c r="D14512" t="s">
        <v>30023</v>
      </c>
      <c r="E14512" t="s">
        <v>34566</v>
      </c>
      <c r="F14512">
        <v>5</v>
      </c>
      <c r="G14512" t="s">
        <v>9</v>
      </c>
      <c r="H14512" t="s">
        <v>30024</v>
      </c>
      <c r="I14512" t="s">
        <v>30540</v>
      </c>
    </row>
    <row r="14513" spans="1:9">
      <c r="A14513" s="1">
        <f ca="1">RAND()</f>
        <v>0.3283141118884354</v>
      </c>
      <c r="B14513" s="1"/>
      <c r="C14513">
        <v>11</v>
      </c>
      <c r="D14513" t="s">
        <v>30021</v>
      </c>
      <c r="E14513" t="s">
        <v>34566</v>
      </c>
      <c r="F14513">
        <v>4</v>
      </c>
      <c r="G14513" t="s">
        <v>9</v>
      </c>
      <c r="H14513" t="s">
        <v>30022</v>
      </c>
      <c r="I14513" t="s">
        <v>30540</v>
      </c>
    </row>
    <row r="14514" spans="1:9">
      <c r="A14514" s="1">
        <f ca="1">RAND()</f>
        <v>4.99695791928082E-2</v>
      </c>
      <c r="B14514" s="1"/>
      <c r="C14514">
        <v>12</v>
      </c>
      <c r="D14514" t="s">
        <v>30017</v>
      </c>
      <c r="E14514" t="s">
        <v>34567</v>
      </c>
      <c r="F14514">
        <v>4</v>
      </c>
      <c r="G14514" t="s">
        <v>0</v>
      </c>
      <c r="H14514" t="s">
        <v>30018</v>
      </c>
      <c r="I14514" t="s">
        <v>30540</v>
      </c>
    </row>
    <row r="14515" spans="1:9">
      <c r="A14515" s="1">
        <f ca="1">RAND()</f>
        <v>0.90430275757152234</v>
      </c>
      <c r="B14515" s="1"/>
      <c r="C14515">
        <v>9</v>
      </c>
      <c r="D14515" t="s">
        <v>30009</v>
      </c>
      <c r="E14515" t="s">
        <v>34568</v>
      </c>
      <c r="F14515">
        <v>5</v>
      </c>
      <c r="G14515" t="s">
        <v>1</v>
      </c>
      <c r="H14515" t="s">
        <v>30010</v>
      </c>
      <c r="I14515" t="s">
        <v>30540</v>
      </c>
    </row>
    <row r="14516" spans="1:9">
      <c r="A14516" s="1">
        <f ca="1">RAND()</f>
        <v>0.10928900989881563</v>
      </c>
      <c r="B14516" s="1"/>
      <c r="C14516">
        <v>12</v>
      </c>
      <c r="D14516" t="s">
        <v>30011</v>
      </c>
      <c r="E14516" t="s">
        <v>34568</v>
      </c>
      <c r="F14516">
        <v>5</v>
      </c>
      <c r="G14516" t="s">
        <v>0</v>
      </c>
      <c r="H14516" t="s">
        <v>30012</v>
      </c>
      <c r="I14516" t="s">
        <v>30540</v>
      </c>
    </row>
    <row r="14517" spans="1:9">
      <c r="A14517" s="1">
        <f ca="1">RAND()</f>
        <v>0.2533277322188725</v>
      </c>
      <c r="B14517" s="1"/>
      <c r="C14517">
        <v>19</v>
      </c>
      <c r="D14517" t="s">
        <v>30013</v>
      </c>
      <c r="E14517" t="s">
        <v>34568</v>
      </c>
      <c r="F14517">
        <v>4</v>
      </c>
      <c r="G14517" t="s">
        <v>0</v>
      </c>
      <c r="H14517" t="s">
        <v>30014</v>
      </c>
      <c r="I14517" t="s">
        <v>30540</v>
      </c>
    </row>
    <row r="14518" spans="1:9">
      <c r="A14518" s="1">
        <f ca="1">RAND()</f>
        <v>1.3789092026647021E-3</v>
      </c>
      <c r="B14518" s="1"/>
      <c r="C14518">
        <v>20</v>
      </c>
      <c r="D14518" t="s">
        <v>30015</v>
      </c>
      <c r="E14518" t="s">
        <v>34568</v>
      </c>
      <c r="F14518">
        <v>4</v>
      </c>
      <c r="G14518" t="s">
        <v>15</v>
      </c>
      <c r="H14518" t="s">
        <v>30016</v>
      </c>
      <c r="I14518" t="s">
        <v>30540</v>
      </c>
    </row>
    <row r="14519" spans="1:9">
      <c r="A14519" s="1">
        <f ca="1">RAND()</f>
        <v>0.33316561030015435</v>
      </c>
      <c r="B14519" s="1"/>
      <c r="C14519">
        <v>5</v>
      </c>
      <c r="D14519" t="s">
        <v>30003</v>
      </c>
      <c r="E14519" t="s">
        <v>34569</v>
      </c>
      <c r="F14519">
        <v>5</v>
      </c>
      <c r="G14519" t="s">
        <v>2</v>
      </c>
      <c r="H14519" t="s">
        <v>30004</v>
      </c>
      <c r="I14519" t="s">
        <v>30540</v>
      </c>
    </row>
    <row r="14520" spans="1:9">
      <c r="A14520" s="1">
        <f ca="1">RAND()</f>
        <v>0.97096556812845336</v>
      </c>
      <c r="B14520" s="1"/>
      <c r="C14520">
        <v>2</v>
      </c>
      <c r="D14520" t="s">
        <v>30001</v>
      </c>
      <c r="E14520" t="s">
        <v>34569</v>
      </c>
      <c r="F14520">
        <v>4</v>
      </c>
      <c r="G14520" t="s">
        <v>13</v>
      </c>
      <c r="H14520" t="s">
        <v>30002</v>
      </c>
      <c r="I14520" t="s">
        <v>30540</v>
      </c>
    </row>
    <row r="14521" spans="1:9">
      <c r="A14521" s="1">
        <f ca="1">RAND()</f>
        <v>0.7451951598336779</v>
      </c>
      <c r="B14521" s="1"/>
      <c r="C14521">
        <v>11</v>
      </c>
      <c r="D14521" t="s">
        <v>30007</v>
      </c>
      <c r="E14521" t="s">
        <v>34569</v>
      </c>
      <c r="F14521">
        <v>4</v>
      </c>
      <c r="G14521" t="s">
        <v>1</v>
      </c>
      <c r="H14521" t="s">
        <v>30008</v>
      </c>
      <c r="I14521" t="s">
        <v>30540</v>
      </c>
    </row>
    <row r="14522" spans="1:9">
      <c r="A14522" s="1">
        <f ca="1">RAND()</f>
        <v>0.49776590034794022</v>
      </c>
      <c r="B14522" s="1"/>
      <c r="C14522">
        <v>9</v>
      </c>
      <c r="D14522" t="s">
        <v>30005</v>
      </c>
      <c r="E14522" t="s">
        <v>34569</v>
      </c>
      <c r="F14522">
        <v>2</v>
      </c>
      <c r="G14522" t="s">
        <v>2</v>
      </c>
      <c r="H14522" t="s">
        <v>30006</v>
      </c>
      <c r="I14522" t="s">
        <v>30540</v>
      </c>
    </row>
    <row r="14523" spans="1:9">
      <c r="A14523" s="1">
        <f ca="1">RAND()</f>
        <v>0.61096229824441151</v>
      </c>
      <c r="B14523" s="1"/>
      <c r="C14523">
        <v>6</v>
      </c>
      <c r="D14523" t="s">
        <v>29991</v>
      </c>
      <c r="E14523" t="s">
        <v>34570</v>
      </c>
      <c r="F14523">
        <v>4</v>
      </c>
      <c r="G14523" t="s">
        <v>0</v>
      </c>
      <c r="H14523" t="s">
        <v>29992</v>
      </c>
      <c r="I14523" t="s">
        <v>30540</v>
      </c>
    </row>
    <row r="14524" spans="1:9">
      <c r="A14524" s="1">
        <f ca="1">RAND()</f>
        <v>7.2841419795132589E-2</v>
      </c>
      <c r="B14524" s="1"/>
      <c r="C14524">
        <v>2</v>
      </c>
      <c r="D14524" t="s">
        <v>29989</v>
      </c>
      <c r="E14524" t="s">
        <v>34570</v>
      </c>
      <c r="F14524">
        <v>4</v>
      </c>
      <c r="G14524" t="s">
        <v>1</v>
      </c>
      <c r="H14524" t="s">
        <v>29990</v>
      </c>
      <c r="I14524" t="s">
        <v>30540</v>
      </c>
    </row>
    <row r="14525" spans="1:9">
      <c r="A14525" s="1">
        <f ca="1">RAND()</f>
        <v>0.28542977229887723</v>
      </c>
      <c r="B14525" s="1"/>
      <c r="C14525">
        <v>19</v>
      </c>
      <c r="D14525" t="s">
        <v>29999</v>
      </c>
      <c r="E14525" t="s">
        <v>34570</v>
      </c>
      <c r="F14525">
        <v>4</v>
      </c>
      <c r="G14525" t="s">
        <v>0</v>
      </c>
      <c r="H14525" t="s">
        <v>30000</v>
      </c>
      <c r="I14525" t="s">
        <v>30540</v>
      </c>
    </row>
    <row r="14526" spans="1:9">
      <c r="A14526" s="1">
        <f ca="1">RAND()</f>
        <v>0.70344871233503203</v>
      </c>
      <c r="B14526" s="1"/>
      <c r="C14526">
        <v>17</v>
      </c>
      <c r="D14526" t="s">
        <v>29995</v>
      </c>
      <c r="E14526" t="s">
        <v>34570</v>
      </c>
      <c r="F14526">
        <v>4</v>
      </c>
      <c r="G14526" t="s">
        <v>0</v>
      </c>
      <c r="H14526" t="s">
        <v>29996</v>
      </c>
      <c r="I14526" t="s">
        <v>30540</v>
      </c>
    </row>
    <row r="14527" spans="1:9">
      <c r="A14527" s="1">
        <f ca="1">RAND()</f>
        <v>0.57925983491481192</v>
      </c>
      <c r="B14527" s="1"/>
      <c r="C14527">
        <v>18</v>
      </c>
      <c r="D14527" t="s">
        <v>29997</v>
      </c>
      <c r="E14527" t="s">
        <v>34570</v>
      </c>
      <c r="F14527">
        <v>4</v>
      </c>
      <c r="G14527" t="s">
        <v>0</v>
      </c>
      <c r="H14527" t="s">
        <v>29998</v>
      </c>
      <c r="I14527" t="s">
        <v>30540</v>
      </c>
    </row>
    <row r="14528" spans="1:9">
      <c r="A14528" s="1">
        <f ca="1">RAND()</f>
        <v>0.56307083105413047</v>
      </c>
      <c r="B14528" s="1"/>
      <c r="C14528">
        <v>16</v>
      </c>
      <c r="D14528" t="s">
        <v>29993</v>
      </c>
      <c r="E14528" t="s">
        <v>34570</v>
      </c>
      <c r="F14528">
        <v>2</v>
      </c>
      <c r="G14528" t="s">
        <v>15</v>
      </c>
      <c r="H14528" t="s">
        <v>29994</v>
      </c>
      <c r="I14528" t="s">
        <v>30540</v>
      </c>
    </row>
    <row r="14529" spans="1:9">
      <c r="A14529" s="1">
        <f ca="1">RAND()</f>
        <v>0.81638561744008376</v>
      </c>
      <c r="B14529" s="1"/>
      <c r="C14529">
        <v>7</v>
      </c>
      <c r="D14529" t="s">
        <v>29981</v>
      </c>
      <c r="E14529" t="s">
        <v>34571</v>
      </c>
      <c r="F14529">
        <v>4</v>
      </c>
      <c r="G14529" t="s">
        <v>15</v>
      </c>
      <c r="H14529" t="s">
        <v>29982</v>
      </c>
      <c r="I14529" t="s">
        <v>30540</v>
      </c>
    </row>
    <row r="14530" spans="1:9">
      <c r="A14530" s="1">
        <f ca="1">RAND()</f>
        <v>0.2382208434335098</v>
      </c>
      <c r="B14530" s="1"/>
      <c r="C14530">
        <v>2</v>
      </c>
      <c r="D14530" t="s">
        <v>29979</v>
      </c>
      <c r="E14530" t="s">
        <v>34571</v>
      </c>
      <c r="F14530">
        <v>4</v>
      </c>
      <c r="G14530" t="s">
        <v>15</v>
      </c>
      <c r="H14530" t="s">
        <v>29980</v>
      </c>
      <c r="I14530" t="s">
        <v>30540</v>
      </c>
    </row>
    <row r="14531" spans="1:9">
      <c r="A14531" s="1">
        <f ca="1">RAND()</f>
        <v>6.6874171083893152E-2</v>
      </c>
      <c r="B14531" s="1"/>
      <c r="C14531">
        <v>9</v>
      </c>
      <c r="D14531" t="s">
        <v>29983</v>
      </c>
      <c r="E14531" t="s">
        <v>34571</v>
      </c>
      <c r="F14531">
        <v>4</v>
      </c>
      <c r="G14531" t="s">
        <v>0</v>
      </c>
      <c r="H14531" t="s">
        <v>29984</v>
      </c>
      <c r="I14531" t="s">
        <v>30540</v>
      </c>
    </row>
    <row r="14532" spans="1:9">
      <c r="A14532" s="1">
        <f ca="1">RAND()</f>
        <v>0.10408832417789071</v>
      </c>
      <c r="B14532" s="1"/>
      <c r="C14532">
        <v>11</v>
      </c>
      <c r="D14532" t="s">
        <v>29985</v>
      </c>
      <c r="E14532" t="s">
        <v>34571</v>
      </c>
      <c r="F14532">
        <v>4</v>
      </c>
      <c r="G14532" t="s">
        <v>1</v>
      </c>
      <c r="H14532" t="s">
        <v>29986</v>
      </c>
      <c r="I14532" t="s">
        <v>30540</v>
      </c>
    </row>
    <row r="14533" spans="1:9">
      <c r="A14533" s="1">
        <f ca="1">RAND()</f>
        <v>0.77570580572570091</v>
      </c>
      <c r="B14533" s="1"/>
      <c r="C14533">
        <v>12</v>
      </c>
      <c r="D14533" t="s">
        <v>29987</v>
      </c>
      <c r="E14533" t="s">
        <v>34571</v>
      </c>
      <c r="F14533">
        <v>4</v>
      </c>
      <c r="G14533" t="s">
        <v>0</v>
      </c>
      <c r="H14533" t="s">
        <v>29988</v>
      </c>
      <c r="I14533" t="s">
        <v>30540</v>
      </c>
    </row>
    <row r="14534" spans="1:9">
      <c r="A14534" s="1">
        <f ca="1">RAND()</f>
        <v>0.27287049214433934</v>
      </c>
      <c r="B14534" s="1"/>
      <c r="C14534">
        <v>11</v>
      </c>
      <c r="D14534" t="s">
        <v>29975</v>
      </c>
      <c r="E14534" t="s">
        <v>34572</v>
      </c>
      <c r="F14534">
        <v>4</v>
      </c>
      <c r="G14534" t="s">
        <v>0</v>
      </c>
      <c r="H14534" t="s">
        <v>29976</v>
      </c>
      <c r="I14534" t="s">
        <v>30540</v>
      </c>
    </row>
    <row r="14535" spans="1:9">
      <c r="A14535" s="1">
        <f ca="1">RAND()</f>
        <v>0.78339902687223617</v>
      </c>
      <c r="B14535" s="1"/>
      <c r="C14535">
        <v>8</v>
      </c>
      <c r="D14535" t="s">
        <v>29973</v>
      </c>
      <c r="E14535" t="s">
        <v>34572</v>
      </c>
      <c r="F14535">
        <v>4</v>
      </c>
      <c r="G14535" t="s">
        <v>1</v>
      </c>
      <c r="H14535" t="s">
        <v>29974</v>
      </c>
      <c r="I14535" t="s">
        <v>30540</v>
      </c>
    </row>
    <row r="14536" spans="1:9">
      <c r="A14536" s="1">
        <f ca="1">RAND()</f>
        <v>0.29854484755428612</v>
      </c>
      <c r="B14536" s="1"/>
      <c r="C14536">
        <v>13</v>
      </c>
      <c r="D14536" t="s">
        <v>29977</v>
      </c>
      <c r="E14536" t="s">
        <v>34572</v>
      </c>
      <c r="F14536">
        <v>4</v>
      </c>
      <c r="G14536" t="s">
        <v>0</v>
      </c>
      <c r="H14536" t="s">
        <v>29978</v>
      </c>
      <c r="I14536" t="s">
        <v>30540</v>
      </c>
    </row>
    <row r="14537" spans="1:9">
      <c r="A14537" s="1">
        <f ca="1">RAND()</f>
        <v>9.8927381049442431E-2</v>
      </c>
      <c r="B14537" s="1"/>
      <c r="C14537">
        <v>15</v>
      </c>
      <c r="D14537" t="s">
        <v>29969</v>
      </c>
      <c r="E14537" t="s">
        <v>34573</v>
      </c>
      <c r="F14537">
        <v>4</v>
      </c>
      <c r="G14537" t="s">
        <v>0</v>
      </c>
      <c r="H14537" t="s">
        <v>29970</v>
      </c>
      <c r="I14537" t="s">
        <v>30540</v>
      </c>
    </row>
    <row r="14538" spans="1:9">
      <c r="A14538" s="1">
        <f ca="1">RAND()</f>
        <v>0.62709992112538859</v>
      </c>
      <c r="B14538" s="1"/>
      <c r="C14538">
        <v>12</v>
      </c>
      <c r="D14538" t="s">
        <v>29967</v>
      </c>
      <c r="E14538" t="s">
        <v>34573</v>
      </c>
      <c r="F14538">
        <v>4</v>
      </c>
      <c r="G14538" t="s">
        <v>0</v>
      </c>
      <c r="H14538" t="s">
        <v>29968</v>
      </c>
      <c r="I14538" t="s">
        <v>30540</v>
      </c>
    </row>
    <row r="14539" spans="1:9">
      <c r="A14539" s="1">
        <f ca="1">RAND()</f>
        <v>0.77866736048838159</v>
      </c>
      <c r="B14539" s="1"/>
      <c r="C14539">
        <v>20</v>
      </c>
      <c r="D14539" t="s">
        <v>29971</v>
      </c>
      <c r="E14539" t="s">
        <v>34573</v>
      </c>
      <c r="F14539">
        <v>3</v>
      </c>
      <c r="G14539" t="s">
        <v>0</v>
      </c>
      <c r="H14539" t="s">
        <v>29972</v>
      </c>
      <c r="I14539" t="s">
        <v>30540</v>
      </c>
    </row>
    <row r="14540" spans="1:9">
      <c r="A14540" s="1">
        <f ca="1">RAND()</f>
        <v>0.57676801972777336</v>
      </c>
      <c r="B14540" s="1"/>
      <c r="C14540">
        <v>2</v>
      </c>
      <c r="D14540" t="s">
        <v>29963</v>
      </c>
      <c r="E14540" t="s">
        <v>34574</v>
      </c>
      <c r="F14540">
        <v>5</v>
      </c>
      <c r="G14540" t="s">
        <v>13</v>
      </c>
      <c r="H14540" t="s">
        <v>29964</v>
      </c>
      <c r="I14540" t="s">
        <v>30540</v>
      </c>
    </row>
    <row r="14541" spans="1:9">
      <c r="A14541" s="1">
        <f ca="1">RAND()</f>
        <v>0.44124847511599785</v>
      </c>
      <c r="B14541" s="1"/>
      <c r="C14541">
        <v>10</v>
      </c>
      <c r="D14541" t="s">
        <v>29965</v>
      </c>
      <c r="E14541" t="s">
        <v>34574</v>
      </c>
      <c r="F14541">
        <v>4</v>
      </c>
      <c r="G14541" t="s">
        <v>0</v>
      </c>
      <c r="H14541" t="s">
        <v>29966</v>
      </c>
      <c r="I14541" t="s">
        <v>30540</v>
      </c>
    </row>
    <row r="14542" spans="1:9">
      <c r="A14542" s="1">
        <f ca="1">RAND()</f>
        <v>0.12537872825606178</v>
      </c>
      <c r="B14542" s="1"/>
      <c r="C14542">
        <v>16</v>
      </c>
      <c r="D14542" t="s">
        <v>29961</v>
      </c>
      <c r="E14542" t="s">
        <v>34575</v>
      </c>
      <c r="F14542">
        <v>4</v>
      </c>
      <c r="G14542" t="s">
        <v>0</v>
      </c>
      <c r="H14542" t="s">
        <v>29962</v>
      </c>
      <c r="I14542" t="s">
        <v>30540</v>
      </c>
    </row>
    <row r="14543" spans="1:9">
      <c r="A14543" s="1">
        <f ca="1">RAND()</f>
        <v>0.37976337452218034</v>
      </c>
      <c r="B14543" s="1"/>
      <c r="C14543">
        <v>6</v>
      </c>
      <c r="D14543" t="s">
        <v>29955</v>
      </c>
      <c r="E14543" t="s">
        <v>34575</v>
      </c>
      <c r="F14543">
        <v>4</v>
      </c>
      <c r="G14543" t="s">
        <v>0</v>
      </c>
      <c r="H14543" t="s">
        <v>29956</v>
      </c>
      <c r="I14543" t="s">
        <v>30540</v>
      </c>
    </row>
    <row r="14544" spans="1:9">
      <c r="A14544" s="1">
        <f ca="1">RAND()</f>
        <v>0.56119121793795101</v>
      </c>
      <c r="B14544" s="1"/>
      <c r="C14544">
        <v>15</v>
      </c>
      <c r="D14544" t="s">
        <v>29959</v>
      </c>
      <c r="E14544" t="s">
        <v>34575</v>
      </c>
      <c r="F14544">
        <v>4</v>
      </c>
      <c r="G14544" t="s">
        <v>0</v>
      </c>
      <c r="H14544" t="s">
        <v>29960</v>
      </c>
      <c r="I14544" t="s">
        <v>30540</v>
      </c>
    </row>
    <row r="14545" spans="1:9">
      <c r="A14545" s="1">
        <f ca="1">RAND()</f>
        <v>0.93961911885475335</v>
      </c>
      <c r="B14545" s="1"/>
      <c r="C14545">
        <v>10</v>
      </c>
      <c r="D14545" t="s">
        <v>29957</v>
      </c>
      <c r="E14545" t="s">
        <v>34575</v>
      </c>
      <c r="F14545">
        <v>4</v>
      </c>
      <c r="G14545" t="s">
        <v>0</v>
      </c>
      <c r="H14545" t="s">
        <v>29958</v>
      </c>
      <c r="I14545" t="s">
        <v>30540</v>
      </c>
    </row>
    <row r="14546" spans="1:9">
      <c r="A14546" s="1">
        <f ca="1">RAND()</f>
        <v>0.81987419576181364</v>
      </c>
      <c r="B14546" s="1"/>
      <c r="C14546">
        <v>4</v>
      </c>
      <c r="D14546" t="s">
        <v>29953</v>
      </c>
      <c r="E14546" t="s">
        <v>34575</v>
      </c>
      <c r="F14546">
        <v>3</v>
      </c>
      <c r="G14546" t="s">
        <v>2</v>
      </c>
      <c r="H14546" t="s">
        <v>29954</v>
      </c>
      <c r="I14546" t="s">
        <v>30540</v>
      </c>
    </row>
    <row r="14547" spans="1:9">
      <c r="A14547" s="1">
        <f ca="1">RAND()</f>
        <v>0.46080676889435601</v>
      </c>
      <c r="B14547" s="1"/>
      <c r="C14547">
        <v>3</v>
      </c>
      <c r="D14547" t="s">
        <v>29945</v>
      </c>
      <c r="E14547" t="s">
        <v>34576</v>
      </c>
      <c r="F14547">
        <v>4</v>
      </c>
      <c r="G14547" t="s">
        <v>15</v>
      </c>
      <c r="H14547" t="s">
        <v>29946</v>
      </c>
      <c r="I14547" t="s">
        <v>30540</v>
      </c>
    </row>
    <row r="14548" spans="1:9">
      <c r="A14548" s="1">
        <f ca="1">RAND()</f>
        <v>0.16552711418999044</v>
      </c>
      <c r="B14548" s="1"/>
      <c r="C14548">
        <v>16</v>
      </c>
      <c r="D14548" t="s">
        <v>29951</v>
      </c>
      <c r="E14548" t="s">
        <v>34576</v>
      </c>
      <c r="F14548">
        <v>4</v>
      </c>
      <c r="G14548" t="s">
        <v>0</v>
      </c>
      <c r="H14548" t="s">
        <v>29952</v>
      </c>
      <c r="I14548" t="s">
        <v>30540</v>
      </c>
    </row>
    <row r="14549" spans="1:9">
      <c r="A14549" s="1">
        <f ca="1">RAND()</f>
        <v>0.94113806439331771</v>
      </c>
      <c r="B14549" s="1"/>
      <c r="C14549">
        <v>11</v>
      </c>
      <c r="D14549" t="s">
        <v>29949</v>
      </c>
      <c r="E14549" t="s">
        <v>34576</v>
      </c>
      <c r="F14549">
        <v>4</v>
      </c>
      <c r="G14549" t="s">
        <v>0</v>
      </c>
      <c r="H14549" t="s">
        <v>29950</v>
      </c>
      <c r="I14549" t="s">
        <v>30540</v>
      </c>
    </row>
    <row r="14550" spans="1:9">
      <c r="A14550" s="1">
        <f ca="1">RAND()</f>
        <v>0.68269221947835468</v>
      </c>
      <c r="B14550" s="1"/>
      <c r="C14550">
        <v>10</v>
      </c>
      <c r="D14550" t="s">
        <v>29947</v>
      </c>
      <c r="E14550" t="s">
        <v>34576</v>
      </c>
      <c r="F14550">
        <v>3</v>
      </c>
      <c r="G14550" t="s">
        <v>0</v>
      </c>
      <c r="H14550" t="s">
        <v>29948</v>
      </c>
      <c r="I14550" t="s">
        <v>30540</v>
      </c>
    </row>
    <row r="14551" spans="1:9">
      <c r="A14551" s="1">
        <f ca="1">RAND()</f>
        <v>0.21167397428521462</v>
      </c>
      <c r="B14551" s="1"/>
      <c r="C14551">
        <v>12</v>
      </c>
      <c r="D14551" t="s">
        <v>29941</v>
      </c>
      <c r="E14551" t="s">
        <v>34577</v>
      </c>
      <c r="F14551">
        <v>5</v>
      </c>
      <c r="G14551" t="s">
        <v>1</v>
      </c>
      <c r="H14551" t="s">
        <v>29942</v>
      </c>
      <c r="I14551" t="s">
        <v>30540</v>
      </c>
    </row>
    <row r="14552" spans="1:9">
      <c r="A14552" s="1">
        <f ca="1">RAND()</f>
        <v>0.21268042152221445</v>
      </c>
      <c r="B14552" s="1"/>
      <c r="C14552">
        <v>14</v>
      </c>
      <c r="D14552" t="s">
        <v>29943</v>
      </c>
      <c r="E14552" t="s">
        <v>34577</v>
      </c>
      <c r="F14552">
        <v>4</v>
      </c>
      <c r="G14552" t="s">
        <v>0</v>
      </c>
      <c r="H14552" t="s">
        <v>29944</v>
      </c>
      <c r="I14552" t="s">
        <v>30540</v>
      </c>
    </row>
    <row r="14553" spans="1:9">
      <c r="A14553" s="1">
        <f ca="1">RAND()</f>
        <v>0.35117487106423317</v>
      </c>
      <c r="B14553" s="1"/>
      <c r="C14553">
        <v>1</v>
      </c>
      <c r="D14553" t="s">
        <v>29933</v>
      </c>
      <c r="E14553" t="s">
        <v>34577</v>
      </c>
      <c r="F14553">
        <v>4</v>
      </c>
      <c r="G14553" t="s">
        <v>0</v>
      </c>
      <c r="H14553" t="s">
        <v>29934</v>
      </c>
      <c r="I14553" t="s">
        <v>30540</v>
      </c>
    </row>
    <row r="14554" spans="1:9">
      <c r="A14554" s="1">
        <f ca="1">RAND()</f>
        <v>0.71622153737492844</v>
      </c>
      <c r="B14554" s="1"/>
      <c r="C14554">
        <v>8</v>
      </c>
      <c r="D14554" t="s">
        <v>29939</v>
      </c>
      <c r="E14554" t="s">
        <v>34577</v>
      </c>
      <c r="F14554">
        <v>4</v>
      </c>
      <c r="G14554" t="s">
        <v>0</v>
      </c>
      <c r="H14554" t="s">
        <v>29940</v>
      </c>
      <c r="I14554" t="s">
        <v>30540</v>
      </c>
    </row>
    <row r="14555" spans="1:9">
      <c r="A14555" s="1">
        <f ca="1">RAND()</f>
        <v>0.68571806312421457</v>
      </c>
      <c r="B14555" s="1"/>
      <c r="C14555">
        <v>5</v>
      </c>
      <c r="D14555" t="s">
        <v>29935</v>
      </c>
      <c r="E14555" t="s">
        <v>34577</v>
      </c>
      <c r="F14555">
        <v>2</v>
      </c>
      <c r="G14555" t="s">
        <v>13</v>
      </c>
      <c r="H14555" t="s">
        <v>29936</v>
      </c>
      <c r="I14555" t="s">
        <v>30540</v>
      </c>
    </row>
    <row r="14556" spans="1:9">
      <c r="A14556" s="1">
        <f ca="1">RAND()</f>
        <v>0.29499316214976334</v>
      </c>
      <c r="B14556" s="1"/>
      <c r="C14556">
        <v>7</v>
      </c>
      <c r="D14556" t="s">
        <v>29937</v>
      </c>
      <c r="E14556" t="s">
        <v>34577</v>
      </c>
      <c r="F14556">
        <v>2</v>
      </c>
      <c r="G14556" t="s">
        <v>0</v>
      </c>
      <c r="H14556" t="s">
        <v>29938</v>
      </c>
      <c r="I14556" t="s">
        <v>30540</v>
      </c>
    </row>
    <row r="14557" spans="1:9">
      <c r="A14557" s="1">
        <f ca="1">RAND()</f>
        <v>0.63312318244270704</v>
      </c>
      <c r="B14557" s="1"/>
      <c r="C14557">
        <v>9</v>
      </c>
      <c r="D14557" t="s">
        <v>29929</v>
      </c>
      <c r="E14557" t="s">
        <v>34578</v>
      </c>
      <c r="F14557">
        <v>5</v>
      </c>
      <c r="G14557" t="s">
        <v>13</v>
      </c>
      <c r="H14557" t="s">
        <v>29930</v>
      </c>
      <c r="I14557" t="s">
        <v>30540</v>
      </c>
    </row>
    <row r="14558" spans="1:9">
      <c r="A14558" s="1">
        <f ca="1">RAND()</f>
        <v>0.51265193793323227</v>
      </c>
      <c r="B14558" s="1"/>
      <c r="C14558">
        <v>11</v>
      </c>
      <c r="D14558" t="s">
        <v>29931</v>
      </c>
      <c r="E14558" t="s">
        <v>34578</v>
      </c>
      <c r="F14558">
        <v>4</v>
      </c>
      <c r="G14558" t="s">
        <v>15</v>
      </c>
      <c r="H14558" t="s">
        <v>29932</v>
      </c>
      <c r="I14558" t="s">
        <v>30540</v>
      </c>
    </row>
    <row r="14559" spans="1:9">
      <c r="A14559" s="1">
        <f ca="1">RAND()</f>
        <v>0.91440840302906734</v>
      </c>
      <c r="B14559" s="1"/>
      <c r="C14559">
        <v>6</v>
      </c>
      <c r="D14559" t="s">
        <v>29925</v>
      </c>
      <c r="E14559" t="s">
        <v>34578</v>
      </c>
      <c r="F14559">
        <v>3</v>
      </c>
      <c r="G14559" t="s">
        <v>1</v>
      </c>
      <c r="H14559" t="s">
        <v>29926</v>
      </c>
      <c r="I14559" t="s">
        <v>30540</v>
      </c>
    </row>
    <row r="14560" spans="1:9">
      <c r="A14560" s="1">
        <f ca="1">RAND()</f>
        <v>0.76794856860733041</v>
      </c>
      <c r="B14560" s="1"/>
      <c r="C14560">
        <v>8</v>
      </c>
      <c r="D14560" t="s">
        <v>29927</v>
      </c>
      <c r="E14560" t="s">
        <v>34578</v>
      </c>
      <c r="F14560">
        <v>2</v>
      </c>
      <c r="G14560" t="s">
        <v>0</v>
      </c>
      <c r="H14560" t="s">
        <v>29928</v>
      </c>
      <c r="I14560" t="s">
        <v>30540</v>
      </c>
    </row>
    <row r="14561" spans="1:9">
      <c r="A14561" s="1">
        <f ca="1">RAND()</f>
        <v>0.37948313887131668</v>
      </c>
      <c r="B14561" s="1"/>
      <c r="C14561">
        <v>16</v>
      </c>
      <c r="D14561" t="s">
        <v>29921</v>
      </c>
      <c r="E14561" t="s">
        <v>34579</v>
      </c>
      <c r="F14561">
        <v>5</v>
      </c>
      <c r="G14561" t="s">
        <v>14</v>
      </c>
      <c r="H14561" t="s">
        <v>29922</v>
      </c>
      <c r="I14561" t="s">
        <v>30540</v>
      </c>
    </row>
    <row r="14562" spans="1:9">
      <c r="A14562" s="1">
        <f ca="1">RAND()</f>
        <v>0.83538213224328528</v>
      </c>
      <c r="B14562" s="1"/>
      <c r="C14562">
        <v>13</v>
      </c>
      <c r="D14562" t="s">
        <v>29917</v>
      </c>
      <c r="E14562" t="s">
        <v>34579</v>
      </c>
      <c r="F14562">
        <v>4</v>
      </c>
      <c r="G14562" t="s">
        <v>13</v>
      </c>
      <c r="H14562" t="s">
        <v>29918</v>
      </c>
      <c r="I14562" t="s">
        <v>30540</v>
      </c>
    </row>
    <row r="14563" spans="1:9">
      <c r="A14563" s="1">
        <f ca="1">RAND()</f>
        <v>0.29033481290562702</v>
      </c>
      <c r="B14563" s="1"/>
      <c r="C14563">
        <v>3</v>
      </c>
      <c r="D14563" t="s">
        <v>29909</v>
      </c>
      <c r="E14563" t="s">
        <v>34579</v>
      </c>
      <c r="F14563">
        <v>4</v>
      </c>
      <c r="G14563" t="s">
        <v>15</v>
      </c>
      <c r="H14563" t="s">
        <v>29910</v>
      </c>
      <c r="I14563" t="s">
        <v>30540</v>
      </c>
    </row>
    <row r="14564" spans="1:9">
      <c r="A14564" s="1">
        <f ca="1">RAND()</f>
        <v>0.98322333909430149</v>
      </c>
      <c r="B14564" s="1"/>
      <c r="C14564">
        <v>11</v>
      </c>
      <c r="D14564" t="s">
        <v>29915</v>
      </c>
      <c r="E14564" t="s">
        <v>34579</v>
      </c>
      <c r="F14564">
        <v>4</v>
      </c>
      <c r="G14564" t="s">
        <v>0</v>
      </c>
      <c r="H14564" t="s">
        <v>29916</v>
      </c>
      <c r="I14564" t="s">
        <v>30540</v>
      </c>
    </row>
    <row r="14565" spans="1:9">
      <c r="A14565" s="1">
        <f ca="1">RAND()</f>
        <v>0.69480833532243957</v>
      </c>
      <c r="B14565" s="1"/>
      <c r="C14565">
        <v>19</v>
      </c>
      <c r="D14565" t="s">
        <v>29923</v>
      </c>
      <c r="E14565" t="s">
        <v>34579</v>
      </c>
      <c r="F14565">
        <v>4</v>
      </c>
      <c r="G14565" t="s">
        <v>1</v>
      </c>
      <c r="H14565" t="s">
        <v>29924</v>
      </c>
      <c r="I14565" t="s">
        <v>30540</v>
      </c>
    </row>
    <row r="14566" spans="1:9">
      <c r="A14566" s="1">
        <f ca="1">RAND()</f>
        <v>0.17597885670865465</v>
      </c>
      <c r="B14566" s="1"/>
      <c r="C14566">
        <v>8</v>
      </c>
      <c r="D14566" t="s">
        <v>29911</v>
      </c>
      <c r="E14566" t="s">
        <v>34579</v>
      </c>
      <c r="F14566">
        <v>4</v>
      </c>
      <c r="G14566" t="s">
        <v>0</v>
      </c>
      <c r="H14566" t="s">
        <v>29912</v>
      </c>
      <c r="I14566" t="s">
        <v>30540</v>
      </c>
    </row>
    <row r="14567" spans="1:9">
      <c r="A14567" s="1">
        <f ca="1">RAND()</f>
        <v>0.85525666303616732</v>
      </c>
      <c r="B14567" s="1"/>
      <c r="C14567">
        <v>14</v>
      </c>
      <c r="D14567" t="s">
        <v>29919</v>
      </c>
      <c r="E14567" t="s">
        <v>34579</v>
      </c>
      <c r="F14567">
        <v>4</v>
      </c>
      <c r="G14567" t="s">
        <v>0</v>
      </c>
      <c r="H14567" t="s">
        <v>29920</v>
      </c>
      <c r="I14567" t="s">
        <v>30540</v>
      </c>
    </row>
    <row r="14568" spans="1:9">
      <c r="A14568" s="1">
        <f ca="1">RAND()</f>
        <v>0.62460319455667834</v>
      </c>
      <c r="B14568" s="1"/>
      <c r="C14568">
        <v>10</v>
      </c>
      <c r="D14568" t="s">
        <v>29913</v>
      </c>
      <c r="E14568" t="s">
        <v>34579</v>
      </c>
      <c r="F14568">
        <v>4</v>
      </c>
      <c r="G14568" t="s">
        <v>13</v>
      </c>
      <c r="H14568" t="s">
        <v>29914</v>
      </c>
      <c r="I14568" t="s">
        <v>30540</v>
      </c>
    </row>
    <row r="14569" spans="1:9">
      <c r="A14569" s="1">
        <f ca="1">RAND()</f>
        <v>0.65723174962418673</v>
      </c>
      <c r="B14569" s="1"/>
      <c r="C14569">
        <v>13</v>
      </c>
      <c r="D14569" t="s">
        <v>29901</v>
      </c>
      <c r="E14569" t="s">
        <v>34580</v>
      </c>
      <c r="F14569">
        <v>5</v>
      </c>
      <c r="G14569" t="s">
        <v>0</v>
      </c>
      <c r="H14569" t="s">
        <v>29902</v>
      </c>
      <c r="I14569" t="s">
        <v>30540</v>
      </c>
    </row>
    <row r="14570" spans="1:9">
      <c r="A14570" s="1">
        <f ca="1">RAND()</f>
        <v>0.52300907686366083</v>
      </c>
      <c r="B14570" s="1"/>
      <c r="C14570">
        <v>14</v>
      </c>
      <c r="D14570" t="s">
        <v>29903</v>
      </c>
      <c r="E14570" t="s">
        <v>34580</v>
      </c>
      <c r="F14570">
        <v>4</v>
      </c>
      <c r="G14570" t="s">
        <v>13</v>
      </c>
      <c r="H14570" t="s">
        <v>29904</v>
      </c>
      <c r="I14570" t="s">
        <v>30540</v>
      </c>
    </row>
    <row r="14571" spans="1:9">
      <c r="A14571" s="1">
        <f ca="1">RAND()</f>
        <v>0.60754342489140356</v>
      </c>
      <c r="B14571" s="1"/>
      <c r="C14571">
        <v>20</v>
      </c>
      <c r="D14571" t="s">
        <v>29907</v>
      </c>
      <c r="E14571" t="s">
        <v>34580</v>
      </c>
      <c r="F14571">
        <v>4</v>
      </c>
      <c r="G14571" t="s">
        <v>0</v>
      </c>
      <c r="H14571" t="s">
        <v>29908</v>
      </c>
      <c r="I14571" t="s">
        <v>30540</v>
      </c>
    </row>
    <row r="14572" spans="1:9">
      <c r="A14572" s="1">
        <f ca="1">RAND()</f>
        <v>0.96378824183907719</v>
      </c>
      <c r="B14572" s="1"/>
      <c r="C14572">
        <v>10</v>
      </c>
      <c r="D14572" t="s">
        <v>29899</v>
      </c>
      <c r="E14572" t="s">
        <v>34580</v>
      </c>
      <c r="F14572">
        <v>4</v>
      </c>
      <c r="G14572" t="s">
        <v>1</v>
      </c>
      <c r="H14572" t="s">
        <v>29900</v>
      </c>
      <c r="I14572" t="s">
        <v>30540</v>
      </c>
    </row>
    <row r="14573" spans="1:9">
      <c r="A14573" s="1">
        <f ca="1">RAND()</f>
        <v>0.62549607670008367</v>
      </c>
      <c r="B14573" s="1"/>
      <c r="C14573">
        <v>2</v>
      </c>
      <c r="D14573" t="s">
        <v>29893</v>
      </c>
      <c r="E14573" t="s">
        <v>34580</v>
      </c>
      <c r="F14573">
        <v>4</v>
      </c>
      <c r="G14573" t="s">
        <v>9</v>
      </c>
      <c r="H14573" t="s">
        <v>29894</v>
      </c>
      <c r="I14573" t="s">
        <v>30540</v>
      </c>
    </row>
    <row r="14574" spans="1:9">
      <c r="A14574" s="1">
        <f ca="1">RAND()</f>
        <v>0.27901161401677521</v>
      </c>
      <c r="B14574" s="1"/>
      <c r="C14574">
        <v>6</v>
      </c>
      <c r="D14574" t="s">
        <v>29897</v>
      </c>
      <c r="E14574" t="s">
        <v>34580</v>
      </c>
      <c r="F14574">
        <v>4</v>
      </c>
      <c r="G14574" t="s">
        <v>1</v>
      </c>
      <c r="H14574" t="s">
        <v>29898</v>
      </c>
      <c r="I14574" t="s">
        <v>30540</v>
      </c>
    </row>
    <row r="14575" spans="1:9">
      <c r="A14575" s="1">
        <f ca="1">RAND()</f>
        <v>0.95323916220471616</v>
      </c>
      <c r="B14575" s="1"/>
      <c r="C14575">
        <v>18</v>
      </c>
      <c r="D14575" t="s">
        <v>29905</v>
      </c>
      <c r="E14575" t="s">
        <v>34580</v>
      </c>
      <c r="F14575">
        <v>4</v>
      </c>
      <c r="G14575" t="s">
        <v>2</v>
      </c>
      <c r="H14575" t="s">
        <v>29906</v>
      </c>
      <c r="I14575" t="s">
        <v>30540</v>
      </c>
    </row>
    <row r="14576" spans="1:9">
      <c r="A14576" s="1">
        <f ca="1">RAND()</f>
        <v>0.79354832413282061</v>
      </c>
      <c r="B14576" s="1"/>
      <c r="C14576">
        <v>5</v>
      </c>
      <c r="D14576" t="s">
        <v>29895</v>
      </c>
      <c r="E14576" t="s">
        <v>34580</v>
      </c>
      <c r="F14576">
        <v>3</v>
      </c>
      <c r="G14576" t="s">
        <v>0</v>
      </c>
      <c r="H14576" t="s">
        <v>29896</v>
      </c>
      <c r="I14576" t="s">
        <v>30540</v>
      </c>
    </row>
    <row r="14577" spans="1:9">
      <c r="A14577" s="1">
        <f ca="1">RAND()</f>
        <v>0.921321327492997</v>
      </c>
      <c r="B14577" s="1"/>
      <c r="C14577">
        <v>13</v>
      </c>
      <c r="D14577" t="s">
        <v>29889</v>
      </c>
      <c r="E14577" t="s">
        <v>34581</v>
      </c>
      <c r="F14577">
        <v>5</v>
      </c>
      <c r="G14577" t="s">
        <v>0</v>
      </c>
      <c r="H14577" t="s">
        <v>29890</v>
      </c>
      <c r="I14577" t="s">
        <v>30540</v>
      </c>
    </row>
    <row r="14578" spans="1:9">
      <c r="A14578" s="1">
        <f ca="1">RAND()</f>
        <v>0.75494290131174191</v>
      </c>
      <c r="B14578" s="1"/>
      <c r="C14578">
        <v>12</v>
      </c>
      <c r="D14578" t="s">
        <v>29887</v>
      </c>
      <c r="E14578" t="s">
        <v>34581</v>
      </c>
      <c r="F14578">
        <v>5</v>
      </c>
      <c r="G14578" t="s">
        <v>0</v>
      </c>
      <c r="H14578" t="s">
        <v>29888</v>
      </c>
      <c r="I14578" t="s">
        <v>30540</v>
      </c>
    </row>
    <row r="14579" spans="1:9">
      <c r="A14579" s="1">
        <f ca="1">RAND()</f>
        <v>0.95328747465260621</v>
      </c>
      <c r="B14579" s="1"/>
      <c r="C14579">
        <v>19</v>
      </c>
      <c r="D14579" t="s">
        <v>29891</v>
      </c>
      <c r="E14579" t="s">
        <v>34581</v>
      </c>
      <c r="F14579">
        <v>5</v>
      </c>
      <c r="G14579" t="s">
        <v>15</v>
      </c>
      <c r="H14579" t="s">
        <v>29892</v>
      </c>
      <c r="I14579" t="s">
        <v>30540</v>
      </c>
    </row>
    <row r="14580" spans="1:9">
      <c r="A14580" s="1">
        <f ca="1">RAND()</f>
        <v>0.33628990215308785</v>
      </c>
      <c r="B14580" s="1"/>
      <c r="C14580">
        <v>7</v>
      </c>
      <c r="D14580" t="s">
        <v>29885</v>
      </c>
      <c r="E14580" t="s">
        <v>34581</v>
      </c>
      <c r="F14580">
        <v>4</v>
      </c>
      <c r="G14580" t="s">
        <v>14</v>
      </c>
      <c r="H14580" t="s">
        <v>29886</v>
      </c>
      <c r="I14580" t="s">
        <v>30540</v>
      </c>
    </row>
    <row r="14581" spans="1:9">
      <c r="A14581" s="1">
        <f ca="1">RAND()</f>
        <v>0.85066113741458482</v>
      </c>
      <c r="B14581" s="1"/>
      <c r="C14581">
        <v>11</v>
      </c>
      <c r="D14581" t="s">
        <v>29881</v>
      </c>
      <c r="E14581" t="s">
        <v>34582</v>
      </c>
      <c r="F14581">
        <v>5</v>
      </c>
      <c r="G14581" t="s">
        <v>0</v>
      </c>
      <c r="H14581" t="s">
        <v>29882</v>
      </c>
      <c r="I14581" t="s">
        <v>30540</v>
      </c>
    </row>
    <row r="14582" spans="1:9">
      <c r="A14582" s="1">
        <f ca="1">RAND()</f>
        <v>0.9627099355862162</v>
      </c>
      <c r="B14582" s="1"/>
      <c r="C14582">
        <v>14</v>
      </c>
      <c r="D14582" t="s">
        <v>29883</v>
      </c>
      <c r="E14582" t="s">
        <v>34582</v>
      </c>
      <c r="F14582">
        <v>5</v>
      </c>
      <c r="G14582" t="s">
        <v>14</v>
      </c>
      <c r="H14582" t="s">
        <v>29884</v>
      </c>
      <c r="I14582" t="s">
        <v>30540</v>
      </c>
    </row>
    <row r="14583" spans="1:9">
      <c r="A14583" s="1">
        <f ca="1">RAND()</f>
        <v>0.33975362084054295</v>
      </c>
      <c r="B14583" s="1"/>
      <c r="C14583">
        <v>7</v>
      </c>
      <c r="D14583" t="s">
        <v>29879</v>
      </c>
      <c r="E14583" t="s">
        <v>34582</v>
      </c>
      <c r="F14583">
        <v>4</v>
      </c>
      <c r="G14583" t="s">
        <v>2</v>
      </c>
      <c r="H14583" t="s">
        <v>29880</v>
      </c>
      <c r="I14583" t="s">
        <v>30540</v>
      </c>
    </row>
    <row r="14584" spans="1:9">
      <c r="A14584" s="1">
        <f ca="1">RAND()</f>
        <v>0.54956654816742612</v>
      </c>
      <c r="B14584" s="1"/>
      <c r="C14584">
        <v>15</v>
      </c>
      <c r="D14584" t="s">
        <v>29875</v>
      </c>
      <c r="E14584" t="s">
        <v>34583</v>
      </c>
      <c r="F14584">
        <v>5</v>
      </c>
      <c r="G14584" t="s">
        <v>10</v>
      </c>
      <c r="H14584" t="s">
        <v>29876</v>
      </c>
      <c r="I14584" t="s">
        <v>30540</v>
      </c>
    </row>
    <row r="14585" spans="1:9">
      <c r="A14585" s="1">
        <f ca="1">RAND()</f>
        <v>0.48792991138392527</v>
      </c>
      <c r="B14585" s="1"/>
      <c r="C14585">
        <v>4</v>
      </c>
      <c r="D14585" t="s">
        <v>29869</v>
      </c>
      <c r="E14585" t="s">
        <v>34583</v>
      </c>
      <c r="F14585">
        <v>4</v>
      </c>
      <c r="G14585" t="s">
        <v>1</v>
      </c>
      <c r="H14585" t="s">
        <v>29870</v>
      </c>
      <c r="I14585" t="s">
        <v>30540</v>
      </c>
    </row>
    <row r="14586" spans="1:9">
      <c r="A14586" s="1">
        <f ca="1">RAND()</f>
        <v>0.65307828356852271</v>
      </c>
      <c r="B14586" s="1"/>
      <c r="C14586">
        <v>5</v>
      </c>
      <c r="D14586" t="s">
        <v>29871</v>
      </c>
      <c r="E14586" t="s">
        <v>34583</v>
      </c>
      <c r="F14586">
        <v>4</v>
      </c>
      <c r="G14586" t="s">
        <v>9</v>
      </c>
      <c r="H14586" t="s">
        <v>29872</v>
      </c>
      <c r="I14586" t="s">
        <v>30540</v>
      </c>
    </row>
    <row r="14587" spans="1:9">
      <c r="A14587" s="1">
        <f ca="1">RAND()</f>
        <v>0.49303484816908905</v>
      </c>
      <c r="B14587" s="1"/>
      <c r="C14587">
        <v>8</v>
      </c>
      <c r="D14587" t="s">
        <v>29873</v>
      </c>
      <c r="E14587" t="s">
        <v>34583</v>
      </c>
      <c r="F14587">
        <v>3</v>
      </c>
      <c r="G14587" t="s">
        <v>0</v>
      </c>
      <c r="H14587" t="s">
        <v>29874</v>
      </c>
      <c r="I14587" t="s">
        <v>30540</v>
      </c>
    </row>
    <row r="14588" spans="1:9">
      <c r="A14588" s="1">
        <f ca="1">RAND()</f>
        <v>0.72558627992842351</v>
      </c>
      <c r="B14588" s="1"/>
      <c r="C14588">
        <v>17</v>
      </c>
      <c r="D14588" t="s">
        <v>29877</v>
      </c>
      <c r="E14588" t="s">
        <v>34583</v>
      </c>
      <c r="F14588">
        <v>3</v>
      </c>
      <c r="G14588" t="s">
        <v>1</v>
      </c>
      <c r="H14588" t="s">
        <v>29878</v>
      </c>
      <c r="I14588" t="s">
        <v>30540</v>
      </c>
    </row>
    <row r="14589" spans="1:9">
      <c r="A14589" s="1">
        <f ca="1">RAND()</f>
        <v>0.63486113853512749</v>
      </c>
      <c r="B14589" s="1"/>
      <c r="C14589">
        <v>17</v>
      </c>
      <c r="D14589" t="s">
        <v>29865</v>
      </c>
      <c r="E14589" t="s">
        <v>34584</v>
      </c>
      <c r="F14589">
        <v>5</v>
      </c>
      <c r="G14589" t="s">
        <v>0</v>
      </c>
      <c r="H14589" t="s">
        <v>29866</v>
      </c>
      <c r="I14589" t="s">
        <v>30540</v>
      </c>
    </row>
    <row r="14590" spans="1:9">
      <c r="A14590" s="1">
        <f ca="1">RAND()</f>
        <v>0.82058201229992334</v>
      </c>
      <c r="B14590" s="1"/>
      <c r="C14590">
        <v>3</v>
      </c>
      <c r="D14590" t="s">
        <v>29861</v>
      </c>
      <c r="E14590" t="s">
        <v>34584</v>
      </c>
      <c r="F14590">
        <v>4</v>
      </c>
      <c r="G14590" t="s">
        <v>10</v>
      </c>
      <c r="H14590" t="s">
        <v>29862</v>
      </c>
      <c r="I14590" t="s">
        <v>30540</v>
      </c>
    </row>
    <row r="14591" spans="1:9">
      <c r="A14591" s="1">
        <f ca="1">RAND()</f>
        <v>4.6397232364777219E-2</v>
      </c>
      <c r="B14591" s="1"/>
      <c r="C14591">
        <v>5</v>
      </c>
      <c r="D14591" t="s">
        <v>29863</v>
      </c>
      <c r="E14591" t="s">
        <v>34584</v>
      </c>
      <c r="F14591">
        <v>3</v>
      </c>
      <c r="G14591" t="s">
        <v>15</v>
      </c>
      <c r="H14591" t="s">
        <v>29864</v>
      </c>
      <c r="I14591" t="s">
        <v>30540</v>
      </c>
    </row>
    <row r="14592" spans="1:9">
      <c r="A14592" s="1">
        <f ca="1">RAND()</f>
        <v>0.20726327999996463</v>
      </c>
      <c r="B14592" s="1"/>
      <c r="C14592">
        <v>20</v>
      </c>
      <c r="D14592" t="s">
        <v>29867</v>
      </c>
      <c r="E14592" t="s">
        <v>34584</v>
      </c>
      <c r="F14592">
        <v>3</v>
      </c>
      <c r="G14592" t="s">
        <v>0</v>
      </c>
      <c r="H14592" t="s">
        <v>29868</v>
      </c>
      <c r="I14592" t="s">
        <v>30540</v>
      </c>
    </row>
    <row r="14593" spans="1:9">
      <c r="A14593" s="1">
        <f ca="1">RAND()</f>
        <v>0.72251144577679571</v>
      </c>
      <c r="B14593" s="1"/>
      <c r="C14593">
        <v>1</v>
      </c>
      <c r="D14593" t="s">
        <v>29853</v>
      </c>
      <c r="E14593" t="s">
        <v>34585</v>
      </c>
      <c r="F14593">
        <v>5</v>
      </c>
      <c r="G14593" t="s">
        <v>2</v>
      </c>
      <c r="H14593" t="s">
        <v>29854</v>
      </c>
      <c r="I14593" t="s">
        <v>30540</v>
      </c>
    </row>
    <row r="14594" spans="1:9">
      <c r="A14594" s="1">
        <f ca="1">RAND()</f>
        <v>0.88885349607465969</v>
      </c>
      <c r="B14594" s="1"/>
      <c r="C14594">
        <v>2</v>
      </c>
      <c r="D14594" t="s">
        <v>29855</v>
      </c>
      <c r="E14594" t="s">
        <v>34585</v>
      </c>
      <c r="F14594">
        <v>4</v>
      </c>
      <c r="G14594" t="s">
        <v>2</v>
      </c>
      <c r="H14594" t="s">
        <v>29856</v>
      </c>
      <c r="I14594" t="s">
        <v>30540</v>
      </c>
    </row>
    <row r="14595" spans="1:9">
      <c r="A14595" s="1">
        <f ca="1">RAND()</f>
        <v>0.49054412054790797</v>
      </c>
      <c r="B14595" s="1"/>
      <c r="C14595">
        <v>17</v>
      </c>
      <c r="D14595" t="s">
        <v>29859</v>
      </c>
      <c r="E14595" t="s">
        <v>34585</v>
      </c>
      <c r="F14595">
        <v>4</v>
      </c>
      <c r="G14595" t="s">
        <v>13</v>
      </c>
      <c r="H14595" t="s">
        <v>29860</v>
      </c>
      <c r="I14595" t="s">
        <v>30540</v>
      </c>
    </row>
    <row r="14596" spans="1:9">
      <c r="A14596" s="1">
        <f ca="1">RAND()</f>
        <v>9.007591502194856E-2</v>
      </c>
      <c r="B14596" s="1"/>
      <c r="C14596">
        <v>16</v>
      </c>
      <c r="D14596" t="s">
        <v>29857</v>
      </c>
      <c r="E14596" t="s">
        <v>34585</v>
      </c>
      <c r="F14596">
        <v>2</v>
      </c>
      <c r="G14596" t="s">
        <v>0</v>
      </c>
      <c r="H14596" t="s">
        <v>29858</v>
      </c>
      <c r="I14596" t="s">
        <v>30540</v>
      </c>
    </row>
    <row r="14597" spans="1:9">
      <c r="A14597" s="1">
        <f ca="1">RAND()</f>
        <v>6.9154808585343286E-3</v>
      </c>
      <c r="B14597" s="1"/>
      <c r="C14597">
        <v>4</v>
      </c>
      <c r="D14597" t="s">
        <v>29841</v>
      </c>
      <c r="E14597" t="s">
        <v>34586</v>
      </c>
      <c r="F14597">
        <v>4</v>
      </c>
      <c r="G14597" t="s">
        <v>0</v>
      </c>
      <c r="H14597" t="s">
        <v>29842</v>
      </c>
      <c r="I14597" t="s">
        <v>30540</v>
      </c>
    </row>
    <row r="14598" spans="1:9">
      <c r="A14598" s="1">
        <f ca="1">RAND()</f>
        <v>5.4724615994204862E-2</v>
      </c>
      <c r="B14598" s="1"/>
      <c r="C14598">
        <v>9</v>
      </c>
      <c r="D14598" t="s">
        <v>29843</v>
      </c>
      <c r="E14598" t="s">
        <v>34586</v>
      </c>
      <c r="F14598">
        <v>4</v>
      </c>
      <c r="G14598" t="s">
        <v>0</v>
      </c>
      <c r="H14598" t="s">
        <v>29844</v>
      </c>
      <c r="I14598" t="s">
        <v>30540</v>
      </c>
    </row>
    <row r="14599" spans="1:9">
      <c r="A14599" s="1">
        <f ca="1">RAND()</f>
        <v>0.75396726822983484</v>
      </c>
      <c r="B14599" s="1"/>
      <c r="C14599">
        <v>17</v>
      </c>
      <c r="D14599" t="s">
        <v>29851</v>
      </c>
      <c r="E14599" t="s">
        <v>34586</v>
      </c>
      <c r="F14599">
        <v>4</v>
      </c>
      <c r="G14599" t="s">
        <v>15</v>
      </c>
      <c r="H14599" t="s">
        <v>29852</v>
      </c>
      <c r="I14599" t="s">
        <v>30540</v>
      </c>
    </row>
    <row r="14600" spans="1:9">
      <c r="A14600" s="1">
        <f ca="1">RAND()</f>
        <v>0.81448526168794266</v>
      </c>
      <c r="B14600" s="1"/>
      <c r="C14600">
        <v>14</v>
      </c>
      <c r="D14600" t="s">
        <v>29849</v>
      </c>
      <c r="E14600" t="s">
        <v>34586</v>
      </c>
      <c r="F14600">
        <v>4</v>
      </c>
      <c r="G14600" t="s">
        <v>13</v>
      </c>
      <c r="H14600" t="s">
        <v>29850</v>
      </c>
      <c r="I14600" t="s">
        <v>30540</v>
      </c>
    </row>
    <row r="14601" spans="1:9">
      <c r="A14601" s="1">
        <f ca="1">RAND()</f>
        <v>0.64023723692713452</v>
      </c>
      <c r="B14601" s="1"/>
      <c r="C14601">
        <v>11</v>
      </c>
      <c r="D14601" t="s">
        <v>29847</v>
      </c>
      <c r="E14601" t="s">
        <v>34586</v>
      </c>
      <c r="F14601">
        <v>4</v>
      </c>
      <c r="G14601" t="s">
        <v>15</v>
      </c>
      <c r="H14601" t="s">
        <v>29848</v>
      </c>
      <c r="I14601" t="s">
        <v>30540</v>
      </c>
    </row>
    <row r="14602" spans="1:9">
      <c r="A14602" s="1">
        <f ca="1">RAND()</f>
        <v>0.49093299298814119</v>
      </c>
      <c r="B14602" s="1"/>
      <c r="C14602">
        <v>10</v>
      </c>
      <c r="D14602" t="s">
        <v>29845</v>
      </c>
      <c r="E14602" t="s">
        <v>34586</v>
      </c>
      <c r="F14602">
        <v>2</v>
      </c>
      <c r="G14602" t="s">
        <v>0</v>
      </c>
      <c r="H14602" t="s">
        <v>29846</v>
      </c>
      <c r="I14602" t="s">
        <v>30540</v>
      </c>
    </row>
    <row r="14603" spans="1:9">
      <c r="A14603" s="1">
        <f ca="1">RAND()</f>
        <v>0.1041255362111978</v>
      </c>
      <c r="B14603" s="1"/>
      <c r="C14603">
        <v>12</v>
      </c>
      <c r="D14603" t="s">
        <v>29837</v>
      </c>
      <c r="E14603" t="s">
        <v>34587</v>
      </c>
      <c r="F14603">
        <v>4</v>
      </c>
      <c r="G14603" t="s">
        <v>13</v>
      </c>
      <c r="H14603" t="s">
        <v>29838</v>
      </c>
      <c r="I14603" t="s">
        <v>30540</v>
      </c>
    </row>
    <row r="14604" spans="1:9">
      <c r="A14604" s="1">
        <f ca="1">RAND()</f>
        <v>0.88311533906202733</v>
      </c>
      <c r="B14604" s="1"/>
      <c r="C14604">
        <v>9</v>
      </c>
      <c r="D14604" t="s">
        <v>29835</v>
      </c>
      <c r="E14604" t="s">
        <v>34587</v>
      </c>
      <c r="F14604">
        <v>4</v>
      </c>
      <c r="G14604" t="s">
        <v>1</v>
      </c>
      <c r="H14604" t="s">
        <v>29836</v>
      </c>
      <c r="I14604" t="s">
        <v>30540</v>
      </c>
    </row>
    <row r="14605" spans="1:9">
      <c r="A14605" s="1">
        <f ca="1">RAND()</f>
        <v>0.74199773114295464</v>
      </c>
      <c r="B14605" s="1"/>
      <c r="C14605">
        <v>4</v>
      </c>
      <c r="D14605" t="s">
        <v>29831</v>
      </c>
      <c r="E14605" t="s">
        <v>34587</v>
      </c>
      <c r="F14605">
        <v>4</v>
      </c>
      <c r="G14605" t="s">
        <v>10</v>
      </c>
      <c r="H14605" t="s">
        <v>29832</v>
      </c>
      <c r="I14605" t="s">
        <v>30540</v>
      </c>
    </row>
    <row r="14606" spans="1:9">
      <c r="A14606" s="1">
        <f ca="1">RAND()</f>
        <v>0.6205824828246429</v>
      </c>
      <c r="B14606" s="1"/>
      <c r="C14606">
        <v>8</v>
      </c>
      <c r="D14606" t="s">
        <v>29833</v>
      </c>
      <c r="E14606" t="s">
        <v>34587</v>
      </c>
      <c r="F14606">
        <v>3</v>
      </c>
      <c r="G14606" t="s">
        <v>0</v>
      </c>
      <c r="H14606" t="s">
        <v>29834</v>
      </c>
      <c r="I14606" t="s">
        <v>30540</v>
      </c>
    </row>
    <row r="14607" spans="1:9">
      <c r="A14607" s="1">
        <f ca="1">RAND()</f>
        <v>0.88297013570692306</v>
      </c>
      <c r="B14607" s="1"/>
      <c r="C14607">
        <v>16</v>
      </c>
      <c r="D14607" t="s">
        <v>29839</v>
      </c>
      <c r="E14607" t="s">
        <v>34587</v>
      </c>
      <c r="F14607">
        <v>2</v>
      </c>
      <c r="G14607" t="s">
        <v>0</v>
      </c>
      <c r="H14607" t="s">
        <v>29840</v>
      </c>
      <c r="I14607" t="s">
        <v>30540</v>
      </c>
    </row>
    <row r="14608" spans="1:9">
      <c r="A14608" s="1">
        <f ca="1">RAND()</f>
        <v>0.30915965908911403</v>
      </c>
      <c r="B14608" s="1"/>
      <c r="C14608">
        <v>9</v>
      </c>
      <c r="D14608" t="s">
        <v>29819</v>
      </c>
      <c r="E14608" t="s">
        <v>34588</v>
      </c>
      <c r="F14608">
        <v>4</v>
      </c>
      <c r="G14608" t="s">
        <v>0</v>
      </c>
      <c r="H14608" t="s">
        <v>29820</v>
      </c>
      <c r="I14608" t="s">
        <v>30540</v>
      </c>
    </row>
    <row r="14609" spans="1:9">
      <c r="A14609" s="1">
        <f ca="1">RAND()</f>
        <v>0.4622438985463736</v>
      </c>
      <c r="B14609" s="1"/>
      <c r="C14609">
        <v>15</v>
      </c>
      <c r="D14609" t="s">
        <v>29829</v>
      </c>
      <c r="E14609" t="s">
        <v>34588</v>
      </c>
      <c r="F14609">
        <v>4</v>
      </c>
      <c r="G14609" t="s">
        <v>0</v>
      </c>
      <c r="H14609" t="s">
        <v>29830</v>
      </c>
      <c r="I14609" t="s">
        <v>30540</v>
      </c>
    </row>
    <row r="14610" spans="1:9">
      <c r="A14610" s="1">
        <f ca="1">RAND()</f>
        <v>0.22543510781585441</v>
      </c>
      <c r="B14610" s="1"/>
      <c r="C14610">
        <v>1</v>
      </c>
      <c r="D14610" t="s">
        <v>29817</v>
      </c>
      <c r="E14610" t="s">
        <v>34588</v>
      </c>
      <c r="F14610">
        <v>4</v>
      </c>
      <c r="G14610" t="s">
        <v>2</v>
      </c>
      <c r="H14610" t="s">
        <v>29818</v>
      </c>
      <c r="I14610" t="s">
        <v>30540</v>
      </c>
    </row>
    <row r="14611" spans="1:9">
      <c r="A14611" s="1">
        <f ca="1">RAND()</f>
        <v>0.44989305357089437</v>
      </c>
      <c r="B14611" s="1"/>
      <c r="C14611">
        <v>10</v>
      </c>
      <c r="D14611" t="s">
        <v>29821</v>
      </c>
      <c r="E14611" t="s">
        <v>34588</v>
      </c>
      <c r="F14611">
        <v>4</v>
      </c>
      <c r="G14611" t="s">
        <v>15</v>
      </c>
      <c r="H14611" t="s">
        <v>29822</v>
      </c>
      <c r="I14611" t="s">
        <v>30540</v>
      </c>
    </row>
    <row r="14612" spans="1:9">
      <c r="A14612" s="1">
        <f ca="1">RAND()</f>
        <v>0.20238407998357344</v>
      </c>
      <c r="B14612" s="1"/>
      <c r="C14612">
        <v>13</v>
      </c>
      <c r="D14612" t="s">
        <v>29827</v>
      </c>
      <c r="E14612" t="s">
        <v>34588</v>
      </c>
      <c r="F14612">
        <v>4</v>
      </c>
      <c r="G14612" t="s">
        <v>2</v>
      </c>
      <c r="H14612" t="s">
        <v>29828</v>
      </c>
      <c r="I14612" t="s">
        <v>30540</v>
      </c>
    </row>
    <row r="14613" spans="1:9">
      <c r="A14613" s="1">
        <f ca="1">RAND()</f>
        <v>0.54028717711213725</v>
      </c>
      <c r="B14613" s="1"/>
      <c r="C14613">
        <v>11</v>
      </c>
      <c r="D14613" t="s">
        <v>29823</v>
      </c>
      <c r="E14613" t="s">
        <v>34588</v>
      </c>
      <c r="F14613">
        <v>3</v>
      </c>
      <c r="G14613" t="s">
        <v>0</v>
      </c>
      <c r="H14613" t="s">
        <v>29824</v>
      </c>
      <c r="I14613" t="s">
        <v>30540</v>
      </c>
    </row>
    <row r="14614" spans="1:9">
      <c r="A14614" s="1">
        <f ca="1">RAND()</f>
        <v>0.50775001546921494</v>
      </c>
      <c r="B14614" s="1"/>
      <c r="C14614">
        <v>12</v>
      </c>
      <c r="D14614" t="s">
        <v>29825</v>
      </c>
      <c r="E14614" t="s">
        <v>34588</v>
      </c>
      <c r="F14614">
        <v>2</v>
      </c>
      <c r="G14614" t="s">
        <v>2</v>
      </c>
      <c r="H14614" t="s">
        <v>29826</v>
      </c>
      <c r="I14614" t="s">
        <v>30540</v>
      </c>
    </row>
    <row r="14615" spans="1:9">
      <c r="A14615" s="1">
        <f ca="1">RAND()</f>
        <v>0.87745431477624847</v>
      </c>
      <c r="B14615" s="1"/>
      <c r="C14615">
        <v>6</v>
      </c>
      <c r="D14615" t="s">
        <v>29807</v>
      </c>
      <c r="E14615" t="s">
        <v>34589</v>
      </c>
      <c r="F14615">
        <v>4</v>
      </c>
      <c r="G14615" t="s">
        <v>14</v>
      </c>
      <c r="H14615" t="s">
        <v>29808</v>
      </c>
      <c r="I14615" t="s">
        <v>30540</v>
      </c>
    </row>
    <row r="14616" spans="1:9">
      <c r="A14616" s="1">
        <f ca="1">RAND()</f>
        <v>0.29539813520564184</v>
      </c>
      <c r="B14616" s="1"/>
      <c r="C14616">
        <v>14</v>
      </c>
      <c r="D14616" t="s">
        <v>29813</v>
      </c>
      <c r="E14616" t="s">
        <v>34589</v>
      </c>
      <c r="F14616">
        <v>4</v>
      </c>
      <c r="G14616" t="s">
        <v>0</v>
      </c>
      <c r="H14616" t="s">
        <v>29814</v>
      </c>
      <c r="I14616" t="s">
        <v>30540</v>
      </c>
    </row>
    <row r="14617" spans="1:9">
      <c r="A14617" s="1">
        <f ca="1">RAND()</f>
        <v>0.87168583367860075</v>
      </c>
      <c r="B14617" s="1"/>
      <c r="C14617">
        <v>10</v>
      </c>
      <c r="D14617" t="s">
        <v>29809</v>
      </c>
      <c r="E14617" t="s">
        <v>34589</v>
      </c>
      <c r="F14617">
        <v>4</v>
      </c>
      <c r="G14617" t="s">
        <v>0</v>
      </c>
      <c r="H14617" t="s">
        <v>29810</v>
      </c>
      <c r="I14617" t="s">
        <v>30540</v>
      </c>
    </row>
    <row r="14618" spans="1:9">
      <c r="A14618" s="1">
        <f ca="1">RAND()</f>
        <v>0.92670443969659022</v>
      </c>
      <c r="B14618" s="1"/>
      <c r="C14618">
        <v>11</v>
      </c>
      <c r="D14618" t="s">
        <v>29811</v>
      </c>
      <c r="E14618" t="s">
        <v>34589</v>
      </c>
      <c r="F14618">
        <v>3</v>
      </c>
      <c r="G14618" t="s">
        <v>14</v>
      </c>
      <c r="H14618" t="s">
        <v>29812</v>
      </c>
      <c r="I14618" t="s">
        <v>30540</v>
      </c>
    </row>
    <row r="14619" spans="1:9">
      <c r="A14619" s="1">
        <f ca="1">RAND()</f>
        <v>0.37799947725140726</v>
      </c>
      <c r="B14619" s="1"/>
      <c r="C14619">
        <v>20</v>
      </c>
      <c r="D14619" t="s">
        <v>29815</v>
      </c>
      <c r="E14619" t="s">
        <v>34589</v>
      </c>
      <c r="F14619">
        <v>2</v>
      </c>
      <c r="G14619" t="s">
        <v>0</v>
      </c>
      <c r="H14619" t="s">
        <v>29816</v>
      </c>
      <c r="I14619" t="s">
        <v>30540</v>
      </c>
    </row>
    <row r="14620" spans="1:9">
      <c r="A14620" s="1">
        <f ca="1">RAND()</f>
        <v>0.59256550433426958</v>
      </c>
      <c r="B14620" s="1"/>
      <c r="C14620">
        <v>13</v>
      </c>
      <c r="D14620" t="s">
        <v>29805</v>
      </c>
      <c r="E14620" t="s">
        <v>34590</v>
      </c>
      <c r="F14620">
        <v>5</v>
      </c>
      <c r="G14620" t="s">
        <v>0</v>
      </c>
      <c r="H14620" t="s">
        <v>29806</v>
      </c>
      <c r="I14620" t="s">
        <v>30540</v>
      </c>
    </row>
    <row r="14621" spans="1:9">
      <c r="A14621" s="1">
        <f ca="1">RAND()</f>
        <v>0.73867180988274506</v>
      </c>
      <c r="B14621" s="1"/>
      <c r="C14621">
        <v>11</v>
      </c>
      <c r="D14621" t="s">
        <v>29801</v>
      </c>
      <c r="E14621" t="s">
        <v>34590</v>
      </c>
      <c r="F14621">
        <v>4</v>
      </c>
      <c r="G14621" t="s">
        <v>0</v>
      </c>
      <c r="H14621" t="s">
        <v>29802</v>
      </c>
      <c r="I14621" t="s">
        <v>30540</v>
      </c>
    </row>
    <row r="14622" spans="1:9">
      <c r="A14622" s="1">
        <f ca="1">RAND()</f>
        <v>0.2586674925417155</v>
      </c>
      <c r="B14622" s="1"/>
      <c r="C14622">
        <v>4</v>
      </c>
      <c r="D14622" t="s">
        <v>29793</v>
      </c>
      <c r="E14622" t="s">
        <v>34590</v>
      </c>
      <c r="F14622">
        <v>4</v>
      </c>
      <c r="G14622" t="s">
        <v>0</v>
      </c>
      <c r="H14622" t="s">
        <v>29794</v>
      </c>
      <c r="I14622" t="s">
        <v>30540</v>
      </c>
    </row>
    <row r="14623" spans="1:9">
      <c r="A14623" s="1">
        <f ca="1">RAND()</f>
        <v>0.39126889138697685</v>
      </c>
      <c r="B14623" s="1"/>
      <c r="C14623">
        <v>12</v>
      </c>
      <c r="D14623" t="s">
        <v>29803</v>
      </c>
      <c r="E14623" t="s">
        <v>34590</v>
      </c>
      <c r="F14623">
        <v>3</v>
      </c>
      <c r="G14623" t="s">
        <v>0</v>
      </c>
      <c r="H14623" t="s">
        <v>29804</v>
      </c>
      <c r="I14623" t="s">
        <v>30540</v>
      </c>
    </row>
    <row r="14624" spans="1:9">
      <c r="A14624" s="1">
        <f ca="1">RAND()</f>
        <v>0.20252898700913935</v>
      </c>
      <c r="B14624" s="1"/>
      <c r="C14624">
        <v>9</v>
      </c>
      <c r="D14624" t="s">
        <v>29797</v>
      </c>
      <c r="E14624" t="s">
        <v>34590</v>
      </c>
      <c r="F14624">
        <v>3</v>
      </c>
      <c r="G14624" t="s">
        <v>9</v>
      </c>
      <c r="H14624" t="s">
        <v>29798</v>
      </c>
      <c r="I14624" t="s">
        <v>30540</v>
      </c>
    </row>
    <row r="14625" spans="1:9">
      <c r="A14625" s="1">
        <f ca="1">RAND()</f>
        <v>0.83136856924978841</v>
      </c>
      <c r="B14625" s="1"/>
      <c r="C14625">
        <v>8</v>
      </c>
      <c r="D14625" t="s">
        <v>29795</v>
      </c>
      <c r="E14625" t="s">
        <v>34590</v>
      </c>
      <c r="F14625">
        <v>2</v>
      </c>
      <c r="G14625" t="s">
        <v>15</v>
      </c>
      <c r="H14625" t="s">
        <v>29796</v>
      </c>
      <c r="I14625" t="s">
        <v>30540</v>
      </c>
    </row>
    <row r="14626" spans="1:9">
      <c r="A14626" s="1">
        <f ca="1">RAND()</f>
        <v>0.84681450429630434</v>
      </c>
      <c r="B14626" s="1"/>
      <c r="C14626">
        <v>10</v>
      </c>
      <c r="D14626" t="s">
        <v>29799</v>
      </c>
      <c r="E14626" t="s">
        <v>34590</v>
      </c>
      <c r="F14626">
        <v>2</v>
      </c>
      <c r="G14626" t="s">
        <v>0</v>
      </c>
      <c r="H14626" t="s">
        <v>29800</v>
      </c>
      <c r="I14626" t="s">
        <v>30540</v>
      </c>
    </row>
    <row r="14627" spans="1:9">
      <c r="A14627" s="1">
        <f ca="1">RAND()</f>
        <v>0.58876189672788715</v>
      </c>
      <c r="B14627" s="1"/>
      <c r="C14627">
        <v>16</v>
      </c>
      <c r="D14627" t="s">
        <v>29791</v>
      </c>
      <c r="E14627" t="s">
        <v>34591</v>
      </c>
      <c r="F14627">
        <v>5</v>
      </c>
      <c r="G14627" t="s">
        <v>1</v>
      </c>
      <c r="H14627" t="s">
        <v>29792</v>
      </c>
      <c r="I14627" t="s">
        <v>30540</v>
      </c>
    </row>
    <row r="14628" spans="1:9">
      <c r="A14628" s="1">
        <f ca="1">RAND()</f>
        <v>0.13967681967161627</v>
      </c>
      <c r="B14628" s="1"/>
      <c r="C14628">
        <v>7</v>
      </c>
      <c r="D14628" t="s">
        <v>29783</v>
      </c>
      <c r="E14628" t="s">
        <v>34591</v>
      </c>
      <c r="F14628">
        <v>4</v>
      </c>
      <c r="G14628" t="s">
        <v>0</v>
      </c>
      <c r="H14628" t="s">
        <v>29784</v>
      </c>
      <c r="I14628" t="s">
        <v>30540</v>
      </c>
    </row>
    <row r="14629" spans="1:9">
      <c r="A14629" s="1">
        <f ca="1">RAND()</f>
        <v>0.8531241157922389</v>
      </c>
      <c r="B14629" s="1"/>
      <c r="C14629">
        <v>10</v>
      </c>
      <c r="D14629" t="s">
        <v>29789</v>
      </c>
      <c r="E14629" t="s">
        <v>34591</v>
      </c>
      <c r="F14629">
        <v>4</v>
      </c>
      <c r="G14629" t="s">
        <v>0</v>
      </c>
      <c r="H14629" t="s">
        <v>29790</v>
      </c>
      <c r="I14629" t="s">
        <v>30540</v>
      </c>
    </row>
    <row r="14630" spans="1:9">
      <c r="A14630" s="1">
        <f ca="1">RAND()</f>
        <v>0.20208639479311996</v>
      </c>
      <c r="B14630" s="1"/>
      <c r="C14630">
        <v>8</v>
      </c>
      <c r="D14630" t="s">
        <v>29785</v>
      </c>
      <c r="E14630" t="s">
        <v>34591</v>
      </c>
      <c r="F14630">
        <v>3</v>
      </c>
      <c r="G14630" t="s">
        <v>2</v>
      </c>
      <c r="H14630" t="s">
        <v>29786</v>
      </c>
      <c r="I14630" t="s">
        <v>30540</v>
      </c>
    </row>
    <row r="14631" spans="1:9">
      <c r="A14631" s="1">
        <f ca="1">RAND()</f>
        <v>0.43406394129458237</v>
      </c>
      <c r="B14631" s="1"/>
      <c r="C14631">
        <v>9</v>
      </c>
      <c r="D14631" t="s">
        <v>29787</v>
      </c>
      <c r="E14631" t="s">
        <v>34591</v>
      </c>
      <c r="F14631">
        <v>2</v>
      </c>
      <c r="G14631" t="s">
        <v>13</v>
      </c>
      <c r="H14631" t="s">
        <v>29788</v>
      </c>
      <c r="I14631" t="s">
        <v>30540</v>
      </c>
    </row>
    <row r="14632" spans="1:9">
      <c r="A14632" s="1">
        <f ca="1">RAND()</f>
        <v>0.1598062021757507</v>
      </c>
      <c r="B14632" s="1"/>
      <c r="C14632">
        <v>14</v>
      </c>
      <c r="D14632" t="s">
        <v>29781</v>
      </c>
      <c r="E14632" t="s">
        <v>34592</v>
      </c>
      <c r="F14632">
        <v>4</v>
      </c>
      <c r="G14632" t="s">
        <v>0</v>
      </c>
      <c r="H14632" t="s">
        <v>29782</v>
      </c>
      <c r="I14632" t="s">
        <v>30540</v>
      </c>
    </row>
    <row r="14633" spans="1:9">
      <c r="A14633" s="1">
        <f ca="1">RAND()</f>
        <v>0.61580378651946055</v>
      </c>
      <c r="B14633" s="1"/>
      <c r="C14633">
        <v>2</v>
      </c>
      <c r="D14633" t="s">
        <v>29777</v>
      </c>
      <c r="E14633" t="s">
        <v>34592</v>
      </c>
      <c r="F14633">
        <v>4</v>
      </c>
      <c r="G14633" t="s">
        <v>10</v>
      </c>
      <c r="H14633" t="s">
        <v>29778</v>
      </c>
      <c r="I14633" t="s">
        <v>30540</v>
      </c>
    </row>
    <row r="14634" spans="1:9">
      <c r="A14634" s="1">
        <f ca="1">RAND()</f>
        <v>0.40556918322899149</v>
      </c>
      <c r="B14634" s="1"/>
      <c r="C14634">
        <v>9</v>
      </c>
      <c r="D14634" t="s">
        <v>29779</v>
      </c>
      <c r="E14634" t="s">
        <v>34592</v>
      </c>
      <c r="F14634">
        <v>2</v>
      </c>
      <c r="G14634" t="s">
        <v>0</v>
      </c>
      <c r="H14634" t="s">
        <v>29780</v>
      </c>
      <c r="I14634" t="s">
        <v>30540</v>
      </c>
    </row>
    <row r="14635" spans="1:9">
      <c r="A14635" s="1">
        <f ca="1">RAND()</f>
        <v>0.56605680522708557</v>
      </c>
      <c r="B14635" s="1"/>
      <c r="C14635">
        <v>15</v>
      </c>
      <c r="D14635" t="s">
        <v>29775</v>
      </c>
      <c r="E14635" t="s">
        <v>34593</v>
      </c>
      <c r="F14635">
        <v>5</v>
      </c>
      <c r="G14635" t="s">
        <v>9</v>
      </c>
      <c r="H14635" t="s">
        <v>29776</v>
      </c>
      <c r="I14635" t="s">
        <v>30540</v>
      </c>
    </row>
    <row r="14636" spans="1:9">
      <c r="A14636" s="1">
        <f ca="1">RAND()</f>
        <v>0.18425578860826841</v>
      </c>
      <c r="B14636" s="1"/>
      <c r="C14636">
        <v>6</v>
      </c>
      <c r="D14636" t="s">
        <v>29769</v>
      </c>
      <c r="E14636" t="s">
        <v>34593</v>
      </c>
      <c r="F14636">
        <v>4</v>
      </c>
      <c r="G14636" t="s">
        <v>0</v>
      </c>
      <c r="H14636" t="s">
        <v>29770</v>
      </c>
      <c r="I14636" t="s">
        <v>30540</v>
      </c>
    </row>
    <row r="14637" spans="1:9">
      <c r="A14637" s="1">
        <f ca="1">RAND()</f>
        <v>0.17108756032850148</v>
      </c>
      <c r="B14637" s="1"/>
      <c r="C14637">
        <v>11</v>
      </c>
      <c r="D14637" t="s">
        <v>29771</v>
      </c>
      <c r="E14637" t="s">
        <v>34593</v>
      </c>
      <c r="F14637">
        <v>4</v>
      </c>
      <c r="G14637" t="s">
        <v>0</v>
      </c>
      <c r="H14637" t="s">
        <v>29772</v>
      </c>
      <c r="I14637" t="s">
        <v>30540</v>
      </c>
    </row>
    <row r="14638" spans="1:9">
      <c r="A14638" s="1">
        <f ca="1">RAND()</f>
        <v>0.38798552440526768</v>
      </c>
      <c r="B14638" s="1"/>
      <c r="C14638">
        <v>12</v>
      </c>
      <c r="D14638" t="s">
        <v>29773</v>
      </c>
      <c r="E14638" t="s">
        <v>34593</v>
      </c>
      <c r="F14638">
        <v>1</v>
      </c>
      <c r="G14638" t="s">
        <v>0</v>
      </c>
      <c r="H14638" t="s">
        <v>29774</v>
      </c>
      <c r="I14638" t="s">
        <v>30540</v>
      </c>
    </row>
    <row r="14639" spans="1:9">
      <c r="A14639" s="1">
        <f ca="1">RAND()</f>
        <v>0.98800046178132506</v>
      </c>
      <c r="B14639" s="1"/>
      <c r="C14639">
        <v>16</v>
      </c>
      <c r="D14639" t="s">
        <v>29763</v>
      </c>
      <c r="E14639" t="s">
        <v>34594</v>
      </c>
      <c r="F14639">
        <v>4</v>
      </c>
      <c r="G14639" t="s">
        <v>0</v>
      </c>
      <c r="H14639" t="s">
        <v>29764</v>
      </c>
      <c r="I14639" t="s">
        <v>30540</v>
      </c>
    </row>
    <row r="14640" spans="1:9">
      <c r="A14640" s="1">
        <f ca="1">RAND()</f>
        <v>6.070989456690068E-2</v>
      </c>
      <c r="B14640" s="1"/>
      <c r="C14640">
        <v>11</v>
      </c>
      <c r="D14640" t="s">
        <v>29759</v>
      </c>
      <c r="E14640" t="s">
        <v>34594</v>
      </c>
      <c r="F14640">
        <v>4</v>
      </c>
      <c r="G14640" t="s">
        <v>0</v>
      </c>
      <c r="H14640" t="s">
        <v>29760</v>
      </c>
      <c r="I14640" t="s">
        <v>30540</v>
      </c>
    </row>
    <row r="14641" spans="1:9">
      <c r="A14641" s="1">
        <f ca="1">RAND()</f>
        <v>0.71822555761935369</v>
      </c>
      <c r="B14641" s="1"/>
      <c r="C14641">
        <v>17</v>
      </c>
      <c r="D14641" t="s">
        <v>29765</v>
      </c>
      <c r="E14641" t="s">
        <v>34594</v>
      </c>
      <c r="F14641">
        <v>4</v>
      </c>
      <c r="G14641" t="s">
        <v>1</v>
      </c>
      <c r="H14641" t="s">
        <v>29766</v>
      </c>
      <c r="I14641" t="s">
        <v>30540</v>
      </c>
    </row>
    <row r="14642" spans="1:9">
      <c r="A14642" s="1">
        <f ca="1">RAND()</f>
        <v>0.68164087387356953</v>
      </c>
      <c r="B14642" s="1"/>
      <c r="C14642">
        <v>18</v>
      </c>
      <c r="D14642" t="s">
        <v>29767</v>
      </c>
      <c r="E14642" t="s">
        <v>34594</v>
      </c>
      <c r="F14642">
        <v>3</v>
      </c>
      <c r="G14642" t="s">
        <v>0</v>
      </c>
      <c r="H14642" t="s">
        <v>29768</v>
      </c>
      <c r="I14642" t="s">
        <v>30540</v>
      </c>
    </row>
    <row r="14643" spans="1:9">
      <c r="A14643" s="1">
        <f ca="1">RAND()</f>
        <v>0.14325671384500893</v>
      </c>
      <c r="B14643" s="1"/>
      <c r="C14643">
        <v>14</v>
      </c>
      <c r="D14643" t="s">
        <v>29761</v>
      </c>
      <c r="E14643" t="s">
        <v>34594</v>
      </c>
      <c r="F14643">
        <v>3</v>
      </c>
      <c r="G14643" t="s">
        <v>0</v>
      </c>
      <c r="H14643" t="s">
        <v>29762</v>
      </c>
      <c r="I14643" t="s">
        <v>30540</v>
      </c>
    </row>
    <row r="14644" spans="1:9">
      <c r="A14644" s="1">
        <f ca="1">RAND()</f>
        <v>0.93301390068644396</v>
      </c>
      <c r="B14644" s="1"/>
      <c r="C14644">
        <v>10</v>
      </c>
      <c r="D14644" t="s">
        <v>29745</v>
      </c>
      <c r="E14644" t="s">
        <v>34595</v>
      </c>
      <c r="F14644">
        <v>5</v>
      </c>
      <c r="G14644" t="s">
        <v>2</v>
      </c>
      <c r="H14644" t="s">
        <v>29746</v>
      </c>
      <c r="I14644" t="s">
        <v>30540</v>
      </c>
    </row>
    <row r="14645" spans="1:9">
      <c r="A14645" s="1">
        <f ca="1">RAND()</f>
        <v>0.62408663421139843</v>
      </c>
      <c r="B14645" s="1"/>
      <c r="C14645">
        <v>14</v>
      </c>
      <c r="D14645" t="s">
        <v>29751</v>
      </c>
      <c r="E14645" t="s">
        <v>34595</v>
      </c>
      <c r="F14645">
        <v>4</v>
      </c>
      <c r="G14645" t="s">
        <v>0</v>
      </c>
      <c r="H14645" t="s">
        <v>29752</v>
      </c>
      <c r="I14645" t="s">
        <v>30540</v>
      </c>
    </row>
    <row r="14646" spans="1:9">
      <c r="A14646" s="1">
        <f ca="1">RAND()</f>
        <v>0.35298751198054246</v>
      </c>
      <c r="B14646" s="1"/>
      <c r="C14646">
        <v>7</v>
      </c>
      <c r="D14646" t="s">
        <v>29743</v>
      </c>
      <c r="E14646" t="s">
        <v>34595</v>
      </c>
      <c r="F14646">
        <v>4</v>
      </c>
      <c r="G14646" t="s">
        <v>2</v>
      </c>
      <c r="H14646" t="s">
        <v>29744</v>
      </c>
      <c r="I14646" t="s">
        <v>30540</v>
      </c>
    </row>
    <row r="14647" spans="1:9">
      <c r="A14647" s="1">
        <f ca="1">RAND()</f>
        <v>0.83367840690543926</v>
      </c>
      <c r="B14647" s="1"/>
      <c r="C14647">
        <v>17</v>
      </c>
      <c r="D14647" t="s">
        <v>29753</v>
      </c>
      <c r="E14647" t="s">
        <v>34595</v>
      </c>
      <c r="F14647">
        <v>4</v>
      </c>
      <c r="G14647" t="s">
        <v>0</v>
      </c>
      <c r="H14647" t="s">
        <v>29754</v>
      </c>
      <c r="I14647" t="s">
        <v>30540</v>
      </c>
    </row>
    <row r="14648" spans="1:9">
      <c r="A14648" s="1">
        <f ca="1">RAND()</f>
        <v>4.4690655307457527E-2</v>
      </c>
      <c r="B14648" s="1"/>
      <c r="C14648">
        <v>19</v>
      </c>
      <c r="D14648" t="s">
        <v>29757</v>
      </c>
      <c r="E14648" t="s">
        <v>34595</v>
      </c>
      <c r="F14648">
        <v>4</v>
      </c>
      <c r="G14648" t="s">
        <v>0</v>
      </c>
      <c r="H14648" t="s">
        <v>29758</v>
      </c>
      <c r="I14648" t="s">
        <v>30540</v>
      </c>
    </row>
    <row r="14649" spans="1:9">
      <c r="A14649" s="1">
        <f ca="1">RAND()</f>
        <v>0.95772218683352417</v>
      </c>
      <c r="B14649" s="1"/>
      <c r="C14649">
        <v>18</v>
      </c>
      <c r="D14649" t="s">
        <v>29755</v>
      </c>
      <c r="E14649" t="s">
        <v>34595</v>
      </c>
      <c r="F14649">
        <v>4</v>
      </c>
      <c r="G14649" t="s">
        <v>2</v>
      </c>
      <c r="H14649" t="s">
        <v>29756</v>
      </c>
      <c r="I14649" t="s">
        <v>30540</v>
      </c>
    </row>
    <row r="14650" spans="1:9">
      <c r="A14650" s="1">
        <f ca="1">RAND()</f>
        <v>0.72285969610758627</v>
      </c>
      <c r="B14650" s="1"/>
      <c r="C14650">
        <v>11</v>
      </c>
      <c r="D14650" t="s">
        <v>29747</v>
      </c>
      <c r="E14650" t="s">
        <v>34595</v>
      </c>
      <c r="F14650">
        <v>4</v>
      </c>
      <c r="G14650" t="s">
        <v>0</v>
      </c>
      <c r="H14650" t="s">
        <v>29748</v>
      </c>
      <c r="I14650" t="s">
        <v>30540</v>
      </c>
    </row>
    <row r="14651" spans="1:9">
      <c r="A14651" s="1">
        <f ca="1">RAND()</f>
        <v>0.67778206674675845</v>
      </c>
      <c r="B14651" s="1"/>
      <c r="C14651">
        <v>12</v>
      </c>
      <c r="D14651" t="s">
        <v>29749</v>
      </c>
      <c r="E14651" t="s">
        <v>34595</v>
      </c>
      <c r="F14651">
        <v>4</v>
      </c>
      <c r="G14651" t="s">
        <v>2</v>
      </c>
      <c r="H14651" t="s">
        <v>29750</v>
      </c>
      <c r="I14651" t="s">
        <v>30540</v>
      </c>
    </row>
    <row r="14652" spans="1:9">
      <c r="A14652" s="1">
        <f ca="1">RAND()</f>
        <v>0.44114238073288348</v>
      </c>
      <c r="B14652" s="1"/>
      <c r="C14652">
        <v>10</v>
      </c>
      <c r="D14652" t="s">
        <v>29739</v>
      </c>
      <c r="E14652" t="s">
        <v>34596</v>
      </c>
      <c r="F14652">
        <v>4</v>
      </c>
      <c r="G14652" t="s">
        <v>0</v>
      </c>
      <c r="H14652" t="s">
        <v>29740</v>
      </c>
      <c r="I14652" t="s">
        <v>30540</v>
      </c>
    </row>
    <row r="14653" spans="1:9">
      <c r="A14653" s="1">
        <f ca="1">RAND()</f>
        <v>0.56848656790755603</v>
      </c>
      <c r="B14653" s="1"/>
      <c r="C14653">
        <v>18</v>
      </c>
      <c r="D14653" t="s">
        <v>29741</v>
      </c>
      <c r="E14653" t="s">
        <v>34596</v>
      </c>
      <c r="F14653">
        <v>4</v>
      </c>
      <c r="G14653" t="s">
        <v>0</v>
      </c>
      <c r="H14653" t="s">
        <v>29742</v>
      </c>
      <c r="I14653" t="s">
        <v>30540</v>
      </c>
    </row>
    <row r="14654" spans="1:9">
      <c r="A14654" s="1">
        <f ca="1">RAND()</f>
        <v>0.7479099378644769</v>
      </c>
      <c r="B14654" s="1"/>
      <c r="C14654">
        <v>10</v>
      </c>
      <c r="D14654" t="s">
        <v>29733</v>
      </c>
      <c r="E14654" t="s">
        <v>34597</v>
      </c>
      <c r="F14654">
        <v>4</v>
      </c>
      <c r="G14654" t="s">
        <v>0</v>
      </c>
      <c r="H14654" t="s">
        <v>29734</v>
      </c>
      <c r="I14654" t="s">
        <v>30540</v>
      </c>
    </row>
    <row r="14655" spans="1:9">
      <c r="A14655" s="1">
        <f ca="1">RAND()</f>
        <v>0.65997143281692572</v>
      </c>
      <c r="B14655" s="1"/>
      <c r="C14655">
        <v>14</v>
      </c>
      <c r="D14655" t="s">
        <v>29735</v>
      </c>
      <c r="E14655" t="s">
        <v>34597</v>
      </c>
      <c r="F14655">
        <v>4</v>
      </c>
      <c r="G14655" t="s">
        <v>0</v>
      </c>
      <c r="H14655" t="s">
        <v>29736</v>
      </c>
      <c r="I14655" t="s">
        <v>30540</v>
      </c>
    </row>
    <row r="14656" spans="1:9">
      <c r="A14656" s="1">
        <f ca="1">RAND()</f>
        <v>0.30345806743580606</v>
      </c>
      <c r="B14656" s="1"/>
      <c r="C14656">
        <v>8</v>
      </c>
      <c r="D14656" t="s">
        <v>29731</v>
      </c>
      <c r="E14656" t="s">
        <v>34597</v>
      </c>
      <c r="F14656">
        <v>4</v>
      </c>
      <c r="G14656" t="s">
        <v>0</v>
      </c>
      <c r="H14656" t="s">
        <v>29732</v>
      </c>
      <c r="I14656" t="s">
        <v>30540</v>
      </c>
    </row>
    <row r="14657" spans="1:9">
      <c r="A14657" s="1">
        <f ca="1">RAND()</f>
        <v>0.72580400716858118</v>
      </c>
      <c r="B14657" s="1"/>
      <c r="C14657">
        <v>16</v>
      </c>
      <c r="D14657" t="s">
        <v>29737</v>
      </c>
      <c r="E14657" t="s">
        <v>34597</v>
      </c>
      <c r="F14657">
        <v>2</v>
      </c>
      <c r="G14657" t="s">
        <v>0</v>
      </c>
      <c r="H14657" t="s">
        <v>29738</v>
      </c>
      <c r="I14657" t="s">
        <v>30540</v>
      </c>
    </row>
    <row r="14658" spans="1:9">
      <c r="A14658" s="1">
        <f ca="1">RAND()</f>
        <v>3.5237629093831102E-2</v>
      </c>
      <c r="B14658" s="1"/>
      <c r="C14658">
        <v>9</v>
      </c>
      <c r="D14658" t="s">
        <v>29727</v>
      </c>
      <c r="E14658" t="s">
        <v>34598</v>
      </c>
      <c r="F14658">
        <v>5</v>
      </c>
      <c r="G14658" t="s">
        <v>14</v>
      </c>
      <c r="H14658" t="s">
        <v>29728</v>
      </c>
      <c r="I14658" t="s">
        <v>30540</v>
      </c>
    </row>
    <row r="14659" spans="1:9">
      <c r="A14659" s="1">
        <f ca="1">RAND()</f>
        <v>0.39322551645630732</v>
      </c>
      <c r="B14659" s="1"/>
      <c r="C14659">
        <v>3</v>
      </c>
      <c r="D14659" t="s">
        <v>29725</v>
      </c>
      <c r="E14659" t="s">
        <v>34598</v>
      </c>
      <c r="F14659">
        <v>4</v>
      </c>
      <c r="G14659" t="s">
        <v>0</v>
      </c>
      <c r="H14659" t="s">
        <v>29726</v>
      </c>
      <c r="I14659" t="s">
        <v>30540</v>
      </c>
    </row>
    <row r="14660" spans="1:9">
      <c r="A14660" s="1">
        <f ca="1">RAND()</f>
        <v>0.91669193074642441</v>
      </c>
      <c r="B14660" s="1"/>
      <c r="C14660">
        <v>15</v>
      </c>
      <c r="D14660" t="s">
        <v>29729</v>
      </c>
      <c r="E14660" t="s">
        <v>34598</v>
      </c>
      <c r="F14660">
        <v>4</v>
      </c>
      <c r="G14660" t="s">
        <v>0</v>
      </c>
      <c r="H14660" t="s">
        <v>29730</v>
      </c>
      <c r="I14660" t="s">
        <v>30540</v>
      </c>
    </row>
    <row r="14661" spans="1:9">
      <c r="A14661" s="1">
        <f ca="1">RAND()</f>
        <v>0.45091454664213848</v>
      </c>
      <c r="B14661" s="1"/>
      <c r="C14661">
        <v>14</v>
      </c>
      <c r="D14661" t="s">
        <v>29719</v>
      </c>
      <c r="E14661" t="s">
        <v>34599</v>
      </c>
      <c r="F14661">
        <v>4</v>
      </c>
      <c r="G14661" t="s">
        <v>15</v>
      </c>
      <c r="H14661" t="s">
        <v>29720</v>
      </c>
      <c r="I14661" t="s">
        <v>30540</v>
      </c>
    </row>
    <row r="14662" spans="1:9">
      <c r="A14662" s="1">
        <f ca="1">RAND()</f>
        <v>0.57233393053419856</v>
      </c>
      <c r="B14662" s="1"/>
      <c r="C14662">
        <v>19</v>
      </c>
      <c r="D14662" t="s">
        <v>29723</v>
      </c>
      <c r="E14662" t="s">
        <v>34599</v>
      </c>
      <c r="F14662">
        <v>4</v>
      </c>
      <c r="G14662" t="s">
        <v>0</v>
      </c>
      <c r="H14662" t="s">
        <v>29724</v>
      </c>
      <c r="I14662" t="s">
        <v>30540</v>
      </c>
    </row>
    <row r="14663" spans="1:9">
      <c r="A14663" s="1">
        <f ca="1">RAND()</f>
        <v>4.9055804902383704E-3</v>
      </c>
      <c r="B14663" s="1"/>
      <c r="C14663">
        <v>11</v>
      </c>
      <c r="D14663" t="s">
        <v>29717</v>
      </c>
      <c r="E14663" t="s">
        <v>34599</v>
      </c>
      <c r="F14663">
        <v>4</v>
      </c>
      <c r="G14663" t="s">
        <v>0</v>
      </c>
      <c r="H14663" t="s">
        <v>29718</v>
      </c>
      <c r="I14663" t="s">
        <v>30540</v>
      </c>
    </row>
    <row r="14664" spans="1:9">
      <c r="A14664" s="1">
        <f ca="1">RAND()</f>
        <v>0.82021873850945981</v>
      </c>
      <c r="B14664" s="1"/>
      <c r="C14664">
        <v>17</v>
      </c>
      <c r="D14664" t="s">
        <v>29721</v>
      </c>
      <c r="E14664" t="s">
        <v>34599</v>
      </c>
      <c r="F14664">
        <v>4</v>
      </c>
      <c r="G14664" t="s">
        <v>9</v>
      </c>
      <c r="H14664" t="s">
        <v>29722</v>
      </c>
      <c r="I14664" t="s">
        <v>30540</v>
      </c>
    </row>
    <row r="14665" spans="1:9">
      <c r="A14665" s="1">
        <f ca="1">RAND()</f>
        <v>0.42236300428690199</v>
      </c>
      <c r="B14665" s="1"/>
      <c r="C14665">
        <v>13</v>
      </c>
      <c r="D14665" t="s">
        <v>29713</v>
      </c>
      <c r="E14665" t="s">
        <v>34600</v>
      </c>
      <c r="F14665">
        <v>4</v>
      </c>
      <c r="G14665" t="s">
        <v>2</v>
      </c>
      <c r="H14665" t="s">
        <v>29714</v>
      </c>
      <c r="I14665" t="s">
        <v>30540</v>
      </c>
    </row>
    <row r="14666" spans="1:9">
      <c r="A14666" s="1">
        <f ca="1">RAND()</f>
        <v>0.63296655247270028</v>
      </c>
      <c r="B14666" s="1"/>
      <c r="C14666">
        <v>14</v>
      </c>
      <c r="D14666" t="s">
        <v>29715</v>
      </c>
      <c r="E14666" t="s">
        <v>34600</v>
      </c>
      <c r="F14666">
        <v>3</v>
      </c>
      <c r="G14666" t="s">
        <v>0</v>
      </c>
      <c r="H14666" t="s">
        <v>29716</v>
      </c>
      <c r="I14666" t="s">
        <v>30540</v>
      </c>
    </row>
    <row r="14667" spans="1:9">
      <c r="A14667" s="1">
        <f ca="1">RAND()</f>
        <v>1.4923660097209801E-2</v>
      </c>
      <c r="B14667" s="1"/>
      <c r="C14667">
        <v>11</v>
      </c>
      <c r="D14667" t="s">
        <v>29709</v>
      </c>
      <c r="E14667" t="s">
        <v>34601</v>
      </c>
      <c r="F14667">
        <v>4</v>
      </c>
      <c r="G14667" t="s">
        <v>0</v>
      </c>
      <c r="H14667" t="s">
        <v>29710</v>
      </c>
      <c r="I14667" t="s">
        <v>30540</v>
      </c>
    </row>
    <row r="14668" spans="1:9">
      <c r="A14668" s="1">
        <f ca="1">RAND()</f>
        <v>0.66127006948855471</v>
      </c>
      <c r="B14668" s="1"/>
      <c r="C14668">
        <v>9</v>
      </c>
      <c r="D14668" t="s">
        <v>29707</v>
      </c>
      <c r="E14668" t="s">
        <v>34601</v>
      </c>
      <c r="F14668">
        <v>4</v>
      </c>
      <c r="G14668" t="s">
        <v>0</v>
      </c>
      <c r="H14668" t="s">
        <v>29708</v>
      </c>
      <c r="I14668" t="s">
        <v>30540</v>
      </c>
    </row>
    <row r="14669" spans="1:9">
      <c r="A14669" s="1">
        <f ca="1">RAND()</f>
        <v>0.23570520327295563</v>
      </c>
      <c r="B14669" s="1"/>
      <c r="C14669">
        <v>18</v>
      </c>
      <c r="D14669" t="s">
        <v>29711</v>
      </c>
      <c r="E14669" t="s">
        <v>34601</v>
      </c>
      <c r="F14669">
        <v>2</v>
      </c>
      <c r="G14669" t="s">
        <v>0</v>
      </c>
      <c r="H14669" t="s">
        <v>29712</v>
      </c>
      <c r="I14669" t="s">
        <v>30540</v>
      </c>
    </row>
    <row r="14670" spans="1:9">
      <c r="A14670" s="1">
        <f ca="1">RAND()</f>
        <v>0.1759404996587205</v>
      </c>
      <c r="B14670" s="1"/>
      <c r="C14670">
        <v>10</v>
      </c>
      <c r="D14670" t="s">
        <v>29703</v>
      </c>
      <c r="E14670" t="s">
        <v>34602</v>
      </c>
      <c r="F14670">
        <v>5</v>
      </c>
      <c r="G14670" t="s">
        <v>0</v>
      </c>
      <c r="H14670" t="s">
        <v>29704</v>
      </c>
      <c r="I14670" t="s">
        <v>30540</v>
      </c>
    </row>
    <row r="14671" spans="1:9">
      <c r="A14671" s="1">
        <f ca="1">RAND()</f>
        <v>0.56872817196535519</v>
      </c>
      <c r="B14671" s="1"/>
      <c r="C14671">
        <v>7</v>
      </c>
      <c r="D14671" t="s">
        <v>29701</v>
      </c>
      <c r="E14671" t="s">
        <v>34602</v>
      </c>
      <c r="F14671">
        <v>4</v>
      </c>
      <c r="G14671" t="s">
        <v>0</v>
      </c>
      <c r="H14671" t="s">
        <v>29702</v>
      </c>
      <c r="I14671" t="s">
        <v>30540</v>
      </c>
    </row>
    <row r="14672" spans="1:9">
      <c r="A14672" s="1">
        <f ca="1">RAND()</f>
        <v>0.90379618927429173</v>
      </c>
      <c r="B14672" s="1"/>
      <c r="C14672">
        <v>6</v>
      </c>
      <c r="D14672" t="s">
        <v>29699</v>
      </c>
      <c r="E14672" t="s">
        <v>34602</v>
      </c>
      <c r="F14672">
        <v>4</v>
      </c>
      <c r="G14672" t="s">
        <v>0</v>
      </c>
      <c r="H14672" t="s">
        <v>29700</v>
      </c>
      <c r="I14672" t="s">
        <v>30540</v>
      </c>
    </row>
    <row r="14673" spans="1:9">
      <c r="A14673" s="1">
        <f ca="1">RAND()</f>
        <v>0.1010779836539033</v>
      </c>
      <c r="B14673" s="1"/>
      <c r="C14673">
        <v>13</v>
      </c>
      <c r="D14673" t="s">
        <v>29705</v>
      </c>
      <c r="E14673" t="s">
        <v>34602</v>
      </c>
      <c r="F14673">
        <v>4</v>
      </c>
      <c r="G14673" t="s">
        <v>9</v>
      </c>
      <c r="H14673" t="s">
        <v>29706</v>
      </c>
      <c r="I14673" t="s">
        <v>30540</v>
      </c>
    </row>
    <row r="14674" spans="1:9">
      <c r="A14674" s="1">
        <f ca="1">RAND()</f>
        <v>0.15212961538321823</v>
      </c>
      <c r="B14674" s="1"/>
      <c r="C14674">
        <v>11</v>
      </c>
      <c r="D14674" t="s">
        <v>29689</v>
      </c>
      <c r="E14674" t="s">
        <v>34603</v>
      </c>
      <c r="F14674">
        <v>5</v>
      </c>
      <c r="G14674" t="s">
        <v>15</v>
      </c>
      <c r="H14674" t="s">
        <v>29690</v>
      </c>
      <c r="I14674" t="s">
        <v>30540</v>
      </c>
    </row>
    <row r="14675" spans="1:9">
      <c r="A14675" s="1">
        <f ca="1">RAND()</f>
        <v>0.56292806155119768</v>
      </c>
      <c r="B14675" s="1"/>
      <c r="C14675">
        <v>15</v>
      </c>
      <c r="D14675" t="s">
        <v>29693</v>
      </c>
      <c r="E14675" t="s">
        <v>34603</v>
      </c>
      <c r="F14675">
        <v>4</v>
      </c>
      <c r="G14675" t="s">
        <v>14</v>
      </c>
      <c r="H14675" t="s">
        <v>29694</v>
      </c>
      <c r="I14675" t="s">
        <v>30540</v>
      </c>
    </row>
    <row r="14676" spans="1:9">
      <c r="A14676" s="1">
        <f ca="1">RAND()</f>
        <v>0.84818754105651417</v>
      </c>
      <c r="B14676" s="1"/>
      <c r="C14676">
        <v>6</v>
      </c>
      <c r="D14676" t="s">
        <v>29687</v>
      </c>
      <c r="E14676" t="s">
        <v>34603</v>
      </c>
      <c r="F14676">
        <v>4</v>
      </c>
      <c r="G14676" t="s">
        <v>1</v>
      </c>
      <c r="H14676" t="s">
        <v>29688</v>
      </c>
      <c r="I14676" t="s">
        <v>30540</v>
      </c>
    </row>
    <row r="14677" spans="1:9">
      <c r="A14677" s="1">
        <f ca="1">RAND()</f>
        <v>0.95776920257593112</v>
      </c>
      <c r="B14677" s="1"/>
      <c r="C14677">
        <v>16</v>
      </c>
      <c r="D14677" t="s">
        <v>29695</v>
      </c>
      <c r="E14677" t="s">
        <v>34603</v>
      </c>
      <c r="F14677">
        <v>4</v>
      </c>
      <c r="G14677" t="s">
        <v>0</v>
      </c>
      <c r="H14677" t="s">
        <v>29696</v>
      </c>
      <c r="I14677" t="s">
        <v>30540</v>
      </c>
    </row>
    <row r="14678" spans="1:9">
      <c r="A14678" s="1">
        <f ca="1">RAND()</f>
        <v>0.95116123098784866</v>
      </c>
      <c r="B14678" s="1"/>
      <c r="C14678">
        <v>20</v>
      </c>
      <c r="D14678" t="s">
        <v>29697</v>
      </c>
      <c r="E14678" t="s">
        <v>34603</v>
      </c>
      <c r="F14678">
        <v>2</v>
      </c>
      <c r="G14678" t="s">
        <v>0</v>
      </c>
      <c r="H14678" t="s">
        <v>29698</v>
      </c>
      <c r="I14678" t="s">
        <v>30540</v>
      </c>
    </row>
    <row r="14679" spans="1:9">
      <c r="A14679" s="1">
        <f ca="1">RAND()</f>
        <v>0.61552546619001991</v>
      </c>
      <c r="B14679" s="1"/>
      <c r="C14679">
        <v>14</v>
      </c>
      <c r="D14679" t="s">
        <v>29691</v>
      </c>
      <c r="E14679" t="s">
        <v>34603</v>
      </c>
      <c r="F14679">
        <v>1</v>
      </c>
      <c r="G14679" t="s">
        <v>0</v>
      </c>
      <c r="H14679" t="s">
        <v>29692</v>
      </c>
      <c r="I14679" t="s">
        <v>30540</v>
      </c>
    </row>
    <row r="14680" spans="1:9">
      <c r="A14680" s="1">
        <f ca="1">RAND()</f>
        <v>0.45776936446107586</v>
      </c>
      <c r="B14680" s="1"/>
      <c r="C14680">
        <v>14</v>
      </c>
      <c r="D14680" t="s">
        <v>29681</v>
      </c>
      <c r="E14680" t="s">
        <v>34604</v>
      </c>
      <c r="F14680">
        <v>4</v>
      </c>
      <c r="G14680" t="s">
        <v>15</v>
      </c>
      <c r="H14680" t="s">
        <v>29682</v>
      </c>
      <c r="I14680" t="s">
        <v>30540</v>
      </c>
    </row>
    <row r="14681" spans="1:9">
      <c r="A14681" s="1">
        <f ca="1">RAND()</f>
        <v>0.29478164762981818</v>
      </c>
      <c r="B14681" s="1"/>
      <c r="C14681">
        <v>17</v>
      </c>
      <c r="D14681" t="s">
        <v>29685</v>
      </c>
      <c r="E14681" t="s">
        <v>34604</v>
      </c>
      <c r="F14681">
        <v>4</v>
      </c>
      <c r="G14681" t="s">
        <v>2</v>
      </c>
      <c r="H14681" t="s">
        <v>29686</v>
      </c>
      <c r="I14681" t="s">
        <v>30540</v>
      </c>
    </row>
    <row r="14682" spans="1:9">
      <c r="A14682" s="1">
        <f ca="1">RAND()</f>
        <v>0.51555814428843183</v>
      </c>
      <c r="B14682" s="1"/>
      <c r="C14682">
        <v>7</v>
      </c>
      <c r="D14682" t="s">
        <v>29677</v>
      </c>
      <c r="E14682" t="s">
        <v>34604</v>
      </c>
      <c r="F14682">
        <v>4</v>
      </c>
      <c r="G14682" t="s">
        <v>0</v>
      </c>
      <c r="H14682" t="s">
        <v>29678</v>
      </c>
      <c r="I14682" t="s">
        <v>30540</v>
      </c>
    </row>
    <row r="14683" spans="1:9">
      <c r="A14683" s="1">
        <f ca="1">RAND()</f>
        <v>0.86331214791541733</v>
      </c>
      <c r="B14683" s="1"/>
      <c r="C14683">
        <v>12</v>
      </c>
      <c r="D14683" t="s">
        <v>29679</v>
      </c>
      <c r="E14683" t="s">
        <v>34604</v>
      </c>
      <c r="F14683">
        <v>4</v>
      </c>
      <c r="G14683" t="s">
        <v>9</v>
      </c>
      <c r="H14683" t="s">
        <v>29680</v>
      </c>
      <c r="I14683" t="s">
        <v>30540</v>
      </c>
    </row>
    <row r="14684" spans="1:9">
      <c r="A14684" s="1">
        <f ca="1">RAND()</f>
        <v>0.89921334874603787</v>
      </c>
      <c r="B14684" s="1"/>
      <c r="C14684">
        <v>15</v>
      </c>
      <c r="D14684" t="s">
        <v>29683</v>
      </c>
      <c r="E14684" t="s">
        <v>34604</v>
      </c>
      <c r="F14684">
        <v>4</v>
      </c>
      <c r="G14684" t="s">
        <v>2</v>
      </c>
      <c r="H14684" t="s">
        <v>29684</v>
      </c>
      <c r="I14684" t="s">
        <v>30540</v>
      </c>
    </row>
    <row r="14685" spans="1:9">
      <c r="A14685" s="1">
        <f ca="1">RAND()</f>
        <v>0.92175270891251415</v>
      </c>
      <c r="B14685" s="1"/>
      <c r="C14685">
        <v>15</v>
      </c>
      <c r="D14685" t="s">
        <v>29673</v>
      </c>
      <c r="E14685" t="s">
        <v>34605</v>
      </c>
      <c r="F14685">
        <v>5</v>
      </c>
      <c r="G14685" t="s">
        <v>1</v>
      </c>
      <c r="H14685" t="s">
        <v>29674</v>
      </c>
      <c r="I14685" t="s">
        <v>30540</v>
      </c>
    </row>
    <row r="14686" spans="1:9">
      <c r="A14686" s="1">
        <f ca="1">RAND()</f>
        <v>0.36445858564747791</v>
      </c>
      <c r="B14686" s="1"/>
      <c r="C14686">
        <v>14</v>
      </c>
      <c r="D14686" t="s">
        <v>29671</v>
      </c>
      <c r="E14686" t="s">
        <v>34605</v>
      </c>
      <c r="F14686">
        <v>5</v>
      </c>
      <c r="G14686" t="s">
        <v>0</v>
      </c>
      <c r="H14686" t="s">
        <v>29672</v>
      </c>
      <c r="I14686" t="s">
        <v>30540</v>
      </c>
    </row>
    <row r="14687" spans="1:9">
      <c r="A14687" s="1">
        <f ca="1">RAND()</f>
        <v>0.10570652867638275</v>
      </c>
      <c r="B14687" s="1"/>
      <c r="C14687">
        <v>16</v>
      </c>
      <c r="D14687" t="s">
        <v>29675</v>
      </c>
      <c r="E14687" t="s">
        <v>34605</v>
      </c>
      <c r="F14687">
        <v>5</v>
      </c>
      <c r="G14687" t="s">
        <v>0</v>
      </c>
      <c r="H14687" t="s">
        <v>29676</v>
      </c>
      <c r="I14687" t="s">
        <v>30540</v>
      </c>
    </row>
    <row r="14688" spans="1:9">
      <c r="A14688" s="1">
        <f ca="1">RAND()</f>
        <v>0.29483497506925627</v>
      </c>
      <c r="B14688" s="1"/>
      <c r="C14688">
        <v>11</v>
      </c>
      <c r="D14688" t="s">
        <v>29669</v>
      </c>
      <c r="E14688" t="s">
        <v>34605</v>
      </c>
      <c r="F14688">
        <v>4</v>
      </c>
      <c r="G14688" t="s">
        <v>0</v>
      </c>
      <c r="H14688" t="s">
        <v>29670</v>
      </c>
      <c r="I14688" t="s">
        <v>30540</v>
      </c>
    </row>
    <row r="14689" spans="1:9">
      <c r="A14689" s="1">
        <f ca="1">RAND()</f>
        <v>0.4875772896533157</v>
      </c>
      <c r="B14689" s="1"/>
      <c r="C14689">
        <v>8</v>
      </c>
      <c r="D14689" t="s">
        <v>29667</v>
      </c>
      <c r="E14689" t="s">
        <v>34605</v>
      </c>
      <c r="F14689">
        <v>4</v>
      </c>
      <c r="G14689" t="s">
        <v>0</v>
      </c>
      <c r="H14689" t="s">
        <v>29668</v>
      </c>
      <c r="I14689" t="s">
        <v>30540</v>
      </c>
    </row>
    <row r="14690" spans="1:9">
      <c r="A14690" s="1">
        <f ca="1">RAND()</f>
        <v>0.98384124236078341</v>
      </c>
      <c r="B14690" s="1"/>
      <c r="C14690">
        <v>3</v>
      </c>
      <c r="D14690" t="s">
        <v>29659</v>
      </c>
      <c r="E14690" t="s">
        <v>34606</v>
      </c>
      <c r="F14690">
        <v>5</v>
      </c>
      <c r="G14690" t="s">
        <v>10</v>
      </c>
      <c r="H14690" t="s">
        <v>29660</v>
      </c>
      <c r="I14690" t="s">
        <v>30540</v>
      </c>
    </row>
    <row r="14691" spans="1:9">
      <c r="A14691" s="1">
        <f ca="1">RAND()</f>
        <v>4.0057997502221054E-2</v>
      </c>
      <c r="B14691" s="1"/>
      <c r="C14691">
        <v>20</v>
      </c>
      <c r="D14691" t="s">
        <v>29665</v>
      </c>
      <c r="E14691" t="s">
        <v>34606</v>
      </c>
      <c r="F14691">
        <v>5</v>
      </c>
      <c r="G14691" t="s">
        <v>0</v>
      </c>
      <c r="H14691" t="s">
        <v>29666</v>
      </c>
      <c r="I14691" t="s">
        <v>30540</v>
      </c>
    </row>
    <row r="14692" spans="1:9">
      <c r="A14692" s="1">
        <f ca="1">RAND()</f>
        <v>0.30751755643351331</v>
      </c>
      <c r="B14692" s="1"/>
      <c r="C14692">
        <v>17</v>
      </c>
      <c r="D14692" t="s">
        <v>29663</v>
      </c>
      <c r="E14692" t="s">
        <v>34606</v>
      </c>
      <c r="F14692">
        <v>4</v>
      </c>
      <c r="G14692" t="s">
        <v>0</v>
      </c>
      <c r="H14692" t="s">
        <v>29664</v>
      </c>
      <c r="I14692" t="s">
        <v>30540</v>
      </c>
    </row>
    <row r="14693" spans="1:9">
      <c r="A14693" s="1">
        <f ca="1">RAND()</f>
        <v>0.51431219631330072</v>
      </c>
      <c r="B14693" s="1"/>
      <c r="C14693">
        <v>6</v>
      </c>
      <c r="D14693" t="s">
        <v>29661</v>
      </c>
      <c r="E14693" t="s">
        <v>34606</v>
      </c>
      <c r="F14693">
        <v>4</v>
      </c>
      <c r="G14693" t="s">
        <v>0</v>
      </c>
      <c r="H14693" t="s">
        <v>29662</v>
      </c>
      <c r="I14693" t="s">
        <v>30540</v>
      </c>
    </row>
    <row r="14694" spans="1:9">
      <c r="A14694" s="1">
        <f ca="1">RAND()</f>
        <v>3.3243131968682782E-2</v>
      </c>
      <c r="B14694" s="1"/>
      <c r="C14694">
        <v>5</v>
      </c>
      <c r="D14694" t="s">
        <v>29653</v>
      </c>
      <c r="E14694" t="s">
        <v>34607</v>
      </c>
      <c r="F14694">
        <v>5</v>
      </c>
      <c r="G14694" t="s">
        <v>0</v>
      </c>
      <c r="H14694" t="s">
        <v>29654</v>
      </c>
      <c r="I14694" t="s">
        <v>30540</v>
      </c>
    </row>
    <row r="14695" spans="1:9">
      <c r="A14695" s="1">
        <f ca="1">RAND()</f>
        <v>2.2130670930649021E-2</v>
      </c>
      <c r="B14695" s="1"/>
      <c r="C14695">
        <v>18</v>
      </c>
      <c r="D14695" t="s">
        <v>29657</v>
      </c>
      <c r="E14695" t="s">
        <v>34607</v>
      </c>
      <c r="F14695">
        <v>4</v>
      </c>
      <c r="G14695" t="s">
        <v>9</v>
      </c>
      <c r="H14695" t="s">
        <v>29658</v>
      </c>
      <c r="I14695" t="s">
        <v>30540</v>
      </c>
    </row>
    <row r="14696" spans="1:9">
      <c r="A14696" s="1">
        <f ca="1">RAND()</f>
        <v>0.93186890434509795</v>
      </c>
      <c r="B14696" s="1"/>
      <c r="C14696">
        <v>3</v>
      </c>
      <c r="D14696" t="s">
        <v>29651</v>
      </c>
      <c r="E14696" t="s">
        <v>34607</v>
      </c>
      <c r="F14696">
        <v>4</v>
      </c>
      <c r="G14696" t="s">
        <v>0</v>
      </c>
      <c r="H14696" t="s">
        <v>29652</v>
      </c>
      <c r="I14696" t="s">
        <v>30540</v>
      </c>
    </row>
    <row r="14697" spans="1:9">
      <c r="A14697" s="1">
        <f ca="1">RAND()</f>
        <v>0.3696898720862194</v>
      </c>
      <c r="B14697" s="1"/>
      <c r="C14697">
        <v>15</v>
      </c>
      <c r="D14697" t="s">
        <v>29655</v>
      </c>
      <c r="E14697" t="s">
        <v>34607</v>
      </c>
      <c r="F14697">
        <v>2</v>
      </c>
      <c r="G14697" t="s">
        <v>14</v>
      </c>
      <c r="H14697" t="s">
        <v>29656</v>
      </c>
      <c r="I14697" t="s">
        <v>30540</v>
      </c>
    </row>
    <row r="14698" spans="1:9">
      <c r="A14698" s="1">
        <f ca="1">RAND()</f>
        <v>0.16400589604284255</v>
      </c>
      <c r="B14698" s="1"/>
      <c r="C14698">
        <v>2</v>
      </c>
      <c r="D14698" t="s">
        <v>29641</v>
      </c>
      <c r="E14698" t="s">
        <v>34608</v>
      </c>
      <c r="F14698">
        <v>5</v>
      </c>
      <c r="G14698" t="s">
        <v>0</v>
      </c>
      <c r="H14698" t="s">
        <v>29642</v>
      </c>
      <c r="I14698" t="s">
        <v>30540</v>
      </c>
    </row>
    <row r="14699" spans="1:9">
      <c r="A14699" s="1">
        <f ca="1">RAND()</f>
        <v>0.50336208708178654</v>
      </c>
      <c r="B14699" s="1"/>
      <c r="C14699">
        <v>9</v>
      </c>
      <c r="D14699" t="s">
        <v>29643</v>
      </c>
      <c r="E14699" t="s">
        <v>34608</v>
      </c>
      <c r="F14699">
        <v>5</v>
      </c>
      <c r="G14699" t="s">
        <v>0</v>
      </c>
      <c r="H14699" t="s">
        <v>29644</v>
      </c>
      <c r="I14699" t="s">
        <v>30540</v>
      </c>
    </row>
    <row r="14700" spans="1:9">
      <c r="A14700" s="1">
        <f ca="1">RAND()</f>
        <v>0.57793912969377259</v>
      </c>
      <c r="B14700" s="1"/>
      <c r="C14700">
        <v>12</v>
      </c>
      <c r="D14700" t="s">
        <v>29647</v>
      </c>
      <c r="E14700" t="s">
        <v>34608</v>
      </c>
      <c r="F14700">
        <v>4</v>
      </c>
      <c r="G14700" t="s">
        <v>15</v>
      </c>
      <c r="H14700" t="s">
        <v>29648</v>
      </c>
      <c r="I14700" t="s">
        <v>30540</v>
      </c>
    </row>
    <row r="14701" spans="1:9">
      <c r="A14701" s="1">
        <f ca="1">RAND()</f>
        <v>0.74492322810176881</v>
      </c>
      <c r="B14701" s="1"/>
      <c r="C14701">
        <v>10</v>
      </c>
      <c r="D14701" t="s">
        <v>29645</v>
      </c>
      <c r="E14701" t="s">
        <v>34608</v>
      </c>
      <c r="F14701">
        <v>4</v>
      </c>
      <c r="G14701" t="s">
        <v>1</v>
      </c>
      <c r="H14701" t="s">
        <v>29646</v>
      </c>
      <c r="I14701" t="s">
        <v>30540</v>
      </c>
    </row>
    <row r="14702" spans="1:9">
      <c r="A14702" s="1">
        <f ca="1">RAND()</f>
        <v>0.60157310425392996</v>
      </c>
      <c r="B14702" s="1"/>
      <c r="C14702">
        <v>13</v>
      </c>
      <c r="D14702" t="s">
        <v>29649</v>
      </c>
      <c r="E14702" t="s">
        <v>34608</v>
      </c>
      <c r="F14702">
        <v>4</v>
      </c>
      <c r="G14702" t="s">
        <v>0</v>
      </c>
      <c r="H14702" t="s">
        <v>29650</v>
      </c>
      <c r="I14702" t="s">
        <v>30540</v>
      </c>
    </row>
    <row r="14703" spans="1:9">
      <c r="A14703" s="1">
        <f ca="1">RAND()</f>
        <v>0.33506638788948229</v>
      </c>
      <c r="B14703" s="1"/>
      <c r="C14703">
        <v>3</v>
      </c>
      <c r="D14703" t="s">
        <v>29639</v>
      </c>
      <c r="E14703" t="s">
        <v>34609</v>
      </c>
      <c r="F14703">
        <v>4</v>
      </c>
      <c r="G14703" t="s">
        <v>10</v>
      </c>
      <c r="H14703" t="s">
        <v>29640</v>
      </c>
      <c r="I14703" t="s">
        <v>30540</v>
      </c>
    </row>
    <row r="14704" spans="1:9">
      <c r="A14704" s="1">
        <f ca="1">RAND()</f>
        <v>0.36922659572008365</v>
      </c>
      <c r="B14704" s="1"/>
      <c r="C14704">
        <v>13</v>
      </c>
      <c r="D14704" t="s">
        <v>29637</v>
      </c>
      <c r="E14704" t="s">
        <v>34610</v>
      </c>
      <c r="F14704">
        <v>5</v>
      </c>
      <c r="G14704" t="s">
        <v>0</v>
      </c>
      <c r="H14704" t="s">
        <v>29638</v>
      </c>
      <c r="I14704" t="s">
        <v>30540</v>
      </c>
    </row>
    <row r="14705" spans="1:9">
      <c r="A14705" s="1">
        <f ca="1">RAND()</f>
        <v>0.93941649490845891</v>
      </c>
      <c r="B14705" s="1"/>
      <c r="C14705">
        <v>11</v>
      </c>
      <c r="D14705" t="s">
        <v>29635</v>
      </c>
      <c r="E14705" t="s">
        <v>34610</v>
      </c>
      <c r="F14705">
        <v>5</v>
      </c>
      <c r="G14705" t="s">
        <v>14</v>
      </c>
      <c r="H14705" t="s">
        <v>29636</v>
      </c>
      <c r="I14705" t="s">
        <v>30540</v>
      </c>
    </row>
    <row r="14706" spans="1:9">
      <c r="A14706" s="1">
        <f ca="1">RAND()</f>
        <v>0.71306516511196016</v>
      </c>
      <c r="B14706" s="1"/>
      <c r="C14706">
        <v>6</v>
      </c>
      <c r="D14706" t="s">
        <v>29633</v>
      </c>
      <c r="E14706" t="s">
        <v>34610</v>
      </c>
      <c r="F14706">
        <v>4</v>
      </c>
      <c r="G14706" t="s">
        <v>0</v>
      </c>
      <c r="H14706" t="s">
        <v>29634</v>
      </c>
      <c r="I14706" t="s">
        <v>30540</v>
      </c>
    </row>
    <row r="14707" spans="1:9">
      <c r="A14707" s="1">
        <f ca="1">RAND()</f>
        <v>4.3027828967240334E-3</v>
      </c>
      <c r="B14707" s="1"/>
      <c r="C14707">
        <v>4</v>
      </c>
      <c r="D14707" t="s">
        <v>29631</v>
      </c>
      <c r="E14707" t="s">
        <v>34610</v>
      </c>
      <c r="F14707">
        <v>3</v>
      </c>
      <c r="G14707" t="s">
        <v>0</v>
      </c>
      <c r="H14707" t="s">
        <v>29632</v>
      </c>
      <c r="I14707" t="s">
        <v>30540</v>
      </c>
    </row>
    <row r="14708" spans="1:9">
      <c r="A14708" s="1">
        <f ca="1">RAND()</f>
        <v>0.19635595743425105</v>
      </c>
      <c r="B14708" s="1"/>
      <c r="C14708">
        <v>1</v>
      </c>
      <c r="D14708" t="s">
        <v>29629</v>
      </c>
      <c r="E14708" t="s">
        <v>34610</v>
      </c>
      <c r="F14708">
        <v>2</v>
      </c>
      <c r="G14708" t="s">
        <v>15</v>
      </c>
      <c r="H14708" t="s">
        <v>29630</v>
      </c>
      <c r="I14708" t="s">
        <v>30540</v>
      </c>
    </row>
    <row r="14709" spans="1:9">
      <c r="A14709" s="1">
        <f ca="1">RAND()</f>
        <v>0.19721848788468876</v>
      </c>
      <c r="B14709" s="1"/>
      <c r="C14709">
        <v>20</v>
      </c>
      <c r="D14709" t="s">
        <v>29627</v>
      </c>
      <c r="E14709" t="s">
        <v>34611</v>
      </c>
      <c r="F14709">
        <v>5</v>
      </c>
      <c r="G14709" t="s">
        <v>0</v>
      </c>
      <c r="H14709" t="s">
        <v>29628</v>
      </c>
      <c r="I14709" t="s">
        <v>30540</v>
      </c>
    </row>
    <row r="14710" spans="1:9">
      <c r="A14710" s="1">
        <f ca="1">RAND()</f>
        <v>0.92469131646198366</v>
      </c>
      <c r="B14710" s="1"/>
      <c r="C14710">
        <v>4</v>
      </c>
      <c r="D14710" t="s">
        <v>29619</v>
      </c>
      <c r="E14710" t="s">
        <v>34611</v>
      </c>
      <c r="F14710">
        <v>5</v>
      </c>
      <c r="G14710" t="s">
        <v>10</v>
      </c>
      <c r="H14710" t="s">
        <v>29620</v>
      </c>
      <c r="I14710" t="s">
        <v>30540</v>
      </c>
    </row>
    <row r="14711" spans="1:9">
      <c r="A14711" s="1">
        <f ca="1">RAND()</f>
        <v>0.1001704724943896</v>
      </c>
      <c r="B14711" s="1"/>
      <c r="C14711">
        <v>8</v>
      </c>
      <c r="D14711" t="s">
        <v>29621</v>
      </c>
      <c r="E14711" t="s">
        <v>34611</v>
      </c>
      <c r="F14711">
        <v>4</v>
      </c>
      <c r="G14711" t="s">
        <v>0</v>
      </c>
      <c r="H14711" t="s">
        <v>29622</v>
      </c>
      <c r="I14711" t="s">
        <v>30540</v>
      </c>
    </row>
    <row r="14712" spans="1:9">
      <c r="A14712" s="1">
        <f ca="1">RAND()</f>
        <v>0.31734197109439066</v>
      </c>
      <c r="B14712" s="1"/>
      <c r="C14712">
        <v>11</v>
      </c>
      <c r="D14712" t="s">
        <v>29625</v>
      </c>
      <c r="E14712" t="s">
        <v>34611</v>
      </c>
      <c r="F14712">
        <v>4</v>
      </c>
      <c r="G14712" t="s">
        <v>0</v>
      </c>
      <c r="H14712" t="s">
        <v>29626</v>
      </c>
      <c r="I14712" t="s">
        <v>30540</v>
      </c>
    </row>
    <row r="14713" spans="1:9">
      <c r="A14713" s="1">
        <f ca="1">RAND()</f>
        <v>0.14271233617502799</v>
      </c>
      <c r="B14713" s="1"/>
      <c r="C14713">
        <v>9</v>
      </c>
      <c r="D14713" t="s">
        <v>29623</v>
      </c>
      <c r="E14713" t="s">
        <v>34611</v>
      </c>
      <c r="F14713">
        <v>2</v>
      </c>
      <c r="G14713" t="s">
        <v>0</v>
      </c>
      <c r="H14713" t="s">
        <v>29624</v>
      </c>
      <c r="I14713" t="s">
        <v>30540</v>
      </c>
    </row>
    <row r="14714" spans="1:9">
      <c r="A14714" s="1">
        <f ca="1">RAND()</f>
        <v>2.7472130137046302E-2</v>
      </c>
      <c r="B14714" s="1"/>
      <c r="C14714">
        <v>14</v>
      </c>
      <c r="D14714" t="s">
        <v>29611</v>
      </c>
      <c r="E14714" t="s">
        <v>34612</v>
      </c>
      <c r="F14714">
        <v>5</v>
      </c>
      <c r="G14714" t="s">
        <v>2</v>
      </c>
      <c r="H14714" t="s">
        <v>29612</v>
      </c>
      <c r="I14714" t="s">
        <v>30540</v>
      </c>
    </row>
    <row r="14715" spans="1:9">
      <c r="A14715" s="1">
        <f ca="1">RAND()</f>
        <v>0.25603179282937538</v>
      </c>
      <c r="B14715" s="1"/>
      <c r="C14715">
        <v>6</v>
      </c>
      <c r="D14715" t="s">
        <v>29603</v>
      </c>
      <c r="E14715" t="s">
        <v>34612</v>
      </c>
      <c r="F14715">
        <v>5</v>
      </c>
      <c r="G14715" t="s">
        <v>2</v>
      </c>
      <c r="H14715" t="s">
        <v>29604</v>
      </c>
      <c r="I14715" t="s">
        <v>30540</v>
      </c>
    </row>
    <row r="14716" spans="1:9">
      <c r="A14716" s="1">
        <f ca="1">RAND()</f>
        <v>1.9883363371144935E-2</v>
      </c>
      <c r="B14716" s="1"/>
      <c r="C14716">
        <v>12</v>
      </c>
      <c r="D14716" t="s">
        <v>29609</v>
      </c>
      <c r="E14716" t="s">
        <v>34612</v>
      </c>
      <c r="F14716">
        <v>4</v>
      </c>
      <c r="G14716" t="s">
        <v>9</v>
      </c>
      <c r="H14716" t="s">
        <v>29610</v>
      </c>
      <c r="I14716" t="s">
        <v>30540</v>
      </c>
    </row>
    <row r="14717" spans="1:9">
      <c r="A14717" s="1">
        <f ca="1">RAND()</f>
        <v>0.22473567123250682</v>
      </c>
      <c r="B14717" s="1"/>
      <c r="C14717">
        <v>17</v>
      </c>
      <c r="D14717" t="s">
        <v>29613</v>
      </c>
      <c r="E14717" t="s">
        <v>34612</v>
      </c>
      <c r="F14717">
        <v>4</v>
      </c>
      <c r="G14717" t="s">
        <v>0</v>
      </c>
      <c r="H14717" t="s">
        <v>29614</v>
      </c>
      <c r="I14717" t="s">
        <v>30540</v>
      </c>
    </row>
    <row r="14718" spans="1:9">
      <c r="A14718" s="1">
        <f ca="1">RAND()</f>
        <v>0.35936141121054799</v>
      </c>
      <c r="B14718" s="1"/>
      <c r="C14718">
        <v>11</v>
      </c>
      <c r="D14718" t="s">
        <v>29607</v>
      </c>
      <c r="E14718" t="s">
        <v>34612</v>
      </c>
      <c r="F14718">
        <v>4</v>
      </c>
      <c r="G14718" t="s">
        <v>13</v>
      </c>
      <c r="H14718" t="s">
        <v>29608</v>
      </c>
      <c r="I14718" t="s">
        <v>30540</v>
      </c>
    </row>
    <row r="14719" spans="1:9">
      <c r="A14719" s="1">
        <f ca="1">RAND()</f>
        <v>0.52002187933909994</v>
      </c>
      <c r="B14719" s="1"/>
      <c r="C14719">
        <v>9</v>
      </c>
      <c r="D14719" t="s">
        <v>29605</v>
      </c>
      <c r="E14719" t="s">
        <v>34612</v>
      </c>
      <c r="F14719">
        <v>3</v>
      </c>
      <c r="G14719" t="s">
        <v>0</v>
      </c>
      <c r="H14719" t="s">
        <v>29606</v>
      </c>
      <c r="I14719" t="s">
        <v>30540</v>
      </c>
    </row>
    <row r="14720" spans="1:9">
      <c r="A14720" s="1">
        <f ca="1">RAND()</f>
        <v>0.78846446816175852</v>
      </c>
      <c r="B14720" s="1"/>
      <c r="C14720">
        <v>20</v>
      </c>
      <c r="D14720" t="s">
        <v>29617</v>
      </c>
      <c r="E14720" t="s">
        <v>34612</v>
      </c>
      <c r="F14720">
        <v>3</v>
      </c>
      <c r="G14720" t="s">
        <v>0</v>
      </c>
      <c r="H14720" t="s">
        <v>29618</v>
      </c>
      <c r="I14720" t="s">
        <v>30540</v>
      </c>
    </row>
    <row r="14721" spans="1:9">
      <c r="A14721" s="1">
        <f ca="1">RAND()</f>
        <v>0.39879357797903359</v>
      </c>
      <c r="B14721" s="1"/>
      <c r="C14721">
        <v>18</v>
      </c>
      <c r="D14721" t="s">
        <v>29615</v>
      </c>
      <c r="E14721" t="s">
        <v>34612</v>
      </c>
      <c r="F14721">
        <v>2</v>
      </c>
      <c r="G14721" t="s">
        <v>0</v>
      </c>
      <c r="H14721" t="s">
        <v>29616</v>
      </c>
      <c r="I14721" t="s">
        <v>30540</v>
      </c>
    </row>
    <row r="14722" spans="1:9">
      <c r="A14722" s="1">
        <f ca="1">RAND()</f>
        <v>0.1257695445350655</v>
      </c>
      <c r="B14722" s="1"/>
      <c r="C14722">
        <v>17</v>
      </c>
      <c r="D14722" t="s">
        <v>29601</v>
      </c>
      <c r="E14722" t="s">
        <v>34613</v>
      </c>
      <c r="F14722">
        <v>4</v>
      </c>
      <c r="G14722" t="s">
        <v>0</v>
      </c>
      <c r="H14722" t="s">
        <v>29602</v>
      </c>
      <c r="I14722" t="s">
        <v>30540</v>
      </c>
    </row>
    <row r="14723" spans="1:9">
      <c r="A14723" s="1">
        <f ca="1">RAND()</f>
        <v>0.43898940265120434</v>
      </c>
      <c r="B14723" s="1"/>
      <c r="C14723">
        <v>8</v>
      </c>
      <c r="D14723" t="s">
        <v>29599</v>
      </c>
      <c r="E14723" t="s">
        <v>34613</v>
      </c>
      <c r="F14723">
        <v>4</v>
      </c>
      <c r="G14723" t="s">
        <v>0</v>
      </c>
      <c r="H14723" t="s">
        <v>29600</v>
      </c>
      <c r="I14723" t="s">
        <v>30540</v>
      </c>
    </row>
    <row r="14724" spans="1:9">
      <c r="A14724" s="1">
        <f ca="1">RAND()</f>
        <v>0.15980070131454016</v>
      </c>
      <c r="B14724" s="1"/>
      <c r="C14724">
        <v>14</v>
      </c>
      <c r="D14724" t="s">
        <v>29597</v>
      </c>
      <c r="E14724" t="s">
        <v>34614</v>
      </c>
      <c r="F14724">
        <v>5</v>
      </c>
      <c r="G14724" t="s">
        <v>0</v>
      </c>
      <c r="H14724" t="s">
        <v>29598</v>
      </c>
      <c r="I14724" t="s">
        <v>30540</v>
      </c>
    </row>
    <row r="14725" spans="1:9">
      <c r="A14725" s="1">
        <f ca="1">RAND()</f>
        <v>0.38268563434550662</v>
      </c>
      <c r="B14725" s="1"/>
      <c r="C14725">
        <v>13</v>
      </c>
      <c r="D14725" t="s">
        <v>29595</v>
      </c>
      <c r="E14725" t="s">
        <v>34614</v>
      </c>
      <c r="F14725">
        <v>4</v>
      </c>
      <c r="G14725" t="s">
        <v>1</v>
      </c>
      <c r="H14725" t="s">
        <v>29596</v>
      </c>
      <c r="I14725" t="s">
        <v>30540</v>
      </c>
    </row>
    <row r="14726" spans="1:9">
      <c r="A14726" s="1">
        <f ca="1">RAND()</f>
        <v>0.68602041521686152</v>
      </c>
      <c r="B14726" s="1"/>
      <c r="C14726">
        <v>11</v>
      </c>
      <c r="D14726" t="s">
        <v>29587</v>
      </c>
      <c r="E14726" t="s">
        <v>34615</v>
      </c>
      <c r="F14726">
        <v>5</v>
      </c>
      <c r="G14726" t="s">
        <v>0</v>
      </c>
      <c r="H14726" t="s">
        <v>29588</v>
      </c>
      <c r="I14726" t="s">
        <v>30540</v>
      </c>
    </row>
    <row r="14727" spans="1:9">
      <c r="A14727" s="1">
        <f ca="1">RAND()</f>
        <v>2.1066926695081589E-2</v>
      </c>
      <c r="B14727" s="1"/>
      <c r="C14727">
        <v>17</v>
      </c>
      <c r="D14727" t="s">
        <v>29593</v>
      </c>
      <c r="E14727" t="s">
        <v>34615</v>
      </c>
      <c r="F14727">
        <v>4</v>
      </c>
      <c r="G14727" t="s">
        <v>0</v>
      </c>
      <c r="H14727" t="s">
        <v>29594</v>
      </c>
      <c r="I14727" t="s">
        <v>30540</v>
      </c>
    </row>
    <row r="14728" spans="1:9">
      <c r="A14728" s="1">
        <f ca="1">RAND()</f>
        <v>0.90604529289796942</v>
      </c>
      <c r="B14728" s="1"/>
      <c r="C14728">
        <v>12</v>
      </c>
      <c r="D14728" t="s">
        <v>29589</v>
      </c>
      <c r="E14728" t="s">
        <v>34615</v>
      </c>
      <c r="F14728">
        <v>4</v>
      </c>
      <c r="G14728" t="s">
        <v>0</v>
      </c>
      <c r="H14728" t="s">
        <v>29590</v>
      </c>
      <c r="I14728" t="s">
        <v>30540</v>
      </c>
    </row>
    <row r="14729" spans="1:9">
      <c r="A14729" s="1">
        <f ca="1">RAND()</f>
        <v>0.12742505722132413</v>
      </c>
      <c r="B14729" s="1"/>
      <c r="C14729">
        <v>16</v>
      </c>
      <c r="D14729" t="s">
        <v>29591</v>
      </c>
      <c r="E14729" t="s">
        <v>34615</v>
      </c>
      <c r="F14729">
        <v>3</v>
      </c>
      <c r="G14729" t="s">
        <v>1</v>
      </c>
      <c r="H14729" t="s">
        <v>29592</v>
      </c>
      <c r="I14729" t="s">
        <v>30540</v>
      </c>
    </row>
    <row r="14730" spans="1:9">
      <c r="A14730" s="1">
        <f ca="1">RAND()</f>
        <v>0.80552762272797984</v>
      </c>
      <c r="B14730" s="1"/>
      <c r="C14730">
        <v>15</v>
      </c>
      <c r="D14730" t="s">
        <v>29583</v>
      </c>
      <c r="E14730" t="s">
        <v>34616</v>
      </c>
      <c r="F14730">
        <v>4</v>
      </c>
      <c r="G14730" t="s">
        <v>0</v>
      </c>
      <c r="H14730" t="s">
        <v>29584</v>
      </c>
      <c r="I14730" t="s">
        <v>30540</v>
      </c>
    </row>
    <row r="14731" spans="1:9">
      <c r="A14731" s="1">
        <f ca="1">RAND()</f>
        <v>0.37880011894456866</v>
      </c>
      <c r="B14731" s="1"/>
      <c r="C14731">
        <v>20</v>
      </c>
      <c r="D14731" t="s">
        <v>29585</v>
      </c>
      <c r="E14731" t="s">
        <v>34616</v>
      </c>
      <c r="F14731">
        <v>4</v>
      </c>
      <c r="G14731" t="s">
        <v>0</v>
      </c>
      <c r="H14731" t="s">
        <v>29586</v>
      </c>
      <c r="I14731" t="s">
        <v>30540</v>
      </c>
    </row>
    <row r="14732" spans="1:9">
      <c r="A14732" s="1">
        <f ca="1">RAND()</f>
        <v>0.64500357011866094</v>
      </c>
      <c r="B14732" s="1"/>
      <c r="C14732">
        <v>10</v>
      </c>
      <c r="D14732" t="s">
        <v>29581</v>
      </c>
      <c r="E14732" t="s">
        <v>34616</v>
      </c>
      <c r="F14732">
        <v>3</v>
      </c>
      <c r="G14732" t="s">
        <v>0</v>
      </c>
      <c r="H14732" t="s">
        <v>29582</v>
      </c>
      <c r="I14732" t="s">
        <v>30540</v>
      </c>
    </row>
    <row r="14733" spans="1:9">
      <c r="A14733" s="1">
        <f ca="1">RAND()</f>
        <v>0.30075462825267085</v>
      </c>
      <c r="B14733" s="1"/>
      <c r="C14733">
        <v>1</v>
      </c>
      <c r="D14733" t="s">
        <v>29571</v>
      </c>
      <c r="E14733" t="s">
        <v>34617</v>
      </c>
      <c r="F14733">
        <v>5</v>
      </c>
      <c r="G14733" t="s">
        <v>0</v>
      </c>
      <c r="H14733" t="s">
        <v>29572</v>
      </c>
      <c r="I14733" t="s">
        <v>30540</v>
      </c>
    </row>
    <row r="14734" spans="1:9">
      <c r="A14734" s="1">
        <f ca="1">RAND()</f>
        <v>0.52729779831153312</v>
      </c>
      <c r="B14734" s="1"/>
      <c r="C14734">
        <v>16</v>
      </c>
      <c r="D14734" t="s">
        <v>29579</v>
      </c>
      <c r="E14734" t="s">
        <v>34617</v>
      </c>
      <c r="F14734">
        <v>4</v>
      </c>
      <c r="G14734" t="s">
        <v>0</v>
      </c>
      <c r="H14734" t="s">
        <v>29580</v>
      </c>
      <c r="I14734" t="s">
        <v>30540</v>
      </c>
    </row>
    <row r="14735" spans="1:9">
      <c r="A14735" s="1">
        <f ca="1">RAND()</f>
        <v>1.8096122825832617E-2</v>
      </c>
      <c r="B14735" s="1"/>
      <c r="C14735">
        <v>10</v>
      </c>
      <c r="D14735" t="s">
        <v>29575</v>
      </c>
      <c r="E14735" t="s">
        <v>34617</v>
      </c>
      <c r="F14735">
        <v>4</v>
      </c>
      <c r="G14735" t="s">
        <v>0</v>
      </c>
      <c r="H14735" t="s">
        <v>29576</v>
      </c>
      <c r="I14735" t="s">
        <v>30540</v>
      </c>
    </row>
    <row r="14736" spans="1:9">
      <c r="A14736" s="1">
        <f ca="1">RAND()</f>
        <v>0.16300285771867551</v>
      </c>
      <c r="B14736" s="1"/>
      <c r="C14736">
        <v>13</v>
      </c>
      <c r="D14736" t="s">
        <v>29577</v>
      </c>
      <c r="E14736" t="s">
        <v>34617</v>
      </c>
      <c r="F14736">
        <v>4</v>
      </c>
      <c r="G14736" t="s">
        <v>14</v>
      </c>
      <c r="H14736" t="s">
        <v>29578</v>
      </c>
      <c r="I14736" t="s">
        <v>30540</v>
      </c>
    </row>
    <row r="14737" spans="1:9">
      <c r="A14737" s="1">
        <f ca="1">RAND()</f>
        <v>0.49725756475864247</v>
      </c>
      <c r="B14737" s="1"/>
      <c r="C14737">
        <v>7</v>
      </c>
      <c r="D14737" t="s">
        <v>29573</v>
      </c>
      <c r="E14737" t="s">
        <v>34617</v>
      </c>
      <c r="F14737">
        <v>2</v>
      </c>
      <c r="G14737" t="s">
        <v>1</v>
      </c>
      <c r="H14737" t="s">
        <v>29574</v>
      </c>
      <c r="I14737" t="s">
        <v>30540</v>
      </c>
    </row>
    <row r="14738" spans="1:9">
      <c r="A14738" s="1">
        <f ca="1">RAND()</f>
        <v>0.66107530128049585</v>
      </c>
      <c r="B14738" s="1"/>
      <c r="C14738">
        <v>4</v>
      </c>
      <c r="D14738" t="s">
        <v>29565</v>
      </c>
      <c r="E14738" t="s">
        <v>34618</v>
      </c>
      <c r="F14738">
        <v>5</v>
      </c>
      <c r="G14738" t="s">
        <v>0</v>
      </c>
      <c r="H14738" t="s">
        <v>29566</v>
      </c>
      <c r="I14738" t="s">
        <v>30540</v>
      </c>
    </row>
    <row r="14739" spans="1:9">
      <c r="A14739" s="1">
        <f ca="1">RAND()</f>
        <v>0.54919549413617808</v>
      </c>
      <c r="B14739" s="1"/>
      <c r="C14739">
        <v>5</v>
      </c>
      <c r="D14739" t="s">
        <v>29567</v>
      </c>
      <c r="E14739" t="s">
        <v>34618</v>
      </c>
      <c r="F14739">
        <v>5</v>
      </c>
      <c r="G14739" t="s">
        <v>13</v>
      </c>
      <c r="H14739" t="s">
        <v>29568</v>
      </c>
      <c r="I14739" t="s">
        <v>30540</v>
      </c>
    </row>
    <row r="14740" spans="1:9">
      <c r="A14740" s="1">
        <f ca="1">RAND()</f>
        <v>2.8403239559176341E-2</v>
      </c>
      <c r="B14740" s="1"/>
      <c r="C14740">
        <v>6</v>
      </c>
      <c r="D14740" t="s">
        <v>29569</v>
      </c>
      <c r="E14740" t="s">
        <v>34618</v>
      </c>
      <c r="F14740">
        <v>4</v>
      </c>
      <c r="G14740" t="s">
        <v>1</v>
      </c>
      <c r="H14740" t="s">
        <v>29570</v>
      </c>
      <c r="I14740" t="s">
        <v>30540</v>
      </c>
    </row>
    <row r="14741" spans="1:9">
      <c r="A14741" s="1">
        <f ca="1">RAND()</f>
        <v>0.94849972128547766</v>
      </c>
      <c r="B14741" s="1"/>
      <c r="C14741">
        <v>14</v>
      </c>
      <c r="D14741" t="s">
        <v>29563</v>
      </c>
      <c r="E14741" t="s">
        <v>34619</v>
      </c>
      <c r="F14741">
        <v>5</v>
      </c>
      <c r="G14741" t="s">
        <v>14</v>
      </c>
      <c r="H14741" t="s">
        <v>29564</v>
      </c>
      <c r="I14741" t="s">
        <v>30540</v>
      </c>
    </row>
    <row r="14742" spans="1:9">
      <c r="A14742" s="1">
        <f ca="1">RAND()</f>
        <v>0.9918238690217035</v>
      </c>
      <c r="B14742" s="1"/>
      <c r="C14742">
        <v>8</v>
      </c>
      <c r="D14742" t="s">
        <v>29557</v>
      </c>
      <c r="E14742" t="s">
        <v>34619</v>
      </c>
      <c r="F14742">
        <v>5</v>
      </c>
      <c r="G14742" t="s">
        <v>15</v>
      </c>
      <c r="H14742" t="s">
        <v>29558</v>
      </c>
      <c r="I14742" t="s">
        <v>30540</v>
      </c>
    </row>
    <row r="14743" spans="1:9">
      <c r="A14743" s="1">
        <f ca="1">RAND()</f>
        <v>0.92187522197694471</v>
      </c>
      <c r="B14743" s="1"/>
      <c r="C14743">
        <v>9</v>
      </c>
      <c r="D14743" t="s">
        <v>29559</v>
      </c>
      <c r="E14743" t="s">
        <v>34619</v>
      </c>
      <c r="F14743">
        <v>5</v>
      </c>
      <c r="G14743" t="s">
        <v>0</v>
      </c>
      <c r="H14743" t="s">
        <v>29560</v>
      </c>
      <c r="I14743" t="s">
        <v>30540</v>
      </c>
    </row>
    <row r="14744" spans="1:9">
      <c r="A14744" s="1">
        <f ca="1">RAND()</f>
        <v>0.70512975474568396</v>
      </c>
      <c r="B14744" s="1"/>
      <c r="C14744">
        <v>10</v>
      </c>
      <c r="D14744" t="s">
        <v>29561</v>
      </c>
      <c r="E14744" t="s">
        <v>34619</v>
      </c>
      <c r="F14744">
        <v>4</v>
      </c>
      <c r="G14744" t="s">
        <v>2</v>
      </c>
      <c r="H14744" t="s">
        <v>29562</v>
      </c>
      <c r="I14744" t="s">
        <v>30540</v>
      </c>
    </row>
    <row r="14745" spans="1:9">
      <c r="A14745" s="1">
        <f ca="1">RAND()</f>
        <v>0.78916812032633044</v>
      </c>
      <c r="B14745" s="1"/>
      <c r="C14745">
        <v>6</v>
      </c>
      <c r="D14745" t="s">
        <v>29549</v>
      </c>
      <c r="E14745" t="s">
        <v>34620</v>
      </c>
      <c r="F14745">
        <v>4</v>
      </c>
      <c r="G14745" t="s">
        <v>0</v>
      </c>
      <c r="H14745" t="s">
        <v>29550</v>
      </c>
      <c r="I14745" t="s">
        <v>30540</v>
      </c>
    </row>
    <row r="14746" spans="1:9">
      <c r="A14746" s="1">
        <f ca="1">RAND()</f>
        <v>0.57921504471528718</v>
      </c>
      <c r="B14746" s="1"/>
      <c r="C14746">
        <v>9</v>
      </c>
      <c r="D14746" t="s">
        <v>29551</v>
      </c>
      <c r="E14746" t="s">
        <v>34620</v>
      </c>
      <c r="F14746">
        <v>4</v>
      </c>
      <c r="G14746" t="s">
        <v>10</v>
      </c>
      <c r="H14746" t="s">
        <v>29552</v>
      </c>
      <c r="I14746" t="s">
        <v>30540</v>
      </c>
    </row>
    <row r="14747" spans="1:9">
      <c r="A14747" s="1">
        <f ca="1">RAND()</f>
        <v>0.60544575579306414</v>
      </c>
      <c r="B14747" s="1"/>
      <c r="C14747">
        <v>1</v>
      </c>
      <c r="D14747" t="s">
        <v>29547</v>
      </c>
      <c r="E14747" t="s">
        <v>34620</v>
      </c>
      <c r="F14747">
        <v>4</v>
      </c>
      <c r="G14747" t="s">
        <v>2</v>
      </c>
      <c r="H14747" t="s">
        <v>29548</v>
      </c>
      <c r="I14747" t="s">
        <v>30540</v>
      </c>
    </row>
    <row r="14748" spans="1:9">
      <c r="A14748" s="1">
        <f ca="1">RAND()</f>
        <v>0.72020858510858254</v>
      </c>
      <c r="B14748" s="1"/>
      <c r="C14748">
        <v>11</v>
      </c>
      <c r="D14748" t="s">
        <v>29553</v>
      </c>
      <c r="E14748" t="s">
        <v>34620</v>
      </c>
      <c r="F14748">
        <v>2</v>
      </c>
      <c r="G14748" t="s">
        <v>0</v>
      </c>
      <c r="H14748" t="s">
        <v>29554</v>
      </c>
      <c r="I14748" t="s">
        <v>30540</v>
      </c>
    </row>
    <row r="14749" spans="1:9">
      <c r="A14749" s="1">
        <f ca="1">RAND()</f>
        <v>0.19489363520440994</v>
      </c>
      <c r="B14749" s="1"/>
      <c r="C14749">
        <v>16</v>
      </c>
      <c r="D14749" t="s">
        <v>29555</v>
      </c>
      <c r="E14749" t="s">
        <v>34620</v>
      </c>
      <c r="F14749">
        <v>1</v>
      </c>
      <c r="G14749" t="s">
        <v>0</v>
      </c>
      <c r="H14749" t="s">
        <v>29556</v>
      </c>
      <c r="I14749" t="s">
        <v>30540</v>
      </c>
    </row>
    <row r="14750" spans="1:9">
      <c r="A14750" s="1">
        <f ca="1">RAND()</f>
        <v>0.69242452246995112</v>
      </c>
      <c r="B14750" s="1"/>
      <c r="C14750">
        <v>5</v>
      </c>
      <c r="D14750" t="s">
        <v>29541</v>
      </c>
      <c r="E14750" t="s">
        <v>34621</v>
      </c>
      <c r="F14750">
        <v>4</v>
      </c>
      <c r="G14750" t="s">
        <v>0</v>
      </c>
      <c r="H14750" t="s">
        <v>29542</v>
      </c>
      <c r="I14750" t="s">
        <v>30540</v>
      </c>
    </row>
    <row r="14751" spans="1:9">
      <c r="A14751" s="1">
        <f ca="1">RAND()</f>
        <v>0.3713395486429214</v>
      </c>
      <c r="B14751" s="1"/>
      <c r="C14751">
        <v>16</v>
      </c>
      <c r="D14751" t="s">
        <v>29545</v>
      </c>
      <c r="E14751" t="s">
        <v>34621</v>
      </c>
      <c r="F14751">
        <v>4</v>
      </c>
      <c r="G14751" t="s">
        <v>0</v>
      </c>
      <c r="H14751" t="s">
        <v>29546</v>
      </c>
      <c r="I14751" t="s">
        <v>30540</v>
      </c>
    </row>
    <row r="14752" spans="1:9">
      <c r="A14752" s="1">
        <f ca="1">RAND()</f>
        <v>0.72722669920775973</v>
      </c>
      <c r="B14752" s="1"/>
      <c r="C14752">
        <v>14</v>
      </c>
      <c r="D14752" t="s">
        <v>29543</v>
      </c>
      <c r="E14752" t="s">
        <v>34621</v>
      </c>
      <c r="F14752">
        <v>4</v>
      </c>
      <c r="G14752" t="s">
        <v>0</v>
      </c>
      <c r="H14752" t="s">
        <v>29544</v>
      </c>
      <c r="I14752" t="s">
        <v>30540</v>
      </c>
    </row>
    <row r="14753" spans="1:9">
      <c r="A14753" s="1">
        <f ca="1">RAND()</f>
        <v>0.46562076728957713</v>
      </c>
      <c r="B14753" s="1"/>
      <c r="C14753">
        <v>19</v>
      </c>
      <c r="D14753" t="s">
        <v>29539</v>
      </c>
      <c r="E14753" t="s">
        <v>34622</v>
      </c>
      <c r="F14753">
        <v>5</v>
      </c>
      <c r="G14753" t="s">
        <v>10</v>
      </c>
      <c r="H14753" t="s">
        <v>29540</v>
      </c>
      <c r="I14753" t="s">
        <v>30540</v>
      </c>
    </row>
    <row r="14754" spans="1:9">
      <c r="A14754" s="1">
        <f ca="1">RAND()</f>
        <v>0.70383071645812689</v>
      </c>
      <c r="B14754" s="1"/>
      <c r="C14754">
        <v>15</v>
      </c>
      <c r="D14754" t="s">
        <v>29535</v>
      </c>
      <c r="E14754" t="s">
        <v>34622</v>
      </c>
      <c r="F14754">
        <v>4</v>
      </c>
      <c r="G14754" t="s">
        <v>0</v>
      </c>
      <c r="H14754" t="s">
        <v>29536</v>
      </c>
      <c r="I14754" t="s">
        <v>30540</v>
      </c>
    </row>
    <row r="14755" spans="1:9">
      <c r="A14755" s="1">
        <f ca="1">RAND()</f>
        <v>0.4415446583574224</v>
      </c>
      <c r="B14755" s="1"/>
      <c r="C14755">
        <v>5</v>
      </c>
      <c r="D14755" t="s">
        <v>29529</v>
      </c>
      <c r="E14755" t="s">
        <v>34622</v>
      </c>
      <c r="F14755">
        <v>4</v>
      </c>
      <c r="G14755" t="s">
        <v>0</v>
      </c>
      <c r="H14755" t="s">
        <v>29530</v>
      </c>
      <c r="I14755" t="s">
        <v>30540</v>
      </c>
    </row>
    <row r="14756" spans="1:9">
      <c r="A14756" s="1">
        <f ca="1">RAND()</f>
        <v>0.3322550699402792</v>
      </c>
      <c r="B14756" s="1"/>
      <c r="C14756">
        <v>2</v>
      </c>
      <c r="D14756" t="s">
        <v>29525</v>
      </c>
      <c r="E14756" t="s">
        <v>34622</v>
      </c>
      <c r="F14756">
        <v>4</v>
      </c>
      <c r="G14756" t="s">
        <v>1</v>
      </c>
      <c r="H14756" t="s">
        <v>29526</v>
      </c>
      <c r="I14756" t="s">
        <v>30540</v>
      </c>
    </row>
    <row r="14757" spans="1:9">
      <c r="A14757" s="1">
        <f ca="1">RAND()</f>
        <v>0.28695558913677732</v>
      </c>
      <c r="B14757" s="1"/>
      <c r="C14757">
        <v>13</v>
      </c>
      <c r="D14757" t="s">
        <v>29533</v>
      </c>
      <c r="E14757" t="s">
        <v>34622</v>
      </c>
      <c r="F14757">
        <v>4</v>
      </c>
      <c r="G14757" t="s">
        <v>0</v>
      </c>
      <c r="H14757" t="s">
        <v>29534</v>
      </c>
      <c r="I14757" t="s">
        <v>30540</v>
      </c>
    </row>
    <row r="14758" spans="1:9">
      <c r="A14758" s="1">
        <f ca="1">RAND()</f>
        <v>0.33330212278786497</v>
      </c>
      <c r="B14758" s="1"/>
      <c r="C14758">
        <v>3</v>
      </c>
      <c r="D14758" t="s">
        <v>29527</v>
      </c>
      <c r="E14758" t="s">
        <v>34622</v>
      </c>
      <c r="F14758">
        <v>4</v>
      </c>
      <c r="G14758" t="s">
        <v>0</v>
      </c>
      <c r="H14758" t="s">
        <v>29528</v>
      </c>
      <c r="I14758" t="s">
        <v>30540</v>
      </c>
    </row>
    <row r="14759" spans="1:9">
      <c r="A14759" s="1">
        <f ca="1">RAND()</f>
        <v>0.97179085968886991</v>
      </c>
      <c r="B14759" s="1"/>
      <c r="C14759">
        <v>17</v>
      </c>
      <c r="D14759" t="s">
        <v>29537</v>
      </c>
      <c r="E14759" t="s">
        <v>34622</v>
      </c>
      <c r="F14759">
        <v>4</v>
      </c>
      <c r="G14759" t="s">
        <v>0</v>
      </c>
      <c r="H14759" t="s">
        <v>29538</v>
      </c>
      <c r="I14759" t="s">
        <v>30540</v>
      </c>
    </row>
    <row r="14760" spans="1:9">
      <c r="A14760" s="1">
        <f ca="1">RAND()</f>
        <v>0.32967376293891559</v>
      </c>
      <c r="B14760" s="1"/>
      <c r="C14760">
        <v>11</v>
      </c>
      <c r="D14760" t="s">
        <v>29531</v>
      </c>
      <c r="E14760" t="s">
        <v>34622</v>
      </c>
      <c r="F14760">
        <v>2</v>
      </c>
      <c r="G14760" t="s">
        <v>14</v>
      </c>
      <c r="H14760" t="s">
        <v>29532</v>
      </c>
      <c r="I14760" t="s">
        <v>30540</v>
      </c>
    </row>
    <row r="14761" spans="1:9">
      <c r="A14761" s="1">
        <f ca="1">RAND()</f>
        <v>0.15161966767075696</v>
      </c>
      <c r="B14761" s="1"/>
      <c r="C14761">
        <v>3</v>
      </c>
      <c r="D14761" t="s">
        <v>29515</v>
      </c>
      <c r="E14761" t="s">
        <v>34623</v>
      </c>
      <c r="F14761">
        <v>5</v>
      </c>
      <c r="G14761" t="s">
        <v>0</v>
      </c>
      <c r="H14761" t="s">
        <v>29516</v>
      </c>
      <c r="I14761" t="s">
        <v>30540</v>
      </c>
    </row>
    <row r="14762" spans="1:9">
      <c r="A14762" s="1">
        <f ca="1">RAND()</f>
        <v>0.54292709218090518</v>
      </c>
      <c r="B14762" s="1"/>
      <c r="C14762">
        <v>19</v>
      </c>
      <c r="D14762" t="s">
        <v>29523</v>
      </c>
      <c r="E14762" t="s">
        <v>34623</v>
      </c>
      <c r="F14762">
        <v>4</v>
      </c>
      <c r="G14762" t="s">
        <v>14</v>
      </c>
      <c r="H14762" t="s">
        <v>29524</v>
      </c>
      <c r="I14762" t="s">
        <v>30540</v>
      </c>
    </row>
    <row r="14763" spans="1:9">
      <c r="A14763" s="1">
        <f ca="1">RAND()</f>
        <v>0.55182049645939746</v>
      </c>
      <c r="B14763" s="1"/>
      <c r="C14763">
        <v>8</v>
      </c>
      <c r="D14763" t="s">
        <v>29517</v>
      </c>
      <c r="E14763" t="s">
        <v>34623</v>
      </c>
      <c r="F14763">
        <v>4</v>
      </c>
      <c r="G14763" t="s">
        <v>14</v>
      </c>
      <c r="H14763" t="s">
        <v>29518</v>
      </c>
      <c r="I14763" t="s">
        <v>30540</v>
      </c>
    </row>
    <row r="14764" spans="1:9">
      <c r="A14764" s="1">
        <f ca="1">RAND()</f>
        <v>0.53156835752961928</v>
      </c>
      <c r="B14764" s="1"/>
      <c r="C14764">
        <v>17</v>
      </c>
      <c r="D14764" t="s">
        <v>29521</v>
      </c>
      <c r="E14764" t="s">
        <v>34623</v>
      </c>
      <c r="F14764">
        <v>4</v>
      </c>
      <c r="G14764" t="s">
        <v>0</v>
      </c>
      <c r="H14764" t="s">
        <v>29522</v>
      </c>
      <c r="I14764" t="s">
        <v>30540</v>
      </c>
    </row>
    <row r="14765" spans="1:9">
      <c r="A14765" s="1">
        <f ca="1">RAND()</f>
        <v>0.27669986952468173</v>
      </c>
      <c r="B14765" s="1"/>
      <c r="C14765">
        <v>12</v>
      </c>
      <c r="D14765" t="s">
        <v>29519</v>
      </c>
      <c r="E14765" t="s">
        <v>34623</v>
      </c>
      <c r="F14765">
        <v>3</v>
      </c>
      <c r="G14765" t="s">
        <v>9</v>
      </c>
      <c r="H14765" t="s">
        <v>29520</v>
      </c>
      <c r="I14765" t="s">
        <v>30540</v>
      </c>
    </row>
    <row r="14766" spans="1:9">
      <c r="A14766" s="1">
        <f ca="1">RAND()</f>
        <v>0.32814985691407605</v>
      </c>
      <c r="B14766" s="1"/>
      <c r="C14766">
        <v>10</v>
      </c>
      <c r="D14766" t="s">
        <v>29509</v>
      </c>
      <c r="E14766" t="s">
        <v>34624</v>
      </c>
      <c r="F14766">
        <v>4</v>
      </c>
      <c r="G14766" t="s">
        <v>0</v>
      </c>
      <c r="H14766" t="s">
        <v>29510</v>
      </c>
      <c r="I14766" t="s">
        <v>30540</v>
      </c>
    </row>
    <row r="14767" spans="1:9">
      <c r="A14767" s="1">
        <f ca="1">RAND()</f>
        <v>0.78466157735237252</v>
      </c>
      <c r="B14767" s="1"/>
      <c r="C14767">
        <v>18</v>
      </c>
      <c r="D14767" t="s">
        <v>29513</v>
      </c>
      <c r="E14767" t="s">
        <v>34624</v>
      </c>
      <c r="F14767">
        <v>4</v>
      </c>
      <c r="G14767" t="s">
        <v>0</v>
      </c>
      <c r="H14767" t="s">
        <v>29514</v>
      </c>
      <c r="I14767" t="s">
        <v>30540</v>
      </c>
    </row>
    <row r="14768" spans="1:9">
      <c r="A14768" s="1">
        <f ca="1">RAND()</f>
        <v>0.5121845756316129</v>
      </c>
      <c r="B14768" s="1"/>
      <c r="C14768">
        <v>14</v>
      </c>
      <c r="D14768" t="s">
        <v>29511</v>
      </c>
      <c r="E14768" t="s">
        <v>34624</v>
      </c>
      <c r="F14768">
        <v>3</v>
      </c>
      <c r="G14768" t="s">
        <v>0</v>
      </c>
      <c r="H14768" t="s">
        <v>29512</v>
      </c>
      <c r="I14768" t="s">
        <v>30540</v>
      </c>
    </row>
    <row r="14769" spans="1:9">
      <c r="A14769" s="1">
        <f ca="1">RAND()</f>
        <v>0.16182012809865676</v>
      </c>
      <c r="B14769" s="1"/>
      <c r="C14769">
        <v>12</v>
      </c>
      <c r="D14769" t="s">
        <v>29505</v>
      </c>
      <c r="E14769" t="s">
        <v>34625</v>
      </c>
      <c r="F14769">
        <v>4</v>
      </c>
      <c r="G14769" t="s">
        <v>0</v>
      </c>
      <c r="H14769" t="s">
        <v>29506</v>
      </c>
      <c r="I14769" t="s">
        <v>30540</v>
      </c>
    </row>
    <row r="14770" spans="1:9">
      <c r="A14770" s="1">
        <f ca="1">RAND()</f>
        <v>0.35026288392455585</v>
      </c>
      <c r="B14770" s="1"/>
      <c r="C14770">
        <v>13</v>
      </c>
      <c r="D14770" t="s">
        <v>29507</v>
      </c>
      <c r="E14770" t="s">
        <v>34625</v>
      </c>
      <c r="F14770">
        <v>4</v>
      </c>
      <c r="G14770" t="s">
        <v>0</v>
      </c>
      <c r="H14770" t="s">
        <v>29508</v>
      </c>
      <c r="I14770" t="s">
        <v>30540</v>
      </c>
    </row>
    <row r="14771" spans="1:9">
      <c r="A14771" s="1">
        <f ca="1">RAND()</f>
        <v>0.29053525541491532</v>
      </c>
      <c r="B14771" s="1"/>
      <c r="C14771">
        <v>9</v>
      </c>
      <c r="D14771" t="s">
        <v>29493</v>
      </c>
      <c r="E14771" t="s">
        <v>34626</v>
      </c>
      <c r="F14771">
        <v>5</v>
      </c>
      <c r="G14771" t="s">
        <v>15</v>
      </c>
      <c r="H14771" t="s">
        <v>29494</v>
      </c>
      <c r="I14771" t="s">
        <v>30540</v>
      </c>
    </row>
    <row r="14772" spans="1:9">
      <c r="A14772" s="1">
        <f ca="1">RAND()</f>
        <v>0.94174842422253235</v>
      </c>
      <c r="B14772" s="1"/>
      <c r="C14772">
        <v>6</v>
      </c>
      <c r="D14772" t="s">
        <v>29491</v>
      </c>
      <c r="E14772" t="s">
        <v>34626</v>
      </c>
      <c r="F14772">
        <v>5</v>
      </c>
      <c r="G14772" t="s">
        <v>0</v>
      </c>
      <c r="H14772" t="s">
        <v>29492</v>
      </c>
      <c r="I14772" t="s">
        <v>30540</v>
      </c>
    </row>
    <row r="14773" spans="1:9">
      <c r="A14773" s="1">
        <f ca="1">RAND()</f>
        <v>0.4995016436975015</v>
      </c>
      <c r="B14773" s="1"/>
      <c r="C14773">
        <v>12</v>
      </c>
      <c r="D14773" t="s">
        <v>29495</v>
      </c>
      <c r="E14773" t="s">
        <v>34626</v>
      </c>
      <c r="F14773">
        <v>5</v>
      </c>
      <c r="G14773" t="s">
        <v>0</v>
      </c>
      <c r="H14773" t="s">
        <v>29496</v>
      </c>
      <c r="I14773" t="s">
        <v>30540</v>
      </c>
    </row>
    <row r="14774" spans="1:9">
      <c r="A14774" s="1">
        <f ca="1">RAND()</f>
        <v>0.68724612391032192</v>
      </c>
      <c r="B14774" s="1"/>
      <c r="C14774">
        <v>16</v>
      </c>
      <c r="D14774" t="s">
        <v>29501</v>
      </c>
      <c r="E14774" t="s">
        <v>34626</v>
      </c>
      <c r="F14774">
        <v>4</v>
      </c>
      <c r="G14774" t="s">
        <v>10</v>
      </c>
      <c r="H14774" t="s">
        <v>29502</v>
      </c>
      <c r="I14774" t="s">
        <v>30540</v>
      </c>
    </row>
    <row r="14775" spans="1:9">
      <c r="A14775" s="1">
        <f ca="1">RAND()</f>
        <v>0.9126880982279435</v>
      </c>
      <c r="B14775" s="1"/>
      <c r="C14775">
        <v>13</v>
      </c>
      <c r="D14775" t="s">
        <v>29497</v>
      </c>
      <c r="E14775" t="s">
        <v>34626</v>
      </c>
      <c r="F14775">
        <v>4</v>
      </c>
      <c r="G14775" t="s">
        <v>0</v>
      </c>
      <c r="H14775" t="s">
        <v>29498</v>
      </c>
      <c r="I14775" t="s">
        <v>30540</v>
      </c>
    </row>
    <row r="14776" spans="1:9">
      <c r="A14776" s="1">
        <f ca="1">RAND()</f>
        <v>0.10840870231498001</v>
      </c>
      <c r="B14776" s="1"/>
      <c r="C14776">
        <v>18</v>
      </c>
      <c r="D14776" t="s">
        <v>29503</v>
      </c>
      <c r="E14776" t="s">
        <v>34626</v>
      </c>
      <c r="F14776">
        <v>4</v>
      </c>
      <c r="G14776" t="s">
        <v>0</v>
      </c>
      <c r="H14776" t="s">
        <v>29504</v>
      </c>
      <c r="I14776" t="s">
        <v>30540</v>
      </c>
    </row>
    <row r="14777" spans="1:9">
      <c r="A14777" s="1">
        <f ca="1">RAND()</f>
        <v>3.6492316537516722E-2</v>
      </c>
      <c r="B14777" s="1"/>
      <c r="C14777">
        <v>15</v>
      </c>
      <c r="D14777" t="s">
        <v>29499</v>
      </c>
      <c r="E14777" t="s">
        <v>34626</v>
      </c>
      <c r="F14777">
        <v>4</v>
      </c>
      <c r="G14777" t="s">
        <v>0</v>
      </c>
      <c r="H14777" t="s">
        <v>29500</v>
      </c>
      <c r="I14777" t="s">
        <v>30540</v>
      </c>
    </row>
    <row r="14778" spans="1:9">
      <c r="A14778" s="1">
        <f ca="1">RAND()</f>
        <v>0.90467195922026211</v>
      </c>
      <c r="B14778" s="1"/>
      <c r="C14778">
        <v>18</v>
      </c>
      <c r="D14778" t="s">
        <v>29487</v>
      </c>
      <c r="E14778" t="s">
        <v>34627</v>
      </c>
      <c r="F14778">
        <v>5</v>
      </c>
      <c r="G14778" t="s">
        <v>0</v>
      </c>
      <c r="H14778" t="s">
        <v>29488</v>
      </c>
      <c r="I14778" t="s">
        <v>30540</v>
      </c>
    </row>
    <row r="14779" spans="1:9">
      <c r="A14779" s="1">
        <f ca="1">RAND()</f>
        <v>0.2424873491543591</v>
      </c>
      <c r="B14779" s="1"/>
      <c r="C14779">
        <v>9</v>
      </c>
      <c r="D14779" t="s">
        <v>29479</v>
      </c>
      <c r="E14779" t="s">
        <v>34627</v>
      </c>
      <c r="F14779">
        <v>5</v>
      </c>
      <c r="G14779" t="s">
        <v>9</v>
      </c>
      <c r="H14779" t="s">
        <v>29480</v>
      </c>
      <c r="I14779" t="s">
        <v>30540</v>
      </c>
    </row>
    <row r="14780" spans="1:9">
      <c r="A14780" s="1">
        <f ca="1">RAND()</f>
        <v>0.34438642935509756</v>
      </c>
      <c r="B14780" s="1"/>
      <c r="C14780">
        <v>20</v>
      </c>
      <c r="D14780" t="s">
        <v>29489</v>
      </c>
      <c r="E14780" t="s">
        <v>34627</v>
      </c>
      <c r="F14780">
        <v>5</v>
      </c>
      <c r="G14780" t="s">
        <v>0</v>
      </c>
      <c r="H14780" t="s">
        <v>29490</v>
      </c>
      <c r="I14780" t="s">
        <v>30540</v>
      </c>
    </row>
    <row r="14781" spans="1:9">
      <c r="A14781" s="1">
        <f ca="1">RAND()</f>
        <v>0.90476498931892269</v>
      </c>
      <c r="B14781" s="1"/>
      <c r="C14781">
        <v>4</v>
      </c>
      <c r="D14781" t="s">
        <v>29477</v>
      </c>
      <c r="E14781" t="s">
        <v>34627</v>
      </c>
      <c r="F14781">
        <v>5</v>
      </c>
      <c r="G14781" t="s">
        <v>0</v>
      </c>
      <c r="H14781" t="s">
        <v>29478</v>
      </c>
      <c r="I14781" t="s">
        <v>30540</v>
      </c>
    </row>
    <row r="14782" spans="1:9">
      <c r="A14782" s="1">
        <f ca="1">RAND()</f>
        <v>0.77744559606591102</v>
      </c>
      <c r="B14782" s="1"/>
      <c r="C14782">
        <v>15</v>
      </c>
      <c r="D14782" t="s">
        <v>29483</v>
      </c>
      <c r="E14782" t="s">
        <v>34627</v>
      </c>
      <c r="F14782">
        <v>4</v>
      </c>
      <c r="G14782" t="s">
        <v>13</v>
      </c>
      <c r="H14782" t="s">
        <v>29484</v>
      </c>
      <c r="I14782" t="s">
        <v>30540</v>
      </c>
    </row>
    <row r="14783" spans="1:9">
      <c r="A14783" s="1">
        <f ca="1">RAND()</f>
        <v>9.8143649823850154E-2</v>
      </c>
      <c r="B14783" s="1"/>
      <c r="C14783">
        <v>1</v>
      </c>
      <c r="D14783" t="s">
        <v>29475</v>
      </c>
      <c r="E14783" t="s">
        <v>34627</v>
      </c>
      <c r="F14783">
        <v>4</v>
      </c>
      <c r="G14783" t="s">
        <v>15</v>
      </c>
      <c r="H14783" t="s">
        <v>29476</v>
      </c>
      <c r="I14783" t="s">
        <v>30540</v>
      </c>
    </row>
    <row r="14784" spans="1:9">
      <c r="A14784" s="1">
        <f ca="1">RAND()</f>
        <v>0.413853131932997</v>
      </c>
      <c r="B14784" s="1"/>
      <c r="C14784">
        <v>16</v>
      </c>
      <c r="D14784" t="s">
        <v>29485</v>
      </c>
      <c r="E14784" t="s">
        <v>34627</v>
      </c>
      <c r="F14784">
        <v>4</v>
      </c>
      <c r="G14784" t="s">
        <v>0</v>
      </c>
      <c r="H14784" t="s">
        <v>29486</v>
      </c>
      <c r="I14784" t="s">
        <v>30540</v>
      </c>
    </row>
    <row r="14785" spans="1:9">
      <c r="A14785" s="1">
        <f ca="1">RAND()</f>
        <v>0.26852053268000964</v>
      </c>
      <c r="B14785" s="1"/>
      <c r="C14785">
        <v>12</v>
      </c>
      <c r="D14785" t="s">
        <v>29481</v>
      </c>
      <c r="E14785" t="s">
        <v>34627</v>
      </c>
      <c r="F14785">
        <v>3</v>
      </c>
      <c r="G14785" t="s">
        <v>0</v>
      </c>
      <c r="H14785" t="s">
        <v>29482</v>
      </c>
      <c r="I14785" t="s">
        <v>30540</v>
      </c>
    </row>
    <row r="14786" spans="1:9">
      <c r="A14786" s="1">
        <f ca="1">RAND()</f>
        <v>0.59105952875385559</v>
      </c>
      <c r="B14786" s="1"/>
      <c r="C14786">
        <v>10</v>
      </c>
      <c r="D14786" t="s">
        <v>29467</v>
      </c>
      <c r="E14786" t="s">
        <v>34628</v>
      </c>
      <c r="F14786">
        <v>5</v>
      </c>
      <c r="G14786" t="s">
        <v>1</v>
      </c>
      <c r="H14786" t="s">
        <v>29468</v>
      </c>
      <c r="I14786" t="s">
        <v>30540</v>
      </c>
    </row>
    <row r="14787" spans="1:9">
      <c r="A14787" s="1">
        <f ca="1">RAND()</f>
        <v>0.55188114319850934</v>
      </c>
      <c r="B14787" s="1"/>
      <c r="C14787">
        <v>11</v>
      </c>
      <c r="D14787" t="s">
        <v>29469</v>
      </c>
      <c r="E14787" t="s">
        <v>34628</v>
      </c>
      <c r="F14787">
        <v>5</v>
      </c>
      <c r="G14787" t="s">
        <v>0</v>
      </c>
      <c r="H14787" t="s">
        <v>29470</v>
      </c>
      <c r="I14787" t="s">
        <v>30540</v>
      </c>
    </row>
    <row r="14788" spans="1:9">
      <c r="A14788" s="1">
        <f ca="1">RAND()</f>
        <v>0.81923733466862891</v>
      </c>
      <c r="B14788" s="1"/>
      <c r="C14788">
        <v>17</v>
      </c>
      <c r="D14788" t="s">
        <v>29473</v>
      </c>
      <c r="E14788" t="s">
        <v>34628</v>
      </c>
      <c r="F14788">
        <v>4</v>
      </c>
      <c r="G14788" t="s">
        <v>0</v>
      </c>
      <c r="H14788" t="s">
        <v>29474</v>
      </c>
      <c r="I14788" t="s">
        <v>30540</v>
      </c>
    </row>
    <row r="14789" spans="1:9">
      <c r="A14789" s="1">
        <f ca="1">RAND()</f>
        <v>0.19397518005534242</v>
      </c>
      <c r="B14789" s="1"/>
      <c r="C14789">
        <v>13</v>
      </c>
      <c r="D14789" t="s">
        <v>29471</v>
      </c>
      <c r="E14789" t="s">
        <v>34628</v>
      </c>
      <c r="F14789">
        <v>4</v>
      </c>
      <c r="G14789" t="s">
        <v>0</v>
      </c>
      <c r="H14789" t="s">
        <v>29472</v>
      </c>
      <c r="I14789" t="s">
        <v>30540</v>
      </c>
    </row>
    <row r="14790" spans="1:9">
      <c r="A14790" s="1">
        <f ca="1">RAND()</f>
        <v>0.760881524198879</v>
      </c>
      <c r="B14790" s="1"/>
      <c r="C14790">
        <v>9</v>
      </c>
      <c r="D14790" t="s">
        <v>29465</v>
      </c>
      <c r="E14790" t="s">
        <v>34628</v>
      </c>
      <c r="F14790">
        <v>4</v>
      </c>
      <c r="G14790" t="s">
        <v>0</v>
      </c>
      <c r="H14790" t="s">
        <v>29466</v>
      </c>
      <c r="I14790" t="s">
        <v>30540</v>
      </c>
    </row>
    <row r="14791" spans="1:9">
      <c r="A14791" s="1">
        <f ca="1">RAND()</f>
        <v>0.26838212077333157</v>
      </c>
      <c r="B14791" s="1"/>
      <c r="C14791">
        <v>9</v>
      </c>
      <c r="D14791" t="s">
        <v>29457</v>
      </c>
      <c r="E14791" t="s">
        <v>34629</v>
      </c>
      <c r="F14791">
        <v>5</v>
      </c>
      <c r="G14791" t="s">
        <v>0</v>
      </c>
      <c r="H14791" t="s">
        <v>29458</v>
      </c>
      <c r="I14791" t="s">
        <v>30540</v>
      </c>
    </row>
    <row r="14792" spans="1:9">
      <c r="A14792" s="1">
        <f ca="1">RAND()</f>
        <v>0.25201695540726077</v>
      </c>
      <c r="B14792" s="1"/>
      <c r="C14792">
        <v>14</v>
      </c>
      <c r="D14792" t="s">
        <v>29461</v>
      </c>
      <c r="E14792" t="s">
        <v>34629</v>
      </c>
      <c r="F14792">
        <v>4</v>
      </c>
      <c r="G14792" t="s">
        <v>0</v>
      </c>
      <c r="H14792" t="s">
        <v>29462</v>
      </c>
      <c r="I14792" t="s">
        <v>30540</v>
      </c>
    </row>
    <row r="14793" spans="1:9">
      <c r="A14793" s="1">
        <f ca="1">RAND()</f>
        <v>0.47366437973659292</v>
      </c>
      <c r="B14793" s="1"/>
      <c r="C14793">
        <v>12</v>
      </c>
      <c r="D14793" t="s">
        <v>29459</v>
      </c>
      <c r="E14793" t="s">
        <v>34629</v>
      </c>
      <c r="F14793">
        <v>4</v>
      </c>
      <c r="G14793" t="s">
        <v>0</v>
      </c>
      <c r="H14793" t="s">
        <v>29460</v>
      </c>
      <c r="I14793" t="s">
        <v>30540</v>
      </c>
    </row>
    <row r="14794" spans="1:9">
      <c r="A14794" s="1">
        <f ca="1">RAND()</f>
        <v>0.50349276898495399</v>
      </c>
      <c r="B14794" s="1"/>
      <c r="C14794">
        <v>15</v>
      </c>
      <c r="D14794" t="s">
        <v>29463</v>
      </c>
      <c r="E14794" t="s">
        <v>34629</v>
      </c>
      <c r="F14794">
        <v>2</v>
      </c>
      <c r="G14794" t="s">
        <v>0</v>
      </c>
      <c r="H14794" t="s">
        <v>29464</v>
      </c>
      <c r="I14794" t="s">
        <v>30540</v>
      </c>
    </row>
    <row r="14795" spans="1:9">
      <c r="A14795" s="1">
        <f ca="1">RAND()</f>
        <v>0.62135910085113122</v>
      </c>
      <c r="B14795" s="1"/>
      <c r="C14795">
        <v>17</v>
      </c>
      <c r="D14795" t="s">
        <v>29455</v>
      </c>
      <c r="E14795" t="s">
        <v>34630</v>
      </c>
      <c r="F14795">
        <v>5</v>
      </c>
      <c r="G14795" t="s">
        <v>14</v>
      </c>
      <c r="H14795" t="s">
        <v>29456</v>
      </c>
      <c r="I14795" t="s">
        <v>30540</v>
      </c>
    </row>
    <row r="14796" spans="1:9">
      <c r="A14796" s="1">
        <f ca="1">RAND()</f>
        <v>0.5784517749306789</v>
      </c>
      <c r="B14796" s="1"/>
      <c r="C14796">
        <v>2</v>
      </c>
      <c r="D14796" t="s">
        <v>29443</v>
      </c>
      <c r="E14796" t="s">
        <v>34630</v>
      </c>
      <c r="F14796">
        <v>4</v>
      </c>
      <c r="G14796" t="s">
        <v>0</v>
      </c>
      <c r="H14796" t="s">
        <v>29444</v>
      </c>
      <c r="I14796" t="s">
        <v>30540</v>
      </c>
    </row>
    <row r="14797" spans="1:9">
      <c r="A14797" s="1">
        <f ca="1">RAND()</f>
        <v>0.90001810933428117</v>
      </c>
      <c r="B14797" s="1"/>
      <c r="C14797">
        <v>3</v>
      </c>
      <c r="D14797" t="s">
        <v>29445</v>
      </c>
      <c r="E14797" t="s">
        <v>34630</v>
      </c>
      <c r="F14797">
        <v>4</v>
      </c>
      <c r="G14797" t="s">
        <v>0</v>
      </c>
      <c r="H14797" t="s">
        <v>29446</v>
      </c>
      <c r="I14797" t="s">
        <v>30540</v>
      </c>
    </row>
    <row r="14798" spans="1:9">
      <c r="A14798" s="1">
        <f ca="1">RAND()</f>
        <v>0.36410885413004779</v>
      </c>
      <c r="B14798" s="1"/>
      <c r="C14798">
        <v>10</v>
      </c>
      <c r="D14798" t="s">
        <v>29451</v>
      </c>
      <c r="E14798" t="s">
        <v>34630</v>
      </c>
      <c r="F14798">
        <v>4</v>
      </c>
      <c r="G14798" t="s">
        <v>1</v>
      </c>
      <c r="H14798" t="s">
        <v>29452</v>
      </c>
      <c r="I14798" t="s">
        <v>30540</v>
      </c>
    </row>
    <row r="14799" spans="1:9">
      <c r="A14799" s="1">
        <f ca="1">RAND()</f>
        <v>0.33174482617562961</v>
      </c>
      <c r="B14799" s="1"/>
      <c r="C14799">
        <v>5</v>
      </c>
      <c r="D14799" t="s">
        <v>29447</v>
      </c>
      <c r="E14799" t="s">
        <v>34630</v>
      </c>
      <c r="F14799">
        <v>4</v>
      </c>
      <c r="G14799" t="s">
        <v>14</v>
      </c>
      <c r="H14799" t="s">
        <v>29448</v>
      </c>
      <c r="I14799" t="s">
        <v>30540</v>
      </c>
    </row>
    <row r="14800" spans="1:9">
      <c r="A14800" s="1">
        <f ca="1">RAND()</f>
        <v>0.30607472040842165</v>
      </c>
      <c r="B14800" s="1"/>
      <c r="C14800">
        <v>9</v>
      </c>
      <c r="D14800" t="s">
        <v>29449</v>
      </c>
      <c r="E14800" t="s">
        <v>34630</v>
      </c>
      <c r="F14800">
        <v>4</v>
      </c>
      <c r="G14800" t="s">
        <v>0</v>
      </c>
      <c r="H14800" t="s">
        <v>29450</v>
      </c>
      <c r="I14800" t="s">
        <v>30540</v>
      </c>
    </row>
    <row r="14801" spans="1:9">
      <c r="A14801" s="1">
        <f ca="1">RAND()</f>
        <v>0.13727336341731922</v>
      </c>
      <c r="B14801" s="1"/>
      <c r="C14801">
        <v>16</v>
      </c>
      <c r="D14801" t="s">
        <v>29453</v>
      </c>
      <c r="E14801" t="s">
        <v>34630</v>
      </c>
      <c r="F14801">
        <v>3</v>
      </c>
      <c r="G14801" t="s">
        <v>0</v>
      </c>
      <c r="H14801" t="s">
        <v>29454</v>
      </c>
      <c r="I14801" t="s">
        <v>30540</v>
      </c>
    </row>
    <row r="14802" spans="1:9">
      <c r="A14802" s="1">
        <f ca="1">RAND()</f>
        <v>0.30282389197795356</v>
      </c>
      <c r="B14802" s="1"/>
      <c r="C14802">
        <v>2</v>
      </c>
      <c r="D14802" t="s">
        <v>29431</v>
      </c>
      <c r="E14802" t="s">
        <v>34631</v>
      </c>
      <c r="F14802">
        <v>5</v>
      </c>
      <c r="G14802" t="s">
        <v>10</v>
      </c>
      <c r="H14802" t="s">
        <v>29432</v>
      </c>
      <c r="I14802" t="s">
        <v>30540</v>
      </c>
    </row>
    <row r="14803" spans="1:9">
      <c r="A14803" s="1">
        <f ca="1">RAND()</f>
        <v>0.90535774626417431</v>
      </c>
      <c r="B14803" s="1"/>
      <c r="C14803">
        <v>15</v>
      </c>
      <c r="D14803" t="s">
        <v>29439</v>
      </c>
      <c r="E14803" t="s">
        <v>34631</v>
      </c>
      <c r="F14803">
        <v>4</v>
      </c>
      <c r="G14803" t="s">
        <v>14</v>
      </c>
      <c r="H14803" t="s">
        <v>29440</v>
      </c>
      <c r="I14803" t="s">
        <v>30540</v>
      </c>
    </row>
    <row r="14804" spans="1:9">
      <c r="A14804" s="1">
        <f ca="1">RAND()</f>
        <v>9.1593045516635274E-2</v>
      </c>
      <c r="B14804" s="1"/>
      <c r="C14804">
        <v>13</v>
      </c>
      <c r="D14804" t="s">
        <v>29437</v>
      </c>
      <c r="E14804" t="s">
        <v>34631</v>
      </c>
      <c r="F14804">
        <v>4</v>
      </c>
      <c r="G14804" t="s">
        <v>0</v>
      </c>
      <c r="H14804" t="s">
        <v>29438</v>
      </c>
      <c r="I14804" t="s">
        <v>30540</v>
      </c>
    </row>
    <row r="14805" spans="1:9">
      <c r="A14805" s="1">
        <f ca="1">RAND()</f>
        <v>0.65640146194002102</v>
      </c>
      <c r="B14805" s="1"/>
      <c r="C14805">
        <v>8</v>
      </c>
      <c r="D14805" t="s">
        <v>29435</v>
      </c>
      <c r="E14805" t="s">
        <v>34631</v>
      </c>
      <c r="F14805">
        <v>4</v>
      </c>
      <c r="G14805" t="s">
        <v>14</v>
      </c>
      <c r="H14805" t="s">
        <v>29436</v>
      </c>
      <c r="I14805" t="s">
        <v>30540</v>
      </c>
    </row>
    <row r="14806" spans="1:9">
      <c r="A14806" s="1">
        <f ca="1">RAND()</f>
        <v>0.59662992010096783</v>
      </c>
      <c r="B14806" s="1"/>
      <c r="C14806">
        <v>3</v>
      </c>
      <c r="D14806" t="s">
        <v>29433</v>
      </c>
      <c r="E14806" t="s">
        <v>34631</v>
      </c>
      <c r="F14806">
        <v>3</v>
      </c>
      <c r="G14806" t="s">
        <v>0</v>
      </c>
      <c r="H14806" t="s">
        <v>29434</v>
      </c>
      <c r="I14806" t="s">
        <v>30540</v>
      </c>
    </row>
    <row r="14807" spans="1:9">
      <c r="A14807" s="1">
        <f ca="1">RAND()</f>
        <v>0.42753987298371399</v>
      </c>
      <c r="B14807" s="1"/>
      <c r="C14807">
        <v>18</v>
      </c>
      <c r="D14807" t="s">
        <v>29441</v>
      </c>
      <c r="E14807" t="s">
        <v>34631</v>
      </c>
      <c r="F14807">
        <v>3</v>
      </c>
      <c r="G14807" t="s">
        <v>0</v>
      </c>
      <c r="H14807" t="s">
        <v>29442</v>
      </c>
      <c r="I14807" t="s">
        <v>30540</v>
      </c>
    </row>
    <row r="14808" spans="1:9">
      <c r="A14808" s="1">
        <f ca="1">RAND()</f>
        <v>0.16283978524401888</v>
      </c>
      <c r="B14808" s="1"/>
      <c r="C14808">
        <v>13</v>
      </c>
      <c r="D14808" t="s">
        <v>29429</v>
      </c>
      <c r="E14808" t="s">
        <v>34632</v>
      </c>
      <c r="F14808">
        <v>4</v>
      </c>
      <c r="G14808" t="s">
        <v>13</v>
      </c>
      <c r="H14808" t="s">
        <v>29430</v>
      </c>
      <c r="I14808" t="s">
        <v>30540</v>
      </c>
    </row>
    <row r="14809" spans="1:9">
      <c r="A14809" s="1">
        <f ca="1">RAND()</f>
        <v>0.1528900017534891</v>
      </c>
      <c r="B14809" s="1"/>
      <c r="C14809">
        <v>9</v>
      </c>
      <c r="D14809" t="s">
        <v>29425</v>
      </c>
      <c r="E14809" t="s">
        <v>34632</v>
      </c>
      <c r="F14809">
        <v>4</v>
      </c>
      <c r="G14809" t="s">
        <v>2</v>
      </c>
      <c r="H14809" t="s">
        <v>29426</v>
      </c>
      <c r="I14809" t="s">
        <v>30540</v>
      </c>
    </row>
    <row r="14810" spans="1:9">
      <c r="A14810" s="1">
        <f ca="1">RAND()</f>
        <v>0.43657961448579274</v>
      </c>
      <c r="B14810" s="1"/>
      <c r="C14810">
        <v>12</v>
      </c>
      <c r="D14810" t="s">
        <v>29427</v>
      </c>
      <c r="E14810" t="s">
        <v>34632</v>
      </c>
      <c r="F14810">
        <v>4</v>
      </c>
      <c r="G14810" t="s">
        <v>13</v>
      </c>
      <c r="H14810" t="s">
        <v>29428</v>
      </c>
      <c r="I14810" t="s">
        <v>30540</v>
      </c>
    </row>
    <row r="14811" spans="1:9">
      <c r="A14811" s="1">
        <f ca="1">RAND()</f>
        <v>0.49076086148885034</v>
      </c>
      <c r="B14811" s="1"/>
      <c r="C14811">
        <v>12</v>
      </c>
      <c r="D14811" t="s">
        <v>29421</v>
      </c>
      <c r="E14811" t="s">
        <v>34633</v>
      </c>
      <c r="F14811">
        <v>5</v>
      </c>
      <c r="G14811" t="s">
        <v>1</v>
      </c>
      <c r="H14811" t="s">
        <v>29422</v>
      </c>
      <c r="I14811" t="s">
        <v>30540</v>
      </c>
    </row>
    <row r="14812" spans="1:9">
      <c r="A14812" s="1">
        <f ca="1">RAND()</f>
        <v>5.9444201573382704E-2</v>
      </c>
      <c r="B14812" s="1"/>
      <c r="C14812">
        <v>6</v>
      </c>
      <c r="D14812" t="s">
        <v>29419</v>
      </c>
      <c r="E14812" t="s">
        <v>34633</v>
      </c>
      <c r="F14812">
        <v>5</v>
      </c>
      <c r="G14812" t="s">
        <v>0</v>
      </c>
      <c r="H14812" t="s">
        <v>29420</v>
      </c>
      <c r="I14812" t="s">
        <v>30540</v>
      </c>
    </row>
    <row r="14813" spans="1:9">
      <c r="A14813" s="1">
        <f ca="1">RAND()</f>
        <v>0.37447185495631974</v>
      </c>
      <c r="B14813" s="1"/>
      <c r="C14813">
        <v>16</v>
      </c>
      <c r="D14813" t="s">
        <v>29423</v>
      </c>
      <c r="E14813" t="s">
        <v>34633</v>
      </c>
      <c r="F14813">
        <v>4</v>
      </c>
      <c r="G14813" t="s">
        <v>0</v>
      </c>
      <c r="H14813" t="s">
        <v>29424</v>
      </c>
      <c r="I14813" t="s">
        <v>30540</v>
      </c>
    </row>
    <row r="14814" spans="1:9">
      <c r="A14814" s="1">
        <f ca="1">RAND()</f>
        <v>9.1605657453182832E-2</v>
      </c>
      <c r="B14814" s="1"/>
      <c r="C14814">
        <v>7</v>
      </c>
      <c r="D14814" t="s">
        <v>29411</v>
      </c>
      <c r="E14814" t="s">
        <v>34634</v>
      </c>
      <c r="F14814">
        <v>4</v>
      </c>
      <c r="G14814" t="s">
        <v>0</v>
      </c>
      <c r="H14814" t="s">
        <v>29412</v>
      </c>
      <c r="I14814" t="s">
        <v>30540</v>
      </c>
    </row>
    <row r="14815" spans="1:9">
      <c r="A14815" s="1">
        <f ca="1">RAND()</f>
        <v>0.34799229789395703</v>
      </c>
      <c r="B14815" s="1"/>
      <c r="C14815">
        <v>10</v>
      </c>
      <c r="D14815" t="s">
        <v>29415</v>
      </c>
      <c r="E14815" t="s">
        <v>34634</v>
      </c>
      <c r="F14815">
        <v>3</v>
      </c>
      <c r="G14815" t="s">
        <v>0</v>
      </c>
      <c r="H14815" t="s">
        <v>29416</v>
      </c>
      <c r="I14815" t="s">
        <v>30540</v>
      </c>
    </row>
    <row r="14816" spans="1:9">
      <c r="A14816" s="1">
        <f ca="1">RAND()</f>
        <v>0.26643379875504125</v>
      </c>
      <c r="B14816" s="1"/>
      <c r="C14816">
        <v>9</v>
      </c>
      <c r="D14816" t="s">
        <v>29413</v>
      </c>
      <c r="E14816" t="s">
        <v>34634</v>
      </c>
      <c r="F14816">
        <v>2</v>
      </c>
      <c r="G14816" t="s">
        <v>0</v>
      </c>
      <c r="H14816" t="s">
        <v>29414</v>
      </c>
      <c r="I14816" t="s">
        <v>30540</v>
      </c>
    </row>
    <row r="14817" spans="1:9">
      <c r="A14817" s="1">
        <f ca="1">RAND()</f>
        <v>0.60356675389171799</v>
      </c>
      <c r="B14817" s="1"/>
      <c r="C14817">
        <v>13</v>
      </c>
      <c r="D14817" t="s">
        <v>29417</v>
      </c>
      <c r="E14817" t="s">
        <v>34634</v>
      </c>
      <c r="F14817">
        <v>2</v>
      </c>
      <c r="G14817" t="s">
        <v>0</v>
      </c>
      <c r="H14817" t="s">
        <v>29418</v>
      </c>
      <c r="I14817" t="s">
        <v>30540</v>
      </c>
    </row>
    <row r="14818" spans="1:9">
      <c r="A14818" s="1">
        <f ca="1">RAND()</f>
        <v>0.97696839894787579</v>
      </c>
      <c r="B14818" s="1"/>
      <c r="C14818">
        <v>16</v>
      </c>
      <c r="D14818" t="s">
        <v>29409</v>
      </c>
      <c r="E14818" t="s">
        <v>34635</v>
      </c>
      <c r="F14818">
        <v>4</v>
      </c>
      <c r="G14818" t="s">
        <v>0</v>
      </c>
      <c r="H14818" t="s">
        <v>29410</v>
      </c>
      <c r="I14818" t="s">
        <v>30540</v>
      </c>
    </row>
    <row r="14819" spans="1:9">
      <c r="A14819" s="1">
        <f ca="1">RAND()</f>
        <v>0.9861729601991911</v>
      </c>
      <c r="B14819" s="1"/>
      <c r="C14819">
        <v>3</v>
      </c>
      <c r="D14819" t="s">
        <v>29401</v>
      </c>
      <c r="E14819" t="s">
        <v>34635</v>
      </c>
      <c r="F14819">
        <v>4</v>
      </c>
      <c r="G14819" t="s">
        <v>0</v>
      </c>
      <c r="H14819" t="s">
        <v>29402</v>
      </c>
      <c r="I14819" t="s">
        <v>30540</v>
      </c>
    </row>
    <row r="14820" spans="1:9">
      <c r="A14820" s="1">
        <f ca="1">RAND()</f>
        <v>0.86658858804485095</v>
      </c>
      <c r="B14820" s="1"/>
      <c r="C14820">
        <v>12</v>
      </c>
      <c r="D14820" t="s">
        <v>29405</v>
      </c>
      <c r="E14820" t="s">
        <v>34635</v>
      </c>
      <c r="F14820">
        <v>4</v>
      </c>
      <c r="G14820" t="s">
        <v>0</v>
      </c>
      <c r="H14820" t="s">
        <v>29406</v>
      </c>
      <c r="I14820" t="s">
        <v>30540</v>
      </c>
    </row>
    <row r="14821" spans="1:9">
      <c r="A14821" s="1">
        <f ca="1">RAND()</f>
        <v>0.69702222583136586</v>
      </c>
      <c r="B14821" s="1"/>
      <c r="C14821">
        <v>15</v>
      </c>
      <c r="D14821" t="s">
        <v>29407</v>
      </c>
      <c r="E14821" t="s">
        <v>34635</v>
      </c>
      <c r="F14821">
        <v>4</v>
      </c>
      <c r="G14821" t="s">
        <v>0</v>
      </c>
      <c r="H14821" t="s">
        <v>29408</v>
      </c>
      <c r="I14821" t="s">
        <v>30540</v>
      </c>
    </row>
    <row r="14822" spans="1:9">
      <c r="A14822" s="1">
        <f ca="1">RAND()</f>
        <v>0.78588183703226777</v>
      </c>
      <c r="B14822" s="1"/>
      <c r="C14822">
        <v>5</v>
      </c>
      <c r="D14822" t="s">
        <v>29403</v>
      </c>
      <c r="E14822" t="s">
        <v>34635</v>
      </c>
      <c r="F14822">
        <v>1</v>
      </c>
      <c r="G14822" t="s">
        <v>0</v>
      </c>
      <c r="H14822" t="s">
        <v>29404</v>
      </c>
      <c r="I14822" t="s">
        <v>30540</v>
      </c>
    </row>
    <row r="14823" spans="1:9">
      <c r="A14823" s="1">
        <f ca="1">RAND()</f>
        <v>0.96113890982464378</v>
      </c>
      <c r="B14823" s="1"/>
      <c r="C14823">
        <v>3</v>
      </c>
      <c r="D14823" t="s">
        <v>29393</v>
      </c>
      <c r="E14823" t="s">
        <v>34636</v>
      </c>
      <c r="F14823">
        <v>4</v>
      </c>
      <c r="G14823" t="s">
        <v>0</v>
      </c>
      <c r="H14823" t="s">
        <v>29394</v>
      </c>
      <c r="I14823" t="s">
        <v>30540</v>
      </c>
    </row>
    <row r="14824" spans="1:9">
      <c r="A14824" s="1">
        <f ca="1">RAND()</f>
        <v>0.28439315353608485</v>
      </c>
      <c r="B14824" s="1"/>
      <c r="C14824">
        <v>1</v>
      </c>
      <c r="D14824" t="s">
        <v>29391</v>
      </c>
      <c r="E14824" t="s">
        <v>34636</v>
      </c>
      <c r="F14824">
        <v>4</v>
      </c>
      <c r="G14824" t="s">
        <v>2</v>
      </c>
      <c r="H14824" t="s">
        <v>29392</v>
      </c>
      <c r="I14824" t="s">
        <v>30540</v>
      </c>
    </row>
    <row r="14825" spans="1:9">
      <c r="A14825" s="1">
        <f ca="1">RAND()</f>
        <v>0.5610778103628975</v>
      </c>
      <c r="B14825" s="1"/>
      <c r="C14825">
        <v>17</v>
      </c>
      <c r="D14825" t="s">
        <v>29397</v>
      </c>
      <c r="E14825" t="s">
        <v>34636</v>
      </c>
      <c r="F14825">
        <v>4</v>
      </c>
      <c r="G14825" t="s">
        <v>0</v>
      </c>
      <c r="H14825" t="s">
        <v>29398</v>
      </c>
      <c r="I14825" t="s">
        <v>30540</v>
      </c>
    </row>
    <row r="14826" spans="1:9">
      <c r="A14826" s="1">
        <f ca="1">RAND()</f>
        <v>0.95057043845176192</v>
      </c>
      <c r="B14826" s="1"/>
      <c r="C14826">
        <v>14</v>
      </c>
      <c r="D14826" t="s">
        <v>29395</v>
      </c>
      <c r="E14826" t="s">
        <v>34636</v>
      </c>
      <c r="F14826">
        <v>4</v>
      </c>
      <c r="G14826" t="s">
        <v>0</v>
      </c>
      <c r="H14826" t="s">
        <v>29396</v>
      </c>
      <c r="I14826" t="s">
        <v>30540</v>
      </c>
    </row>
    <row r="14827" spans="1:9">
      <c r="A14827" s="1">
        <f ca="1">RAND()</f>
        <v>0.87585430877245751</v>
      </c>
      <c r="B14827" s="1"/>
      <c r="C14827">
        <v>20</v>
      </c>
      <c r="D14827" t="s">
        <v>29399</v>
      </c>
      <c r="E14827" t="s">
        <v>34636</v>
      </c>
      <c r="F14827">
        <v>2</v>
      </c>
      <c r="G14827" t="s">
        <v>0</v>
      </c>
      <c r="H14827" t="s">
        <v>29400</v>
      </c>
      <c r="I14827" t="s">
        <v>30540</v>
      </c>
    </row>
    <row r="14828" spans="1:9">
      <c r="A14828" s="1">
        <f ca="1">RAND()</f>
        <v>5.6022705185977406E-2</v>
      </c>
      <c r="B14828" s="1"/>
      <c r="C14828">
        <v>1</v>
      </c>
      <c r="D14828" t="s">
        <v>29381</v>
      </c>
      <c r="E14828" t="s">
        <v>34637</v>
      </c>
      <c r="F14828">
        <v>5</v>
      </c>
      <c r="G14828" t="s">
        <v>1</v>
      </c>
      <c r="H14828" t="s">
        <v>29382</v>
      </c>
      <c r="I14828" t="s">
        <v>30540</v>
      </c>
    </row>
    <row r="14829" spans="1:9">
      <c r="A14829" s="1">
        <f ca="1">RAND()</f>
        <v>0.68242898018856335</v>
      </c>
      <c r="B14829" s="1"/>
      <c r="C14829">
        <v>7</v>
      </c>
      <c r="D14829" t="s">
        <v>29383</v>
      </c>
      <c r="E14829" t="s">
        <v>34637</v>
      </c>
      <c r="F14829">
        <v>5</v>
      </c>
      <c r="G14829" t="s">
        <v>13</v>
      </c>
      <c r="H14829" t="s">
        <v>29384</v>
      </c>
      <c r="I14829" t="s">
        <v>30540</v>
      </c>
    </row>
    <row r="14830" spans="1:9">
      <c r="A14830" s="1">
        <f ca="1">RAND()</f>
        <v>0.73327296274152309</v>
      </c>
      <c r="B14830" s="1"/>
      <c r="C14830">
        <v>14</v>
      </c>
      <c r="D14830" t="s">
        <v>29387</v>
      </c>
      <c r="E14830" t="s">
        <v>34637</v>
      </c>
      <c r="F14830">
        <v>4</v>
      </c>
      <c r="G14830" t="s">
        <v>0</v>
      </c>
      <c r="H14830" t="s">
        <v>29388</v>
      </c>
      <c r="I14830" t="s">
        <v>30540</v>
      </c>
    </row>
    <row r="14831" spans="1:9">
      <c r="A14831" s="1">
        <f ca="1">RAND()</f>
        <v>0.63228349826066021</v>
      </c>
      <c r="B14831" s="1"/>
      <c r="C14831">
        <v>16</v>
      </c>
      <c r="D14831" t="s">
        <v>29389</v>
      </c>
      <c r="E14831" t="s">
        <v>34637</v>
      </c>
      <c r="F14831">
        <v>4</v>
      </c>
      <c r="G14831" t="s">
        <v>0</v>
      </c>
      <c r="H14831" t="s">
        <v>29390</v>
      </c>
      <c r="I14831" t="s">
        <v>30540</v>
      </c>
    </row>
    <row r="14832" spans="1:9">
      <c r="A14832" s="1">
        <f ca="1">RAND()</f>
        <v>0.26498423980914143</v>
      </c>
      <c r="B14832" s="1"/>
      <c r="C14832">
        <v>12</v>
      </c>
      <c r="D14832" t="s">
        <v>29385</v>
      </c>
      <c r="E14832" t="s">
        <v>34637</v>
      </c>
      <c r="F14832">
        <v>2</v>
      </c>
      <c r="G14832" t="s">
        <v>0</v>
      </c>
      <c r="H14832" t="s">
        <v>29386</v>
      </c>
      <c r="I14832" t="s">
        <v>30540</v>
      </c>
    </row>
    <row r="14833" spans="1:9">
      <c r="A14833" s="1">
        <f ca="1">RAND()</f>
        <v>0.65771236161863222</v>
      </c>
      <c r="B14833" s="1"/>
      <c r="C14833">
        <v>4</v>
      </c>
      <c r="D14833" t="s">
        <v>29373</v>
      </c>
      <c r="E14833" t="s">
        <v>34638</v>
      </c>
      <c r="F14833">
        <v>5</v>
      </c>
      <c r="G14833" t="s">
        <v>0</v>
      </c>
      <c r="H14833" t="s">
        <v>29374</v>
      </c>
      <c r="I14833" t="s">
        <v>30540</v>
      </c>
    </row>
    <row r="14834" spans="1:9">
      <c r="A14834" s="1">
        <f ca="1">RAND()</f>
        <v>0.8388247460627557</v>
      </c>
      <c r="B14834" s="1"/>
      <c r="C14834">
        <v>2</v>
      </c>
      <c r="D14834" t="s">
        <v>29371</v>
      </c>
      <c r="E14834" t="s">
        <v>34638</v>
      </c>
      <c r="F14834">
        <v>5</v>
      </c>
      <c r="G14834" t="s">
        <v>10</v>
      </c>
      <c r="H14834" t="s">
        <v>29372</v>
      </c>
      <c r="I14834" t="s">
        <v>30540</v>
      </c>
    </row>
    <row r="14835" spans="1:9">
      <c r="A14835" s="1">
        <f ca="1">RAND()</f>
        <v>0.4917390523937798</v>
      </c>
      <c r="B14835" s="1"/>
      <c r="C14835">
        <v>6</v>
      </c>
      <c r="D14835" t="s">
        <v>29375</v>
      </c>
      <c r="E14835" t="s">
        <v>34638</v>
      </c>
      <c r="F14835">
        <v>4</v>
      </c>
      <c r="G14835" t="s">
        <v>2</v>
      </c>
      <c r="H14835" t="s">
        <v>29376</v>
      </c>
      <c r="I14835" t="s">
        <v>30540</v>
      </c>
    </row>
    <row r="14836" spans="1:9">
      <c r="A14836" s="1">
        <f ca="1">RAND()</f>
        <v>0.47988094784758406</v>
      </c>
      <c r="B14836" s="1"/>
      <c r="C14836">
        <v>10</v>
      </c>
      <c r="D14836" t="s">
        <v>29377</v>
      </c>
      <c r="E14836" t="s">
        <v>34638</v>
      </c>
      <c r="F14836">
        <v>2</v>
      </c>
      <c r="G14836" t="s">
        <v>0</v>
      </c>
      <c r="H14836" t="s">
        <v>29378</v>
      </c>
      <c r="I14836" t="s">
        <v>30540</v>
      </c>
    </row>
    <row r="14837" spans="1:9">
      <c r="A14837" s="1">
        <f ca="1">RAND()</f>
        <v>0.52167818600044702</v>
      </c>
      <c r="B14837" s="1"/>
      <c r="C14837">
        <v>15</v>
      </c>
      <c r="D14837" t="s">
        <v>29379</v>
      </c>
      <c r="E14837" t="s">
        <v>34638</v>
      </c>
      <c r="F14837">
        <v>1</v>
      </c>
      <c r="G14837" t="s">
        <v>0</v>
      </c>
      <c r="H14837" t="s">
        <v>29380</v>
      </c>
      <c r="I14837" t="s">
        <v>30540</v>
      </c>
    </row>
    <row r="14838" spans="1:9">
      <c r="A14838" s="1">
        <f ca="1">RAND()</f>
        <v>0.52959443288034702</v>
      </c>
      <c r="B14838" s="1"/>
      <c r="C14838">
        <v>14</v>
      </c>
      <c r="D14838" t="s">
        <v>29369</v>
      </c>
      <c r="E14838" t="s">
        <v>34639</v>
      </c>
      <c r="F14838">
        <v>2</v>
      </c>
      <c r="G14838" t="s">
        <v>0</v>
      </c>
      <c r="H14838" t="s">
        <v>29370</v>
      </c>
      <c r="I14838" t="s">
        <v>30540</v>
      </c>
    </row>
    <row r="14839" spans="1:9">
      <c r="A14839" s="1">
        <f ca="1">RAND()</f>
        <v>0.45350125869158753</v>
      </c>
      <c r="B14839" s="1"/>
      <c r="C14839">
        <v>1</v>
      </c>
      <c r="D14839" t="s">
        <v>29357</v>
      </c>
      <c r="E14839" t="s">
        <v>34640</v>
      </c>
      <c r="F14839">
        <v>5</v>
      </c>
      <c r="G14839" t="s">
        <v>1</v>
      </c>
      <c r="H14839" t="s">
        <v>29358</v>
      </c>
      <c r="I14839" t="s">
        <v>30540</v>
      </c>
    </row>
    <row r="14840" spans="1:9">
      <c r="A14840" s="1">
        <f ca="1">RAND()</f>
        <v>0.86328190476939071</v>
      </c>
      <c r="B14840" s="1"/>
      <c r="C14840">
        <v>4</v>
      </c>
      <c r="D14840" t="s">
        <v>29361</v>
      </c>
      <c r="E14840" t="s">
        <v>34640</v>
      </c>
      <c r="F14840">
        <v>5</v>
      </c>
      <c r="G14840" t="s">
        <v>13</v>
      </c>
      <c r="H14840" t="s">
        <v>29362</v>
      </c>
      <c r="I14840" t="s">
        <v>30540</v>
      </c>
    </row>
    <row r="14841" spans="1:9">
      <c r="A14841" s="1">
        <f ca="1">RAND()</f>
        <v>0.45028946495165301</v>
      </c>
      <c r="B14841" s="1"/>
      <c r="C14841">
        <v>11</v>
      </c>
      <c r="D14841" t="s">
        <v>29367</v>
      </c>
      <c r="E14841" t="s">
        <v>34640</v>
      </c>
      <c r="F14841">
        <v>5</v>
      </c>
      <c r="G14841" t="s">
        <v>0</v>
      </c>
      <c r="H14841" t="s">
        <v>29368</v>
      </c>
      <c r="I14841" t="s">
        <v>30540</v>
      </c>
    </row>
    <row r="14842" spans="1:9">
      <c r="A14842" s="1">
        <f ca="1">RAND()</f>
        <v>0.65840702313151045</v>
      </c>
      <c r="B14842" s="1"/>
      <c r="C14842">
        <v>7</v>
      </c>
      <c r="D14842" t="s">
        <v>29363</v>
      </c>
      <c r="E14842" t="s">
        <v>34640</v>
      </c>
      <c r="F14842">
        <v>4</v>
      </c>
      <c r="G14842" t="s">
        <v>2</v>
      </c>
      <c r="H14842" t="s">
        <v>29364</v>
      </c>
      <c r="I14842" t="s">
        <v>30540</v>
      </c>
    </row>
    <row r="14843" spans="1:9">
      <c r="A14843" s="1">
        <f ca="1">RAND()</f>
        <v>0.51487955487499237</v>
      </c>
      <c r="B14843" s="1"/>
      <c r="C14843">
        <v>8</v>
      </c>
      <c r="D14843" t="s">
        <v>29365</v>
      </c>
      <c r="E14843" t="s">
        <v>34640</v>
      </c>
      <c r="F14843">
        <v>4</v>
      </c>
      <c r="G14843" t="s">
        <v>0</v>
      </c>
      <c r="H14843" t="s">
        <v>29366</v>
      </c>
      <c r="I14843" t="s">
        <v>30540</v>
      </c>
    </row>
    <row r="14844" spans="1:9">
      <c r="A14844" s="1">
        <f ca="1">RAND()</f>
        <v>0.51840887481890618</v>
      </c>
      <c r="B14844" s="1"/>
      <c r="C14844">
        <v>3</v>
      </c>
      <c r="D14844" t="s">
        <v>29359</v>
      </c>
      <c r="E14844" t="s">
        <v>34640</v>
      </c>
      <c r="F14844">
        <v>3</v>
      </c>
      <c r="G14844" t="s">
        <v>2</v>
      </c>
      <c r="H14844" t="s">
        <v>29360</v>
      </c>
      <c r="I14844" t="s">
        <v>30540</v>
      </c>
    </row>
    <row r="14845" spans="1:9">
      <c r="A14845" s="1">
        <f ca="1">RAND()</f>
        <v>0.25925394779207633</v>
      </c>
      <c r="B14845" s="1"/>
      <c r="C14845">
        <v>12</v>
      </c>
      <c r="D14845" t="s">
        <v>29351</v>
      </c>
      <c r="E14845" t="s">
        <v>34641</v>
      </c>
      <c r="F14845">
        <v>5</v>
      </c>
      <c r="G14845" t="s">
        <v>1</v>
      </c>
      <c r="H14845" t="s">
        <v>29352</v>
      </c>
      <c r="I14845" t="s">
        <v>30540</v>
      </c>
    </row>
    <row r="14846" spans="1:9">
      <c r="A14846" s="1">
        <f ca="1">RAND()</f>
        <v>0.4374577785454169</v>
      </c>
      <c r="B14846" s="1"/>
      <c r="C14846">
        <v>9</v>
      </c>
      <c r="D14846" t="s">
        <v>29347</v>
      </c>
      <c r="E14846" t="s">
        <v>34641</v>
      </c>
      <c r="F14846">
        <v>5</v>
      </c>
      <c r="G14846" t="s">
        <v>1</v>
      </c>
      <c r="H14846" t="s">
        <v>29348</v>
      </c>
      <c r="I14846" t="s">
        <v>30540</v>
      </c>
    </row>
    <row r="14847" spans="1:9">
      <c r="A14847" s="1">
        <f ca="1">RAND()</f>
        <v>3.3321596513123719E-2</v>
      </c>
      <c r="B14847" s="1"/>
      <c r="C14847">
        <v>13</v>
      </c>
      <c r="D14847" t="s">
        <v>29353</v>
      </c>
      <c r="E14847" t="s">
        <v>34641</v>
      </c>
      <c r="F14847">
        <v>4</v>
      </c>
      <c r="G14847" t="s">
        <v>0</v>
      </c>
      <c r="H14847" t="s">
        <v>29354</v>
      </c>
      <c r="I14847" t="s">
        <v>30540</v>
      </c>
    </row>
    <row r="14848" spans="1:9">
      <c r="A14848" s="1">
        <f ca="1">RAND()</f>
        <v>0.73323295042767012</v>
      </c>
      <c r="B14848" s="1"/>
      <c r="C14848">
        <v>2</v>
      </c>
      <c r="D14848" t="s">
        <v>29345</v>
      </c>
      <c r="E14848" t="s">
        <v>34641</v>
      </c>
      <c r="F14848">
        <v>4</v>
      </c>
      <c r="G14848" t="s">
        <v>10</v>
      </c>
      <c r="H14848" t="s">
        <v>29346</v>
      </c>
      <c r="I14848" t="s">
        <v>30540</v>
      </c>
    </row>
    <row r="14849" spans="1:9">
      <c r="A14849" s="1">
        <f ca="1">RAND()</f>
        <v>0.34265673682853015</v>
      </c>
      <c r="B14849" s="1"/>
      <c r="C14849">
        <v>11</v>
      </c>
      <c r="D14849" t="s">
        <v>29349</v>
      </c>
      <c r="E14849" t="s">
        <v>34641</v>
      </c>
      <c r="F14849">
        <v>4</v>
      </c>
      <c r="G14849" t="s">
        <v>13</v>
      </c>
      <c r="H14849" t="s">
        <v>29350</v>
      </c>
      <c r="I14849" t="s">
        <v>30540</v>
      </c>
    </row>
    <row r="14850" spans="1:9">
      <c r="A14850" s="1">
        <f ca="1">RAND()</f>
        <v>0.55129964039566692</v>
      </c>
      <c r="B14850" s="1"/>
      <c r="C14850">
        <v>14</v>
      </c>
      <c r="D14850" t="s">
        <v>29355</v>
      </c>
      <c r="E14850" t="s">
        <v>34641</v>
      </c>
      <c r="F14850">
        <v>4</v>
      </c>
      <c r="G14850" t="s">
        <v>0</v>
      </c>
      <c r="H14850" t="s">
        <v>29356</v>
      </c>
      <c r="I14850" t="s">
        <v>30540</v>
      </c>
    </row>
    <row r="14851" spans="1:9">
      <c r="A14851" s="1">
        <f ca="1">RAND()</f>
        <v>0.40304340449782283</v>
      </c>
      <c r="B14851" s="1"/>
      <c r="C14851">
        <v>12</v>
      </c>
      <c r="D14851" t="s">
        <v>29337</v>
      </c>
      <c r="E14851" t="s">
        <v>34642</v>
      </c>
      <c r="F14851">
        <v>5</v>
      </c>
      <c r="G14851" t="s">
        <v>0</v>
      </c>
      <c r="H14851" t="s">
        <v>29338</v>
      </c>
      <c r="I14851" t="s">
        <v>30540</v>
      </c>
    </row>
    <row r="14852" spans="1:9">
      <c r="A14852" s="1">
        <f ca="1">RAND()</f>
        <v>0.27572677875439011</v>
      </c>
      <c r="B14852" s="1"/>
      <c r="C14852">
        <v>13</v>
      </c>
      <c r="D14852" t="s">
        <v>29339</v>
      </c>
      <c r="E14852" t="s">
        <v>34642</v>
      </c>
      <c r="F14852">
        <v>5</v>
      </c>
      <c r="G14852" t="s">
        <v>13</v>
      </c>
      <c r="H14852" t="s">
        <v>29340</v>
      </c>
      <c r="I14852" t="s">
        <v>30540</v>
      </c>
    </row>
    <row r="14853" spans="1:9">
      <c r="A14853" s="1">
        <f ca="1">RAND()</f>
        <v>0.76718383837061788</v>
      </c>
      <c r="B14853" s="1"/>
      <c r="C14853">
        <v>10</v>
      </c>
      <c r="D14853" t="s">
        <v>29335</v>
      </c>
      <c r="E14853" t="s">
        <v>34642</v>
      </c>
      <c r="F14853">
        <v>5</v>
      </c>
      <c r="G14853" t="s">
        <v>14</v>
      </c>
      <c r="H14853" t="s">
        <v>29336</v>
      </c>
      <c r="I14853" t="s">
        <v>30540</v>
      </c>
    </row>
    <row r="14854" spans="1:9">
      <c r="A14854" s="1">
        <f ca="1">RAND()</f>
        <v>0.31267505640499293</v>
      </c>
      <c r="B14854" s="1"/>
      <c r="C14854">
        <v>17</v>
      </c>
      <c r="D14854" t="s">
        <v>29341</v>
      </c>
      <c r="E14854" t="s">
        <v>34642</v>
      </c>
      <c r="F14854">
        <v>5</v>
      </c>
      <c r="G14854" t="s">
        <v>0</v>
      </c>
      <c r="H14854" t="s">
        <v>29342</v>
      </c>
      <c r="I14854" t="s">
        <v>30540</v>
      </c>
    </row>
    <row r="14855" spans="1:9">
      <c r="A14855" s="1">
        <f ca="1">RAND()</f>
        <v>0.15793486751816588</v>
      </c>
      <c r="B14855" s="1"/>
      <c r="C14855">
        <v>7</v>
      </c>
      <c r="D14855" t="s">
        <v>29331</v>
      </c>
      <c r="E14855" t="s">
        <v>34642</v>
      </c>
      <c r="F14855">
        <v>4</v>
      </c>
      <c r="G14855" t="s">
        <v>0</v>
      </c>
      <c r="H14855" t="s">
        <v>29332</v>
      </c>
      <c r="I14855" t="s">
        <v>30540</v>
      </c>
    </row>
    <row r="14856" spans="1:9">
      <c r="A14856" s="1">
        <f ca="1">RAND()</f>
        <v>0.75150137994675426</v>
      </c>
      <c r="B14856" s="1"/>
      <c r="C14856">
        <v>20</v>
      </c>
      <c r="D14856" t="s">
        <v>29343</v>
      </c>
      <c r="E14856" t="s">
        <v>34642</v>
      </c>
      <c r="F14856">
        <v>4</v>
      </c>
      <c r="G14856" t="s">
        <v>0</v>
      </c>
      <c r="H14856" t="s">
        <v>29344</v>
      </c>
      <c r="I14856" t="s">
        <v>30540</v>
      </c>
    </row>
    <row r="14857" spans="1:9">
      <c r="A14857" s="1">
        <f ca="1">RAND()</f>
        <v>0.55987449773294662</v>
      </c>
      <c r="B14857" s="1"/>
      <c r="C14857">
        <v>5</v>
      </c>
      <c r="D14857" t="s">
        <v>29329</v>
      </c>
      <c r="E14857" t="s">
        <v>34642</v>
      </c>
      <c r="F14857">
        <v>4</v>
      </c>
      <c r="G14857" t="s">
        <v>2</v>
      </c>
      <c r="H14857" t="s">
        <v>29330</v>
      </c>
      <c r="I14857" t="s">
        <v>30540</v>
      </c>
    </row>
    <row r="14858" spans="1:9">
      <c r="A14858" s="1">
        <f ca="1">RAND()</f>
        <v>0.48580772441150322</v>
      </c>
      <c r="B14858" s="1"/>
      <c r="C14858">
        <v>8</v>
      </c>
      <c r="D14858" t="s">
        <v>29333</v>
      </c>
      <c r="E14858" t="s">
        <v>34642</v>
      </c>
      <c r="F14858">
        <v>4</v>
      </c>
      <c r="G14858" t="s">
        <v>0</v>
      </c>
      <c r="H14858" t="s">
        <v>29334</v>
      </c>
      <c r="I14858" t="s">
        <v>30540</v>
      </c>
    </row>
    <row r="14859" spans="1:9">
      <c r="A14859" s="1">
        <f ca="1">RAND()</f>
        <v>0.95809353481280934</v>
      </c>
      <c r="B14859" s="1"/>
      <c r="C14859">
        <v>3</v>
      </c>
      <c r="D14859" t="s">
        <v>29321</v>
      </c>
      <c r="E14859" t="s">
        <v>34643</v>
      </c>
      <c r="F14859">
        <v>4</v>
      </c>
      <c r="G14859" t="s">
        <v>0</v>
      </c>
      <c r="H14859" t="s">
        <v>29322</v>
      </c>
      <c r="I14859" t="s">
        <v>30540</v>
      </c>
    </row>
    <row r="14860" spans="1:9">
      <c r="A14860" s="1">
        <f ca="1">RAND()</f>
        <v>5.3237849995526165E-2</v>
      </c>
      <c r="B14860" s="1"/>
      <c r="C14860">
        <v>4</v>
      </c>
      <c r="D14860" t="s">
        <v>29323</v>
      </c>
      <c r="E14860" t="s">
        <v>34643</v>
      </c>
      <c r="F14860">
        <v>4</v>
      </c>
      <c r="G14860" t="s">
        <v>1</v>
      </c>
      <c r="H14860" t="s">
        <v>29324</v>
      </c>
      <c r="I14860" t="s">
        <v>30540</v>
      </c>
    </row>
    <row r="14861" spans="1:9">
      <c r="A14861" s="1">
        <f ca="1">RAND()</f>
        <v>0.55287202989748019</v>
      </c>
      <c r="B14861" s="1"/>
      <c r="C14861">
        <v>19</v>
      </c>
      <c r="D14861" t="s">
        <v>29327</v>
      </c>
      <c r="E14861" t="s">
        <v>34643</v>
      </c>
      <c r="F14861">
        <v>4</v>
      </c>
      <c r="G14861" t="s">
        <v>10</v>
      </c>
      <c r="H14861" t="s">
        <v>29328</v>
      </c>
      <c r="I14861" t="s">
        <v>30540</v>
      </c>
    </row>
    <row r="14862" spans="1:9">
      <c r="A14862" s="1">
        <f ca="1">RAND()</f>
        <v>0.51205973520210468</v>
      </c>
      <c r="B14862" s="1"/>
      <c r="C14862">
        <v>14</v>
      </c>
      <c r="D14862" t="s">
        <v>29325</v>
      </c>
      <c r="E14862" t="s">
        <v>34643</v>
      </c>
      <c r="F14862">
        <v>4</v>
      </c>
      <c r="G14862" t="s">
        <v>0</v>
      </c>
      <c r="H14862" t="s">
        <v>29326</v>
      </c>
      <c r="I14862" t="s">
        <v>30540</v>
      </c>
    </row>
    <row r="14863" spans="1:9">
      <c r="A14863" s="1">
        <f ca="1">RAND()</f>
        <v>0.9338817032931116</v>
      </c>
      <c r="B14863" s="1"/>
      <c r="C14863">
        <v>17</v>
      </c>
      <c r="D14863" t="s">
        <v>29319</v>
      </c>
      <c r="E14863" t="s">
        <v>34644</v>
      </c>
      <c r="F14863">
        <v>4</v>
      </c>
      <c r="G14863" t="s">
        <v>0</v>
      </c>
      <c r="H14863" t="s">
        <v>29320</v>
      </c>
      <c r="I14863" t="s">
        <v>30540</v>
      </c>
    </row>
    <row r="14864" spans="1:9">
      <c r="A14864" s="1">
        <f ca="1">RAND()</f>
        <v>0.69752396472914069</v>
      </c>
      <c r="B14864" s="1"/>
      <c r="C14864">
        <v>12</v>
      </c>
      <c r="D14864" t="s">
        <v>29317</v>
      </c>
      <c r="E14864" t="s">
        <v>34644</v>
      </c>
      <c r="F14864">
        <v>4</v>
      </c>
      <c r="G14864" t="s">
        <v>0</v>
      </c>
      <c r="H14864" t="s">
        <v>29318</v>
      </c>
      <c r="I14864" t="s">
        <v>30540</v>
      </c>
    </row>
    <row r="14865" spans="1:9">
      <c r="A14865" s="1">
        <f ca="1">RAND()</f>
        <v>0.35020725590721824</v>
      </c>
      <c r="B14865" s="1"/>
      <c r="C14865">
        <v>1</v>
      </c>
      <c r="D14865" t="s">
        <v>29313</v>
      </c>
      <c r="E14865" t="s">
        <v>34644</v>
      </c>
      <c r="F14865">
        <v>4</v>
      </c>
      <c r="G14865" t="s">
        <v>2</v>
      </c>
      <c r="H14865" t="s">
        <v>29314</v>
      </c>
      <c r="I14865" t="s">
        <v>30540</v>
      </c>
    </row>
    <row r="14866" spans="1:9">
      <c r="A14866" s="1">
        <f ca="1">RAND()</f>
        <v>0.48756622363310087</v>
      </c>
      <c r="B14866" s="1"/>
      <c r="C14866">
        <v>7</v>
      </c>
      <c r="D14866" t="s">
        <v>29315</v>
      </c>
      <c r="E14866" t="s">
        <v>34644</v>
      </c>
      <c r="F14866">
        <v>1</v>
      </c>
      <c r="G14866" t="s">
        <v>0</v>
      </c>
      <c r="H14866" t="s">
        <v>29316</v>
      </c>
      <c r="I14866" t="s">
        <v>30540</v>
      </c>
    </row>
    <row r="14867" spans="1:9">
      <c r="A14867" s="1">
        <f ca="1">RAND()</f>
        <v>0.88308539761048199</v>
      </c>
      <c r="B14867" s="1"/>
      <c r="C14867">
        <v>1</v>
      </c>
      <c r="D14867" t="s">
        <v>29303</v>
      </c>
      <c r="E14867" t="s">
        <v>34645</v>
      </c>
      <c r="F14867">
        <v>5</v>
      </c>
      <c r="G14867" t="s">
        <v>0</v>
      </c>
      <c r="H14867" t="s">
        <v>29304</v>
      </c>
      <c r="I14867" t="s">
        <v>30540</v>
      </c>
    </row>
    <row r="14868" spans="1:9">
      <c r="A14868" s="1">
        <f ca="1">RAND()</f>
        <v>0.26638976780468726</v>
      </c>
      <c r="B14868" s="1"/>
      <c r="C14868">
        <v>13</v>
      </c>
      <c r="D14868" t="s">
        <v>29307</v>
      </c>
      <c r="E14868" t="s">
        <v>34645</v>
      </c>
      <c r="F14868">
        <v>4</v>
      </c>
      <c r="G14868" t="s">
        <v>0</v>
      </c>
      <c r="H14868" t="s">
        <v>29308</v>
      </c>
      <c r="I14868" t="s">
        <v>30540</v>
      </c>
    </row>
    <row r="14869" spans="1:9">
      <c r="A14869" s="1">
        <f ca="1">RAND()</f>
        <v>0.93998450141303236</v>
      </c>
      <c r="B14869" s="1"/>
      <c r="C14869">
        <v>16</v>
      </c>
      <c r="D14869" t="s">
        <v>29311</v>
      </c>
      <c r="E14869" t="s">
        <v>34645</v>
      </c>
      <c r="F14869">
        <v>4</v>
      </c>
      <c r="G14869" t="s">
        <v>0</v>
      </c>
      <c r="H14869" t="s">
        <v>29312</v>
      </c>
      <c r="I14869" t="s">
        <v>30540</v>
      </c>
    </row>
    <row r="14870" spans="1:9">
      <c r="A14870" s="1">
        <f ca="1">RAND()</f>
        <v>0.76874545151192042</v>
      </c>
      <c r="B14870" s="1"/>
      <c r="C14870">
        <v>14</v>
      </c>
      <c r="D14870" t="s">
        <v>29309</v>
      </c>
      <c r="E14870" t="s">
        <v>34645</v>
      </c>
      <c r="F14870">
        <v>4</v>
      </c>
      <c r="G14870" t="s">
        <v>0</v>
      </c>
      <c r="H14870" t="s">
        <v>29310</v>
      </c>
      <c r="I14870" t="s">
        <v>30540</v>
      </c>
    </row>
    <row r="14871" spans="1:9">
      <c r="A14871" s="1">
        <f ca="1">RAND()</f>
        <v>0.54162906547569345</v>
      </c>
      <c r="B14871" s="1"/>
      <c r="C14871">
        <v>3</v>
      </c>
      <c r="D14871" t="s">
        <v>29305</v>
      </c>
      <c r="E14871" t="s">
        <v>34645</v>
      </c>
      <c r="F14871">
        <v>2</v>
      </c>
      <c r="G14871" t="s">
        <v>1</v>
      </c>
      <c r="H14871" t="s">
        <v>29306</v>
      </c>
      <c r="I14871" t="s">
        <v>30540</v>
      </c>
    </row>
    <row r="14872" spans="1:9">
      <c r="A14872" s="1">
        <f ca="1">RAND()</f>
        <v>0.36098561216115754</v>
      </c>
      <c r="B14872" s="1"/>
      <c r="C14872">
        <v>15</v>
      </c>
      <c r="D14872" t="s">
        <v>29299</v>
      </c>
      <c r="E14872" t="s">
        <v>34646</v>
      </c>
      <c r="F14872">
        <v>5</v>
      </c>
      <c r="G14872" t="s">
        <v>0</v>
      </c>
      <c r="H14872" t="s">
        <v>29300</v>
      </c>
      <c r="I14872" t="s">
        <v>30540</v>
      </c>
    </row>
    <row r="14873" spans="1:9">
      <c r="A14873" s="1">
        <f ca="1">RAND()</f>
        <v>0.36365398381462855</v>
      </c>
      <c r="B14873" s="1"/>
      <c r="C14873">
        <v>10</v>
      </c>
      <c r="D14873" t="s">
        <v>29293</v>
      </c>
      <c r="E14873" t="s">
        <v>34646</v>
      </c>
      <c r="F14873">
        <v>5</v>
      </c>
      <c r="G14873" t="s">
        <v>0</v>
      </c>
      <c r="H14873" t="s">
        <v>29294</v>
      </c>
      <c r="I14873" t="s">
        <v>30540</v>
      </c>
    </row>
    <row r="14874" spans="1:9">
      <c r="A14874" s="1">
        <f ca="1">RAND()</f>
        <v>0.87666593799270709</v>
      </c>
      <c r="B14874" s="1"/>
      <c r="C14874">
        <v>12</v>
      </c>
      <c r="D14874" t="s">
        <v>29295</v>
      </c>
      <c r="E14874" t="s">
        <v>34646</v>
      </c>
      <c r="F14874">
        <v>4</v>
      </c>
      <c r="G14874" t="s">
        <v>10</v>
      </c>
      <c r="H14874" t="s">
        <v>29296</v>
      </c>
      <c r="I14874" t="s">
        <v>30540</v>
      </c>
    </row>
    <row r="14875" spans="1:9">
      <c r="A14875" s="1">
        <f ca="1">RAND()</f>
        <v>0.99692165173263703</v>
      </c>
      <c r="B14875" s="1"/>
      <c r="C14875">
        <v>18</v>
      </c>
      <c r="D14875" t="s">
        <v>29301</v>
      </c>
      <c r="E14875" t="s">
        <v>34646</v>
      </c>
      <c r="F14875">
        <v>4</v>
      </c>
      <c r="G14875" t="s">
        <v>14</v>
      </c>
      <c r="H14875" t="s">
        <v>29302</v>
      </c>
      <c r="I14875" t="s">
        <v>30540</v>
      </c>
    </row>
    <row r="14876" spans="1:9">
      <c r="A14876" s="1">
        <f ca="1">RAND()</f>
        <v>0.77489941410888874</v>
      </c>
      <c r="B14876" s="1"/>
      <c r="C14876">
        <v>13</v>
      </c>
      <c r="D14876" t="s">
        <v>29297</v>
      </c>
      <c r="E14876" t="s">
        <v>34646</v>
      </c>
      <c r="F14876">
        <v>4</v>
      </c>
      <c r="G14876" t="s">
        <v>0</v>
      </c>
      <c r="H14876" t="s">
        <v>29298</v>
      </c>
      <c r="I14876" t="s">
        <v>30540</v>
      </c>
    </row>
    <row r="14877" spans="1:9">
      <c r="A14877" s="1">
        <f ca="1">RAND()</f>
        <v>0.21845921665019707</v>
      </c>
      <c r="B14877" s="1"/>
      <c r="C14877">
        <v>8</v>
      </c>
      <c r="D14877" t="s">
        <v>29291</v>
      </c>
      <c r="E14877" t="s">
        <v>34646</v>
      </c>
      <c r="F14877">
        <v>4</v>
      </c>
      <c r="G14877" t="s">
        <v>2</v>
      </c>
      <c r="H14877" t="s">
        <v>29292</v>
      </c>
      <c r="I14877" t="s">
        <v>30540</v>
      </c>
    </row>
    <row r="14878" spans="1:9">
      <c r="A14878" s="1">
        <f ca="1">RAND()</f>
        <v>0.22823409439227316</v>
      </c>
      <c r="B14878" s="1"/>
      <c r="C14878">
        <v>11</v>
      </c>
      <c r="D14878" t="s">
        <v>29287</v>
      </c>
      <c r="E14878" t="s">
        <v>34647</v>
      </c>
      <c r="F14878">
        <v>5</v>
      </c>
      <c r="G14878" t="s">
        <v>0</v>
      </c>
      <c r="H14878" t="s">
        <v>29288</v>
      </c>
      <c r="I14878" t="s">
        <v>30540</v>
      </c>
    </row>
    <row r="14879" spans="1:9">
      <c r="A14879" s="1">
        <f ca="1">RAND()</f>
        <v>0.93542282496221407</v>
      </c>
      <c r="B14879" s="1"/>
      <c r="C14879">
        <v>17</v>
      </c>
      <c r="D14879" t="s">
        <v>29289</v>
      </c>
      <c r="E14879" t="s">
        <v>34647</v>
      </c>
      <c r="F14879">
        <v>4</v>
      </c>
      <c r="G14879" t="s">
        <v>15</v>
      </c>
      <c r="H14879" t="s">
        <v>29290</v>
      </c>
      <c r="I14879" t="s">
        <v>30540</v>
      </c>
    </row>
    <row r="14880" spans="1:9">
      <c r="A14880" s="1">
        <f ca="1">RAND()</f>
        <v>0.21605394306148695</v>
      </c>
      <c r="B14880" s="1"/>
      <c r="C14880">
        <v>9</v>
      </c>
      <c r="D14880" t="s">
        <v>29285</v>
      </c>
      <c r="E14880" t="s">
        <v>34647</v>
      </c>
      <c r="F14880">
        <v>4</v>
      </c>
      <c r="G14880" t="s">
        <v>0</v>
      </c>
      <c r="H14880" t="s">
        <v>29286</v>
      </c>
      <c r="I14880" t="s">
        <v>30540</v>
      </c>
    </row>
    <row r="14881" spans="1:9">
      <c r="A14881" s="1">
        <f ca="1">RAND()</f>
        <v>0.95800420549143572</v>
      </c>
      <c r="B14881" s="1"/>
      <c r="C14881">
        <v>3</v>
      </c>
      <c r="D14881" t="s">
        <v>29281</v>
      </c>
      <c r="E14881" t="s">
        <v>34647</v>
      </c>
      <c r="F14881">
        <v>2</v>
      </c>
      <c r="G14881" t="s">
        <v>0</v>
      </c>
      <c r="H14881" t="s">
        <v>29282</v>
      </c>
      <c r="I14881" t="s">
        <v>30540</v>
      </c>
    </row>
    <row r="14882" spans="1:9">
      <c r="A14882" s="1">
        <f ca="1">RAND()</f>
        <v>0.79338254312706347</v>
      </c>
      <c r="B14882" s="1"/>
      <c r="C14882">
        <v>5</v>
      </c>
      <c r="D14882" t="s">
        <v>29283</v>
      </c>
      <c r="E14882" t="s">
        <v>34647</v>
      </c>
      <c r="F14882">
        <v>2</v>
      </c>
      <c r="G14882" t="s">
        <v>10</v>
      </c>
      <c r="H14882" t="s">
        <v>29284</v>
      </c>
      <c r="I14882" t="s">
        <v>30540</v>
      </c>
    </row>
    <row r="14883" spans="1:9">
      <c r="A14883" s="1">
        <f ca="1">RAND()</f>
        <v>0.51383765789242619</v>
      </c>
      <c r="B14883" s="1"/>
      <c r="C14883">
        <v>13</v>
      </c>
      <c r="D14883" t="s">
        <v>29277</v>
      </c>
      <c r="E14883" t="s">
        <v>34648</v>
      </c>
      <c r="F14883">
        <v>4</v>
      </c>
      <c r="G14883" t="s">
        <v>10</v>
      </c>
      <c r="H14883" t="s">
        <v>29278</v>
      </c>
      <c r="I14883" t="s">
        <v>30540</v>
      </c>
    </row>
    <row r="14884" spans="1:9">
      <c r="A14884" s="1">
        <f ca="1">RAND()</f>
        <v>0.84815399151618942</v>
      </c>
      <c r="B14884" s="1"/>
      <c r="C14884">
        <v>12</v>
      </c>
      <c r="D14884" t="s">
        <v>29275</v>
      </c>
      <c r="E14884" t="s">
        <v>34648</v>
      </c>
      <c r="F14884">
        <v>4</v>
      </c>
      <c r="G14884" t="s">
        <v>0</v>
      </c>
      <c r="H14884" t="s">
        <v>29276</v>
      </c>
      <c r="I14884" t="s">
        <v>30540</v>
      </c>
    </row>
    <row r="14885" spans="1:9">
      <c r="A14885" s="1">
        <f ca="1">RAND()</f>
        <v>8.6990984820957018E-2</v>
      </c>
      <c r="B14885" s="1"/>
      <c r="C14885">
        <v>18</v>
      </c>
      <c r="D14885" t="s">
        <v>29279</v>
      </c>
      <c r="E14885" t="s">
        <v>34648</v>
      </c>
      <c r="F14885">
        <v>3</v>
      </c>
      <c r="G14885" t="s">
        <v>2</v>
      </c>
      <c r="H14885" t="s">
        <v>29280</v>
      </c>
      <c r="I14885" t="s">
        <v>30540</v>
      </c>
    </row>
    <row r="14886" spans="1:9">
      <c r="A14886" s="1">
        <f ca="1">RAND()</f>
        <v>0.95037422592344512</v>
      </c>
      <c r="B14886" s="1"/>
      <c r="C14886">
        <v>3</v>
      </c>
      <c r="D14886" t="s">
        <v>29273</v>
      </c>
      <c r="E14886" t="s">
        <v>34648</v>
      </c>
      <c r="F14886">
        <v>2</v>
      </c>
      <c r="G14886" t="s">
        <v>0</v>
      </c>
      <c r="H14886" t="s">
        <v>29274</v>
      </c>
      <c r="I14886" t="s">
        <v>30540</v>
      </c>
    </row>
    <row r="14887" spans="1:9">
      <c r="A14887" s="1">
        <f ca="1">RAND()</f>
        <v>0.91309595554275846</v>
      </c>
      <c r="B14887" s="1"/>
      <c r="C14887">
        <v>10</v>
      </c>
      <c r="D14887" t="s">
        <v>29265</v>
      </c>
      <c r="E14887" t="s">
        <v>34649</v>
      </c>
      <c r="F14887">
        <v>5</v>
      </c>
      <c r="G14887" t="s">
        <v>0</v>
      </c>
      <c r="H14887" t="s">
        <v>29266</v>
      </c>
      <c r="I14887" t="s">
        <v>30540</v>
      </c>
    </row>
    <row r="14888" spans="1:9">
      <c r="A14888" s="1">
        <f ca="1">RAND()</f>
        <v>0.11892061519678898</v>
      </c>
      <c r="B14888" s="1"/>
      <c r="C14888">
        <v>13</v>
      </c>
      <c r="D14888" t="s">
        <v>29267</v>
      </c>
      <c r="E14888" t="s">
        <v>34649</v>
      </c>
      <c r="F14888">
        <v>4</v>
      </c>
      <c r="G14888" t="s">
        <v>0</v>
      </c>
      <c r="H14888" t="s">
        <v>29268</v>
      </c>
      <c r="I14888" t="s">
        <v>30540</v>
      </c>
    </row>
    <row r="14889" spans="1:9">
      <c r="A14889" s="1">
        <f ca="1">RAND()</f>
        <v>0.92383713408903656</v>
      </c>
      <c r="B14889" s="1"/>
      <c r="C14889">
        <v>18</v>
      </c>
      <c r="D14889" t="s">
        <v>29271</v>
      </c>
      <c r="E14889" t="s">
        <v>34649</v>
      </c>
      <c r="F14889">
        <v>4</v>
      </c>
      <c r="G14889" t="s">
        <v>0</v>
      </c>
      <c r="H14889" t="s">
        <v>29272</v>
      </c>
      <c r="I14889" t="s">
        <v>30540</v>
      </c>
    </row>
    <row r="14890" spans="1:9">
      <c r="A14890" s="1">
        <f ca="1">RAND()</f>
        <v>0.63253096731577996</v>
      </c>
      <c r="B14890" s="1"/>
      <c r="C14890">
        <v>3</v>
      </c>
      <c r="D14890" t="s">
        <v>29263</v>
      </c>
      <c r="E14890" t="s">
        <v>34649</v>
      </c>
      <c r="F14890">
        <v>3</v>
      </c>
      <c r="G14890" t="s">
        <v>10</v>
      </c>
      <c r="H14890" t="s">
        <v>29264</v>
      </c>
      <c r="I14890" t="s">
        <v>30540</v>
      </c>
    </row>
    <row r="14891" spans="1:9">
      <c r="A14891" s="1">
        <f ca="1">RAND()</f>
        <v>0.65265972095316083</v>
      </c>
      <c r="B14891" s="1"/>
      <c r="C14891">
        <v>14</v>
      </c>
      <c r="D14891" t="s">
        <v>29269</v>
      </c>
      <c r="E14891" t="s">
        <v>34649</v>
      </c>
      <c r="F14891">
        <v>1</v>
      </c>
      <c r="G14891" t="s">
        <v>2</v>
      </c>
      <c r="H14891" t="s">
        <v>29270</v>
      </c>
      <c r="I14891" t="s">
        <v>30540</v>
      </c>
    </row>
    <row r="14892" spans="1:9">
      <c r="A14892" s="1">
        <f ca="1">RAND()</f>
        <v>0.8968137817605194</v>
      </c>
      <c r="B14892" s="1"/>
      <c r="C14892">
        <v>10</v>
      </c>
      <c r="D14892" t="s">
        <v>29261</v>
      </c>
      <c r="E14892" t="s">
        <v>34650</v>
      </c>
      <c r="F14892">
        <v>5</v>
      </c>
      <c r="G14892" t="s">
        <v>1</v>
      </c>
      <c r="H14892" t="s">
        <v>29262</v>
      </c>
      <c r="I14892" t="s">
        <v>30540</v>
      </c>
    </row>
    <row r="14893" spans="1:9">
      <c r="A14893" s="1">
        <f ca="1">RAND()</f>
        <v>5.3678231026305534E-2</v>
      </c>
      <c r="B14893" s="1"/>
      <c r="C14893">
        <v>6</v>
      </c>
      <c r="D14893" t="s">
        <v>29259</v>
      </c>
      <c r="E14893" t="s">
        <v>34650</v>
      </c>
      <c r="F14893">
        <v>5</v>
      </c>
      <c r="G14893" t="s">
        <v>0</v>
      </c>
      <c r="H14893" t="s">
        <v>29260</v>
      </c>
      <c r="I14893" t="s">
        <v>30540</v>
      </c>
    </row>
    <row r="14894" spans="1:9">
      <c r="A14894" s="1">
        <f ca="1">RAND()</f>
        <v>0.54470523730568332</v>
      </c>
      <c r="B14894" s="1"/>
      <c r="C14894">
        <v>7</v>
      </c>
      <c r="D14894" t="s">
        <v>29253</v>
      </c>
      <c r="E14894" t="s">
        <v>34651</v>
      </c>
      <c r="F14894">
        <v>5</v>
      </c>
      <c r="G14894" t="s">
        <v>14</v>
      </c>
      <c r="H14894" t="s">
        <v>29254</v>
      </c>
      <c r="I14894" t="s">
        <v>30540</v>
      </c>
    </row>
    <row r="14895" spans="1:9">
      <c r="A14895" s="1">
        <f ca="1">RAND()</f>
        <v>0.59648784432520652</v>
      </c>
      <c r="B14895" s="1"/>
      <c r="C14895">
        <v>10</v>
      </c>
      <c r="D14895" t="s">
        <v>29255</v>
      </c>
      <c r="E14895" t="s">
        <v>34651</v>
      </c>
      <c r="F14895">
        <v>5</v>
      </c>
      <c r="G14895" t="s">
        <v>1</v>
      </c>
      <c r="H14895" t="s">
        <v>29256</v>
      </c>
      <c r="I14895" t="s">
        <v>30540</v>
      </c>
    </row>
    <row r="14896" spans="1:9">
      <c r="A14896" s="1">
        <f ca="1">RAND()</f>
        <v>0.76181996233186411</v>
      </c>
      <c r="B14896" s="1"/>
      <c r="C14896">
        <v>2</v>
      </c>
      <c r="D14896" t="s">
        <v>29249</v>
      </c>
      <c r="E14896" t="s">
        <v>34651</v>
      </c>
      <c r="F14896">
        <v>4</v>
      </c>
      <c r="G14896" t="s">
        <v>0</v>
      </c>
      <c r="H14896" t="s">
        <v>29250</v>
      </c>
      <c r="I14896" t="s">
        <v>30540</v>
      </c>
    </row>
    <row r="14897" spans="1:9">
      <c r="A14897" s="1">
        <f ca="1">RAND()</f>
        <v>0.83222393946417161</v>
      </c>
      <c r="B14897" s="1"/>
      <c r="C14897">
        <v>12</v>
      </c>
      <c r="D14897" t="s">
        <v>29257</v>
      </c>
      <c r="E14897" t="s">
        <v>34651</v>
      </c>
      <c r="F14897">
        <v>2</v>
      </c>
      <c r="G14897" t="s">
        <v>0</v>
      </c>
      <c r="H14897" t="s">
        <v>29258</v>
      </c>
      <c r="I14897" t="s">
        <v>30540</v>
      </c>
    </row>
    <row r="14898" spans="1:9">
      <c r="A14898" s="1">
        <f ca="1">RAND()</f>
        <v>0.4960178630431421</v>
      </c>
      <c r="B14898" s="1"/>
      <c r="C14898">
        <v>6</v>
      </c>
      <c r="D14898" t="s">
        <v>29251</v>
      </c>
      <c r="E14898" t="s">
        <v>34651</v>
      </c>
      <c r="F14898">
        <v>0</v>
      </c>
      <c r="G14898" t="s">
        <v>10</v>
      </c>
      <c r="H14898" t="s">
        <v>29252</v>
      </c>
      <c r="I14898" t="s">
        <v>30540</v>
      </c>
    </row>
    <row r="14899" spans="1:9">
      <c r="A14899" s="1">
        <f ca="1">RAND()</f>
        <v>0.9058908118029172</v>
      </c>
      <c r="B14899" s="1"/>
      <c r="C14899">
        <v>9</v>
      </c>
      <c r="D14899" t="s">
        <v>29241</v>
      </c>
      <c r="E14899" t="s">
        <v>34652</v>
      </c>
      <c r="F14899">
        <v>5</v>
      </c>
      <c r="G14899" t="s">
        <v>0</v>
      </c>
      <c r="H14899" t="s">
        <v>29242</v>
      </c>
      <c r="I14899" t="s">
        <v>30540</v>
      </c>
    </row>
    <row r="14900" spans="1:9">
      <c r="A14900" s="1">
        <f ca="1">RAND()</f>
        <v>0.57359069952610786</v>
      </c>
      <c r="B14900" s="1"/>
      <c r="C14900">
        <v>6</v>
      </c>
      <c r="D14900" t="s">
        <v>29239</v>
      </c>
      <c r="E14900" t="s">
        <v>34652</v>
      </c>
      <c r="F14900">
        <v>4</v>
      </c>
      <c r="G14900" t="s">
        <v>14</v>
      </c>
      <c r="H14900" t="s">
        <v>29240</v>
      </c>
      <c r="I14900" t="s">
        <v>30540</v>
      </c>
    </row>
    <row r="14901" spans="1:9">
      <c r="A14901" s="1">
        <f ca="1">RAND()</f>
        <v>0.7416816249850583</v>
      </c>
      <c r="B14901" s="1"/>
      <c r="C14901">
        <v>14</v>
      </c>
      <c r="D14901" t="s">
        <v>29243</v>
      </c>
      <c r="E14901" t="s">
        <v>34652</v>
      </c>
      <c r="F14901">
        <v>4</v>
      </c>
      <c r="G14901" t="s">
        <v>0</v>
      </c>
      <c r="H14901" t="s">
        <v>29244</v>
      </c>
      <c r="I14901" t="s">
        <v>30540</v>
      </c>
    </row>
    <row r="14902" spans="1:9">
      <c r="A14902" s="1">
        <f ca="1">RAND()</f>
        <v>0.45071813947289863</v>
      </c>
      <c r="B14902" s="1"/>
      <c r="C14902">
        <v>18</v>
      </c>
      <c r="D14902" t="s">
        <v>29247</v>
      </c>
      <c r="E14902" t="s">
        <v>34652</v>
      </c>
      <c r="F14902">
        <v>4</v>
      </c>
      <c r="G14902" t="s">
        <v>13</v>
      </c>
      <c r="H14902" t="s">
        <v>29248</v>
      </c>
      <c r="I14902" t="s">
        <v>30540</v>
      </c>
    </row>
    <row r="14903" spans="1:9">
      <c r="A14903" s="1">
        <f ca="1">RAND()</f>
        <v>0.96064791029077634</v>
      </c>
      <c r="B14903" s="1"/>
      <c r="C14903">
        <v>16</v>
      </c>
      <c r="D14903" t="s">
        <v>29245</v>
      </c>
      <c r="E14903" t="s">
        <v>34652</v>
      </c>
      <c r="F14903">
        <v>4</v>
      </c>
      <c r="G14903" t="s">
        <v>0</v>
      </c>
      <c r="H14903" t="s">
        <v>29246</v>
      </c>
      <c r="I14903" t="s">
        <v>30540</v>
      </c>
    </row>
    <row r="14904" spans="1:9">
      <c r="A14904" s="1">
        <f ca="1">RAND()</f>
        <v>5.8052865913747365E-2</v>
      </c>
      <c r="B14904" s="1"/>
      <c r="C14904">
        <v>11</v>
      </c>
      <c r="D14904" t="s">
        <v>29235</v>
      </c>
      <c r="E14904" t="s">
        <v>34653</v>
      </c>
      <c r="F14904">
        <v>5</v>
      </c>
      <c r="G14904" t="s">
        <v>15</v>
      </c>
      <c r="H14904" t="s">
        <v>29236</v>
      </c>
      <c r="I14904" t="s">
        <v>30540</v>
      </c>
    </row>
    <row r="14905" spans="1:9">
      <c r="A14905" s="1">
        <f ca="1">RAND()</f>
        <v>0.77994787251115538</v>
      </c>
      <c r="B14905" s="1"/>
      <c r="C14905">
        <v>4</v>
      </c>
      <c r="D14905" t="s">
        <v>29227</v>
      </c>
      <c r="E14905" t="s">
        <v>34653</v>
      </c>
      <c r="F14905">
        <v>4</v>
      </c>
      <c r="G14905" t="s">
        <v>1</v>
      </c>
      <c r="H14905" t="s">
        <v>29228</v>
      </c>
      <c r="I14905" t="s">
        <v>30540</v>
      </c>
    </row>
    <row r="14906" spans="1:9">
      <c r="A14906" s="1">
        <f ca="1">RAND()</f>
        <v>0.80500963148797555</v>
      </c>
      <c r="B14906" s="1"/>
      <c r="C14906">
        <v>10</v>
      </c>
      <c r="D14906" t="s">
        <v>29233</v>
      </c>
      <c r="E14906" t="s">
        <v>34653</v>
      </c>
      <c r="F14906">
        <v>4</v>
      </c>
      <c r="G14906" t="s">
        <v>14</v>
      </c>
      <c r="H14906" t="s">
        <v>29234</v>
      </c>
      <c r="I14906" t="s">
        <v>30540</v>
      </c>
    </row>
    <row r="14907" spans="1:9">
      <c r="A14907" s="1">
        <f ca="1">RAND()</f>
        <v>0.23467096373909568</v>
      </c>
      <c r="B14907" s="1"/>
      <c r="C14907">
        <v>13</v>
      </c>
      <c r="D14907" t="s">
        <v>29237</v>
      </c>
      <c r="E14907" t="s">
        <v>34653</v>
      </c>
      <c r="F14907">
        <v>4</v>
      </c>
      <c r="G14907" t="s">
        <v>0</v>
      </c>
      <c r="H14907" t="s">
        <v>29238</v>
      </c>
      <c r="I14907" t="s">
        <v>30540</v>
      </c>
    </row>
    <row r="14908" spans="1:9">
      <c r="A14908" s="1">
        <f ca="1">RAND()</f>
        <v>0.90614901019072924</v>
      </c>
      <c r="B14908" s="1"/>
      <c r="C14908">
        <v>6</v>
      </c>
      <c r="D14908" t="s">
        <v>29229</v>
      </c>
      <c r="E14908" t="s">
        <v>34653</v>
      </c>
      <c r="F14908">
        <v>4</v>
      </c>
      <c r="G14908" t="s">
        <v>9</v>
      </c>
      <c r="H14908" t="s">
        <v>29230</v>
      </c>
      <c r="I14908" t="s">
        <v>30540</v>
      </c>
    </row>
    <row r="14909" spans="1:9">
      <c r="A14909" s="1">
        <f ca="1">RAND()</f>
        <v>0.72040961115174418</v>
      </c>
      <c r="B14909" s="1"/>
      <c r="C14909">
        <v>9</v>
      </c>
      <c r="D14909" t="s">
        <v>29231</v>
      </c>
      <c r="E14909" t="s">
        <v>34653</v>
      </c>
      <c r="F14909">
        <v>2</v>
      </c>
      <c r="G14909" t="s">
        <v>0</v>
      </c>
      <c r="H14909" t="s">
        <v>29232</v>
      </c>
      <c r="I14909" t="s">
        <v>30540</v>
      </c>
    </row>
    <row r="14910" spans="1:9">
      <c r="A14910" s="1">
        <f ca="1">RAND()</f>
        <v>0.85470877948688173</v>
      </c>
      <c r="B14910" s="1"/>
      <c r="C14910">
        <v>11</v>
      </c>
      <c r="D14910" t="s">
        <v>29223</v>
      </c>
      <c r="E14910" t="s">
        <v>34654</v>
      </c>
      <c r="F14910">
        <v>5</v>
      </c>
      <c r="G14910" t="s">
        <v>0</v>
      </c>
      <c r="H14910" t="s">
        <v>29224</v>
      </c>
      <c r="I14910" t="s">
        <v>30540</v>
      </c>
    </row>
    <row r="14911" spans="1:9">
      <c r="A14911" s="1">
        <f ca="1">RAND()</f>
        <v>0.65969232511264186</v>
      </c>
      <c r="B14911" s="1"/>
      <c r="C14911">
        <v>8</v>
      </c>
      <c r="D14911" t="s">
        <v>29219</v>
      </c>
      <c r="E14911" t="s">
        <v>34654</v>
      </c>
      <c r="F14911">
        <v>5</v>
      </c>
      <c r="G14911" t="s">
        <v>0</v>
      </c>
      <c r="H14911" t="s">
        <v>29220</v>
      </c>
      <c r="I14911" t="s">
        <v>30540</v>
      </c>
    </row>
    <row r="14912" spans="1:9">
      <c r="A14912" s="1">
        <f ca="1">RAND()</f>
        <v>0.55792517133718944</v>
      </c>
      <c r="B14912" s="1"/>
      <c r="C14912">
        <v>10</v>
      </c>
      <c r="D14912" t="s">
        <v>29221</v>
      </c>
      <c r="E14912" t="s">
        <v>34654</v>
      </c>
      <c r="F14912">
        <v>4</v>
      </c>
      <c r="G14912" t="s">
        <v>0</v>
      </c>
      <c r="H14912" t="s">
        <v>29222</v>
      </c>
      <c r="I14912" t="s">
        <v>30540</v>
      </c>
    </row>
    <row r="14913" spans="1:9">
      <c r="A14913" s="1">
        <f ca="1">RAND()</f>
        <v>0.42251507312056813</v>
      </c>
      <c r="B14913" s="1"/>
      <c r="C14913">
        <v>6</v>
      </c>
      <c r="D14913" t="s">
        <v>29217</v>
      </c>
      <c r="E14913" t="s">
        <v>34654</v>
      </c>
      <c r="F14913">
        <v>4</v>
      </c>
      <c r="G14913" t="s">
        <v>9</v>
      </c>
      <c r="H14913" t="s">
        <v>29218</v>
      </c>
      <c r="I14913" t="s">
        <v>30540</v>
      </c>
    </row>
    <row r="14914" spans="1:9">
      <c r="A14914" s="1">
        <f ca="1">RAND()</f>
        <v>0.95760298467179172</v>
      </c>
      <c r="B14914" s="1"/>
      <c r="C14914">
        <v>15</v>
      </c>
      <c r="D14914" t="s">
        <v>29225</v>
      </c>
      <c r="E14914" t="s">
        <v>34654</v>
      </c>
      <c r="F14914">
        <v>2</v>
      </c>
      <c r="G14914" t="s">
        <v>0</v>
      </c>
      <c r="H14914" t="s">
        <v>29226</v>
      </c>
      <c r="I14914" t="s">
        <v>30540</v>
      </c>
    </row>
    <row r="14915" spans="1:9">
      <c r="A14915" s="1">
        <f ca="1">RAND()</f>
        <v>0.92049367547964267</v>
      </c>
      <c r="B14915" s="1"/>
      <c r="C14915">
        <v>14</v>
      </c>
      <c r="D14915" t="s">
        <v>29215</v>
      </c>
      <c r="E14915" t="s">
        <v>34655</v>
      </c>
      <c r="F14915">
        <v>5</v>
      </c>
      <c r="G14915" t="s">
        <v>0</v>
      </c>
      <c r="H14915" t="s">
        <v>29216</v>
      </c>
      <c r="I14915" t="s">
        <v>30540</v>
      </c>
    </row>
    <row r="14916" spans="1:9">
      <c r="A14916" s="1">
        <f ca="1">RAND()</f>
        <v>0.9642625564695757</v>
      </c>
      <c r="B14916" s="1"/>
      <c r="C14916">
        <v>2</v>
      </c>
      <c r="D14916" t="s">
        <v>29211</v>
      </c>
      <c r="E14916" t="s">
        <v>34655</v>
      </c>
      <c r="F14916">
        <v>4</v>
      </c>
      <c r="G14916" t="s">
        <v>2</v>
      </c>
      <c r="H14916" t="s">
        <v>29212</v>
      </c>
      <c r="I14916" t="s">
        <v>30540</v>
      </c>
    </row>
    <row r="14917" spans="1:9">
      <c r="A14917" s="1">
        <f ca="1">RAND()</f>
        <v>0.52714120526160524</v>
      </c>
      <c r="B14917" s="1"/>
      <c r="C14917">
        <v>3</v>
      </c>
      <c r="D14917" t="s">
        <v>29213</v>
      </c>
      <c r="E14917" t="s">
        <v>34655</v>
      </c>
      <c r="F14917">
        <v>4</v>
      </c>
      <c r="G14917" t="s">
        <v>0</v>
      </c>
      <c r="H14917" t="s">
        <v>29214</v>
      </c>
      <c r="I14917" t="s">
        <v>30540</v>
      </c>
    </row>
    <row r="14918" spans="1:9">
      <c r="A14918" s="1">
        <f ca="1">RAND()</f>
        <v>3.3288811775685323E-2</v>
      </c>
      <c r="B14918" s="1"/>
      <c r="C14918">
        <v>13</v>
      </c>
      <c r="D14918" t="s">
        <v>29205</v>
      </c>
      <c r="E14918" t="s">
        <v>34656</v>
      </c>
      <c r="F14918">
        <v>5</v>
      </c>
      <c r="G14918" t="s">
        <v>1</v>
      </c>
      <c r="H14918" t="s">
        <v>29206</v>
      </c>
      <c r="I14918" t="s">
        <v>30540</v>
      </c>
    </row>
    <row r="14919" spans="1:9">
      <c r="A14919" s="1">
        <f ca="1">RAND()</f>
        <v>0.81259880244594784</v>
      </c>
      <c r="B14919" s="1"/>
      <c r="C14919">
        <v>15</v>
      </c>
      <c r="D14919" t="s">
        <v>29209</v>
      </c>
      <c r="E14919" t="s">
        <v>34656</v>
      </c>
      <c r="F14919">
        <v>4</v>
      </c>
      <c r="G14919" t="s">
        <v>13</v>
      </c>
      <c r="H14919" t="s">
        <v>29210</v>
      </c>
      <c r="I14919" t="s">
        <v>30540</v>
      </c>
    </row>
    <row r="14920" spans="1:9">
      <c r="A14920" s="1">
        <f ca="1">RAND()</f>
        <v>0.90407383841556632</v>
      </c>
      <c r="B14920" s="1"/>
      <c r="C14920">
        <v>11</v>
      </c>
      <c r="D14920" t="s">
        <v>29203</v>
      </c>
      <c r="E14920" t="s">
        <v>34656</v>
      </c>
      <c r="F14920">
        <v>3</v>
      </c>
      <c r="G14920" t="s">
        <v>1</v>
      </c>
      <c r="H14920" t="s">
        <v>29204</v>
      </c>
      <c r="I14920" t="s">
        <v>30540</v>
      </c>
    </row>
    <row r="14921" spans="1:9">
      <c r="A14921" s="1">
        <f ca="1">RAND()</f>
        <v>0.63158627583591609</v>
      </c>
      <c r="B14921" s="1"/>
      <c r="C14921">
        <v>14</v>
      </c>
      <c r="D14921" t="s">
        <v>29207</v>
      </c>
      <c r="E14921" t="s">
        <v>34656</v>
      </c>
      <c r="F14921">
        <v>1</v>
      </c>
      <c r="G14921" t="s">
        <v>0</v>
      </c>
      <c r="H14921" t="s">
        <v>29208</v>
      </c>
      <c r="I14921" t="s">
        <v>30540</v>
      </c>
    </row>
    <row r="14922" spans="1:9">
      <c r="A14922" s="1">
        <f ca="1">RAND()</f>
        <v>0.44673123993799657</v>
      </c>
      <c r="B14922" s="1"/>
      <c r="C14922">
        <v>5</v>
      </c>
      <c r="D14922" t="s">
        <v>29191</v>
      </c>
      <c r="E14922" t="s">
        <v>34657</v>
      </c>
      <c r="F14922">
        <v>5</v>
      </c>
      <c r="G14922" t="s">
        <v>0</v>
      </c>
      <c r="H14922" t="s">
        <v>29192</v>
      </c>
      <c r="I14922" t="s">
        <v>30540</v>
      </c>
    </row>
    <row r="14923" spans="1:9">
      <c r="A14923" s="1">
        <f ca="1">RAND()</f>
        <v>0.86883893707756488</v>
      </c>
      <c r="B14923" s="1"/>
      <c r="C14923">
        <v>16</v>
      </c>
      <c r="D14923" t="s">
        <v>29199</v>
      </c>
      <c r="E14923" t="s">
        <v>34657</v>
      </c>
      <c r="F14923">
        <v>4</v>
      </c>
      <c r="G14923" t="s">
        <v>0</v>
      </c>
      <c r="H14923" t="s">
        <v>29200</v>
      </c>
      <c r="I14923" t="s">
        <v>30540</v>
      </c>
    </row>
    <row r="14924" spans="1:9">
      <c r="A14924" s="1">
        <f ca="1">RAND()</f>
        <v>0.29486812367310478</v>
      </c>
      <c r="B14924" s="1"/>
      <c r="C14924">
        <v>12</v>
      </c>
      <c r="D14924" t="s">
        <v>29195</v>
      </c>
      <c r="E14924" t="s">
        <v>34657</v>
      </c>
      <c r="F14924">
        <v>4</v>
      </c>
      <c r="G14924" t="s">
        <v>10</v>
      </c>
      <c r="H14924" t="s">
        <v>29196</v>
      </c>
      <c r="I14924" t="s">
        <v>30540</v>
      </c>
    </row>
    <row r="14925" spans="1:9">
      <c r="A14925" s="1">
        <f ca="1">RAND()</f>
        <v>0.31822197154262744</v>
      </c>
      <c r="B14925" s="1"/>
      <c r="C14925">
        <v>17</v>
      </c>
      <c r="D14925" t="s">
        <v>29201</v>
      </c>
      <c r="E14925" t="s">
        <v>34657</v>
      </c>
      <c r="F14925">
        <v>4</v>
      </c>
      <c r="G14925" t="s">
        <v>0</v>
      </c>
      <c r="H14925" t="s">
        <v>29202</v>
      </c>
      <c r="I14925" t="s">
        <v>30540</v>
      </c>
    </row>
    <row r="14926" spans="1:9">
      <c r="A14926" s="1">
        <f ca="1">RAND()</f>
        <v>0.99815038476073936</v>
      </c>
      <c r="B14926" s="1"/>
      <c r="C14926">
        <v>7</v>
      </c>
      <c r="D14926" t="s">
        <v>29193</v>
      </c>
      <c r="E14926" t="s">
        <v>34657</v>
      </c>
      <c r="F14926">
        <v>2</v>
      </c>
      <c r="G14926" t="s">
        <v>0</v>
      </c>
      <c r="H14926" t="s">
        <v>29194</v>
      </c>
      <c r="I14926" t="s">
        <v>30540</v>
      </c>
    </row>
    <row r="14927" spans="1:9">
      <c r="A14927" s="1">
        <f ca="1">RAND()</f>
        <v>0.9501915274445718</v>
      </c>
      <c r="B14927" s="1"/>
      <c r="C14927">
        <v>13</v>
      </c>
      <c r="D14927" t="s">
        <v>29197</v>
      </c>
      <c r="E14927" t="s">
        <v>34657</v>
      </c>
      <c r="F14927">
        <v>2</v>
      </c>
      <c r="G14927" t="s">
        <v>0</v>
      </c>
      <c r="H14927" t="s">
        <v>29198</v>
      </c>
      <c r="I14927" t="s">
        <v>30540</v>
      </c>
    </row>
    <row r="14928" spans="1:9">
      <c r="A14928" s="1">
        <f ca="1">RAND()</f>
        <v>0.53900720061273211</v>
      </c>
      <c r="B14928" s="1"/>
      <c r="C14928">
        <v>10</v>
      </c>
      <c r="D14928" t="s">
        <v>29185</v>
      </c>
      <c r="E14928" t="s">
        <v>34658</v>
      </c>
      <c r="F14928">
        <v>4</v>
      </c>
      <c r="G14928" t="s">
        <v>0</v>
      </c>
      <c r="H14928" t="s">
        <v>29186</v>
      </c>
      <c r="I14928" t="s">
        <v>30540</v>
      </c>
    </row>
    <row r="14929" spans="1:9">
      <c r="A14929" s="1">
        <f ca="1">RAND()</f>
        <v>0.29827138990961233</v>
      </c>
      <c r="B14929" s="1"/>
      <c r="C14929">
        <v>16</v>
      </c>
      <c r="D14929" t="s">
        <v>29189</v>
      </c>
      <c r="E14929" t="s">
        <v>34658</v>
      </c>
      <c r="F14929">
        <v>3</v>
      </c>
      <c r="G14929" t="s">
        <v>0</v>
      </c>
      <c r="H14929" t="s">
        <v>29190</v>
      </c>
      <c r="I14929" t="s">
        <v>30540</v>
      </c>
    </row>
    <row r="14930" spans="1:9">
      <c r="A14930" s="1">
        <f ca="1">RAND()</f>
        <v>0.45582878616613487</v>
      </c>
      <c r="B14930" s="1"/>
      <c r="C14930">
        <v>9</v>
      </c>
      <c r="D14930" t="s">
        <v>29183</v>
      </c>
      <c r="E14930" t="s">
        <v>34658</v>
      </c>
      <c r="F14930">
        <v>3</v>
      </c>
      <c r="G14930" t="s">
        <v>0</v>
      </c>
      <c r="H14930" t="s">
        <v>29184</v>
      </c>
      <c r="I14930" t="s">
        <v>30540</v>
      </c>
    </row>
    <row r="14931" spans="1:9">
      <c r="A14931" s="1">
        <f ca="1">RAND()</f>
        <v>0.78584302104952897</v>
      </c>
      <c r="B14931" s="1"/>
      <c r="C14931">
        <v>15</v>
      </c>
      <c r="D14931" t="s">
        <v>29187</v>
      </c>
      <c r="E14931" t="s">
        <v>34658</v>
      </c>
      <c r="F14931">
        <v>2</v>
      </c>
      <c r="G14931" t="s">
        <v>1</v>
      </c>
      <c r="H14931" t="s">
        <v>29188</v>
      </c>
      <c r="I14931" t="s">
        <v>30540</v>
      </c>
    </row>
    <row r="14932" spans="1:9">
      <c r="A14932" s="1">
        <f ca="1">RAND()</f>
        <v>0.65975660980659256</v>
      </c>
      <c r="B14932" s="1"/>
      <c r="C14932">
        <v>3</v>
      </c>
      <c r="D14932" t="s">
        <v>29179</v>
      </c>
      <c r="E14932" t="s">
        <v>34659</v>
      </c>
      <c r="F14932">
        <v>4</v>
      </c>
      <c r="G14932" t="s">
        <v>0</v>
      </c>
      <c r="H14932" t="s">
        <v>29180</v>
      </c>
      <c r="I14932" t="s">
        <v>30540</v>
      </c>
    </row>
    <row r="14933" spans="1:9">
      <c r="A14933" s="1">
        <f ca="1">RAND()</f>
        <v>7.7816925433433326E-2</v>
      </c>
      <c r="B14933" s="1"/>
      <c r="C14933">
        <v>6</v>
      </c>
      <c r="D14933" t="s">
        <v>29181</v>
      </c>
      <c r="E14933" t="s">
        <v>34659</v>
      </c>
      <c r="F14933">
        <v>3</v>
      </c>
      <c r="G14933" t="s">
        <v>0</v>
      </c>
      <c r="H14933" t="s">
        <v>29182</v>
      </c>
      <c r="I14933" t="s">
        <v>30540</v>
      </c>
    </row>
    <row r="14934" spans="1:9">
      <c r="A14934" s="1">
        <f ca="1">RAND()</f>
        <v>0.21524721149735981</v>
      </c>
      <c r="B14934" s="1"/>
      <c r="C14934">
        <v>7</v>
      </c>
      <c r="D14934" t="s">
        <v>29171</v>
      </c>
      <c r="E14934" t="s">
        <v>34660</v>
      </c>
      <c r="F14934">
        <v>5</v>
      </c>
      <c r="G14934" t="s">
        <v>0</v>
      </c>
      <c r="H14934" t="s">
        <v>29172</v>
      </c>
      <c r="I14934" t="s">
        <v>30540</v>
      </c>
    </row>
    <row r="14935" spans="1:9">
      <c r="A14935" s="1">
        <f ca="1">RAND()</f>
        <v>0.56088564947952424</v>
      </c>
      <c r="B14935" s="1"/>
      <c r="C14935">
        <v>12</v>
      </c>
      <c r="D14935" t="s">
        <v>29175</v>
      </c>
      <c r="E14935" t="s">
        <v>34660</v>
      </c>
      <c r="F14935">
        <v>4</v>
      </c>
      <c r="G14935" t="s">
        <v>0</v>
      </c>
      <c r="H14935" t="s">
        <v>29176</v>
      </c>
      <c r="I14935" t="s">
        <v>30540</v>
      </c>
    </row>
    <row r="14936" spans="1:9">
      <c r="A14936" s="1">
        <f ca="1">RAND()</f>
        <v>0.77203642868265521</v>
      </c>
      <c r="B14936" s="1"/>
      <c r="C14936">
        <v>14</v>
      </c>
      <c r="D14936" t="s">
        <v>29177</v>
      </c>
      <c r="E14936" t="s">
        <v>34660</v>
      </c>
      <c r="F14936">
        <v>3</v>
      </c>
      <c r="G14936" t="s">
        <v>14</v>
      </c>
      <c r="H14936" t="s">
        <v>29178</v>
      </c>
      <c r="I14936" t="s">
        <v>30540</v>
      </c>
    </row>
    <row r="14937" spans="1:9">
      <c r="A14937" s="1">
        <f ca="1">RAND()</f>
        <v>0.14306192528393491</v>
      </c>
      <c r="B14937" s="1"/>
      <c r="C14937">
        <v>8</v>
      </c>
      <c r="D14937" t="s">
        <v>29173</v>
      </c>
      <c r="E14937" t="s">
        <v>34660</v>
      </c>
      <c r="F14937">
        <v>3</v>
      </c>
      <c r="G14937" t="s">
        <v>9</v>
      </c>
      <c r="H14937" t="s">
        <v>29174</v>
      </c>
      <c r="I14937" t="s">
        <v>30540</v>
      </c>
    </row>
    <row r="14938" spans="1:9">
      <c r="A14938" s="1">
        <f ca="1">RAND()</f>
        <v>0.7948931065871655</v>
      </c>
      <c r="B14938" s="1"/>
      <c r="C14938">
        <v>7</v>
      </c>
      <c r="D14938" t="s">
        <v>29167</v>
      </c>
      <c r="E14938" t="s">
        <v>34661</v>
      </c>
      <c r="F14938">
        <v>5</v>
      </c>
      <c r="G14938" t="s">
        <v>0</v>
      </c>
      <c r="H14938" t="s">
        <v>29168</v>
      </c>
      <c r="I14938" t="s">
        <v>30540</v>
      </c>
    </row>
    <row r="14939" spans="1:9">
      <c r="A14939" s="1">
        <f ca="1">RAND()</f>
        <v>0.80860862512394183</v>
      </c>
      <c r="B14939" s="1"/>
      <c r="C14939">
        <v>1</v>
      </c>
      <c r="D14939" t="s">
        <v>29165</v>
      </c>
      <c r="E14939" t="s">
        <v>34661</v>
      </c>
      <c r="F14939">
        <v>4</v>
      </c>
      <c r="G14939" t="s">
        <v>0</v>
      </c>
      <c r="H14939" t="s">
        <v>29166</v>
      </c>
      <c r="I14939" t="s">
        <v>30540</v>
      </c>
    </row>
    <row r="14940" spans="1:9">
      <c r="A14940" s="1">
        <f ca="1">RAND()</f>
        <v>0.5934884400874304</v>
      </c>
      <c r="B14940" s="1"/>
      <c r="C14940">
        <v>17</v>
      </c>
      <c r="D14940" t="s">
        <v>29169</v>
      </c>
      <c r="E14940" t="s">
        <v>34661</v>
      </c>
      <c r="F14940">
        <v>4</v>
      </c>
      <c r="G14940" t="s">
        <v>0</v>
      </c>
      <c r="H14940" t="s">
        <v>29170</v>
      </c>
      <c r="I14940" t="s">
        <v>30540</v>
      </c>
    </row>
    <row r="14941" spans="1:9">
      <c r="A14941" s="1">
        <f ca="1">RAND()</f>
        <v>0.62304605496017085</v>
      </c>
      <c r="B14941" s="1"/>
      <c r="C14941">
        <v>2</v>
      </c>
      <c r="D14941" t="s">
        <v>29163</v>
      </c>
      <c r="E14941" t="s">
        <v>34662</v>
      </c>
      <c r="F14941">
        <v>4</v>
      </c>
      <c r="G14941" t="s">
        <v>0</v>
      </c>
      <c r="H14941" t="s">
        <v>29164</v>
      </c>
      <c r="I14941" t="s">
        <v>30540</v>
      </c>
    </row>
    <row r="14942" spans="1:9">
      <c r="A14942" s="1">
        <f ca="1">RAND()</f>
        <v>0.86234462612247709</v>
      </c>
      <c r="B14942" s="1"/>
      <c r="C14942">
        <v>19</v>
      </c>
      <c r="D14942" t="s">
        <v>29159</v>
      </c>
      <c r="E14942" t="s">
        <v>34663</v>
      </c>
      <c r="F14942">
        <v>4</v>
      </c>
      <c r="G14942" t="s">
        <v>0</v>
      </c>
      <c r="H14942" t="s">
        <v>29160</v>
      </c>
      <c r="I14942" t="s">
        <v>30540</v>
      </c>
    </row>
    <row r="14943" spans="1:9">
      <c r="A14943" s="1">
        <f ca="1">RAND()</f>
        <v>0.23240383627915573</v>
      </c>
      <c r="B14943" s="1"/>
      <c r="C14943">
        <v>20</v>
      </c>
      <c r="D14943" t="s">
        <v>29161</v>
      </c>
      <c r="E14943" t="s">
        <v>34663</v>
      </c>
      <c r="F14943">
        <v>4</v>
      </c>
      <c r="G14943" t="s">
        <v>0</v>
      </c>
      <c r="H14943" t="s">
        <v>29162</v>
      </c>
      <c r="I14943" t="s">
        <v>30540</v>
      </c>
    </row>
    <row r="14944" spans="1:9">
      <c r="A14944" s="1">
        <f ca="1">RAND()</f>
        <v>0.28334911586634759</v>
      </c>
      <c r="B14944" s="1"/>
      <c r="C14944">
        <v>6</v>
      </c>
      <c r="D14944" t="s">
        <v>29151</v>
      </c>
      <c r="E14944" t="s">
        <v>34664</v>
      </c>
      <c r="F14944">
        <v>4</v>
      </c>
      <c r="G14944" t="s">
        <v>0</v>
      </c>
      <c r="H14944" t="s">
        <v>29152</v>
      </c>
      <c r="I14944" t="s">
        <v>30540</v>
      </c>
    </row>
    <row r="14945" spans="1:9">
      <c r="A14945" s="1">
        <f ca="1">RAND()</f>
        <v>0.41512169408391386</v>
      </c>
      <c r="B14945" s="1"/>
      <c r="C14945">
        <v>8</v>
      </c>
      <c r="D14945" t="s">
        <v>29153</v>
      </c>
      <c r="E14945" t="s">
        <v>34664</v>
      </c>
      <c r="F14945">
        <v>4</v>
      </c>
      <c r="G14945" t="s">
        <v>0</v>
      </c>
      <c r="H14945" t="s">
        <v>29154</v>
      </c>
      <c r="I14945" t="s">
        <v>30540</v>
      </c>
    </row>
    <row r="14946" spans="1:9">
      <c r="A14946" s="1">
        <f ca="1">RAND()</f>
        <v>0.88155816336558246</v>
      </c>
      <c r="B14946" s="1"/>
      <c r="C14946">
        <v>17</v>
      </c>
      <c r="D14946" t="s">
        <v>29157</v>
      </c>
      <c r="E14946" t="s">
        <v>34664</v>
      </c>
      <c r="F14946">
        <v>4</v>
      </c>
      <c r="G14946" t="s">
        <v>0</v>
      </c>
      <c r="H14946" t="s">
        <v>29158</v>
      </c>
      <c r="I14946" t="s">
        <v>30540</v>
      </c>
    </row>
    <row r="14947" spans="1:9">
      <c r="A14947" s="1">
        <f ca="1">RAND()</f>
        <v>0.23381321080530615</v>
      </c>
      <c r="B14947" s="1"/>
      <c r="C14947">
        <v>13</v>
      </c>
      <c r="D14947" t="s">
        <v>29155</v>
      </c>
      <c r="E14947" t="s">
        <v>34664</v>
      </c>
      <c r="F14947">
        <v>4</v>
      </c>
      <c r="G14947" t="s">
        <v>1</v>
      </c>
      <c r="H14947" t="s">
        <v>29156</v>
      </c>
      <c r="I14947" t="s">
        <v>30540</v>
      </c>
    </row>
    <row r="14948" spans="1:9">
      <c r="A14948" s="1">
        <f ca="1">RAND()</f>
        <v>0.56205709877254939</v>
      </c>
      <c r="B14948" s="1"/>
      <c r="C14948">
        <v>9</v>
      </c>
      <c r="D14948" t="s">
        <v>29147</v>
      </c>
      <c r="E14948" t="s">
        <v>34665</v>
      </c>
      <c r="F14948">
        <v>5</v>
      </c>
      <c r="G14948" t="s">
        <v>0</v>
      </c>
      <c r="H14948" t="s">
        <v>29148</v>
      </c>
      <c r="I14948" t="s">
        <v>30540</v>
      </c>
    </row>
    <row r="14949" spans="1:9">
      <c r="A14949" s="1">
        <f ca="1">RAND()</f>
        <v>7.6310164751893561E-2</v>
      </c>
      <c r="B14949" s="1"/>
      <c r="C14949">
        <v>11</v>
      </c>
      <c r="D14949" t="s">
        <v>29149</v>
      </c>
      <c r="E14949" t="s">
        <v>34665</v>
      </c>
      <c r="F14949">
        <v>4</v>
      </c>
      <c r="G14949" t="s">
        <v>0</v>
      </c>
      <c r="H14949" t="s">
        <v>29150</v>
      </c>
      <c r="I14949" t="s">
        <v>30540</v>
      </c>
    </row>
    <row r="14950" spans="1:9">
      <c r="A14950" s="1">
        <f ca="1">RAND()</f>
        <v>0.29789606503221622</v>
      </c>
      <c r="B14950" s="1"/>
      <c r="C14950">
        <v>3</v>
      </c>
      <c r="D14950" t="s">
        <v>29145</v>
      </c>
      <c r="E14950" t="s">
        <v>34665</v>
      </c>
      <c r="F14950">
        <v>4</v>
      </c>
      <c r="G14950" t="s">
        <v>0</v>
      </c>
      <c r="H14950" t="s">
        <v>29146</v>
      </c>
      <c r="I14950" t="s">
        <v>30540</v>
      </c>
    </row>
    <row r="14951" spans="1:9">
      <c r="A14951" s="1">
        <f ca="1">RAND()</f>
        <v>0.73707612540233836</v>
      </c>
      <c r="B14951" s="1"/>
      <c r="C14951">
        <v>13</v>
      </c>
      <c r="D14951" t="s">
        <v>29139</v>
      </c>
      <c r="E14951" t="s">
        <v>34666</v>
      </c>
      <c r="F14951">
        <v>5</v>
      </c>
      <c r="G14951" t="s">
        <v>0</v>
      </c>
      <c r="H14951" t="s">
        <v>29140</v>
      </c>
      <c r="I14951" t="s">
        <v>30540</v>
      </c>
    </row>
    <row r="14952" spans="1:9">
      <c r="A14952" s="1">
        <f ca="1">RAND()</f>
        <v>0.39677164982192248</v>
      </c>
      <c r="B14952" s="1"/>
      <c r="C14952">
        <v>20</v>
      </c>
      <c r="D14952" t="s">
        <v>29143</v>
      </c>
      <c r="E14952" t="s">
        <v>34666</v>
      </c>
      <c r="F14952">
        <v>5</v>
      </c>
      <c r="G14952" t="s">
        <v>13</v>
      </c>
      <c r="H14952" t="s">
        <v>29144</v>
      </c>
      <c r="I14952" t="s">
        <v>30540</v>
      </c>
    </row>
    <row r="14953" spans="1:9">
      <c r="A14953" s="1">
        <f ca="1">RAND()</f>
        <v>0.50571244891063771</v>
      </c>
      <c r="B14953" s="1"/>
      <c r="C14953">
        <v>7</v>
      </c>
      <c r="D14953" t="s">
        <v>29133</v>
      </c>
      <c r="E14953" t="s">
        <v>34666</v>
      </c>
      <c r="F14953">
        <v>5</v>
      </c>
      <c r="G14953" t="s">
        <v>1</v>
      </c>
      <c r="H14953" t="s">
        <v>29134</v>
      </c>
      <c r="I14953" t="s">
        <v>30540</v>
      </c>
    </row>
    <row r="14954" spans="1:9">
      <c r="A14954" s="1">
        <f ca="1">RAND()</f>
        <v>0.77080289967504101</v>
      </c>
      <c r="B14954" s="1"/>
      <c r="C14954">
        <v>15</v>
      </c>
      <c r="D14954" t="s">
        <v>29141</v>
      </c>
      <c r="E14954" t="s">
        <v>34666</v>
      </c>
      <c r="F14954">
        <v>4</v>
      </c>
      <c r="G14954" t="s">
        <v>0</v>
      </c>
      <c r="H14954" t="s">
        <v>29142</v>
      </c>
      <c r="I14954" t="s">
        <v>30540</v>
      </c>
    </row>
    <row r="14955" spans="1:9">
      <c r="A14955" s="1">
        <f ca="1">RAND()</f>
        <v>0.25022438333233454</v>
      </c>
      <c r="B14955" s="1"/>
      <c r="C14955">
        <v>9</v>
      </c>
      <c r="D14955" t="s">
        <v>29137</v>
      </c>
      <c r="E14955" t="s">
        <v>34666</v>
      </c>
      <c r="F14955">
        <v>4</v>
      </c>
      <c r="G14955" t="s">
        <v>0</v>
      </c>
      <c r="H14955" t="s">
        <v>29138</v>
      </c>
      <c r="I14955" t="s">
        <v>30540</v>
      </c>
    </row>
    <row r="14956" spans="1:9">
      <c r="A14956" s="1">
        <f ca="1">RAND()</f>
        <v>0.19149733526241963</v>
      </c>
      <c r="B14956" s="1"/>
      <c r="C14956">
        <v>8</v>
      </c>
      <c r="D14956" t="s">
        <v>29135</v>
      </c>
      <c r="E14956" t="s">
        <v>34666</v>
      </c>
      <c r="F14956">
        <v>4</v>
      </c>
      <c r="G14956" t="s">
        <v>2</v>
      </c>
      <c r="H14956" t="s">
        <v>29136</v>
      </c>
      <c r="I14956" t="s">
        <v>30540</v>
      </c>
    </row>
    <row r="14957" spans="1:9">
      <c r="A14957" s="1">
        <f ca="1">RAND()</f>
        <v>0.48673808212917513</v>
      </c>
      <c r="B14957" s="1"/>
      <c r="C14957">
        <v>20</v>
      </c>
      <c r="D14957" t="s">
        <v>29131</v>
      </c>
      <c r="E14957" t="s">
        <v>34667</v>
      </c>
      <c r="F14957">
        <v>4</v>
      </c>
      <c r="G14957" t="s">
        <v>10</v>
      </c>
      <c r="H14957" t="s">
        <v>29132</v>
      </c>
      <c r="I14957" t="s">
        <v>30540</v>
      </c>
    </row>
    <row r="14958" spans="1:9">
      <c r="A14958" s="1">
        <f ca="1">RAND()</f>
        <v>0.24740915287221443</v>
      </c>
      <c r="B14958" s="1"/>
      <c r="C14958">
        <v>13</v>
      </c>
      <c r="D14958" t="s">
        <v>29129</v>
      </c>
      <c r="E14958" t="s">
        <v>34667</v>
      </c>
      <c r="F14958">
        <v>4</v>
      </c>
      <c r="G14958" t="s">
        <v>0</v>
      </c>
      <c r="H14958" t="s">
        <v>29130</v>
      </c>
      <c r="I14958" t="s">
        <v>30540</v>
      </c>
    </row>
    <row r="14959" spans="1:9">
      <c r="A14959" s="1">
        <f ca="1">RAND()</f>
        <v>0.68663108737838607</v>
      </c>
      <c r="B14959" s="1"/>
      <c r="C14959">
        <v>10</v>
      </c>
      <c r="D14959" t="s">
        <v>29125</v>
      </c>
      <c r="E14959" t="s">
        <v>34668</v>
      </c>
      <c r="F14959">
        <v>5</v>
      </c>
      <c r="G14959" t="s">
        <v>0</v>
      </c>
      <c r="H14959" t="s">
        <v>29126</v>
      </c>
      <c r="I14959" t="s">
        <v>30540</v>
      </c>
    </row>
    <row r="14960" spans="1:9">
      <c r="A14960" s="1">
        <f ca="1">RAND()</f>
        <v>0.91159732882316979</v>
      </c>
      <c r="B14960" s="1"/>
      <c r="C14960">
        <v>15</v>
      </c>
      <c r="D14960" t="s">
        <v>29127</v>
      </c>
      <c r="E14960" t="s">
        <v>34668</v>
      </c>
      <c r="F14960">
        <v>4</v>
      </c>
      <c r="G14960" t="s">
        <v>0</v>
      </c>
      <c r="H14960" t="s">
        <v>29128</v>
      </c>
      <c r="I14960" t="s">
        <v>30540</v>
      </c>
    </row>
    <row r="14961" spans="1:9">
      <c r="A14961" s="1">
        <f ca="1">RAND()</f>
        <v>4.6734435686766052E-2</v>
      </c>
      <c r="B14961" s="1"/>
      <c r="C14961">
        <v>9</v>
      </c>
      <c r="D14961" t="s">
        <v>29121</v>
      </c>
      <c r="E14961" t="s">
        <v>34669</v>
      </c>
      <c r="F14961">
        <v>4</v>
      </c>
      <c r="G14961" t="s">
        <v>0</v>
      </c>
      <c r="H14961" t="s">
        <v>29122</v>
      </c>
      <c r="I14961" t="s">
        <v>30540</v>
      </c>
    </row>
    <row r="14962" spans="1:9">
      <c r="A14962" s="1">
        <f ca="1">RAND()</f>
        <v>0.6912779431784597</v>
      </c>
      <c r="B14962" s="1"/>
      <c r="C14962">
        <v>12</v>
      </c>
      <c r="D14962" t="s">
        <v>29123</v>
      </c>
      <c r="E14962" t="s">
        <v>34669</v>
      </c>
      <c r="F14962">
        <v>4</v>
      </c>
      <c r="G14962" t="s">
        <v>0</v>
      </c>
      <c r="H14962" t="s">
        <v>29124</v>
      </c>
      <c r="I14962" t="s">
        <v>30540</v>
      </c>
    </row>
    <row r="14963" spans="1:9">
      <c r="A14963" s="1">
        <f ca="1">RAND()</f>
        <v>0.21654623484087376</v>
      </c>
      <c r="B14963" s="1"/>
      <c r="C14963">
        <v>3</v>
      </c>
      <c r="D14963" t="s">
        <v>29119</v>
      </c>
      <c r="E14963" t="s">
        <v>34669</v>
      </c>
      <c r="F14963">
        <v>4</v>
      </c>
      <c r="G14963" t="s">
        <v>0</v>
      </c>
      <c r="H14963" t="s">
        <v>29120</v>
      </c>
      <c r="I14963" t="s">
        <v>30540</v>
      </c>
    </row>
    <row r="14964" spans="1:9">
      <c r="A14964" s="1">
        <f ca="1">RAND()</f>
        <v>0.57005799334624419</v>
      </c>
      <c r="B14964" s="1"/>
      <c r="C14964">
        <v>6</v>
      </c>
      <c r="D14964" t="s">
        <v>29115</v>
      </c>
      <c r="E14964" t="s">
        <v>34670</v>
      </c>
      <c r="F14964">
        <v>4</v>
      </c>
      <c r="G14964" t="s">
        <v>14</v>
      </c>
      <c r="H14964" t="s">
        <v>29116</v>
      </c>
      <c r="I14964" t="s">
        <v>30540</v>
      </c>
    </row>
    <row r="14965" spans="1:9">
      <c r="A14965" s="1">
        <f ca="1">RAND()</f>
        <v>0.74710241631992136</v>
      </c>
      <c r="B14965" s="1"/>
      <c r="C14965">
        <v>13</v>
      </c>
      <c r="D14965" t="s">
        <v>29117</v>
      </c>
      <c r="E14965" t="s">
        <v>34670</v>
      </c>
      <c r="F14965">
        <v>4</v>
      </c>
      <c r="G14965" t="s">
        <v>0</v>
      </c>
      <c r="H14965" t="s">
        <v>29118</v>
      </c>
      <c r="I14965" t="s">
        <v>30540</v>
      </c>
    </row>
    <row r="14966" spans="1:9">
      <c r="A14966" s="1">
        <f ca="1">RAND()</f>
        <v>0.1411115403357639</v>
      </c>
      <c r="B14966" s="1"/>
      <c r="C14966">
        <v>2</v>
      </c>
      <c r="D14966" t="s">
        <v>29113</v>
      </c>
      <c r="E14966" t="s">
        <v>34670</v>
      </c>
      <c r="F14966">
        <v>4</v>
      </c>
      <c r="G14966" t="s">
        <v>0</v>
      </c>
      <c r="H14966" t="s">
        <v>29114</v>
      </c>
      <c r="I14966" t="s">
        <v>30540</v>
      </c>
    </row>
    <row r="14967" spans="1:9">
      <c r="A14967" s="1">
        <f ca="1">RAND()</f>
        <v>0.87669740840728405</v>
      </c>
      <c r="B14967" s="1"/>
      <c r="C14967">
        <v>13</v>
      </c>
      <c r="D14967" t="s">
        <v>29109</v>
      </c>
      <c r="E14967" t="s">
        <v>34671</v>
      </c>
      <c r="F14967">
        <v>5</v>
      </c>
      <c r="G14967" t="s">
        <v>0</v>
      </c>
      <c r="H14967" t="s">
        <v>29110</v>
      </c>
      <c r="I14967" t="s">
        <v>30540</v>
      </c>
    </row>
    <row r="14968" spans="1:9">
      <c r="A14968" s="1">
        <f ca="1">RAND()</f>
        <v>5.2179670904276554E-3</v>
      </c>
      <c r="B14968" s="1"/>
      <c r="C14968">
        <v>9</v>
      </c>
      <c r="D14968" t="s">
        <v>29105</v>
      </c>
      <c r="E14968" t="s">
        <v>34671</v>
      </c>
      <c r="F14968">
        <v>5</v>
      </c>
      <c r="G14968" t="s">
        <v>0</v>
      </c>
      <c r="H14968" t="s">
        <v>29106</v>
      </c>
      <c r="I14968" t="s">
        <v>30540</v>
      </c>
    </row>
    <row r="14969" spans="1:9">
      <c r="A14969" s="1">
        <f ca="1">RAND()</f>
        <v>0.38471753870081782</v>
      </c>
      <c r="B14969" s="1"/>
      <c r="C14969">
        <v>14</v>
      </c>
      <c r="D14969" t="s">
        <v>29111</v>
      </c>
      <c r="E14969" t="s">
        <v>34671</v>
      </c>
      <c r="F14969">
        <v>4</v>
      </c>
      <c r="G14969" t="s">
        <v>0</v>
      </c>
      <c r="H14969" t="s">
        <v>29112</v>
      </c>
      <c r="I14969" t="s">
        <v>30540</v>
      </c>
    </row>
    <row r="14970" spans="1:9">
      <c r="A14970" s="1">
        <f ca="1">RAND()</f>
        <v>0.14458531124159724</v>
      </c>
      <c r="B14970" s="1"/>
      <c r="C14970">
        <v>12</v>
      </c>
      <c r="D14970" t="s">
        <v>29107</v>
      </c>
      <c r="E14970" t="s">
        <v>34671</v>
      </c>
      <c r="F14970">
        <v>4</v>
      </c>
      <c r="G14970" t="s">
        <v>0</v>
      </c>
      <c r="H14970" t="s">
        <v>29108</v>
      </c>
      <c r="I14970" t="s">
        <v>30540</v>
      </c>
    </row>
    <row r="14971" spans="1:9">
      <c r="A14971" s="1">
        <f ca="1">RAND()</f>
        <v>0.65568685635071333</v>
      </c>
      <c r="B14971" s="1"/>
      <c r="C14971">
        <v>6</v>
      </c>
      <c r="D14971" t="s">
        <v>29103</v>
      </c>
      <c r="E14971" t="s">
        <v>34671</v>
      </c>
      <c r="F14971">
        <v>4</v>
      </c>
      <c r="G14971" t="s">
        <v>9</v>
      </c>
      <c r="H14971" t="s">
        <v>29104</v>
      </c>
      <c r="I14971" t="s">
        <v>30540</v>
      </c>
    </row>
    <row r="14972" spans="1:9">
      <c r="A14972" s="1">
        <f ca="1">RAND()</f>
        <v>0.12272325703203746</v>
      </c>
      <c r="B14972" s="1"/>
      <c r="C14972">
        <v>20</v>
      </c>
      <c r="D14972" t="s">
        <v>29101</v>
      </c>
      <c r="E14972" t="s">
        <v>34672</v>
      </c>
      <c r="F14972">
        <v>4</v>
      </c>
      <c r="G14972" t="s">
        <v>0</v>
      </c>
      <c r="H14972" t="s">
        <v>29102</v>
      </c>
      <c r="I14972" t="s">
        <v>30540</v>
      </c>
    </row>
    <row r="14973" spans="1:9">
      <c r="A14973" s="1">
        <f ca="1">RAND()</f>
        <v>0.997600702896414</v>
      </c>
      <c r="B14973" s="1"/>
      <c r="C14973">
        <v>14</v>
      </c>
      <c r="D14973" t="s">
        <v>29099</v>
      </c>
      <c r="E14973" t="s">
        <v>34673</v>
      </c>
      <c r="F14973">
        <v>4</v>
      </c>
      <c r="G14973" t="s">
        <v>1</v>
      </c>
      <c r="H14973" t="s">
        <v>29100</v>
      </c>
      <c r="I14973" t="s">
        <v>30540</v>
      </c>
    </row>
    <row r="14974" spans="1:9">
      <c r="A14974" s="1">
        <f ca="1">RAND()</f>
        <v>0.61232588732848536</v>
      </c>
      <c r="B14974" s="1"/>
      <c r="C14974">
        <v>12</v>
      </c>
      <c r="D14974" t="s">
        <v>29097</v>
      </c>
      <c r="E14974" t="s">
        <v>34673</v>
      </c>
      <c r="F14974">
        <v>4</v>
      </c>
      <c r="G14974" t="s">
        <v>0</v>
      </c>
      <c r="H14974" t="s">
        <v>29098</v>
      </c>
      <c r="I14974" t="s">
        <v>30540</v>
      </c>
    </row>
    <row r="14975" spans="1:9">
      <c r="A14975" s="1">
        <f ca="1">RAND()</f>
        <v>0.6166063788122691</v>
      </c>
      <c r="B14975" s="1"/>
      <c r="C14975">
        <v>2</v>
      </c>
      <c r="D14975" t="s">
        <v>29093</v>
      </c>
      <c r="E14975" t="s">
        <v>34673</v>
      </c>
      <c r="F14975">
        <v>3</v>
      </c>
      <c r="G14975" t="s">
        <v>2</v>
      </c>
      <c r="H14975" t="s">
        <v>29094</v>
      </c>
      <c r="I14975" t="s">
        <v>30540</v>
      </c>
    </row>
    <row r="14976" spans="1:9">
      <c r="A14976" s="1">
        <f ca="1">RAND()</f>
        <v>0.97715674210445458</v>
      </c>
      <c r="B14976" s="1"/>
      <c r="C14976">
        <v>5</v>
      </c>
      <c r="D14976" t="s">
        <v>29095</v>
      </c>
      <c r="E14976" t="s">
        <v>34673</v>
      </c>
      <c r="F14976">
        <v>2</v>
      </c>
      <c r="G14976" t="s">
        <v>0</v>
      </c>
      <c r="H14976" t="s">
        <v>29096</v>
      </c>
      <c r="I14976" t="s">
        <v>30540</v>
      </c>
    </row>
    <row r="14977" spans="1:9">
      <c r="A14977" s="1">
        <f ca="1">RAND()</f>
        <v>2.8438377572270745E-4</v>
      </c>
      <c r="B14977" s="1"/>
      <c r="C14977">
        <v>1</v>
      </c>
      <c r="D14977" t="s">
        <v>29083</v>
      </c>
      <c r="E14977" t="s">
        <v>34674</v>
      </c>
      <c r="F14977">
        <v>5</v>
      </c>
      <c r="G14977" t="s">
        <v>1</v>
      </c>
      <c r="H14977" t="s">
        <v>29084</v>
      </c>
      <c r="I14977" t="s">
        <v>30540</v>
      </c>
    </row>
    <row r="14978" spans="1:9">
      <c r="A14978" s="1">
        <f ca="1">RAND()</f>
        <v>0.1857344074478372</v>
      </c>
      <c r="B14978" s="1"/>
      <c r="C14978">
        <v>14</v>
      </c>
      <c r="D14978" t="s">
        <v>29087</v>
      </c>
      <c r="E14978" t="s">
        <v>34674</v>
      </c>
      <c r="F14978">
        <v>5</v>
      </c>
      <c r="G14978" t="s">
        <v>0</v>
      </c>
      <c r="H14978" t="s">
        <v>29088</v>
      </c>
      <c r="I14978" t="s">
        <v>30540</v>
      </c>
    </row>
    <row r="14979" spans="1:9">
      <c r="A14979" s="1">
        <f ca="1">RAND()</f>
        <v>0.84141113912567167</v>
      </c>
      <c r="B14979" s="1"/>
      <c r="C14979">
        <v>8</v>
      </c>
      <c r="D14979" t="s">
        <v>29085</v>
      </c>
      <c r="E14979" t="s">
        <v>34674</v>
      </c>
      <c r="F14979">
        <v>4</v>
      </c>
      <c r="G14979" t="s">
        <v>0</v>
      </c>
      <c r="H14979" t="s">
        <v>29086</v>
      </c>
      <c r="I14979" t="s">
        <v>30540</v>
      </c>
    </row>
    <row r="14980" spans="1:9">
      <c r="A14980" s="1">
        <f ca="1">RAND()</f>
        <v>0.21570108619885631</v>
      </c>
      <c r="B14980" s="1"/>
      <c r="C14980">
        <v>16</v>
      </c>
      <c r="D14980" t="s">
        <v>29091</v>
      </c>
      <c r="E14980" t="s">
        <v>34674</v>
      </c>
      <c r="F14980">
        <v>4</v>
      </c>
      <c r="G14980" t="s">
        <v>9</v>
      </c>
      <c r="H14980" t="s">
        <v>29092</v>
      </c>
      <c r="I14980" t="s">
        <v>30540</v>
      </c>
    </row>
    <row r="14981" spans="1:9">
      <c r="A14981" s="1">
        <f ca="1">RAND()</f>
        <v>0.43605907716978409</v>
      </c>
      <c r="B14981" s="1"/>
      <c r="C14981">
        <v>15</v>
      </c>
      <c r="D14981" t="s">
        <v>29089</v>
      </c>
      <c r="E14981" t="s">
        <v>34674</v>
      </c>
      <c r="F14981">
        <v>2</v>
      </c>
      <c r="G14981" t="s">
        <v>0</v>
      </c>
      <c r="H14981" t="s">
        <v>29090</v>
      </c>
      <c r="I14981" t="s">
        <v>30540</v>
      </c>
    </row>
    <row r="14982" spans="1:9">
      <c r="A14982" s="1">
        <f ca="1">RAND()</f>
        <v>0.5083430432055247</v>
      </c>
      <c r="B14982" s="1"/>
      <c r="C14982">
        <v>17</v>
      </c>
      <c r="D14982" t="s">
        <v>29077</v>
      </c>
      <c r="E14982" t="s">
        <v>34675</v>
      </c>
      <c r="F14982">
        <v>4</v>
      </c>
      <c r="G14982" t="s">
        <v>14</v>
      </c>
      <c r="H14982" t="s">
        <v>29078</v>
      </c>
      <c r="I14982" t="s">
        <v>30540</v>
      </c>
    </row>
    <row r="14983" spans="1:9">
      <c r="A14983" s="1">
        <f ca="1">RAND()</f>
        <v>0.31393232698063644</v>
      </c>
      <c r="B14983" s="1"/>
      <c r="C14983">
        <v>19</v>
      </c>
      <c r="D14983" t="s">
        <v>29081</v>
      </c>
      <c r="E14983" t="s">
        <v>34675</v>
      </c>
      <c r="F14983">
        <v>4</v>
      </c>
      <c r="G14983" t="s">
        <v>0</v>
      </c>
      <c r="H14983" t="s">
        <v>29082</v>
      </c>
      <c r="I14983" t="s">
        <v>30540</v>
      </c>
    </row>
    <row r="14984" spans="1:9">
      <c r="A14984" s="1">
        <f ca="1">RAND()</f>
        <v>0.51187996555179727</v>
      </c>
      <c r="B14984" s="1"/>
      <c r="C14984">
        <v>5</v>
      </c>
      <c r="D14984" t="s">
        <v>29075</v>
      </c>
      <c r="E14984" t="s">
        <v>34675</v>
      </c>
      <c r="F14984">
        <v>4</v>
      </c>
      <c r="G14984" t="s">
        <v>10</v>
      </c>
      <c r="H14984" t="s">
        <v>29076</v>
      </c>
      <c r="I14984" t="s">
        <v>30540</v>
      </c>
    </row>
    <row r="14985" spans="1:9">
      <c r="A14985" s="1">
        <f ca="1">RAND()</f>
        <v>0.61495134409416508</v>
      </c>
      <c r="B14985" s="1"/>
      <c r="C14985">
        <v>18</v>
      </c>
      <c r="D14985" t="s">
        <v>29079</v>
      </c>
      <c r="E14985" t="s">
        <v>34675</v>
      </c>
      <c r="F14985">
        <v>3</v>
      </c>
      <c r="G14985" t="s">
        <v>1</v>
      </c>
      <c r="H14985" t="s">
        <v>29080</v>
      </c>
      <c r="I14985" t="s">
        <v>30540</v>
      </c>
    </row>
    <row r="14986" spans="1:9">
      <c r="A14986" s="1">
        <f ca="1">RAND()</f>
        <v>0.32946855552909626</v>
      </c>
      <c r="B14986" s="1"/>
      <c r="C14986">
        <v>4</v>
      </c>
      <c r="D14986" t="s">
        <v>29073</v>
      </c>
      <c r="E14986" t="s">
        <v>34675</v>
      </c>
      <c r="F14986">
        <v>3</v>
      </c>
      <c r="G14986" t="s">
        <v>0</v>
      </c>
      <c r="H14986" t="s">
        <v>29074</v>
      </c>
      <c r="I14986" t="s">
        <v>30540</v>
      </c>
    </row>
    <row r="14987" spans="1:9">
      <c r="A14987" s="1">
        <f ca="1">RAND()</f>
        <v>0.60233125581753821</v>
      </c>
      <c r="B14987" s="1"/>
      <c r="C14987">
        <v>10</v>
      </c>
      <c r="D14987" t="s">
        <v>29067</v>
      </c>
      <c r="E14987" t="s">
        <v>34676</v>
      </c>
      <c r="F14987">
        <v>5</v>
      </c>
      <c r="G14987" t="s">
        <v>0</v>
      </c>
      <c r="H14987" t="s">
        <v>29068</v>
      </c>
      <c r="I14987" t="s">
        <v>30540</v>
      </c>
    </row>
    <row r="14988" spans="1:9">
      <c r="A14988" s="1">
        <f ca="1">RAND()</f>
        <v>0.41678019645241349</v>
      </c>
      <c r="B14988" s="1"/>
      <c r="C14988">
        <v>14</v>
      </c>
      <c r="D14988" t="s">
        <v>29069</v>
      </c>
      <c r="E14988" t="s">
        <v>34676</v>
      </c>
      <c r="F14988">
        <v>5</v>
      </c>
      <c r="G14988" t="s">
        <v>0</v>
      </c>
      <c r="H14988" t="s">
        <v>29070</v>
      </c>
      <c r="I14988" t="s">
        <v>30540</v>
      </c>
    </row>
    <row r="14989" spans="1:9">
      <c r="A14989" s="1">
        <f ca="1">RAND()</f>
        <v>0.24638920710800338</v>
      </c>
      <c r="B14989" s="1"/>
      <c r="C14989">
        <v>15</v>
      </c>
      <c r="D14989" t="s">
        <v>29071</v>
      </c>
      <c r="E14989" t="s">
        <v>34676</v>
      </c>
      <c r="F14989">
        <v>5</v>
      </c>
      <c r="G14989" t="s">
        <v>0</v>
      </c>
      <c r="H14989" t="s">
        <v>29072</v>
      </c>
      <c r="I14989" t="s">
        <v>30540</v>
      </c>
    </row>
    <row r="14990" spans="1:9">
      <c r="A14990" s="1">
        <f ca="1">RAND()</f>
        <v>0.78579952915141238</v>
      </c>
      <c r="B14990" s="1"/>
      <c r="C14990">
        <v>8</v>
      </c>
      <c r="D14990" t="s">
        <v>29065</v>
      </c>
      <c r="E14990" t="s">
        <v>34676</v>
      </c>
      <c r="F14990">
        <v>5</v>
      </c>
      <c r="G14990" t="s">
        <v>1</v>
      </c>
      <c r="H14990" t="s">
        <v>29066</v>
      </c>
      <c r="I14990" t="s">
        <v>30540</v>
      </c>
    </row>
    <row r="14991" spans="1:9">
      <c r="A14991" s="1">
        <f ca="1">RAND()</f>
        <v>7.8878439475921436E-2</v>
      </c>
      <c r="B14991" s="1"/>
      <c r="C14991">
        <v>5</v>
      </c>
      <c r="D14991" t="s">
        <v>29053</v>
      </c>
      <c r="E14991" t="s">
        <v>34677</v>
      </c>
      <c r="F14991">
        <v>5</v>
      </c>
      <c r="G14991" t="s">
        <v>13</v>
      </c>
      <c r="H14991" t="s">
        <v>29054</v>
      </c>
      <c r="I14991" t="s">
        <v>30540</v>
      </c>
    </row>
    <row r="14992" spans="1:9">
      <c r="A14992" s="1">
        <f ca="1">RAND()</f>
        <v>0.99072390644529584</v>
      </c>
      <c r="B14992" s="1"/>
      <c r="C14992">
        <v>17</v>
      </c>
      <c r="D14992" t="s">
        <v>29063</v>
      </c>
      <c r="E14992" t="s">
        <v>34677</v>
      </c>
      <c r="F14992">
        <v>5</v>
      </c>
      <c r="G14992" t="s">
        <v>13</v>
      </c>
      <c r="H14992" t="s">
        <v>29064</v>
      </c>
      <c r="I14992" t="s">
        <v>30540</v>
      </c>
    </row>
    <row r="14993" spans="1:9">
      <c r="A14993" s="1">
        <f ca="1">RAND()</f>
        <v>5.9889297850957535E-2</v>
      </c>
      <c r="B14993" s="1"/>
      <c r="C14993">
        <v>3</v>
      </c>
      <c r="D14993" t="s">
        <v>29051</v>
      </c>
      <c r="E14993" t="s">
        <v>34677</v>
      </c>
      <c r="F14993">
        <v>5</v>
      </c>
      <c r="G14993" t="s">
        <v>1</v>
      </c>
      <c r="H14993" t="s">
        <v>29052</v>
      </c>
      <c r="I14993" t="s">
        <v>30540</v>
      </c>
    </row>
    <row r="14994" spans="1:9">
      <c r="A14994" s="1">
        <f ca="1">RAND()</f>
        <v>0.82788448387644342</v>
      </c>
      <c r="B14994" s="1"/>
      <c r="C14994">
        <v>11</v>
      </c>
      <c r="D14994" t="s">
        <v>29055</v>
      </c>
      <c r="E14994" t="s">
        <v>34677</v>
      </c>
      <c r="F14994">
        <v>4</v>
      </c>
      <c r="G14994" t="s">
        <v>15</v>
      </c>
      <c r="H14994" t="s">
        <v>29056</v>
      </c>
      <c r="I14994" t="s">
        <v>30540</v>
      </c>
    </row>
    <row r="14995" spans="1:9">
      <c r="A14995" s="1">
        <f ca="1">RAND()</f>
        <v>0.91653435812147221</v>
      </c>
      <c r="B14995" s="1"/>
      <c r="C14995">
        <v>12</v>
      </c>
      <c r="D14995" t="s">
        <v>29057</v>
      </c>
      <c r="E14995" t="s">
        <v>34677</v>
      </c>
      <c r="F14995">
        <v>4</v>
      </c>
      <c r="G14995" t="s">
        <v>15</v>
      </c>
      <c r="H14995" t="s">
        <v>29058</v>
      </c>
      <c r="I14995" t="s">
        <v>30540</v>
      </c>
    </row>
    <row r="14996" spans="1:9">
      <c r="A14996" s="1">
        <f ca="1">RAND()</f>
        <v>6.3656527807145369E-2</v>
      </c>
      <c r="B14996" s="1"/>
      <c r="C14996">
        <v>16</v>
      </c>
      <c r="D14996" t="s">
        <v>29061</v>
      </c>
      <c r="E14996" t="s">
        <v>34677</v>
      </c>
      <c r="F14996">
        <v>4</v>
      </c>
      <c r="G14996" t="s">
        <v>14</v>
      </c>
      <c r="H14996" t="s">
        <v>29062</v>
      </c>
      <c r="I14996" t="s">
        <v>30540</v>
      </c>
    </row>
    <row r="14997" spans="1:9">
      <c r="A14997" s="1">
        <f ca="1">RAND()</f>
        <v>0.45932064610497503</v>
      </c>
      <c r="B14997" s="1"/>
      <c r="C14997">
        <v>2</v>
      </c>
      <c r="D14997" t="s">
        <v>29049</v>
      </c>
      <c r="E14997" t="s">
        <v>34677</v>
      </c>
      <c r="F14997">
        <v>4</v>
      </c>
      <c r="G14997" t="s">
        <v>10</v>
      </c>
      <c r="H14997" t="s">
        <v>29050</v>
      </c>
      <c r="I14997" t="s">
        <v>30540</v>
      </c>
    </row>
    <row r="14998" spans="1:9">
      <c r="A14998" s="1">
        <f ca="1">RAND()</f>
        <v>0.62681842072343985</v>
      </c>
      <c r="B14998" s="1"/>
      <c r="C14998">
        <v>13</v>
      </c>
      <c r="D14998" t="s">
        <v>29059</v>
      </c>
      <c r="E14998" t="s">
        <v>34677</v>
      </c>
      <c r="F14998">
        <v>2</v>
      </c>
      <c r="G14998" t="s">
        <v>14</v>
      </c>
      <c r="H14998" t="s">
        <v>29060</v>
      </c>
      <c r="I14998" t="s">
        <v>30540</v>
      </c>
    </row>
    <row r="14999" spans="1:9">
      <c r="A14999" s="1">
        <f ca="1">RAND()</f>
        <v>0.15255746596949638</v>
      </c>
      <c r="B14999" s="1"/>
      <c r="C14999">
        <v>17</v>
      </c>
      <c r="D14999" t="s">
        <v>29047</v>
      </c>
      <c r="E14999" t="s">
        <v>34678</v>
      </c>
      <c r="F14999">
        <v>4</v>
      </c>
      <c r="G14999" t="s">
        <v>13</v>
      </c>
      <c r="H14999" t="s">
        <v>29048</v>
      </c>
      <c r="I14999" t="s">
        <v>30540</v>
      </c>
    </row>
    <row r="15000" spans="1:9">
      <c r="A15000" s="1">
        <f ca="1">RAND()</f>
        <v>0.68337737440301916</v>
      </c>
      <c r="B15000" s="1"/>
      <c r="C15000">
        <v>14</v>
      </c>
      <c r="D15000" t="s">
        <v>29045</v>
      </c>
      <c r="E15000" t="s">
        <v>34678</v>
      </c>
      <c r="F15000">
        <v>4</v>
      </c>
      <c r="G15000" t="s">
        <v>0</v>
      </c>
      <c r="H15000" t="s">
        <v>29046</v>
      </c>
      <c r="I15000" t="s">
        <v>30540</v>
      </c>
    </row>
    <row r="15001" spans="1:9">
      <c r="A15001" s="1">
        <f ca="1">RAND()</f>
        <v>0.22911055076448761</v>
      </c>
      <c r="B15001" s="1"/>
      <c r="C15001">
        <v>11</v>
      </c>
      <c r="D15001" t="s">
        <v>29043</v>
      </c>
      <c r="E15001" t="s">
        <v>34678</v>
      </c>
      <c r="F15001">
        <v>4</v>
      </c>
      <c r="G15001" t="s">
        <v>13</v>
      </c>
      <c r="H15001" t="s">
        <v>29044</v>
      </c>
      <c r="I15001" t="s">
        <v>30540</v>
      </c>
    </row>
    <row r="15002" spans="1:9">
      <c r="A15002" s="1">
        <f ca="1">RAND()</f>
        <v>0.87032039249996573</v>
      </c>
      <c r="B15002" s="1"/>
      <c r="C15002">
        <v>13</v>
      </c>
      <c r="D15002" t="s">
        <v>29041</v>
      </c>
      <c r="E15002" t="s">
        <v>34679</v>
      </c>
      <c r="F15002">
        <v>4</v>
      </c>
      <c r="G15002" t="s">
        <v>0</v>
      </c>
      <c r="H15002" t="s">
        <v>29042</v>
      </c>
      <c r="I15002" t="s">
        <v>30540</v>
      </c>
    </row>
    <row r="15003" spans="1:9">
      <c r="A15003" s="1">
        <f ca="1">RAND()</f>
        <v>0.87192601080374266</v>
      </c>
      <c r="B15003" s="1"/>
      <c r="C15003">
        <v>8</v>
      </c>
      <c r="D15003" t="s">
        <v>29039</v>
      </c>
      <c r="E15003" t="s">
        <v>34679</v>
      </c>
      <c r="F15003">
        <v>4</v>
      </c>
      <c r="G15003" t="s">
        <v>0</v>
      </c>
      <c r="H15003" t="s">
        <v>29040</v>
      </c>
      <c r="I15003" t="s">
        <v>30540</v>
      </c>
    </row>
    <row r="15004" spans="1:9">
      <c r="A15004" s="1">
        <f ca="1">RAND()</f>
        <v>0.85261282664024562</v>
      </c>
      <c r="B15004" s="1"/>
      <c r="C15004">
        <v>1</v>
      </c>
      <c r="D15004" t="s">
        <v>29029</v>
      </c>
      <c r="E15004" t="s">
        <v>34680</v>
      </c>
      <c r="F15004">
        <v>5</v>
      </c>
      <c r="G15004" t="s">
        <v>0</v>
      </c>
      <c r="H15004" t="s">
        <v>29030</v>
      </c>
      <c r="I15004" t="s">
        <v>30540</v>
      </c>
    </row>
    <row r="15005" spans="1:9">
      <c r="A15005" s="1">
        <f ca="1">RAND()</f>
        <v>0.76227171741930844</v>
      </c>
      <c r="B15005" s="1"/>
      <c r="C15005">
        <v>3</v>
      </c>
      <c r="D15005" t="s">
        <v>29031</v>
      </c>
      <c r="E15005" t="s">
        <v>34680</v>
      </c>
      <c r="F15005">
        <v>4</v>
      </c>
      <c r="G15005" t="s">
        <v>15</v>
      </c>
      <c r="H15005" t="s">
        <v>29032</v>
      </c>
      <c r="I15005" t="s">
        <v>30540</v>
      </c>
    </row>
    <row r="15006" spans="1:9">
      <c r="A15006" s="1">
        <f ca="1">RAND()</f>
        <v>0.12573592873303463</v>
      </c>
      <c r="B15006" s="1"/>
      <c r="C15006">
        <v>4</v>
      </c>
      <c r="D15006" t="s">
        <v>29033</v>
      </c>
      <c r="E15006" t="s">
        <v>34680</v>
      </c>
      <c r="F15006">
        <v>4</v>
      </c>
      <c r="G15006" t="s">
        <v>2</v>
      </c>
      <c r="H15006" t="s">
        <v>29034</v>
      </c>
      <c r="I15006" t="s">
        <v>30540</v>
      </c>
    </row>
    <row r="15007" spans="1:9">
      <c r="A15007" s="1">
        <f ca="1">RAND()</f>
        <v>0.34516226888311363</v>
      </c>
      <c r="B15007" s="1"/>
      <c r="C15007">
        <v>11</v>
      </c>
      <c r="D15007" t="s">
        <v>29035</v>
      </c>
      <c r="E15007" t="s">
        <v>34680</v>
      </c>
      <c r="F15007">
        <v>2</v>
      </c>
      <c r="G15007" t="s">
        <v>0</v>
      </c>
      <c r="H15007" t="s">
        <v>29036</v>
      </c>
      <c r="I15007" t="s">
        <v>30540</v>
      </c>
    </row>
    <row r="15008" spans="1:9">
      <c r="A15008" s="1">
        <f ca="1">RAND()</f>
        <v>0.82218145923871455</v>
      </c>
      <c r="B15008" s="1"/>
      <c r="C15008">
        <v>17</v>
      </c>
      <c r="D15008" t="s">
        <v>29037</v>
      </c>
      <c r="E15008" t="s">
        <v>34680</v>
      </c>
      <c r="F15008">
        <v>2</v>
      </c>
      <c r="G15008" t="s">
        <v>0</v>
      </c>
      <c r="H15008" t="s">
        <v>29038</v>
      </c>
      <c r="I15008" t="s">
        <v>30540</v>
      </c>
    </row>
    <row r="15009" spans="1:9">
      <c r="A15009" s="1">
        <f ca="1">RAND()</f>
        <v>4.0662490047301048E-2</v>
      </c>
      <c r="B15009" s="1"/>
      <c r="C15009">
        <v>17</v>
      </c>
      <c r="D15009" t="s">
        <v>29025</v>
      </c>
      <c r="E15009" t="s">
        <v>34681</v>
      </c>
      <c r="F15009">
        <v>5</v>
      </c>
      <c r="G15009" t="s">
        <v>0</v>
      </c>
      <c r="H15009" t="s">
        <v>29026</v>
      </c>
      <c r="I15009" t="s">
        <v>30540</v>
      </c>
    </row>
    <row r="15010" spans="1:9">
      <c r="A15010" s="1">
        <f ca="1">RAND()</f>
        <v>0.66381571654731919</v>
      </c>
      <c r="B15010" s="1"/>
      <c r="C15010">
        <v>6</v>
      </c>
      <c r="D15010" t="s">
        <v>29019</v>
      </c>
      <c r="E15010" t="s">
        <v>34681</v>
      </c>
      <c r="F15010">
        <v>4</v>
      </c>
      <c r="G15010" t="s">
        <v>10</v>
      </c>
      <c r="H15010" t="s">
        <v>29020</v>
      </c>
      <c r="I15010" t="s">
        <v>30540</v>
      </c>
    </row>
    <row r="15011" spans="1:9">
      <c r="A15011" s="1">
        <f ca="1">RAND()</f>
        <v>0.93788204567027167</v>
      </c>
      <c r="B15011" s="1"/>
      <c r="C15011">
        <v>10</v>
      </c>
      <c r="D15011" t="s">
        <v>29023</v>
      </c>
      <c r="E15011" t="s">
        <v>34681</v>
      </c>
      <c r="F15011">
        <v>4</v>
      </c>
      <c r="G15011" t="s">
        <v>0</v>
      </c>
      <c r="H15011" t="s">
        <v>29024</v>
      </c>
      <c r="I15011" t="s">
        <v>30540</v>
      </c>
    </row>
    <row r="15012" spans="1:9">
      <c r="A15012" s="1">
        <f ca="1">RAND()</f>
        <v>0.91874363524808356</v>
      </c>
      <c r="B15012" s="1"/>
      <c r="C15012">
        <v>18</v>
      </c>
      <c r="D15012" t="s">
        <v>29027</v>
      </c>
      <c r="E15012" t="s">
        <v>34681</v>
      </c>
      <c r="F15012">
        <v>4</v>
      </c>
      <c r="G15012" t="s">
        <v>0</v>
      </c>
      <c r="H15012" t="s">
        <v>29028</v>
      </c>
      <c r="I15012" t="s">
        <v>30540</v>
      </c>
    </row>
    <row r="15013" spans="1:9">
      <c r="A15013" s="1">
        <f ca="1">RAND()</f>
        <v>0.77801951023790628</v>
      </c>
      <c r="B15013" s="1"/>
      <c r="C15013">
        <v>8</v>
      </c>
      <c r="D15013" t="s">
        <v>29021</v>
      </c>
      <c r="E15013" t="s">
        <v>34681</v>
      </c>
      <c r="F15013">
        <v>2</v>
      </c>
      <c r="G15013" t="s">
        <v>0</v>
      </c>
      <c r="H15013" t="s">
        <v>29022</v>
      </c>
      <c r="I15013" t="s">
        <v>30540</v>
      </c>
    </row>
    <row r="15014" spans="1:9">
      <c r="A15014" s="1">
        <f ca="1">RAND()</f>
        <v>0.39330997301244464</v>
      </c>
      <c r="B15014" s="1"/>
      <c r="C15014">
        <v>15</v>
      </c>
      <c r="D15014" t="s">
        <v>29017</v>
      </c>
      <c r="E15014" t="s">
        <v>34682</v>
      </c>
      <c r="F15014">
        <v>3</v>
      </c>
      <c r="G15014" t="s">
        <v>0</v>
      </c>
      <c r="H15014" t="s">
        <v>29018</v>
      </c>
      <c r="I15014" t="s">
        <v>30540</v>
      </c>
    </row>
    <row r="15015" spans="1:9">
      <c r="A15015" s="1">
        <f ca="1">RAND()</f>
        <v>0.64118863641050705</v>
      </c>
      <c r="B15015" s="1"/>
      <c r="C15015">
        <v>1</v>
      </c>
      <c r="D15015" t="s">
        <v>29009</v>
      </c>
      <c r="E15015" t="s">
        <v>34682</v>
      </c>
      <c r="F15015">
        <v>2</v>
      </c>
      <c r="G15015" t="s">
        <v>1</v>
      </c>
      <c r="H15015" t="s">
        <v>29010</v>
      </c>
      <c r="I15015" t="s">
        <v>30540</v>
      </c>
    </row>
    <row r="15016" spans="1:9">
      <c r="A15016" s="1">
        <f ca="1">RAND()</f>
        <v>0.18142279744926471</v>
      </c>
      <c r="B15016" s="1"/>
      <c r="C15016">
        <v>7</v>
      </c>
      <c r="D15016" t="s">
        <v>29015</v>
      </c>
      <c r="E15016" t="s">
        <v>34682</v>
      </c>
      <c r="F15016">
        <v>2</v>
      </c>
      <c r="G15016" t="s">
        <v>0</v>
      </c>
      <c r="H15016" t="s">
        <v>29016</v>
      </c>
      <c r="I15016" t="s">
        <v>30540</v>
      </c>
    </row>
    <row r="15017" spans="1:9">
      <c r="A15017" s="1">
        <f ca="1">RAND()</f>
        <v>0.84529399290701224</v>
      </c>
      <c r="B15017" s="1"/>
      <c r="C15017">
        <v>4</v>
      </c>
      <c r="D15017" t="s">
        <v>29013</v>
      </c>
      <c r="E15017" t="s">
        <v>34682</v>
      </c>
      <c r="F15017">
        <v>2</v>
      </c>
      <c r="G15017" t="s">
        <v>0</v>
      </c>
      <c r="H15017" t="s">
        <v>29014</v>
      </c>
      <c r="I15017" t="s">
        <v>30540</v>
      </c>
    </row>
    <row r="15018" spans="1:9">
      <c r="A15018" s="1">
        <f ca="1">RAND()</f>
        <v>0.56843897794397891</v>
      </c>
      <c r="B15018" s="1"/>
      <c r="C15018">
        <v>2</v>
      </c>
      <c r="D15018" t="s">
        <v>29011</v>
      </c>
      <c r="E15018" t="s">
        <v>34682</v>
      </c>
      <c r="F15018">
        <v>2</v>
      </c>
      <c r="G15018" t="s">
        <v>10</v>
      </c>
      <c r="H15018" t="s">
        <v>29012</v>
      </c>
      <c r="I15018" t="s">
        <v>30540</v>
      </c>
    </row>
    <row r="15019" spans="1:9">
      <c r="A15019" s="1">
        <f ca="1">RAND()</f>
        <v>0.80931232188210633</v>
      </c>
      <c r="B15019" s="1"/>
      <c r="C15019">
        <v>10</v>
      </c>
      <c r="D15019" t="s">
        <v>29001</v>
      </c>
      <c r="E15019" t="s">
        <v>34683</v>
      </c>
      <c r="F15019">
        <v>4</v>
      </c>
      <c r="G15019" t="s">
        <v>0</v>
      </c>
      <c r="H15019" t="s">
        <v>29002</v>
      </c>
      <c r="I15019" t="s">
        <v>30540</v>
      </c>
    </row>
    <row r="15020" spans="1:9">
      <c r="A15020" s="1">
        <f ca="1">RAND()</f>
        <v>0.71957432943670707</v>
      </c>
      <c r="B15020" s="1"/>
      <c r="C15020">
        <v>18</v>
      </c>
      <c r="D15020" t="s">
        <v>29007</v>
      </c>
      <c r="E15020" t="s">
        <v>34683</v>
      </c>
      <c r="F15020">
        <v>4</v>
      </c>
      <c r="G15020" t="s">
        <v>0</v>
      </c>
      <c r="H15020" t="s">
        <v>29008</v>
      </c>
      <c r="I15020" t="s">
        <v>30540</v>
      </c>
    </row>
    <row r="15021" spans="1:9">
      <c r="A15021" s="1">
        <f ca="1">RAND()</f>
        <v>0.79079335028184272</v>
      </c>
      <c r="B15021" s="1"/>
      <c r="C15021">
        <v>15</v>
      </c>
      <c r="D15021" t="s">
        <v>29005</v>
      </c>
      <c r="E15021" t="s">
        <v>34683</v>
      </c>
      <c r="F15021">
        <v>3</v>
      </c>
      <c r="G15021" t="s">
        <v>0</v>
      </c>
      <c r="H15021" t="s">
        <v>29006</v>
      </c>
      <c r="I15021" t="s">
        <v>30540</v>
      </c>
    </row>
    <row r="15022" spans="1:9">
      <c r="A15022" s="1">
        <f ca="1">RAND()</f>
        <v>0.92943325872915594</v>
      </c>
      <c r="B15022" s="1"/>
      <c r="C15022">
        <v>12</v>
      </c>
      <c r="D15022" t="s">
        <v>29003</v>
      </c>
      <c r="E15022" t="s">
        <v>34683</v>
      </c>
      <c r="F15022">
        <v>2</v>
      </c>
      <c r="G15022" t="s">
        <v>0</v>
      </c>
      <c r="H15022" t="s">
        <v>29004</v>
      </c>
      <c r="I15022" t="s">
        <v>30540</v>
      </c>
    </row>
    <row r="15023" spans="1:9">
      <c r="A15023" s="1">
        <f ca="1">RAND()</f>
        <v>0.29707627919482438</v>
      </c>
      <c r="B15023" s="1"/>
      <c r="C15023">
        <v>6</v>
      </c>
      <c r="D15023" t="s">
        <v>28997</v>
      </c>
      <c r="E15023" t="s">
        <v>34684</v>
      </c>
      <c r="F15023">
        <v>3</v>
      </c>
      <c r="G15023" t="s">
        <v>0</v>
      </c>
      <c r="H15023" t="s">
        <v>28998</v>
      </c>
      <c r="I15023" t="s">
        <v>30540</v>
      </c>
    </row>
    <row r="15024" spans="1:9">
      <c r="A15024" s="1">
        <f ca="1">RAND()</f>
        <v>0.16254004961021584</v>
      </c>
      <c r="B15024" s="1"/>
      <c r="C15024">
        <v>9</v>
      </c>
      <c r="D15024" t="s">
        <v>28999</v>
      </c>
      <c r="E15024" t="s">
        <v>34684</v>
      </c>
      <c r="F15024">
        <v>2</v>
      </c>
      <c r="G15024" t="s">
        <v>0</v>
      </c>
      <c r="H15024" t="s">
        <v>29000</v>
      </c>
      <c r="I15024" t="s">
        <v>30540</v>
      </c>
    </row>
    <row r="15025" spans="1:9">
      <c r="A15025" s="1">
        <f ca="1">RAND()</f>
        <v>0.58922578089692346</v>
      </c>
      <c r="B15025" s="1"/>
      <c r="C15025">
        <v>16</v>
      </c>
      <c r="D15025" t="s">
        <v>28991</v>
      </c>
      <c r="E15025" t="s">
        <v>34685</v>
      </c>
      <c r="F15025">
        <v>5</v>
      </c>
      <c r="G15025" t="s">
        <v>0</v>
      </c>
      <c r="H15025" t="s">
        <v>28992</v>
      </c>
      <c r="I15025" t="s">
        <v>30540</v>
      </c>
    </row>
    <row r="15026" spans="1:9">
      <c r="A15026" s="1">
        <f ca="1">RAND()</f>
        <v>0.48284050672443157</v>
      </c>
      <c r="B15026" s="1"/>
      <c r="C15026">
        <v>2</v>
      </c>
      <c r="D15026" t="s">
        <v>28985</v>
      </c>
      <c r="E15026" t="s">
        <v>34685</v>
      </c>
      <c r="F15026">
        <v>5</v>
      </c>
      <c r="G15026" t="s">
        <v>10</v>
      </c>
      <c r="H15026" t="s">
        <v>28986</v>
      </c>
      <c r="I15026" t="s">
        <v>30540</v>
      </c>
    </row>
    <row r="15027" spans="1:9">
      <c r="A15027" s="1">
        <f ca="1">RAND()</f>
        <v>0.63927106578826276</v>
      </c>
      <c r="B15027" s="1"/>
      <c r="C15027">
        <v>9</v>
      </c>
      <c r="D15027" t="s">
        <v>28987</v>
      </c>
      <c r="E15027" t="s">
        <v>34685</v>
      </c>
      <c r="F15027">
        <v>4</v>
      </c>
      <c r="G15027" t="s">
        <v>0</v>
      </c>
      <c r="H15027" t="s">
        <v>28988</v>
      </c>
      <c r="I15027" t="s">
        <v>30540</v>
      </c>
    </row>
    <row r="15028" spans="1:9">
      <c r="A15028" s="1">
        <f ca="1">RAND()</f>
        <v>0.52710198145416587</v>
      </c>
      <c r="B15028" s="1"/>
      <c r="C15028">
        <v>20</v>
      </c>
      <c r="D15028" t="s">
        <v>28995</v>
      </c>
      <c r="E15028" t="s">
        <v>34685</v>
      </c>
      <c r="F15028">
        <v>4</v>
      </c>
      <c r="G15028" t="s">
        <v>0</v>
      </c>
      <c r="H15028" t="s">
        <v>28996</v>
      </c>
      <c r="I15028" t="s">
        <v>30540</v>
      </c>
    </row>
    <row r="15029" spans="1:9">
      <c r="A15029" s="1">
        <f ca="1">RAND()</f>
        <v>0.15469415103594408</v>
      </c>
      <c r="B15029" s="1"/>
      <c r="C15029">
        <v>17</v>
      </c>
      <c r="D15029" t="s">
        <v>28993</v>
      </c>
      <c r="E15029" t="s">
        <v>34685</v>
      </c>
      <c r="F15029">
        <v>4</v>
      </c>
      <c r="G15029" t="s">
        <v>14</v>
      </c>
      <c r="H15029" t="s">
        <v>28994</v>
      </c>
      <c r="I15029" t="s">
        <v>30540</v>
      </c>
    </row>
    <row r="15030" spans="1:9">
      <c r="A15030" s="1">
        <f ca="1">RAND()</f>
        <v>0.77724079258350953</v>
      </c>
      <c r="B15030" s="1"/>
      <c r="C15030">
        <v>10</v>
      </c>
      <c r="D15030" t="s">
        <v>28989</v>
      </c>
      <c r="E15030" t="s">
        <v>34685</v>
      </c>
      <c r="F15030">
        <v>4</v>
      </c>
      <c r="G15030" t="s">
        <v>15</v>
      </c>
      <c r="H15030" t="s">
        <v>28990</v>
      </c>
      <c r="I15030" t="s">
        <v>30540</v>
      </c>
    </row>
    <row r="15031" spans="1:9">
      <c r="A15031" s="1">
        <f ca="1">RAND()</f>
        <v>0.95462468319859273</v>
      </c>
      <c r="B15031" s="1"/>
      <c r="C15031">
        <v>1</v>
      </c>
      <c r="D15031" t="s">
        <v>28981</v>
      </c>
      <c r="E15031" t="s">
        <v>34686</v>
      </c>
      <c r="F15031">
        <v>5</v>
      </c>
      <c r="G15031" t="s">
        <v>15</v>
      </c>
      <c r="H15031" t="s">
        <v>28982</v>
      </c>
      <c r="I15031" t="s">
        <v>30540</v>
      </c>
    </row>
    <row r="15032" spans="1:9">
      <c r="A15032" s="1">
        <f ca="1">RAND()</f>
        <v>0.43698503602999339</v>
      </c>
      <c r="B15032" s="1"/>
      <c r="C15032">
        <v>9</v>
      </c>
      <c r="D15032" t="s">
        <v>28983</v>
      </c>
      <c r="E15032" t="s">
        <v>34686</v>
      </c>
      <c r="F15032">
        <v>1</v>
      </c>
      <c r="G15032" t="s">
        <v>1</v>
      </c>
      <c r="H15032" t="s">
        <v>28984</v>
      </c>
      <c r="I15032" t="s">
        <v>30540</v>
      </c>
    </row>
    <row r="15033" spans="1:9">
      <c r="A15033" s="1">
        <f ca="1">RAND()</f>
        <v>0.81900072822539061</v>
      </c>
      <c r="B15033" s="1"/>
      <c r="C15033">
        <v>9</v>
      </c>
      <c r="D15033" t="s">
        <v>28977</v>
      </c>
      <c r="E15033" t="s">
        <v>34687</v>
      </c>
      <c r="F15033">
        <v>5</v>
      </c>
      <c r="G15033" t="s">
        <v>0</v>
      </c>
      <c r="H15033" t="s">
        <v>28978</v>
      </c>
      <c r="I15033" t="s">
        <v>30540</v>
      </c>
    </row>
    <row r="15034" spans="1:9">
      <c r="A15034" s="1">
        <f ca="1">RAND()</f>
        <v>0.58341682156933139</v>
      </c>
      <c r="B15034" s="1"/>
      <c r="C15034">
        <v>4</v>
      </c>
      <c r="D15034" t="s">
        <v>28975</v>
      </c>
      <c r="E15034" t="s">
        <v>34687</v>
      </c>
      <c r="F15034">
        <v>4</v>
      </c>
      <c r="G15034" t="s">
        <v>0</v>
      </c>
      <c r="H15034" t="s">
        <v>28976</v>
      </c>
      <c r="I15034" t="s">
        <v>30540</v>
      </c>
    </row>
    <row r="15035" spans="1:9">
      <c r="A15035" s="1">
        <f ca="1">RAND()</f>
        <v>0.28814711752921229</v>
      </c>
      <c r="B15035" s="1"/>
      <c r="C15035">
        <v>19</v>
      </c>
      <c r="D15035" t="s">
        <v>28979</v>
      </c>
      <c r="E15035" t="s">
        <v>34687</v>
      </c>
      <c r="F15035">
        <v>3</v>
      </c>
      <c r="G15035" t="s">
        <v>0</v>
      </c>
      <c r="H15035" t="s">
        <v>28980</v>
      </c>
      <c r="I15035" t="s">
        <v>30540</v>
      </c>
    </row>
    <row r="15036" spans="1:9">
      <c r="A15036" s="1">
        <f ca="1">RAND()</f>
        <v>0.35497203563963653</v>
      </c>
      <c r="B15036" s="1"/>
      <c r="C15036">
        <v>1</v>
      </c>
      <c r="D15036" t="s">
        <v>28971</v>
      </c>
      <c r="E15036" t="s">
        <v>34688</v>
      </c>
      <c r="F15036">
        <v>5</v>
      </c>
      <c r="G15036" t="s">
        <v>9</v>
      </c>
      <c r="H15036" t="s">
        <v>28972</v>
      </c>
      <c r="I15036" t="s">
        <v>30540</v>
      </c>
    </row>
    <row r="15037" spans="1:9">
      <c r="A15037" s="1">
        <f ca="1">RAND()</f>
        <v>0.51650323738985393</v>
      </c>
      <c r="B15037" s="1"/>
      <c r="C15037">
        <v>18</v>
      </c>
      <c r="D15037" t="s">
        <v>28973</v>
      </c>
      <c r="E15037" t="s">
        <v>34688</v>
      </c>
      <c r="F15037">
        <v>4</v>
      </c>
      <c r="G15037" t="s">
        <v>0</v>
      </c>
      <c r="H15037" t="s">
        <v>28974</v>
      </c>
      <c r="I15037" t="s">
        <v>30540</v>
      </c>
    </row>
    <row r="15038" spans="1:9">
      <c r="A15038" s="1">
        <f ca="1">RAND()</f>
        <v>0.88154148685207701</v>
      </c>
      <c r="B15038" s="1"/>
      <c r="C15038">
        <v>10</v>
      </c>
      <c r="D15038" t="s">
        <v>28969</v>
      </c>
      <c r="E15038" t="s">
        <v>34689</v>
      </c>
      <c r="F15038">
        <v>4</v>
      </c>
      <c r="G15038" t="s">
        <v>9</v>
      </c>
      <c r="H15038" t="s">
        <v>28970</v>
      </c>
      <c r="I15038" t="s">
        <v>30540</v>
      </c>
    </row>
    <row r="15039" spans="1:9">
      <c r="A15039" s="1">
        <f ca="1">RAND()</f>
        <v>0.33882058331860621</v>
      </c>
      <c r="B15039" s="1"/>
      <c r="C15039">
        <v>3</v>
      </c>
      <c r="D15039" t="s">
        <v>28967</v>
      </c>
      <c r="E15039" t="s">
        <v>34689</v>
      </c>
      <c r="F15039">
        <v>4</v>
      </c>
      <c r="G15039" t="s">
        <v>10</v>
      </c>
      <c r="H15039" t="s">
        <v>28968</v>
      </c>
      <c r="I15039" t="s">
        <v>30540</v>
      </c>
    </row>
    <row r="15040" spans="1:9">
      <c r="A15040" s="1">
        <f ca="1">RAND()</f>
        <v>0.54333053043629387</v>
      </c>
      <c r="B15040" s="1"/>
      <c r="C15040">
        <v>7</v>
      </c>
      <c r="D15040" t="s">
        <v>28963</v>
      </c>
      <c r="E15040" t="s">
        <v>34690</v>
      </c>
      <c r="F15040">
        <v>5</v>
      </c>
      <c r="G15040" t="s">
        <v>0</v>
      </c>
      <c r="H15040" t="s">
        <v>28964</v>
      </c>
      <c r="I15040" t="s">
        <v>30540</v>
      </c>
    </row>
    <row r="15041" spans="1:9">
      <c r="A15041" s="1">
        <f ca="1">RAND()</f>
        <v>0.42156091579100208</v>
      </c>
      <c r="B15041" s="1"/>
      <c r="C15041">
        <v>12</v>
      </c>
      <c r="D15041" t="s">
        <v>28965</v>
      </c>
      <c r="E15041" t="s">
        <v>34690</v>
      </c>
      <c r="F15041">
        <v>4</v>
      </c>
      <c r="G15041" t="s">
        <v>0</v>
      </c>
      <c r="H15041" t="s">
        <v>28966</v>
      </c>
      <c r="I15041" t="s">
        <v>30540</v>
      </c>
    </row>
    <row r="15042" spans="1:9">
      <c r="A15042" s="1">
        <f ca="1">RAND()</f>
        <v>0.2744211473485294</v>
      </c>
      <c r="B15042" s="1"/>
      <c r="C15042">
        <v>2</v>
      </c>
      <c r="D15042" t="s">
        <v>28961</v>
      </c>
      <c r="E15042" t="s">
        <v>34690</v>
      </c>
      <c r="F15042">
        <v>4</v>
      </c>
      <c r="G15042" t="s">
        <v>14</v>
      </c>
      <c r="H15042" t="s">
        <v>28962</v>
      </c>
      <c r="I15042" t="s">
        <v>30540</v>
      </c>
    </row>
    <row r="15043" spans="1:9">
      <c r="A15043" s="1">
        <f ca="1">RAND()</f>
        <v>0.91089655756640997</v>
      </c>
      <c r="B15043" s="1"/>
      <c r="C15043">
        <v>10</v>
      </c>
      <c r="D15043" t="s">
        <v>28955</v>
      </c>
      <c r="E15043" t="s">
        <v>34691</v>
      </c>
      <c r="F15043">
        <v>5</v>
      </c>
      <c r="G15043" t="s">
        <v>0</v>
      </c>
      <c r="H15043" t="s">
        <v>28956</v>
      </c>
      <c r="I15043" t="s">
        <v>30540</v>
      </c>
    </row>
    <row r="15044" spans="1:9">
      <c r="A15044" s="1">
        <f ca="1">RAND()</f>
        <v>7.6246621978031448E-2</v>
      </c>
      <c r="B15044" s="1"/>
      <c r="C15044">
        <v>14</v>
      </c>
      <c r="D15044" t="s">
        <v>28957</v>
      </c>
      <c r="E15044" t="s">
        <v>34691</v>
      </c>
      <c r="F15044">
        <v>4</v>
      </c>
      <c r="G15044" t="s">
        <v>0</v>
      </c>
      <c r="H15044" t="s">
        <v>28958</v>
      </c>
      <c r="I15044" t="s">
        <v>30540</v>
      </c>
    </row>
    <row r="15045" spans="1:9">
      <c r="A15045" s="1">
        <f ca="1">RAND()</f>
        <v>9.6903720288012196E-2</v>
      </c>
      <c r="B15045" s="1"/>
      <c r="C15045">
        <v>20</v>
      </c>
      <c r="D15045" t="s">
        <v>28959</v>
      </c>
      <c r="E15045" t="s">
        <v>34691</v>
      </c>
      <c r="F15045">
        <v>4</v>
      </c>
      <c r="G15045" t="s">
        <v>0</v>
      </c>
      <c r="H15045" t="s">
        <v>28960</v>
      </c>
      <c r="I15045" t="s">
        <v>30540</v>
      </c>
    </row>
    <row r="15046" spans="1:9">
      <c r="A15046" s="1">
        <f ca="1">RAND()</f>
        <v>0.82839187468199149</v>
      </c>
      <c r="B15046" s="1"/>
      <c r="C15046">
        <v>6</v>
      </c>
      <c r="D15046" t="s">
        <v>28949</v>
      </c>
      <c r="E15046" t="s">
        <v>34692</v>
      </c>
      <c r="F15046">
        <v>5</v>
      </c>
      <c r="G15046" t="s">
        <v>0</v>
      </c>
      <c r="H15046" t="s">
        <v>28950</v>
      </c>
      <c r="I15046" t="s">
        <v>30540</v>
      </c>
    </row>
    <row r="15047" spans="1:9">
      <c r="A15047" s="1">
        <f ca="1">RAND()</f>
        <v>0.57639168442370159</v>
      </c>
      <c r="B15047" s="1"/>
      <c r="C15047">
        <v>12</v>
      </c>
      <c r="D15047" t="s">
        <v>28953</v>
      </c>
      <c r="E15047" t="s">
        <v>34692</v>
      </c>
      <c r="F15047">
        <v>4</v>
      </c>
      <c r="G15047" t="s">
        <v>10</v>
      </c>
      <c r="H15047" t="s">
        <v>28954</v>
      </c>
      <c r="I15047" t="s">
        <v>30540</v>
      </c>
    </row>
    <row r="15048" spans="1:9">
      <c r="A15048" s="1">
        <f ca="1">RAND()</f>
        <v>0.80277567819016638</v>
      </c>
      <c r="B15048" s="1"/>
      <c r="C15048">
        <v>5</v>
      </c>
      <c r="D15048" t="s">
        <v>28947</v>
      </c>
      <c r="E15048" t="s">
        <v>34692</v>
      </c>
      <c r="F15048">
        <v>3</v>
      </c>
      <c r="G15048" t="s">
        <v>0</v>
      </c>
      <c r="H15048" t="s">
        <v>28948</v>
      </c>
      <c r="I15048" t="s">
        <v>30540</v>
      </c>
    </row>
    <row r="15049" spans="1:9">
      <c r="A15049" s="1">
        <f ca="1">RAND()</f>
        <v>0.26669410642231217</v>
      </c>
      <c r="B15049" s="1"/>
      <c r="C15049">
        <v>7</v>
      </c>
      <c r="D15049" t="s">
        <v>28951</v>
      </c>
      <c r="E15049" t="s">
        <v>34692</v>
      </c>
      <c r="F15049">
        <v>1</v>
      </c>
      <c r="G15049" t="s">
        <v>0</v>
      </c>
      <c r="H15049" t="s">
        <v>28952</v>
      </c>
      <c r="I15049" t="s">
        <v>30540</v>
      </c>
    </row>
    <row r="15050" spans="1:9">
      <c r="A15050" s="1">
        <f ca="1">RAND()</f>
        <v>0.53562040846775538</v>
      </c>
      <c r="B15050" s="1"/>
      <c r="C15050">
        <v>8</v>
      </c>
      <c r="D15050" t="s">
        <v>28941</v>
      </c>
      <c r="E15050" t="s">
        <v>34693</v>
      </c>
      <c r="F15050">
        <v>4</v>
      </c>
      <c r="G15050" t="s">
        <v>0</v>
      </c>
      <c r="H15050" t="s">
        <v>28942</v>
      </c>
      <c r="I15050" t="s">
        <v>30540</v>
      </c>
    </row>
    <row r="15051" spans="1:9">
      <c r="A15051" s="1">
        <f ca="1">RAND()</f>
        <v>0.74035585350400135</v>
      </c>
      <c r="B15051" s="1"/>
      <c r="C15051">
        <v>3</v>
      </c>
      <c r="D15051" t="s">
        <v>28939</v>
      </c>
      <c r="E15051" t="s">
        <v>34693</v>
      </c>
      <c r="F15051">
        <v>4</v>
      </c>
      <c r="G15051" t="s">
        <v>0</v>
      </c>
      <c r="H15051" t="s">
        <v>28940</v>
      </c>
      <c r="I15051" t="s">
        <v>30540</v>
      </c>
    </row>
    <row r="15052" spans="1:9">
      <c r="A15052" s="1">
        <f ca="1">RAND()</f>
        <v>0.38550266122083388</v>
      </c>
      <c r="B15052" s="1"/>
      <c r="C15052">
        <v>10</v>
      </c>
      <c r="D15052" t="s">
        <v>28943</v>
      </c>
      <c r="E15052" t="s">
        <v>34693</v>
      </c>
      <c r="F15052">
        <v>2</v>
      </c>
      <c r="G15052" t="s">
        <v>0</v>
      </c>
      <c r="H15052" t="s">
        <v>28944</v>
      </c>
      <c r="I15052" t="s">
        <v>30540</v>
      </c>
    </row>
    <row r="15053" spans="1:9">
      <c r="A15053" s="1">
        <f ca="1">RAND()</f>
        <v>0.55247824253043987</v>
      </c>
      <c r="B15053" s="1"/>
      <c r="C15053">
        <v>12</v>
      </c>
      <c r="D15053" t="s">
        <v>28945</v>
      </c>
      <c r="E15053" t="s">
        <v>34693</v>
      </c>
      <c r="F15053">
        <v>2</v>
      </c>
      <c r="G15053" t="s">
        <v>1</v>
      </c>
      <c r="H15053" t="s">
        <v>28946</v>
      </c>
      <c r="I15053" t="s">
        <v>30540</v>
      </c>
    </row>
    <row r="15054" spans="1:9">
      <c r="A15054" s="1">
        <f ca="1">RAND()</f>
        <v>0.72560708322836331</v>
      </c>
      <c r="B15054" s="1"/>
      <c r="C15054">
        <v>17</v>
      </c>
      <c r="D15054" t="s">
        <v>28933</v>
      </c>
      <c r="E15054" t="s">
        <v>34694</v>
      </c>
      <c r="F15054">
        <v>5</v>
      </c>
      <c r="G15054" t="s">
        <v>0</v>
      </c>
      <c r="H15054" t="s">
        <v>28934</v>
      </c>
      <c r="I15054" t="s">
        <v>30540</v>
      </c>
    </row>
    <row r="15055" spans="1:9">
      <c r="A15055" s="1">
        <f ca="1">RAND()</f>
        <v>0.34255373034504988</v>
      </c>
      <c r="B15055" s="1"/>
      <c r="C15055">
        <v>19</v>
      </c>
      <c r="D15055" t="s">
        <v>28937</v>
      </c>
      <c r="E15055" t="s">
        <v>34694</v>
      </c>
      <c r="F15055">
        <v>5</v>
      </c>
      <c r="G15055" t="s">
        <v>0</v>
      </c>
      <c r="H15055" t="s">
        <v>28938</v>
      </c>
      <c r="I15055" t="s">
        <v>30540</v>
      </c>
    </row>
    <row r="15056" spans="1:9">
      <c r="A15056" s="1">
        <f ca="1">RAND()</f>
        <v>0.28401286068556919</v>
      </c>
      <c r="B15056" s="1"/>
      <c r="C15056">
        <v>18</v>
      </c>
      <c r="D15056" t="s">
        <v>28935</v>
      </c>
      <c r="E15056" t="s">
        <v>34694</v>
      </c>
      <c r="F15056">
        <v>4</v>
      </c>
      <c r="G15056" t="s">
        <v>9</v>
      </c>
      <c r="H15056" t="s">
        <v>28936</v>
      </c>
      <c r="I15056" t="s">
        <v>30540</v>
      </c>
    </row>
    <row r="15057" spans="1:9">
      <c r="A15057" s="1">
        <f ca="1">RAND()</f>
        <v>0.35995815175593571</v>
      </c>
      <c r="B15057" s="1"/>
      <c r="C15057">
        <v>12</v>
      </c>
      <c r="D15057" t="s">
        <v>28931</v>
      </c>
      <c r="E15057" t="s">
        <v>34694</v>
      </c>
      <c r="F15057">
        <v>4</v>
      </c>
      <c r="G15057" t="s">
        <v>0</v>
      </c>
      <c r="H15057" t="s">
        <v>28932</v>
      </c>
      <c r="I15057" t="s">
        <v>30540</v>
      </c>
    </row>
    <row r="15058" spans="1:9">
      <c r="A15058" s="1">
        <f ca="1">RAND()</f>
        <v>0.21000263071996872</v>
      </c>
      <c r="B15058" s="1"/>
      <c r="C15058">
        <v>10</v>
      </c>
      <c r="D15058" t="s">
        <v>28929</v>
      </c>
      <c r="E15058" t="s">
        <v>34694</v>
      </c>
      <c r="F15058">
        <v>4</v>
      </c>
      <c r="G15058" t="s">
        <v>0</v>
      </c>
      <c r="H15058" t="s">
        <v>28930</v>
      </c>
      <c r="I15058" t="s">
        <v>30540</v>
      </c>
    </row>
    <row r="15059" spans="1:9">
      <c r="A15059" s="1">
        <f ca="1">RAND()</f>
        <v>0.31494065676855953</v>
      </c>
      <c r="B15059" s="1"/>
      <c r="C15059">
        <v>13</v>
      </c>
      <c r="D15059" t="s">
        <v>28919</v>
      </c>
      <c r="E15059" t="s">
        <v>34695</v>
      </c>
      <c r="F15059">
        <v>5</v>
      </c>
      <c r="G15059" t="s">
        <v>0</v>
      </c>
      <c r="H15059" t="s">
        <v>28920</v>
      </c>
      <c r="I15059" t="s">
        <v>30540</v>
      </c>
    </row>
    <row r="15060" spans="1:9">
      <c r="A15060" s="1">
        <f ca="1">RAND()</f>
        <v>4.8085234963314183E-2</v>
      </c>
      <c r="B15060" s="1"/>
      <c r="C15060">
        <v>16</v>
      </c>
      <c r="D15060" t="s">
        <v>28925</v>
      </c>
      <c r="E15060" t="s">
        <v>34695</v>
      </c>
      <c r="F15060">
        <v>4</v>
      </c>
      <c r="G15060" t="s">
        <v>0</v>
      </c>
      <c r="H15060" t="s">
        <v>28926</v>
      </c>
      <c r="I15060" t="s">
        <v>30540</v>
      </c>
    </row>
    <row r="15061" spans="1:9">
      <c r="A15061" s="1">
        <f ca="1">RAND()</f>
        <v>0.90361223113167632</v>
      </c>
      <c r="B15061" s="1"/>
      <c r="C15061">
        <v>15</v>
      </c>
      <c r="D15061" t="s">
        <v>28923</v>
      </c>
      <c r="E15061" t="s">
        <v>34695</v>
      </c>
      <c r="F15061">
        <v>4</v>
      </c>
      <c r="G15061" t="s">
        <v>14</v>
      </c>
      <c r="H15061" t="s">
        <v>28924</v>
      </c>
      <c r="I15061" t="s">
        <v>30540</v>
      </c>
    </row>
    <row r="15062" spans="1:9">
      <c r="A15062" s="1">
        <f ca="1">RAND()</f>
        <v>0.3409510485763293</v>
      </c>
      <c r="B15062" s="1"/>
      <c r="C15062">
        <v>14</v>
      </c>
      <c r="D15062" t="s">
        <v>28921</v>
      </c>
      <c r="E15062" t="s">
        <v>34695</v>
      </c>
      <c r="F15062">
        <v>4</v>
      </c>
      <c r="G15062" t="s">
        <v>1</v>
      </c>
      <c r="H15062" t="s">
        <v>28922</v>
      </c>
      <c r="I15062" t="s">
        <v>30540</v>
      </c>
    </row>
    <row r="15063" spans="1:9">
      <c r="A15063" s="1">
        <f ca="1">RAND()</f>
        <v>0.10660696598776387</v>
      </c>
      <c r="B15063" s="1"/>
      <c r="C15063">
        <v>19</v>
      </c>
      <c r="D15063" t="s">
        <v>28927</v>
      </c>
      <c r="E15063" t="s">
        <v>34695</v>
      </c>
      <c r="F15063">
        <v>4</v>
      </c>
      <c r="G15063" t="s">
        <v>0</v>
      </c>
      <c r="H15063" t="s">
        <v>28928</v>
      </c>
      <c r="I15063" t="s">
        <v>30540</v>
      </c>
    </row>
    <row r="15064" spans="1:9">
      <c r="A15064" s="1">
        <f ca="1">RAND()</f>
        <v>0.22849987512371994</v>
      </c>
      <c r="B15064" s="1"/>
      <c r="C15064">
        <v>11</v>
      </c>
      <c r="D15064" t="s">
        <v>28913</v>
      </c>
      <c r="E15064" t="s">
        <v>34696</v>
      </c>
      <c r="F15064">
        <v>4</v>
      </c>
      <c r="G15064" t="s">
        <v>0</v>
      </c>
      <c r="H15064" t="s">
        <v>28914</v>
      </c>
      <c r="I15064" t="s">
        <v>30540</v>
      </c>
    </row>
    <row r="15065" spans="1:9">
      <c r="A15065" s="1">
        <f ca="1">RAND()</f>
        <v>0.96233295778751038</v>
      </c>
      <c r="B15065" s="1"/>
      <c r="C15065">
        <v>16</v>
      </c>
      <c r="D15065" t="s">
        <v>28915</v>
      </c>
      <c r="E15065" t="s">
        <v>34696</v>
      </c>
      <c r="F15065">
        <v>4</v>
      </c>
      <c r="G15065" t="s">
        <v>0</v>
      </c>
      <c r="H15065" t="s">
        <v>28916</v>
      </c>
      <c r="I15065" t="s">
        <v>30540</v>
      </c>
    </row>
    <row r="15066" spans="1:9">
      <c r="A15066" s="1">
        <f ca="1">RAND()</f>
        <v>0.31461943119632096</v>
      </c>
      <c r="B15066" s="1"/>
      <c r="C15066">
        <v>17</v>
      </c>
      <c r="D15066" t="s">
        <v>28917</v>
      </c>
      <c r="E15066" t="s">
        <v>34696</v>
      </c>
      <c r="F15066">
        <v>4</v>
      </c>
      <c r="G15066" t="s">
        <v>0</v>
      </c>
      <c r="H15066" t="s">
        <v>28918</v>
      </c>
      <c r="I15066" t="s">
        <v>30540</v>
      </c>
    </row>
    <row r="15067" spans="1:9">
      <c r="A15067" s="1">
        <f ca="1">RAND()</f>
        <v>0.94224245452051381</v>
      </c>
      <c r="B15067" s="1"/>
      <c r="C15067">
        <v>15</v>
      </c>
      <c r="D15067" t="s">
        <v>28909</v>
      </c>
      <c r="E15067" t="s">
        <v>34697</v>
      </c>
      <c r="F15067">
        <v>5</v>
      </c>
      <c r="G15067" t="s">
        <v>0</v>
      </c>
      <c r="H15067" t="s">
        <v>28910</v>
      </c>
      <c r="I15067" t="s">
        <v>30540</v>
      </c>
    </row>
    <row r="15068" spans="1:9">
      <c r="A15068" s="1">
        <f ca="1">RAND()</f>
        <v>0.73768867403701543</v>
      </c>
      <c r="B15068" s="1"/>
      <c r="C15068">
        <v>17</v>
      </c>
      <c r="D15068" t="s">
        <v>28911</v>
      </c>
      <c r="E15068" t="s">
        <v>34697</v>
      </c>
      <c r="F15068">
        <v>5</v>
      </c>
      <c r="G15068" t="s">
        <v>0</v>
      </c>
      <c r="H15068" t="s">
        <v>28912</v>
      </c>
      <c r="I15068" t="s">
        <v>30540</v>
      </c>
    </row>
    <row r="15069" spans="1:9">
      <c r="A15069" s="1">
        <f ca="1">RAND()</f>
        <v>0.48868428726196222</v>
      </c>
      <c r="B15069" s="1"/>
      <c r="C15069">
        <v>3</v>
      </c>
      <c r="D15069" t="s">
        <v>28903</v>
      </c>
      <c r="E15069" t="s">
        <v>34697</v>
      </c>
      <c r="F15069">
        <v>4</v>
      </c>
      <c r="G15069" t="s">
        <v>0</v>
      </c>
      <c r="H15069" t="s">
        <v>28904</v>
      </c>
      <c r="I15069" t="s">
        <v>30540</v>
      </c>
    </row>
    <row r="15070" spans="1:9">
      <c r="A15070" s="1">
        <f ca="1">RAND()</f>
        <v>2.842016146236015E-2</v>
      </c>
      <c r="B15070" s="1"/>
      <c r="C15070">
        <v>11</v>
      </c>
      <c r="D15070" t="s">
        <v>28907</v>
      </c>
      <c r="E15070" t="s">
        <v>34697</v>
      </c>
      <c r="F15070">
        <v>4</v>
      </c>
      <c r="G15070" t="s">
        <v>2</v>
      </c>
      <c r="H15070" t="s">
        <v>28908</v>
      </c>
      <c r="I15070" t="s">
        <v>30540</v>
      </c>
    </row>
    <row r="15071" spans="1:9">
      <c r="A15071" s="1">
        <f ca="1">RAND()</f>
        <v>0.87562025047338854</v>
      </c>
      <c r="B15071" s="1"/>
      <c r="C15071">
        <v>9</v>
      </c>
      <c r="D15071" t="s">
        <v>28905</v>
      </c>
      <c r="E15071" t="s">
        <v>34697</v>
      </c>
      <c r="F15071">
        <v>3</v>
      </c>
      <c r="G15071" t="s">
        <v>0</v>
      </c>
      <c r="H15071" t="s">
        <v>28906</v>
      </c>
      <c r="I15071" t="s">
        <v>30540</v>
      </c>
    </row>
    <row r="15072" spans="1:9">
      <c r="A15072" s="1">
        <f ca="1">RAND()</f>
        <v>0.56435904748365062</v>
      </c>
      <c r="B15072" s="1"/>
      <c r="C15072">
        <v>14</v>
      </c>
      <c r="D15072" t="s">
        <v>28897</v>
      </c>
      <c r="E15072" t="s">
        <v>34698</v>
      </c>
      <c r="F15072">
        <v>4</v>
      </c>
      <c r="G15072" t="s">
        <v>15</v>
      </c>
      <c r="H15072" t="s">
        <v>28898</v>
      </c>
      <c r="I15072" t="s">
        <v>30540</v>
      </c>
    </row>
    <row r="15073" spans="1:9">
      <c r="A15073" s="1">
        <f ca="1">RAND()</f>
        <v>0.92281482104608092</v>
      </c>
      <c r="B15073" s="1"/>
      <c r="C15073">
        <v>13</v>
      </c>
      <c r="D15073" t="s">
        <v>28895</v>
      </c>
      <c r="E15073" t="s">
        <v>34698</v>
      </c>
      <c r="F15073">
        <v>4</v>
      </c>
      <c r="G15073" t="s">
        <v>0</v>
      </c>
      <c r="H15073" t="s">
        <v>28896</v>
      </c>
      <c r="I15073" t="s">
        <v>30540</v>
      </c>
    </row>
    <row r="15074" spans="1:9">
      <c r="A15074" s="1">
        <f ca="1">RAND()</f>
        <v>0.87332810373876923</v>
      </c>
      <c r="B15074" s="1"/>
      <c r="C15074">
        <v>6</v>
      </c>
      <c r="D15074" t="s">
        <v>28891</v>
      </c>
      <c r="E15074" t="s">
        <v>34698</v>
      </c>
      <c r="F15074">
        <v>4</v>
      </c>
      <c r="G15074" t="s">
        <v>15</v>
      </c>
      <c r="H15074" t="s">
        <v>28892</v>
      </c>
      <c r="I15074" t="s">
        <v>30540</v>
      </c>
    </row>
    <row r="15075" spans="1:9">
      <c r="A15075" s="1">
        <f ca="1">RAND()</f>
        <v>0.14010010420794894</v>
      </c>
      <c r="B15075" s="1"/>
      <c r="C15075">
        <v>18</v>
      </c>
      <c r="D15075" t="s">
        <v>28901</v>
      </c>
      <c r="E15075" t="s">
        <v>34698</v>
      </c>
      <c r="F15075">
        <v>3</v>
      </c>
      <c r="G15075" t="s">
        <v>0</v>
      </c>
      <c r="H15075" t="s">
        <v>28902</v>
      </c>
      <c r="I15075" t="s">
        <v>30540</v>
      </c>
    </row>
    <row r="15076" spans="1:9">
      <c r="A15076" s="1">
        <f ca="1">RAND()</f>
        <v>0.73617318650275565</v>
      </c>
      <c r="B15076" s="1"/>
      <c r="C15076">
        <v>16</v>
      </c>
      <c r="D15076" t="s">
        <v>28899</v>
      </c>
      <c r="E15076" t="s">
        <v>34698</v>
      </c>
      <c r="F15076">
        <v>3</v>
      </c>
      <c r="G15076" t="s">
        <v>0</v>
      </c>
      <c r="H15076" t="s">
        <v>28900</v>
      </c>
      <c r="I15076" t="s">
        <v>30540</v>
      </c>
    </row>
    <row r="15077" spans="1:9">
      <c r="A15077" s="1">
        <f ca="1">RAND()</f>
        <v>9.1422322729557526E-2</v>
      </c>
      <c r="B15077" s="1"/>
      <c r="C15077">
        <v>1</v>
      </c>
      <c r="D15077" t="s">
        <v>28889</v>
      </c>
      <c r="E15077" t="s">
        <v>34698</v>
      </c>
      <c r="F15077">
        <v>3</v>
      </c>
      <c r="G15077" t="s">
        <v>1</v>
      </c>
      <c r="H15077" t="s">
        <v>28890</v>
      </c>
      <c r="I15077" t="s">
        <v>30540</v>
      </c>
    </row>
    <row r="15078" spans="1:9">
      <c r="A15078" s="1">
        <f ca="1">RAND()</f>
        <v>0.21593061039781414</v>
      </c>
      <c r="B15078" s="1"/>
      <c r="C15078">
        <v>12</v>
      </c>
      <c r="D15078" t="s">
        <v>28893</v>
      </c>
      <c r="E15078" t="s">
        <v>34698</v>
      </c>
      <c r="F15078">
        <v>2</v>
      </c>
      <c r="G15078" t="s">
        <v>0</v>
      </c>
      <c r="H15078" t="s">
        <v>28894</v>
      </c>
      <c r="I15078" t="s">
        <v>30540</v>
      </c>
    </row>
    <row r="15079" spans="1:9">
      <c r="A15079" s="1">
        <f ca="1">RAND()</f>
        <v>0.69880901994815059</v>
      </c>
      <c r="B15079" s="1"/>
      <c r="C15079">
        <v>13</v>
      </c>
      <c r="D15079" t="s">
        <v>28883</v>
      </c>
      <c r="E15079" t="s">
        <v>34699</v>
      </c>
      <c r="F15079">
        <v>4</v>
      </c>
      <c r="G15079" t="s">
        <v>0</v>
      </c>
      <c r="H15079" t="s">
        <v>28884</v>
      </c>
      <c r="I15079" t="s">
        <v>30540</v>
      </c>
    </row>
    <row r="15080" spans="1:9">
      <c r="A15080" s="1">
        <f ca="1">RAND()</f>
        <v>0.54442026688215828</v>
      </c>
      <c r="B15080" s="1"/>
      <c r="C15080">
        <v>4</v>
      </c>
      <c r="D15080" t="s">
        <v>28879</v>
      </c>
      <c r="E15080" t="s">
        <v>34699</v>
      </c>
      <c r="F15080">
        <v>4</v>
      </c>
      <c r="G15080" t="s">
        <v>0</v>
      </c>
      <c r="H15080" t="s">
        <v>28880</v>
      </c>
      <c r="I15080" t="s">
        <v>30540</v>
      </c>
    </row>
    <row r="15081" spans="1:9">
      <c r="A15081" s="1">
        <f ca="1">RAND()</f>
        <v>0.57162715475215142</v>
      </c>
      <c r="B15081" s="1"/>
      <c r="C15081">
        <v>7</v>
      </c>
      <c r="D15081" t="s">
        <v>28881</v>
      </c>
      <c r="E15081" t="s">
        <v>34699</v>
      </c>
      <c r="F15081">
        <v>2</v>
      </c>
      <c r="G15081" t="s">
        <v>13</v>
      </c>
      <c r="H15081" t="s">
        <v>28882</v>
      </c>
      <c r="I15081" t="s">
        <v>30540</v>
      </c>
    </row>
    <row r="15082" spans="1:9">
      <c r="A15082" s="1">
        <f ca="1">RAND()</f>
        <v>0.9021519339516505</v>
      </c>
      <c r="B15082" s="1"/>
      <c r="C15082">
        <v>15</v>
      </c>
      <c r="D15082" t="s">
        <v>28887</v>
      </c>
      <c r="E15082" t="s">
        <v>34699</v>
      </c>
      <c r="F15082">
        <v>2</v>
      </c>
      <c r="G15082" t="s">
        <v>0</v>
      </c>
      <c r="H15082" t="s">
        <v>28888</v>
      </c>
      <c r="I15082" t="s">
        <v>30540</v>
      </c>
    </row>
    <row r="15083" spans="1:9">
      <c r="A15083" s="1">
        <f ca="1">RAND()</f>
        <v>0.82122223423970775</v>
      </c>
      <c r="B15083" s="1"/>
      <c r="C15083">
        <v>14</v>
      </c>
      <c r="D15083" t="s">
        <v>28885</v>
      </c>
      <c r="E15083" t="s">
        <v>34699</v>
      </c>
      <c r="F15083">
        <v>1</v>
      </c>
      <c r="G15083" t="s">
        <v>0</v>
      </c>
      <c r="H15083" t="s">
        <v>28886</v>
      </c>
      <c r="I15083" t="s">
        <v>30540</v>
      </c>
    </row>
    <row r="15084" spans="1:9">
      <c r="A15084" s="1">
        <f ca="1">RAND()</f>
        <v>0.28287001636116549</v>
      </c>
      <c r="B15084" s="1"/>
      <c r="C15084">
        <v>9</v>
      </c>
      <c r="D15084" t="s">
        <v>28873</v>
      </c>
      <c r="E15084" t="s">
        <v>34700</v>
      </c>
      <c r="F15084">
        <v>5</v>
      </c>
      <c r="G15084" t="s">
        <v>0</v>
      </c>
      <c r="H15084" t="s">
        <v>28874</v>
      </c>
      <c r="I15084" t="s">
        <v>30540</v>
      </c>
    </row>
    <row r="15085" spans="1:9">
      <c r="A15085" s="1">
        <f ca="1">RAND()</f>
        <v>5.0364798592980486E-2</v>
      </c>
      <c r="B15085" s="1"/>
      <c r="C15085">
        <v>15</v>
      </c>
      <c r="D15085" t="s">
        <v>28875</v>
      </c>
      <c r="E15085" t="s">
        <v>34700</v>
      </c>
      <c r="F15085">
        <v>4</v>
      </c>
      <c r="G15085" t="s">
        <v>0</v>
      </c>
      <c r="H15085" t="s">
        <v>28876</v>
      </c>
      <c r="I15085" t="s">
        <v>30540</v>
      </c>
    </row>
    <row r="15086" spans="1:9">
      <c r="A15086" s="1">
        <f ca="1">RAND()</f>
        <v>0.69871362271816551</v>
      </c>
      <c r="B15086" s="1"/>
      <c r="C15086">
        <v>8</v>
      </c>
      <c r="D15086" t="s">
        <v>28871</v>
      </c>
      <c r="E15086" t="s">
        <v>34700</v>
      </c>
      <c r="F15086">
        <v>4</v>
      </c>
      <c r="G15086" t="s">
        <v>0</v>
      </c>
      <c r="H15086" t="s">
        <v>28872</v>
      </c>
      <c r="I15086" t="s">
        <v>30540</v>
      </c>
    </row>
    <row r="15087" spans="1:9">
      <c r="A15087" s="1">
        <f ca="1">RAND()</f>
        <v>0.82445725234964995</v>
      </c>
      <c r="B15087" s="1"/>
      <c r="C15087">
        <v>19</v>
      </c>
      <c r="D15087" t="s">
        <v>28877</v>
      </c>
      <c r="E15087" t="s">
        <v>34700</v>
      </c>
      <c r="F15087">
        <v>3</v>
      </c>
      <c r="G15087" t="s">
        <v>0</v>
      </c>
      <c r="H15087" t="s">
        <v>28878</v>
      </c>
      <c r="I15087" t="s">
        <v>30540</v>
      </c>
    </row>
    <row r="15088" spans="1:9">
      <c r="A15088" s="1">
        <f ca="1">RAND()</f>
        <v>0.74573575829478456</v>
      </c>
      <c r="B15088" s="1"/>
      <c r="C15088">
        <v>11</v>
      </c>
      <c r="D15088" t="s">
        <v>28863</v>
      </c>
      <c r="E15088" t="s">
        <v>34701</v>
      </c>
      <c r="F15088">
        <v>5</v>
      </c>
      <c r="G15088" t="s">
        <v>0</v>
      </c>
      <c r="H15088" t="s">
        <v>28864</v>
      </c>
      <c r="I15088" t="s">
        <v>30540</v>
      </c>
    </row>
    <row r="15089" spans="1:9">
      <c r="A15089" s="1">
        <f ca="1">RAND()</f>
        <v>0.8747440016634076</v>
      </c>
      <c r="B15089" s="1"/>
      <c r="C15089">
        <v>14</v>
      </c>
      <c r="D15089" t="s">
        <v>28865</v>
      </c>
      <c r="E15089" t="s">
        <v>34701</v>
      </c>
      <c r="F15089">
        <v>5</v>
      </c>
      <c r="G15089" t="s">
        <v>13</v>
      </c>
      <c r="H15089" t="s">
        <v>28866</v>
      </c>
      <c r="I15089" t="s">
        <v>30540</v>
      </c>
    </row>
    <row r="15090" spans="1:9">
      <c r="A15090" s="1">
        <f ca="1">RAND()</f>
        <v>0.98318471045352995</v>
      </c>
      <c r="B15090" s="1"/>
      <c r="C15090">
        <v>5</v>
      </c>
      <c r="D15090" t="s">
        <v>28859</v>
      </c>
      <c r="E15090" t="s">
        <v>34701</v>
      </c>
      <c r="F15090">
        <v>5</v>
      </c>
      <c r="G15090" t="s">
        <v>0</v>
      </c>
      <c r="H15090" t="s">
        <v>28860</v>
      </c>
      <c r="I15090" t="s">
        <v>30540</v>
      </c>
    </row>
    <row r="15091" spans="1:9">
      <c r="A15091" s="1">
        <f ca="1">RAND()</f>
        <v>0.85827248338492512</v>
      </c>
      <c r="B15091" s="1"/>
      <c r="C15091">
        <v>15</v>
      </c>
      <c r="D15091" t="s">
        <v>28867</v>
      </c>
      <c r="E15091" t="s">
        <v>34701</v>
      </c>
      <c r="F15091">
        <v>4</v>
      </c>
      <c r="G15091" t="s">
        <v>0</v>
      </c>
      <c r="H15091" t="s">
        <v>28868</v>
      </c>
      <c r="I15091" t="s">
        <v>30540</v>
      </c>
    </row>
    <row r="15092" spans="1:9">
      <c r="A15092" s="1">
        <f ca="1">RAND()</f>
        <v>0.45134892440758489</v>
      </c>
      <c r="B15092" s="1"/>
      <c r="C15092">
        <v>19</v>
      </c>
      <c r="D15092" t="s">
        <v>28869</v>
      </c>
      <c r="E15092" t="s">
        <v>34701</v>
      </c>
      <c r="F15092">
        <v>4</v>
      </c>
      <c r="G15092" t="s">
        <v>0</v>
      </c>
      <c r="H15092" t="s">
        <v>28870</v>
      </c>
      <c r="I15092" t="s">
        <v>30540</v>
      </c>
    </row>
    <row r="15093" spans="1:9">
      <c r="A15093" s="1">
        <f ca="1">RAND()</f>
        <v>0.34300840890759365</v>
      </c>
      <c r="B15093" s="1"/>
      <c r="C15093">
        <v>9</v>
      </c>
      <c r="D15093" t="s">
        <v>28861</v>
      </c>
      <c r="E15093" t="s">
        <v>34701</v>
      </c>
      <c r="F15093">
        <v>4</v>
      </c>
      <c r="G15093" t="s">
        <v>1</v>
      </c>
      <c r="H15093" t="s">
        <v>28862</v>
      </c>
      <c r="I15093" t="s">
        <v>30540</v>
      </c>
    </row>
    <row r="15094" spans="1:9">
      <c r="A15094" s="1">
        <f ca="1">RAND()</f>
        <v>3.1338145674841278E-2</v>
      </c>
      <c r="B15094" s="1"/>
      <c r="C15094">
        <v>10</v>
      </c>
      <c r="D15094" t="s">
        <v>28855</v>
      </c>
      <c r="E15094" t="s">
        <v>34702</v>
      </c>
      <c r="F15094">
        <v>5</v>
      </c>
      <c r="G15094" t="s">
        <v>0</v>
      </c>
      <c r="H15094" t="s">
        <v>28856</v>
      </c>
      <c r="I15094" t="s">
        <v>30540</v>
      </c>
    </row>
    <row r="15095" spans="1:9">
      <c r="A15095" s="1">
        <f ca="1">RAND()</f>
        <v>0.81555858634995115</v>
      </c>
      <c r="B15095" s="1"/>
      <c r="C15095">
        <v>11</v>
      </c>
      <c r="D15095" t="s">
        <v>28857</v>
      </c>
      <c r="E15095" t="s">
        <v>34702</v>
      </c>
      <c r="F15095">
        <v>4</v>
      </c>
      <c r="G15095" t="s">
        <v>0</v>
      </c>
      <c r="H15095" t="s">
        <v>28858</v>
      </c>
      <c r="I15095" t="s">
        <v>30540</v>
      </c>
    </row>
    <row r="15096" spans="1:9">
      <c r="A15096" s="1">
        <f ca="1">RAND()</f>
        <v>0.4051041811292162</v>
      </c>
      <c r="B15096" s="1"/>
      <c r="C15096">
        <v>17</v>
      </c>
      <c r="D15096" t="s">
        <v>28853</v>
      </c>
      <c r="E15096" t="s">
        <v>34703</v>
      </c>
      <c r="F15096">
        <v>5</v>
      </c>
      <c r="G15096" t="s">
        <v>0</v>
      </c>
      <c r="H15096" t="s">
        <v>28854</v>
      </c>
      <c r="I15096" t="s">
        <v>30540</v>
      </c>
    </row>
    <row r="15097" spans="1:9">
      <c r="A15097" s="1">
        <f ca="1">RAND()</f>
        <v>0.23109766690356681</v>
      </c>
      <c r="B15097" s="1"/>
      <c r="C15097">
        <v>9</v>
      </c>
      <c r="D15097" t="s">
        <v>28847</v>
      </c>
      <c r="E15097" t="s">
        <v>34703</v>
      </c>
      <c r="F15097">
        <v>5</v>
      </c>
      <c r="G15097" t="s">
        <v>15</v>
      </c>
      <c r="H15097" t="s">
        <v>28848</v>
      </c>
      <c r="I15097" t="s">
        <v>30540</v>
      </c>
    </row>
    <row r="15098" spans="1:9">
      <c r="A15098" s="1">
        <f ca="1">RAND()</f>
        <v>0.43765626659755341</v>
      </c>
      <c r="B15098" s="1"/>
      <c r="C15098">
        <v>12</v>
      </c>
      <c r="D15098" t="s">
        <v>28849</v>
      </c>
      <c r="E15098" t="s">
        <v>34703</v>
      </c>
      <c r="F15098">
        <v>4</v>
      </c>
      <c r="G15098" t="s">
        <v>15</v>
      </c>
      <c r="H15098" t="s">
        <v>28850</v>
      </c>
      <c r="I15098" t="s">
        <v>30540</v>
      </c>
    </row>
    <row r="15099" spans="1:9">
      <c r="A15099" s="1">
        <f ca="1">RAND()</f>
        <v>0.87413765517481545</v>
      </c>
      <c r="B15099" s="1"/>
      <c r="C15099">
        <v>6</v>
      </c>
      <c r="D15099" t="s">
        <v>28845</v>
      </c>
      <c r="E15099" t="s">
        <v>34703</v>
      </c>
      <c r="F15099">
        <v>4</v>
      </c>
      <c r="G15099" t="s">
        <v>0</v>
      </c>
      <c r="H15099" t="s">
        <v>28846</v>
      </c>
      <c r="I15099" t="s">
        <v>30540</v>
      </c>
    </row>
    <row r="15100" spans="1:9">
      <c r="A15100" s="1">
        <f ca="1">RAND()</f>
        <v>0.29557014952199678</v>
      </c>
      <c r="B15100" s="1"/>
      <c r="C15100">
        <v>16</v>
      </c>
      <c r="D15100" t="s">
        <v>28851</v>
      </c>
      <c r="E15100" t="s">
        <v>34703</v>
      </c>
      <c r="F15100">
        <v>4</v>
      </c>
      <c r="G15100" t="s">
        <v>0</v>
      </c>
      <c r="H15100" t="s">
        <v>28852</v>
      </c>
      <c r="I15100" t="s">
        <v>30540</v>
      </c>
    </row>
    <row r="15101" spans="1:9">
      <c r="A15101" s="1">
        <f ca="1">RAND()</f>
        <v>0.95961511913738873</v>
      </c>
      <c r="B15101" s="1"/>
      <c r="C15101">
        <v>5</v>
      </c>
      <c r="D15101" t="s">
        <v>28839</v>
      </c>
      <c r="E15101" t="s">
        <v>34704</v>
      </c>
      <c r="F15101">
        <v>5</v>
      </c>
      <c r="G15101" t="s">
        <v>0</v>
      </c>
      <c r="H15101" t="s">
        <v>28840</v>
      </c>
      <c r="I15101" t="s">
        <v>30540</v>
      </c>
    </row>
    <row r="15102" spans="1:9">
      <c r="A15102" s="1">
        <f ca="1">RAND()</f>
        <v>0.9401796794776256</v>
      </c>
      <c r="B15102" s="1"/>
      <c r="C15102">
        <v>11</v>
      </c>
      <c r="D15102" t="s">
        <v>28841</v>
      </c>
      <c r="E15102" t="s">
        <v>34704</v>
      </c>
      <c r="F15102">
        <v>5</v>
      </c>
      <c r="G15102" t="s">
        <v>0</v>
      </c>
      <c r="H15102" t="s">
        <v>28842</v>
      </c>
      <c r="I15102" t="s">
        <v>30540</v>
      </c>
    </row>
    <row r="15103" spans="1:9">
      <c r="A15103" s="1">
        <f ca="1">RAND()</f>
        <v>0.56617968634897586</v>
      </c>
      <c r="B15103" s="1"/>
      <c r="C15103">
        <v>12</v>
      </c>
      <c r="D15103" t="s">
        <v>28843</v>
      </c>
      <c r="E15103" t="s">
        <v>34704</v>
      </c>
      <c r="F15103">
        <v>2</v>
      </c>
      <c r="G15103" t="s">
        <v>0</v>
      </c>
      <c r="H15103" t="s">
        <v>28844</v>
      </c>
      <c r="I15103" t="s">
        <v>30540</v>
      </c>
    </row>
    <row r="15104" spans="1:9">
      <c r="A15104" s="1">
        <f ca="1">RAND()</f>
        <v>0.74415560539850611</v>
      </c>
      <c r="B15104" s="1"/>
      <c r="C15104">
        <v>2</v>
      </c>
      <c r="D15104" t="s">
        <v>28827</v>
      </c>
      <c r="E15104" t="s">
        <v>34705</v>
      </c>
      <c r="F15104">
        <v>4</v>
      </c>
      <c r="G15104" t="s">
        <v>2</v>
      </c>
      <c r="H15104" t="s">
        <v>28828</v>
      </c>
      <c r="I15104" t="s">
        <v>30540</v>
      </c>
    </row>
    <row r="15105" spans="1:9">
      <c r="A15105" s="1">
        <f ca="1">RAND()</f>
        <v>0.46831096064287592</v>
      </c>
      <c r="B15105" s="1"/>
      <c r="C15105">
        <v>10</v>
      </c>
      <c r="D15105" t="s">
        <v>28831</v>
      </c>
      <c r="E15105" t="s">
        <v>34705</v>
      </c>
      <c r="F15105">
        <v>4</v>
      </c>
      <c r="G15105" t="s">
        <v>9</v>
      </c>
      <c r="H15105" t="s">
        <v>28832</v>
      </c>
      <c r="I15105" t="s">
        <v>30540</v>
      </c>
    </row>
    <row r="15106" spans="1:9">
      <c r="A15106" s="1">
        <f ca="1">RAND()</f>
        <v>0.13629140545052409</v>
      </c>
      <c r="B15106" s="1"/>
      <c r="C15106">
        <v>12</v>
      </c>
      <c r="D15106" t="s">
        <v>28833</v>
      </c>
      <c r="E15106" t="s">
        <v>34705</v>
      </c>
      <c r="F15106">
        <v>4</v>
      </c>
      <c r="G15106" t="s">
        <v>0</v>
      </c>
      <c r="H15106" t="s">
        <v>28834</v>
      </c>
      <c r="I15106" t="s">
        <v>30540</v>
      </c>
    </row>
    <row r="15107" spans="1:9">
      <c r="A15107" s="1">
        <f ca="1">RAND()</f>
        <v>0.52151905189446512</v>
      </c>
      <c r="B15107" s="1"/>
      <c r="C15107">
        <v>17</v>
      </c>
      <c r="D15107" t="s">
        <v>28835</v>
      </c>
      <c r="E15107" t="s">
        <v>34705</v>
      </c>
      <c r="F15107">
        <v>4</v>
      </c>
      <c r="G15107" t="s">
        <v>10</v>
      </c>
      <c r="H15107" t="s">
        <v>28836</v>
      </c>
      <c r="I15107" t="s">
        <v>30540</v>
      </c>
    </row>
    <row r="15108" spans="1:9">
      <c r="A15108" s="1">
        <f ca="1">RAND()</f>
        <v>0.17056653059590687</v>
      </c>
      <c r="B15108" s="1"/>
      <c r="C15108">
        <v>18</v>
      </c>
      <c r="D15108" t="s">
        <v>28837</v>
      </c>
      <c r="E15108" t="s">
        <v>34705</v>
      </c>
      <c r="F15108">
        <v>2</v>
      </c>
      <c r="G15108" t="s">
        <v>0</v>
      </c>
      <c r="H15108" t="s">
        <v>28838</v>
      </c>
      <c r="I15108" t="s">
        <v>30540</v>
      </c>
    </row>
    <row r="15109" spans="1:9">
      <c r="A15109" s="1">
        <f ca="1">RAND()</f>
        <v>0.59686050890510789</v>
      </c>
      <c r="B15109" s="1"/>
      <c r="C15109">
        <v>5</v>
      </c>
      <c r="D15109" t="s">
        <v>28829</v>
      </c>
      <c r="E15109" t="s">
        <v>34705</v>
      </c>
      <c r="F15109">
        <v>1</v>
      </c>
      <c r="G15109" t="s">
        <v>0</v>
      </c>
      <c r="H15109" t="s">
        <v>28830</v>
      </c>
      <c r="I15109" t="s">
        <v>30540</v>
      </c>
    </row>
    <row r="15110" spans="1:9">
      <c r="A15110" s="1">
        <f ca="1">RAND()</f>
        <v>0.54525149988016763</v>
      </c>
      <c r="B15110" s="1"/>
      <c r="C15110">
        <v>4</v>
      </c>
      <c r="D15110" t="s">
        <v>28823</v>
      </c>
      <c r="E15110" t="s">
        <v>34706</v>
      </c>
      <c r="F15110">
        <v>4</v>
      </c>
      <c r="G15110" t="s">
        <v>0</v>
      </c>
      <c r="H15110" t="s">
        <v>28824</v>
      </c>
      <c r="I15110" t="s">
        <v>30540</v>
      </c>
    </row>
    <row r="15111" spans="1:9">
      <c r="A15111" s="1">
        <f ca="1">RAND()</f>
        <v>0.92011437726203782</v>
      </c>
      <c r="B15111" s="1"/>
      <c r="C15111">
        <v>14</v>
      </c>
      <c r="D15111" t="s">
        <v>28825</v>
      </c>
      <c r="E15111" t="s">
        <v>34706</v>
      </c>
      <c r="F15111">
        <v>3</v>
      </c>
      <c r="G15111" t="s">
        <v>0</v>
      </c>
      <c r="H15111" t="s">
        <v>28826</v>
      </c>
      <c r="I15111" t="s">
        <v>30540</v>
      </c>
    </row>
    <row r="15112" spans="1:9">
      <c r="A15112" s="1">
        <f ca="1">RAND()</f>
        <v>0.74733272372859738</v>
      </c>
      <c r="B15112" s="1"/>
      <c r="C15112">
        <v>9</v>
      </c>
      <c r="D15112" t="s">
        <v>28819</v>
      </c>
      <c r="E15112" t="s">
        <v>34707</v>
      </c>
      <c r="F15112">
        <v>4</v>
      </c>
      <c r="G15112" t="s">
        <v>0</v>
      </c>
      <c r="H15112" t="s">
        <v>28820</v>
      </c>
      <c r="I15112" t="s">
        <v>30540</v>
      </c>
    </row>
    <row r="15113" spans="1:9">
      <c r="A15113" s="1">
        <f ca="1">RAND()</f>
        <v>0.15672194947821083</v>
      </c>
      <c r="B15113" s="1"/>
      <c r="C15113">
        <v>8</v>
      </c>
      <c r="D15113" t="s">
        <v>28817</v>
      </c>
      <c r="E15113" t="s">
        <v>34707</v>
      </c>
      <c r="F15113">
        <v>4</v>
      </c>
      <c r="G15113" t="s">
        <v>2</v>
      </c>
      <c r="H15113" t="s">
        <v>28818</v>
      </c>
      <c r="I15113" t="s">
        <v>30540</v>
      </c>
    </row>
    <row r="15114" spans="1:9">
      <c r="A15114" s="1">
        <f ca="1">RAND()</f>
        <v>0.82561312423479594</v>
      </c>
      <c r="B15114" s="1"/>
      <c r="C15114">
        <v>12</v>
      </c>
      <c r="D15114" t="s">
        <v>28821</v>
      </c>
      <c r="E15114" t="s">
        <v>34707</v>
      </c>
      <c r="F15114">
        <v>4</v>
      </c>
      <c r="G15114" t="s">
        <v>0</v>
      </c>
      <c r="H15114" t="s">
        <v>28822</v>
      </c>
      <c r="I15114" t="s">
        <v>30540</v>
      </c>
    </row>
    <row r="15115" spans="1:9">
      <c r="A15115" s="1">
        <f ca="1">RAND()</f>
        <v>0.93729373466132815</v>
      </c>
      <c r="B15115" s="1"/>
      <c r="C15115">
        <v>2</v>
      </c>
      <c r="D15115" t="s">
        <v>28811</v>
      </c>
      <c r="E15115" t="s">
        <v>34708</v>
      </c>
      <c r="F15115">
        <v>5</v>
      </c>
      <c r="G15115" t="s">
        <v>10</v>
      </c>
      <c r="H15115" t="s">
        <v>28812</v>
      </c>
      <c r="I15115" t="s">
        <v>30540</v>
      </c>
    </row>
    <row r="15116" spans="1:9">
      <c r="A15116" s="1">
        <f ca="1">RAND()</f>
        <v>0.55844510697408012</v>
      </c>
      <c r="B15116" s="1"/>
      <c r="C15116">
        <v>7</v>
      </c>
      <c r="D15116" t="s">
        <v>28815</v>
      </c>
      <c r="E15116" t="s">
        <v>34708</v>
      </c>
      <c r="F15116">
        <v>4</v>
      </c>
      <c r="G15116" t="s">
        <v>0</v>
      </c>
      <c r="H15116" t="s">
        <v>28816</v>
      </c>
      <c r="I15116" t="s">
        <v>30540</v>
      </c>
    </row>
    <row r="15117" spans="1:9">
      <c r="A15117" s="1">
        <f ca="1">RAND()</f>
        <v>0.27786852400371687</v>
      </c>
      <c r="B15117" s="1"/>
      <c r="C15117">
        <v>1</v>
      </c>
      <c r="D15117" t="s">
        <v>28809</v>
      </c>
      <c r="E15117" t="s">
        <v>34708</v>
      </c>
      <c r="F15117">
        <v>4</v>
      </c>
      <c r="G15117" t="s">
        <v>0</v>
      </c>
      <c r="H15117" t="s">
        <v>28810</v>
      </c>
      <c r="I15117" t="s">
        <v>30540</v>
      </c>
    </row>
    <row r="15118" spans="1:9">
      <c r="A15118" s="1">
        <f ca="1">RAND()</f>
        <v>0.26021867690018685</v>
      </c>
      <c r="B15118" s="1"/>
      <c r="C15118">
        <v>3</v>
      </c>
      <c r="D15118" t="s">
        <v>28813</v>
      </c>
      <c r="E15118" t="s">
        <v>34708</v>
      </c>
      <c r="F15118">
        <v>3</v>
      </c>
      <c r="G15118" t="s">
        <v>2</v>
      </c>
      <c r="H15118" t="s">
        <v>28814</v>
      </c>
      <c r="I15118" t="s">
        <v>30540</v>
      </c>
    </row>
    <row r="15119" spans="1:9">
      <c r="A15119" s="1">
        <f ca="1">RAND()</f>
        <v>0.67127996829794734</v>
      </c>
      <c r="B15119" s="1"/>
      <c r="C15119">
        <v>3</v>
      </c>
      <c r="D15119" t="s">
        <v>28799</v>
      </c>
      <c r="E15119" t="s">
        <v>34709</v>
      </c>
      <c r="F15119">
        <v>4</v>
      </c>
      <c r="G15119" t="s">
        <v>9</v>
      </c>
      <c r="H15119" t="s">
        <v>28800</v>
      </c>
      <c r="I15119" t="s">
        <v>30540</v>
      </c>
    </row>
    <row r="15120" spans="1:9">
      <c r="A15120" s="1">
        <f ca="1">RAND()</f>
        <v>0.80641946019501543</v>
      </c>
      <c r="B15120" s="1"/>
      <c r="C15120">
        <v>11</v>
      </c>
      <c r="D15120" t="s">
        <v>28805</v>
      </c>
      <c r="E15120" t="s">
        <v>34709</v>
      </c>
      <c r="F15120">
        <v>4</v>
      </c>
      <c r="G15120" t="s">
        <v>0</v>
      </c>
      <c r="H15120" t="s">
        <v>28806</v>
      </c>
      <c r="I15120" t="s">
        <v>30540</v>
      </c>
    </row>
    <row r="15121" spans="1:9">
      <c r="A15121" s="1">
        <f ca="1">RAND()</f>
        <v>0.50551741468962952</v>
      </c>
      <c r="B15121" s="1"/>
      <c r="C15121">
        <v>10</v>
      </c>
      <c r="D15121" t="s">
        <v>28803</v>
      </c>
      <c r="E15121" t="s">
        <v>34709</v>
      </c>
      <c r="F15121">
        <v>4</v>
      </c>
      <c r="G15121" t="s">
        <v>13</v>
      </c>
      <c r="H15121" t="s">
        <v>28804</v>
      </c>
      <c r="I15121" t="s">
        <v>30540</v>
      </c>
    </row>
    <row r="15122" spans="1:9">
      <c r="A15122" s="1">
        <f ca="1">RAND()</f>
        <v>0.76573002677639734</v>
      </c>
      <c r="B15122" s="1"/>
      <c r="C15122">
        <v>5</v>
      </c>
      <c r="D15122" t="s">
        <v>28801</v>
      </c>
      <c r="E15122" t="s">
        <v>34709</v>
      </c>
      <c r="F15122">
        <v>3</v>
      </c>
      <c r="G15122" t="s">
        <v>0</v>
      </c>
      <c r="H15122" t="s">
        <v>28802</v>
      </c>
      <c r="I15122" t="s">
        <v>30540</v>
      </c>
    </row>
    <row r="15123" spans="1:9">
      <c r="A15123" s="1">
        <f ca="1">RAND()</f>
        <v>0.9250190845095424</v>
      </c>
      <c r="B15123" s="1"/>
      <c r="C15123">
        <v>13</v>
      </c>
      <c r="D15123" t="s">
        <v>28807</v>
      </c>
      <c r="E15123" t="s">
        <v>34709</v>
      </c>
      <c r="F15123">
        <v>2</v>
      </c>
      <c r="G15123" t="s">
        <v>0</v>
      </c>
      <c r="H15123" t="s">
        <v>28808</v>
      </c>
      <c r="I15123" t="s">
        <v>30540</v>
      </c>
    </row>
    <row r="15124" spans="1:9">
      <c r="A15124" s="1">
        <f ca="1">RAND()</f>
        <v>0.68900906995153577</v>
      </c>
      <c r="B15124" s="1"/>
      <c r="C15124">
        <v>20</v>
      </c>
      <c r="D15124" t="s">
        <v>28797</v>
      </c>
      <c r="E15124" t="s">
        <v>34710</v>
      </c>
      <c r="F15124">
        <v>4</v>
      </c>
      <c r="G15124" t="s">
        <v>2</v>
      </c>
      <c r="H15124" t="s">
        <v>28798</v>
      </c>
      <c r="I15124" t="s">
        <v>30540</v>
      </c>
    </row>
    <row r="15125" spans="1:9">
      <c r="A15125" s="1">
        <f ca="1">RAND()</f>
        <v>0.64535725407643318</v>
      </c>
      <c r="B15125" s="1"/>
      <c r="C15125">
        <v>1</v>
      </c>
      <c r="D15125" t="s">
        <v>28793</v>
      </c>
      <c r="E15125" t="s">
        <v>34710</v>
      </c>
      <c r="F15125">
        <v>4</v>
      </c>
      <c r="G15125" t="s">
        <v>9</v>
      </c>
      <c r="H15125" t="s">
        <v>28794</v>
      </c>
      <c r="I15125" t="s">
        <v>30540</v>
      </c>
    </row>
    <row r="15126" spans="1:9">
      <c r="A15126" s="1">
        <f ca="1">RAND()</f>
        <v>0.81224497402925566</v>
      </c>
      <c r="B15126" s="1"/>
      <c r="C15126">
        <v>6</v>
      </c>
      <c r="D15126" t="s">
        <v>28795</v>
      </c>
      <c r="E15126" t="s">
        <v>34710</v>
      </c>
      <c r="F15126">
        <v>4</v>
      </c>
      <c r="G15126" t="s">
        <v>10</v>
      </c>
      <c r="H15126" t="s">
        <v>28796</v>
      </c>
      <c r="I15126" t="s">
        <v>30540</v>
      </c>
    </row>
    <row r="15127" spans="1:9">
      <c r="A15127" s="1">
        <f ca="1">RAND()</f>
        <v>0.19290538531304602</v>
      </c>
      <c r="B15127" s="1"/>
      <c r="C15127">
        <v>1</v>
      </c>
      <c r="D15127" t="s">
        <v>28783</v>
      </c>
      <c r="E15127" t="s">
        <v>34711</v>
      </c>
      <c r="F15127">
        <v>4</v>
      </c>
      <c r="G15127" t="s">
        <v>10</v>
      </c>
      <c r="H15127" t="s">
        <v>28784</v>
      </c>
      <c r="I15127" t="s">
        <v>30540</v>
      </c>
    </row>
    <row r="15128" spans="1:9">
      <c r="A15128" s="1">
        <f ca="1">RAND()</f>
        <v>0.37078781935262495</v>
      </c>
      <c r="B15128" s="1"/>
      <c r="C15128">
        <v>14</v>
      </c>
      <c r="D15128" t="s">
        <v>28791</v>
      </c>
      <c r="E15128" t="s">
        <v>34711</v>
      </c>
      <c r="F15128">
        <v>4</v>
      </c>
      <c r="G15128" t="s">
        <v>13</v>
      </c>
      <c r="H15128" t="s">
        <v>28792</v>
      </c>
      <c r="I15128" t="s">
        <v>30540</v>
      </c>
    </row>
    <row r="15129" spans="1:9">
      <c r="A15129" s="1">
        <f ca="1">RAND()</f>
        <v>0.75087762336120722</v>
      </c>
      <c r="B15129" s="1"/>
      <c r="C15129">
        <v>4</v>
      </c>
      <c r="D15129" t="s">
        <v>28785</v>
      </c>
      <c r="E15129" t="s">
        <v>34711</v>
      </c>
      <c r="F15129">
        <v>4</v>
      </c>
      <c r="G15129" t="s">
        <v>0</v>
      </c>
      <c r="H15129" t="s">
        <v>28786</v>
      </c>
      <c r="I15129" t="s">
        <v>30540</v>
      </c>
    </row>
    <row r="15130" spans="1:9">
      <c r="A15130" s="1">
        <f ca="1">RAND()</f>
        <v>0.55071203646599742</v>
      </c>
      <c r="B15130" s="1"/>
      <c r="C15130">
        <v>10</v>
      </c>
      <c r="D15130" t="s">
        <v>28787</v>
      </c>
      <c r="E15130" t="s">
        <v>34711</v>
      </c>
      <c r="F15130">
        <v>2</v>
      </c>
      <c r="G15130" t="s">
        <v>0</v>
      </c>
      <c r="H15130" t="s">
        <v>28788</v>
      </c>
      <c r="I15130" t="s">
        <v>30540</v>
      </c>
    </row>
    <row r="15131" spans="1:9">
      <c r="A15131" s="1">
        <f ca="1">RAND()</f>
        <v>0.40918915780517517</v>
      </c>
      <c r="B15131" s="1"/>
      <c r="C15131">
        <v>11</v>
      </c>
      <c r="D15131" t="s">
        <v>28789</v>
      </c>
      <c r="E15131" t="s">
        <v>34711</v>
      </c>
      <c r="F15131">
        <v>2</v>
      </c>
      <c r="G15131" t="s">
        <v>10</v>
      </c>
      <c r="H15131" t="s">
        <v>28790</v>
      </c>
      <c r="I15131" t="s">
        <v>30540</v>
      </c>
    </row>
    <row r="15132" spans="1:9">
      <c r="A15132" s="1">
        <f ca="1">RAND()</f>
        <v>0.45422027942670251</v>
      </c>
      <c r="B15132" s="1"/>
      <c r="C15132">
        <v>6</v>
      </c>
      <c r="D15132" t="s">
        <v>28781</v>
      </c>
      <c r="E15132" t="s">
        <v>34712</v>
      </c>
      <c r="F15132">
        <v>4</v>
      </c>
      <c r="G15132" t="s">
        <v>0</v>
      </c>
      <c r="H15132" t="s">
        <v>28782</v>
      </c>
      <c r="I15132" t="s">
        <v>30540</v>
      </c>
    </row>
    <row r="15133" spans="1:9">
      <c r="A15133" s="1">
        <f ca="1">RAND()</f>
        <v>0.18396840756088739</v>
      </c>
      <c r="B15133" s="1"/>
      <c r="C15133">
        <v>14</v>
      </c>
      <c r="D15133" t="s">
        <v>28777</v>
      </c>
      <c r="E15133" t="s">
        <v>34713</v>
      </c>
      <c r="F15133">
        <v>5</v>
      </c>
      <c r="G15133" t="s">
        <v>0</v>
      </c>
      <c r="H15133" t="s">
        <v>28778</v>
      </c>
      <c r="I15133" t="s">
        <v>30540</v>
      </c>
    </row>
    <row r="15134" spans="1:9">
      <c r="A15134" s="1">
        <f ca="1">RAND()</f>
        <v>0.67418858492184996</v>
      </c>
      <c r="B15134" s="1"/>
      <c r="C15134">
        <v>15</v>
      </c>
      <c r="D15134" t="s">
        <v>28779</v>
      </c>
      <c r="E15134" t="s">
        <v>34713</v>
      </c>
      <c r="F15134">
        <v>5</v>
      </c>
      <c r="G15134" t="s">
        <v>0</v>
      </c>
      <c r="H15134" t="s">
        <v>28780</v>
      </c>
      <c r="I15134" t="s">
        <v>30540</v>
      </c>
    </row>
    <row r="15135" spans="1:9">
      <c r="A15135" s="1">
        <f ca="1">RAND()</f>
        <v>0.48004348016613574</v>
      </c>
      <c r="B15135" s="1"/>
      <c r="C15135">
        <v>4</v>
      </c>
      <c r="D15135" t="s">
        <v>28773</v>
      </c>
      <c r="E15135" t="s">
        <v>34713</v>
      </c>
      <c r="F15135">
        <v>4</v>
      </c>
      <c r="G15135" t="s">
        <v>0</v>
      </c>
      <c r="H15135" t="s">
        <v>28774</v>
      </c>
      <c r="I15135" t="s">
        <v>30540</v>
      </c>
    </row>
    <row r="15136" spans="1:9">
      <c r="A15136" s="1">
        <f ca="1">RAND()</f>
        <v>0.72117410522406222</v>
      </c>
      <c r="B15136" s="1"/>
      <c r="C15136">
        <v>6</v>
      </c>
      <c r="D15136" t="s">
        <v>28775</v>
      </c>
      <c r="E15136" t="s">
        <v>34713</v>
      </c>
      <c r="F15136">
        <v>3</v>
      </c>
      <c r="G15136" t="s">
        <v>9</v>
      </c>
      <c r="H15136" t="s">
        <v>28776</v>
      </c>
      <c r="I15136" t="s">
        <v>30540</v>
      </c>
    </row>
    <row r="15137" spans="1:9">
      <c r="A15137" s="1">
        <f ca="1">RAND()</f>
        <v>0.53056844548943638</v>
      </c>
      <c r="B15137" s="1"/>
      <c r="C15137">
        <v>1</v>
      </c>
      <c r="D15137" t="s">
        <v>28771</v>
      </c>
      <c r="E15137" t="s">
        <v>34713</v>
      </c>
      <c r="F15137">
        <v>3</v>
      </c>
      <c r="G15137" t="s">
        <v>15</v>
      </c>
      <c r="H15137" t="s">
        <v>28772</v>
      </c>
      <c r="I15137" t="s">
        <v>30540</v>
      </c>
    </row>
    <row r="15138" spans="1:9">
      <c r="A15138" s="1">
        <f ca="1">RAND()</f>
        <v>0.29080126664982342</v>
      </c>
      <c r="B15138" s="1"/>
      <c r="C15138">
        <v>8</v>
      </c>
      <c r="D15138" t="s">
        <v>28769</v>
      </c>
      <c r="E15138" t="s">
        <v>34714</v>
      </c>
      <c r="F15138">
        <v>4</v>
      </c>
      <c r="G15138" t="s">
        <v>0</v>
      </c>
      <c r="H15138" t="s">
        <v>28770</v>
      </c>
      <c r="I15138" t="s">
        <v>30540</v>
      </c>
    </row>
    <row r="15139" spans="1:9">
      <c r="A15139" s="1">
        <f ca="1">RAND()</f>
        <v>0.85644696966661793</v>
      </c>
      <c r="B15139" s="1"/>
      <c r="C15139">
        <v>5</v>
      </c>
      <c r="D15139" t="s">
        <v>28767</v>
      </c>
      <c r="E15139" t="s">
        <v>34715</v>
      </c>
      <c r="F15139">
        <v>1</v>
      </c>
      <c r="G15139" t="s">
        <v>0</v>
      </c>
      <c r="H15139" t="s">
        <v>28768</v>
      </c>
      <c r="I15139" t="s">
        <v>30540</v>
      </c>
    </row>
    <row r="15140" spans="1:9">
      <c r="A15140" s="1">
        <f ca="1">RAND()</f>
        <v>0.98478374697289528</v>
      </c>
      <c r="B15140" s="1"/>
      <c r="C15140">
        <v>13</v>
      </c>
      <c r="D15140" t="s">
        <v>28765</v>
      </c>
      <c r="E15140" t="s">
        <v>34716</v>
      </c>
      <c r="F15140">
        <v>4</v>
      </c>
      <c r="G15140" t="s">
        <v>15</v>
      </c>
      <c r="H15140" t="s">
        <v>28766</v>
      </c>
      <c r="I15140" t="s">
        <v>30540</v>
      </c>
    </row>
    <row r="15141" spans="1:9">
      <c r="A15141" s="1">
        <f ca="1">RAND()</f>
        <v>0.92866626155436716</v>
      </c>
      <c r="B15141" s="1"/>
      <c r="C15141">
        <v>7</v>
      </c>
      <c r="D15141" t="s">
        <v>28763</v>
      </c>
      <c r="E15141" t="s">
        <v>34716</v>
      </c>
      <c r="F15141">
        <v>2</v>
      </c>
      <c r="G15141" t="s">
        <v>0</v>
      </c>
      <c r="H15141" t="s">
        <v>28764</v>
      </c>
      <c r="I15141" t="s">
        <v>30540</v>
      </c>
    </row>
    <row r="15142" spans="1:9">
      <c r="A15142" s="1">
        <f ca="1">RAND()</f>
        <v>9.9281314967118894E-2</v>
      </c>
      <c r="B15142" s="1"/>
      <c r="C15142">
        <v>4</v>
      </c>
      <c r="D15142" t="s">
        <v>28759</v>
      </c>
      <c r="E15142" t="s">
        <v>34717</v>
      </c>
      <c r="F15142">
        <v>5</v>
      </c>
      <c r="G15142" t="s">
        <v>0</v>
      </c>
      <c r="H15142" t="s">
        <v>28760</v>
      </c>
      <c r="I15142" t="s">
        <v>30540</v>
      </c>
    </row>
    <row r="15143" spans="1:9">
      <c r="A15143" s="1">
        <f ca="1">RAND()</f>
        <v>0.5705227742371336</v>
      </c>
      <c r="B15143" s="1"/>
      <c r="C15143">
        <v>2</v>
      </c>
      <c r="D15143" t="s">
        <v>28757</v>
      </c>
      <c r="E15143" t="s">
        <v>34717</v>
      </c>
      <c r="F15143">
        <v>4</v>
      </c>
      <c r="G15143" t="s">
        <v>0</v>
      </c>
      <c r="H15143" t="s">
        <v>28758</v>
      </c>
      <c r="I15143" t="s">
        <v>30540</v>
      </c>
    </row>
    <row r="15144" spans="1:9">
      <c r="A15144" s="1">
        <f ca="1">RAND()</f>
        <v>0.57921083104104865</v>
      </c>
      <c r="B15144" s="1"/>
      <c r="C15144">
        <v>1</v>
      </c>
      <c r="D15144" t="s">
        <v>28755</v>
      </c>
      <c r="E15144" t="s">
        <v>34717</v>
      </c>
      <c r="F15144">
        <v>4</v>
      </c>
      <c r="G15144" t="s">
        <v>0</v>
      </c>
      <c r="H15144" t="s">
        <v>28756</v>
      </c>
      <c r="I15144" t="s">
        <v>30540</v>
      </c>
    </row>
    <row r="15145" spans="1:9">
      <c r="A15145" s="1">
        <f ca="1">RAND()</f>
        <v>0.57420642489537965</v>
      </c>
      <c r="B15145" s="1"/>
      <c r="C15145">
        <v>11</v>
      </c>
      <c r="D15145" t="s">
        <v>28761</v>
      </c>
      <c r="E15145" t="s">
        <v>34717</v>
      </c>
      <c r="F15145">
        <v>2</v>
      </c>
      <c r="G15145" t="s">
        <v>0</v>
      </c>
      <c r="H15145" t="s">
        <v>28762</v>
      </c>
      <c r="I15145" t="s">
        <v>30540</v>
      </c>
    </row>
    <row r="15146" spans="1:9">
      <c r="A15146" s="1">
        <f ca="1">RAND()</f>
        <v>0.78542935454796814</v>
      </c>
      <c r="B15146" s="1"/>
      <c r="C15146">
        <v>12</v>
      </c>
      <c r="D15146" t="s">
        <v>28753</v>
      </c>
      <c r="E15146" t="s">
        <v>34718</v>
      </c>
      <c r="F15146">
        <v>5</v>
      </c>
      <c r="G15146" t="s">
        <v>10</v>
      </c>
      <c r="H15146" t="s">
        <v>28754</v>
      </c>
      <c r="I15146" t="s">
        <v>30540</v>
      </c>
    </row>
    <row r="15147" spans="1:9">
      <c r="A15147" s="1">
        <f ca="1">RAND()</f>
        <v>0.7552057726315855</v>
      </c>
      <c r="B15147" s="1"/>
      <c r="C15147">
        <v>3</v>
      </c>
      <c r="D15147" t="s">
        <v>28749</v>
      </c>
      <c r="E15147" t="s">
        <v>34718</v>
      </c>
      <c r="F15147">
        <v>4</v>
      </c>
      <c r="G15147" t="s">
        <v>0</v>
      </c>
      <c r="H15147" t="s">
        <v>28750</v>
      </c>
      <c r="I15147" t="s">
        <v>30540</v>
      </c>
    </row>
    <row r="15148" spans="1:9">
      <c r="A15148" s="1">
        <f ca="1">RAND()</f>
        <v>0.81705562408545829</v>
      </c>
      <c r="B15148" s="1"/>
      <c r="C15148">
        <v>8</v>
      </c>
      <c r="D15148" t="s">
        <v>28751</v>
      </c>
      <c r="E15148" t="s">
        <v>34718</v>
      </c>
      <c r="F15148">
        <v>4</v>
      </c>
      <c r="G15148" t="s">
        <v>0</v>
      </c>
      <c r="H15148" t="s">
        <v>28752</v>
      </c>
      <c r="I15148" t="s">
        <v>30540</v>
      </c>
    </row>
    <row r="15149" spans="1:9">
      <c r="A15149" s="1">
        <f ca="1">RAND()</f>
        <v>0.81100061750903296</v>
      </c>
      <c r="B15149" s="1"/>
      <c r="C15149">
        <v>5</v>
      </c>
      <c r="D15149" t="s">
        <v>28741</v>
      </c>
      <c r="E15149" t="s">
        <v>34719</v>
      </c>
      <c r="F15149">
        <v>4</v>
      </c>
      <c r="G15149" t="s">
        <v>0</v>
      </c>
      <c r="H15149" t="s">
        <v>28742</v>
      </c>
      <c r="I15149" t="s">
        <v>30540</v>
      </c>
    </row>
    <row r="15150" spans="1:9">
      <c r="A15150" s="1">
        <f ca="1">RAND()</f>
        <v>0.72214500741609078</v>
      </c>
      <c r="B15150" s="1"/>
      <c r="C15150">
        <v>12</v>
      </c>
      <c r="D15150" t="s">
        <v>28745</v>
      </c>
      <c r="E15150" t="s">
        <v>34719</v>
      </c>
      <c r="F15150">
        <v>4</v>
      </c>
      <c r="G15150" t="s">
        <v>0</v>
      </c>
      <c r="H15150" t="s">
        <v>28746</v>
      </c>
      <c r="I15150" t="s">
        <v>30540</v>
      </c>
    </row>
    <row r="15151" spans="1:9">
      <c r="A15151" s="1">
        <f ca="1">RAND()</f>
        <v>5.5326565877221845E-2</v>
      </c>
      <c r="B15151" s="1"/>
      <c r="C15151">
        <v>8</v>
      </c>
      <c r="D15151" t="s">
        <v>28743</v>
      </c>
      <c r="E15151" t="s">
        <v>34719</v>
      </c>
      <c r="F15151">
        <v>4</v>
      </c>
      <c r="G15151" t="s">
        <v>0</v>
      </c>
      <c r="H15151" t="s">
        <v>28744</v>
      </c>
      <c r="I15151" t="s">
        <v>30540</v>
      </c>
    </row>
    <row r="15152" spans="1:9">
      <c r="A15152" s="1">
        <f ca="1">RAND()</f>
        <v>0.12389888550110251</v>
      </c>
      <c r="B15152" s="1"/>
      <c r="C15152">
        <v>13</v>
      </c>
      <c r="D15152" t="s">
        <v>28747</v>
      </c>
      <c r="E15152" t="s">
        <v>34719</v>
      </c>
      <c r="F15152">
        <v>4</v>
      </c>
      <c r="G15152" t="s">
        <v>9</v>
      </c>
      <c r="H15152" t="s">
        <v>28748</v>
      </c>
      <c r="I15152" t="s">
        <v>30540</v>
      </c>
    </row>
    <row r="15153" spans="1:9">
      <c r="A15153" s="1">
        <f ca="1">RAND()</f>
        <v>0.68842825893575799</v>
      </c>
      <c r="B15153" s="1"/>
      <c r="C15153">
        <v>5</v>
      </c>
      <c r="D15153" t="s">
        <v>28733</v>
      </c>
      <c r="E15153" t="s">
        <v>34720</v>
      </c>
      <c r="F15153">
        <v>5</v>
      </c>
      <c r="G15153" t="s">
        <v>0</v>
      </c>
      <c r="H15153" t="s">
        <v>28734</v>
      </c>
      <c r="I15153" t="s">
        <v>30540</v>
      </c>
    </row>
    <row r="15154" spans="1:9">
      <c r="A15154" s="1">
        <f ca="1">RAND()</f>
        <v>0.9183417906487269</v>
      </c>
      <c r="B15154" s="1"/>
      <c r="C15154">
        <v>3</v>
      </c>
      <c r="D15154" t="s">
        <v>28729</v>
      </c>
      <c r="E15154" t="s">
        <v>34720</v>
      </c>
      <c r="F15154">
        <v>5</v>
      </c>
      <c r="G15154" t="s">
        <v>0</v>
      </c>
      <c r="H15154" t="s">
        <v>28730</v>
      </c>
      <c r="I15154" t="s">
        <v>30540</v>
      </c>
    </row>
    <row r="15155" spans="1:9">
      <c r="A15155" s="1">
        <f ca="1">RAND()</f>
        <v>3.324312729435519E-2</v>
      </c>
      <c r="B15155" s="1"/>
      <c r="C15155">
        <v>19</v>
      </c>
      <c r="D15155" t="s">
        <v>28739</v>
      </c>
      <c r="E15155" t="s">
        <v>34720</v>
      </c>
      <c r="F15155">
        <v>4</v>
      </c>
      <c r="G15155" t="s">
        <v>0</v>
      </c>
      <c r="H15155" t="s">
        <v>28740</v>
      </c>
      <c r="I15155" t="s">
        <v>30540</v>
      </c>
    </row>
    <row r="15156" spans="1:9">
      <c r="A15156" s="1">
        <f ca="1">RAND()</f>
        <v>0.28025426077743576</v>
      </c>
      <c r="B15156" s="1"/>
      <c r="C15156">
        <v>11</v>
      </c>
      <c r="D15156" t="s">
        <v>28735</v>
      </c>
      <c r="E15156" t="s">
        <v>34720</v>
      </c>
      <c r="F15156">
        <v>4</v>
      </c>
      <c r="G15156" t="s">
        <v>0</v>
      </c>
      <c r="H15156" t="s">
        <v>28736</v>
      </c>
      <c r="I15156" t="s">
        <v>30540</v>
      </c>
    </row>
    <row r="15157" spans="1:9">
      <c r="A15157" s="1">
        <f ca="1">RAND()</f>
        <v>0.68646117053023381</v>
      </c>
      <c r="B15157" s="1"/>
      <c r="C15157">
        <v>4</v>
      </c>
      <c r="D15157" t="s">
        <v>28731</v>
      </c>
      <c r="E15157" t="s">
        <v>34720</v>
      </c>
      <c r="F15157">
        <v>4</v>
      </c>
      <c r="G15157" t="s">
        <v>0</v>
      </c>
      <c r="H15157" t="s">
        <v>28732</v>
      </c>
      <c r="I15157" t="s">
        <v>30540</v>
      </c>
    </row>
    <row r="15158" spans="1:9">
      <c r="A15158" s="1">
        <f ca="1">RAND()</f>
        <v>0.7846166961143981</v>
      </c>
      <c r="B15158" s="1"/>
      <c r="C15158">
        <v>13</v>
      </c>
      <c r="D15158" t="s">
        <v>28737</v>
      </c>
      <c r="E15158" t="s">
        <v>34720</v>
      </c>
      <c r="F15158">
        <v>4</v>
      </c>
      <c r="G15158" t="s">
        <v>15</v>
      </c>
      <c r="H15158" t="s">
        <v>28738</v>
      </c>
      <c r="I15158" t="s">
        <v>30540</v>
      </c>
    </row>
    <row r="15159" spans="1:9">
      <c r="A15159" s="1">
        <f ca="1">RAND()</f>
        <v>0.70044530960380746</v>
      </c>
      <c r="B15159" s="1"/>
      <c r="C15159">
        <v>13</v>
      </c>
      <c r="D15159" t="s">
        <v>28727</v>
      </c>
      <c r="E15159" t="s">
        <v>34721</v>
      </c>
      <c r="F15159">
        <v>5</v>
      </c>
      <c r="G15159" t="s">
        <v>0</v>
      </c>
      <c r="H15159" t="s">
        <v>28728</v>
      </c>
      <c r="I15159" t="s">
        <v>30540</v>
      </c>
    </row>
    <row r="15160" spans="1:9">
      <c r="A15160" s="1">
        <f ca="1">RAND()</f>
        <v>0.44911914292944566</v>
      </c>
      <c r="B15160" s="1"/>
      <c r="C15160">
        <v>3</v>
      </c>
      <c r="D15160" t="s">
        <v>28725</v>
      </c>
      <c r="E15160" t="s">
        <v>34721</v>
      </c>
      <c r="F15160">
        <v>4</v>
      </c>
      <c r="G15160" t="s">
        <v>0</v>
      </c>
      <c r="H15160" t="s">
        <v>28726</v>
      </c>
      <c r="I15160" t="s">
        <v>30540</v>
      </c>
    </row>
    <row r="15161" spans="1:9">
      <c r="A15161" s="1">
        <f ca="1">RAND()</f>
        <v>0.57776945980361372</v>
      </c>
      <c r="B15161" s="1"/>
      <c r="C15161">
        <v>8</v>
      </c>
      <c r="D15161" t="s">
        <v>28721</v>
      </c>
      <c r="E15161" t="s">
        <v>34722</v>
      </c>
      <c r="F15161">
        <v>3</v>
      </c>
      <c r="G15161" t="s">
        <v>0</v>
      </c>
      <c r="H15161" t="s">
        <v>28722</v>
      </c>
      <c r="I15161" t="s">
        <v>30540</v>
      </c>
    </row>
    <row r="15162" spans="1:9">
      <c r="A15162" s="1">
        <f ca="1">RAND()</f>
        <v>0.17045097853143609</v>
      </c>
      <c r="B15162" s="1"/>
      <c r="C15162">
        <v>9</v>
      </c>
      <c r="D15162" t="s">
        <v>28723</v>
      </c>
      <c r="E15162" t="s">
        <v>34722</v>
      </c>
      <c r="F15162">
        <v>3</v>
      </c>
      <c r="G15162" t="s">
        <v>0</v>
      </c>
      <c r="H15162" t="s">
        <v>28724</v>
      </c>
      <c r="I15162" t="s">
        <v>30540</v>
      </c>
    </row>
    <row r="15163" spans="1:9">
      <c r="A15163" s="1">
        <f ca="1">RAND()</f>
        <v>0.47977096221908366</v>
      </c>
      <c r="B15163" s="1"/>
      <c r="C15163">
        <v>2</v>
      </c>
      <c r="D15163" t="s">
        <v>28715</v>
      </c>
      <c r="E15163" t="s">
        <v>34723</v>
      </c>
      <c r="F15163">
        <v>4</v>
      </c>
      <c r="G15163" t="s">
        <v>0</v>
      </c>
      <c r="H15163" t="s">
        <v>28716</v>
      </c>
      <c r="I15163" t="s">
        <v>30540</v>
      </c>
    </row>
    <row r="15164" spans="1:9">
      <c r="A15164" s="1">
        <f ca="1">RAND()</f>
        <v>0.40842020716632887</v>
      </c>
      <c r="B15164" s="1"/>
      <c r="C15164">
        <v>17</v>
      </c>
      <c r="D15164" t="s">
        <v>28717</v>
      </c>
      <c r="E15164" t="s">
        <v>34723</v>
      </c>
      <c r="F15164">
        <v>2</v>
      </c>
      <c r="G15164" t="s">
        <v>0</v>
      </c>
      <c r="H15164" t="s">
        <v>28718</v>
      </c>
      <c r="I15164" t="s">
        <v>30540</v>
      </c>
    </row>
    <row r="15165" spans="1:9">
      <c r="A15165" s="1">
        <f ca="1">RAND()</f>
        <v>0.92400091356421965</v>
      </c>
      <c r="B15165" s="1"/>
      <c r="C15165">
        <v>20</v>
      </c>
      <c r="D15165" t="s">
        <v>28719</v>
      </c>
      <c r="E15165" t="s">
        <v>34723</v>
      </c>
      <c r="F15165">
        <v>2</v>
      </c>
      <c r="G15165" t="s">
        <v>13</v>
      </c>
      <c r="H15165" t="s">
        <v>28720</v>
      </c>
      <c r="I15165" t="s">
        <v>30540</v>
      </c>
    </row>
    <row r="15166" spans="1:9">
      <c r="A15166" s="1">
        <f ca="1">RAND()</f>
        <v>0.57234447119305665</v>
      </c>
      <c r="B15166" s="1"/>
      <c r="C15166">
        <v>1</v>
      </c>
      <c r="D15166" t="s">
        <v>28709</v>
      </c>
      <c r="E15166" t="s">
        <v>34724</v>
      </c>
      <c r="F15166">
        <v>4</v>
      </c>
      <c r="G15166" t="s">
        <v>0</v>
      </c>
      <c r="H15166" t="s">
        <v>28710</v>
      </c>
      <c r="I15166" t="s">
        <v>30540</v>
      </c>
    </row>
    <row r="15167" spans="1:9">
      <c r="A15167" s="1">
        <f ca="1">RAND()</f>
        <v>7.8893134997490622E-2</v>
      </c>
      <c r="B15167" s="1"/>
      <c r="C15167">
        <v>11</v>
      </c>
      <c r="D15167" t="s">
        <v>28713</v>
      </c>
      <c r="E15167" t="s">
        <v>34724</v>
      </c>
      <c r="F15167">
        <v>4</v>
      </c>
      <c r="G15167" t="s">
        <v>0</v>
      </c>
      <c r="H15167" t="s">
        <v>28714</v>
      </c>
      <c r="I15167" t="s">
        <v>30540</v>
      </c>
    </row>
    <row r="15168" spans="1:9">
      <c r="A15168" s="1">
        <f ca="1">RAND()</f>
        <v>0.93585983411870333</v>
      </c>
      <c r="B15168" s="1"/>
      <c r="C15168">
        <v>4</v>
      </c>
      <c r="D15168" t="s">
        <v>28711</v>
      </c>
      <c r="E15168" t="s">
        <v>34724</v>
      </c>
      <c r="F15168">
        <v>4</v>
      </c>
      <c r="G15168" t="s">
        <v>0</v>
      </c>
      <c r="H15168" t="s">
        <v>28712</v>
      </c>
      <c r="I15168" t="s">
        <v>30540</v>
      </c>
    </row>
    <row r="15169" spans="1:9">
      <c r="A15169" s="1">
        <f ca="1">RAND()</f>
        <v>0.34464535242797367</v>
      </c>
      <c r="B15169" s="1"/>
      <c r="C15169">
        <v>5</v>
      </c>
      <c r="D15169" t="s">
        <v>28695</v>
      </c>
      <c r="E15169" t="s">
        <v>34725</v>
      </c>
      <c r="F15169">
        <v>5</v>
      </c>
      <c r="G15169" t="s">
        <v>0</v>
      </c>
      <c r="H15169" t="s">
        <v>28696</v>
      </c>
      <c r="I15169" t="s">
        <v>30540</v>
      </c>
    </row>
    <row r="15170" spans="1:9">
      <c r="A15170" s="1">
        <f ca="1">RAND()</f>
        <v>0.4362541573465758</v>
      </c>
      <c r="B15170" s="1"/>
      <c r="C15170">
        <v>9</v>
      </c>
      <c r="D15170" t="s">
        <v>28699</v>
      </c>
      <c r="E15170" t="s">
        <v>34725</v>
      </c>
      <c r="F15170">
        <v>4</v>
      </c>
      <c r="G15170" t="s">
        <v>10</v>
      </c>
      <c r="H15170" t="s">
        <v>28700</v>
      </c>
      <c r="I15170" t="s">
        <v>30540</v>
      </c>
    </row>
    <row r="15171" spans="1:9">
      <c r="A15171" s="1">
        <f ca="1">RAND()</f>
        <v>0.42037280702770397</v>
      </c>
      <c r="B15171" s="1"/>
      <c r="C15171">
        <v>18</v>
      </c>
      <c r="D15171" t="s">
        <v>28705</v>
      </c>
      <c r="E15171" t="s">
        <v>34725</v>
      </c>
      <c r="F15171">
        <v>4</v>
      </c>
      <c r="G15171" t="s">
        <v>0</v>
      </c>
      <c r="H15171" t="s">
        <v>28706</v>
      </c>
      <c r="I15171" t="s">
        <v>30540</v>
      </c>
    </row>
    <row r="15172" spans="1:9">
      <c r="A15172" s="1">
        <f ca="1">RAND()</f>
        <v>0.51871108198832061</v>
      </c>
      <c r="B15172" s="1"/>
      <c r="C15172">
        <v>15</v>
      </c>
      <c r="D15172" t="s">
        <v>28703</v>
      </c>
      <c r="E15172" t="s">
        <v>34725</v>
      </c>
      <c r="F15172">
        <v>4</v>
      </c>
      <c r="G15172" t="s">
        <v>14</v>
      </c>
      <c r="H15172" t="s">
        <v>28704</v>
      </c>
      <c r="I15172" t="s">
        <v>30540</v>
      </c>
    </row>
    <row r="15173" spans="1:9">
      <c r="A15173" s="1">
        <f ca="1">RAND()</f>
        <v>0.55845988160041815</v>
      </c>
      <c r="B15173" s="1"/>
      <c r="C15173">
        <v>10</v>
      </c>
      <c r="D15173" t="s">
        <v>28701</v>
      </c>
      <c r="E15173" t="s">
        <v>34725</v>
      </c>
      <c r="F15173">
        <v>4</v>
      </c>
      <c r="G15173" t="s">
        <v>15</v>
      </c>
      <c r="H15173" t="s">
        <v>28702</v>
      </c>
      <c r="I15173" t="s">
        <v>30540</v>
      </c>
    </row>
    <row r="15174" spans="1:9">
      <c r="A15174" s="1">
        <f ca="1">RAND()</f>
        <v>0.66062915435641512</v>
      </c>
      <c r="B15174" s="1"/>
      <c r="C15174">
        <v>8</v>
      </c>
      <c r="D15174" t="s">
        <v>28697</v>
      </c>
      <c r="E15174" t="s">
        <v>34725</v>
      </c>
      <c r="F15174">
        <v>4</v>
      </c>
      <c r="G15174" t="s">
        <v>0</v>
      </c>
      <c r="H15174" t="s">
        <v>28698</v>
      </c>
      <c r="I15174" t="s">
        <v>30540</v>
      </c>
    </row>
    <row r="15175" spans="1:9">
      <c r="A15175" s="1">
        <f ca="1">RAND()</f>
        <v>0.82446285500318961</v>
      </c>
      <c r="B15175" s="1"/>
      <c r="C15175">
        <v>1</v>
      </c>
      <c r="D15175" t="s">
        <v>28693</v>
      </c>
      <c r="E15175" t="s">
        <v>34725</v>
      </c>
      <c r="F15175">
        <v>3</v>
      </c>
      <c r="G15175" t="s">
        <v>0</v>
      </c>
      <c r="H15175" t="s">
        <v>28694</v>
      </c>
      <c r="I15175" t="s">
        <v>30540</v>
      </c>
    </row>
    <row r="15176" spans="1:9">
      <c r="A15176" s="1">
        <f ca="1">RAND()</f>
        <v>0.28463610425190911</v>
      </c>
      <c r="B15176" s="1"/>
      <c r="C15176">
        <v>20</v>
      </c>
      <c r="D15176" t="s">
        <v>28707</v>
      </c>
      <c r="E15176" t="s">
        <v>34725</v>
      </c>
      <c r="F15176">
        <v>2</v>
      </c>
      <c r="G15176" t="s">
        <v>0</v>
      </c>
      <c r="H15176" t="s">
        <v>28708</v>
      </c>
      <c r="I15176" t="s">
        <v>30540</v>
      </c>
    </row>
    <row r="15177" spans="1:9">
      <c r="A15177" s="1">
        <f ca="1">RAND()</f>
        <v>0.46509457871954463</v>
      </c>
      <c r="B15177" s="1"/>
      <c r="C15177">
        <v>9</v>
      </c>
      <c r="D15177" t="s">
        <v>28691</v>
      </c>
      <c r="E15177" t="s">
        <v>34726</v>
      </c>
      <c r="F15177">
        <v>3</v>
      </c>
      <c r="G15177" t="s">
        <v>0</v>
      </c>
      <c r="H15177" t="s">
        <v>28692</v>
      </c>
      <c r="I15177" t="s">
        <v>30540</v>
      </c>
    </row>
    <row r="15178" spans="1:9">
      <c r="A15178" s="1">
        <f ca="1">RAND()</f>
        <v>0.91020148914000543</v>
      </c>
      <c r="B15178" s="1"/>
      <c r="C15178">
        <v>1</v>
      </c>
      <c r="D15178" t="s">
        <v>28689</v>
      </c>
      <c r="E15178" t="s">
        <v>34726</v>
      </c>
      <c r="F15178">
        <v>1</v>
      </c>
      <c r="G15178" t="s">
        <v>0</v>
      </c>
      <c r="H15178" t="s">
        <v>28690</v>
      </c>
      <c r="I15178" t="s">
        <v>30540</v>
      </c>
    </row>
    <row r="15179" spans="1:9">
      <c r="A15179" s="1">
        <f ca="1">RAND()</f>
        <v>0.71891468368286859</v>
      </c>
      <c r="B15179" s="1"/>
      <c r="C15179">
        <v>4</v>
      </c>
      <c r="D15179" t="s">
        <v>28685</v>
      </c>
      <c r="E15179" t="s">
        <v>34727</v>
      </c>
      <c r="F15179">
        <v>5</v>
      </c>
      <c r="G15179" t="s">
        <v>0</v>
      </c>
      <c r="H15179" t="s">
        <v>28686</v>
      </c>
      <c r="I15179" t="s">
        <v>30540</v>
      </c>
    </row>
    <row r="15180" spans="1:9">
      <c r="A15180" s="1">
        <f ca="1">RAND()</f>
        <v>0.96446713589173572</v>
      </c>
      <c r="B15180" s="1"/>
      <c r="C15180">
        <v>13</v>
      </c>
      <c r="D15180" t="s">
        <v>28687</v>
      </c>
      <c r="E15180" t="s">
        <v>34727</v>
      </c>
      <c r="F15180">
        <v>2</v>
      </c>
      <c r="G15180" t="s">
        <v>15</v>
      </c>
      <c r="H15180" t="s">
        <v>28688</v>
      </c>
      <c r="I15180" t="s">
        <v>30540</v>
      </c>
    </row>
    <row r="15181" spans="1:9">
      <c r="A15181" s="1">
        <f ca="1">RAND()</f>
        <v>8.0385806099482204E-3</v>
      </c>
      <c r="B15181" s="1"/>
      <c r="C15181">
        <v>8</v>
      </c>
      <c r="D15181" t="s">
        <v>28681</v>
      </c>
      <c r="E15181" t="s">
        <v>34728</v>
      </c>
      <c r="F15181">
        <v>5</v>
      </c>
      <c r="G15181" t="s">
        <v>0</v>
      </c>
      <c r="H15181" t="s">
        <v>28682</v>
      </c>
      <c r="I15181" t="s">
        <v>30540</v>
      </c>
    </row>
    <row r="15182" spans="1:9">
      <c r="A15182" s="1">
        <f ca="1">RAND()</f>
        <v>0.73912039295680332</v>
      </c>
      <c r="B15182" s="1"/>
      <c r="C15182">
        <v>1</v>
      </c>
      <c r="D15182" t="s">
        <v>28679</v>
      </c>
      <c r="E15182" t="s">
        <v>34728</v>
      </c>
      <c r="F15182">
        <v>4</v>
      </c>
      <c r="G15182" t="s">
        <v>0</v>
      </c>
      <c r="H15182" t="s">
        <v>28680</v>
      </c>
      <c r="I15182" t="s">
        <v>30540</v>
      </c>
    </row>
    <row r="15183" spans="1:9">
      <c r="A15183" s="1">
        <f ca="1">RAND()</f>
        <v>0.61129675336872769</v>
      </c>
      <c r="B15183" s="1"/>
      <c r="C15183">
        <v>20</v>
      </c>
      <c r="D15183" t="s">
        <v>28683</v>
      </c>
      <c r="E15183" t="s">
        <v>34728</v>
      </c>
      <c r="F15183">
        <v>3</v>
      </c>
      <c r="G15183" t="s">
        <v>1</v>
      </c>
      <c r="H15183" t="s">
        <v>28684</v>
      </c>
      <c r="I15183" t="s">
        <v>30540</v>
      </c>
    </row>
    <row r="15184" spans="1:9">
      <c r="A15184" s="1">
        <f ca="1">RAND()</f>
        <v>0.80931510368553805</v>
      </c>
      <c r="B15184" s="1"/>
      <c r="C15184">
        <v>12</v>
      </c>
      <c r="D15184" t="s">
        <v>28673</v>
      </c>
      <c r="E15184" t="s">
        <v>34729</v>
      </c>
      <c r="F15184">
        <v>4</v>
      </c>
      <c r="G15184" t="s">
        <v>0</v>
      </c>
      <c r="H15184" t="s">
        <v>28674</v>
      </c>
      <c r="I15184" t="s">
        <v>30540</v>
      </c>
    </row>
    <row r="15185" spans="1:9">
      <c r="A15185" s="1">
        <f ca="1">RAND()</f>
        <v>0.66136315331286788</v>
      </c>
      <c r="B15185" s="1"/>
      <c r="C15185">
        <v>18</v>
      </c>
      <c r="D15185" t="s">
        <v>28677</v>
      </c>
      <c r="E15185" t="s">
        <v>34729</v>
      </c>
      <c r="F15185">
        <v>4</v>
      </c>
      <c r="G15185" t="s">
        <v>9</v>
      </c>
      <c r="H15185" t="s">
        <v>28678</v>
      </c>
      <c r="I15185" t="s">
        <v>30540</v>
      </c>
    </row>
    <row r="15186" spans="1:9">
      <c r="A15186" s="1">
        <f ca="1">RAND()</f>
        <v>0.32920357727578742</v>
      </c>
      <c r="B15186" s="1"/>
      <c r="C15186">
        <v>13</v>
      </c>
      <c r="D15186" t="s">
        <v>28675</v>
      </c>
      <c r="E15186" t="s">
        <v>34729</v>
      </c>
      <c r="F15186">
        <v>4</v>
      </c>
      <c r="G15186" t="s">
        <v>0</v>
      </c>
      <c r="H15186" t="s">
        <v>28676</v>
      </c>
      <c r="I15186" t="s">
        <v>30540</v>
      </c>
    </row>
    <row r="15187" spans="1:9">
      <c r="A15187" s="1">
        <f ca="1">RAND()</f>
        <v>0.94054548796881099</v>
      </c>
      <c r="B15187" s="1"/>
      <c r="C15187">
        <v>10</v>
      </c>
      <c r="D15187" t="s">
        <v>28671</v>
      </c>
      <c r="E15187" t="s">
        <v>34729</v>
      </c>
      <c r="F15187">
        <v>4</v>
      </c>
      <c r="G15187" t="s">
        <v>0</v>
      </c>
      <c r="H15187" t="s">
        <v>28672</v>
      </c>
      <c r="I15187" t="s">
        <v>30540</v>
      </c>
    </row>
    <row r="15188" spans="1:9">
      <c r="A15188" s="1">
        <f ca="1">RAND()</f>
        <v>0.84035241461413068</v>
      </c>
      <c r="B15188" s="1"/>
      <c r="C15188">
        <v>1</v>
      </c>
      <c r="D15188" t="s">
        <v>28661</v>
      </c>
      <c r="E15188" t="s">
        <v>34730</v>
      </c>
      <c r="F15188">
        <v>5</v>
      </c>
      <c r="G15188" t="s">
        <v>0</v>
      </c>
      <c r="H15188" t="s">
        <v>28662</v>
      </c>
      <c r="I15188" t="s">
        <v>30540</v>
      </c>
    </row>
    <row r="15189" spans="1:9">
      <c r="A15189" s="1">
        <f ca="1">RAND()</f>
        <v>0.83871415293654028</v>
      </c>
      <c r="B15189" s="1"/>
      <c r="C15189">
        <v>9</v>
      </c>
      <c r="D15189" t="s">
        <v>28665</v>
      </c>
      <c r="E15189" t="s">
        <v>34730</v>
      </c>
      <c r="F15189">
        <v>5</v>
      </c>
      <c r="G15189" t="s">
        <v>0</v>
      </c>
      <c r="H15189" t="s">
        <v>28666</v>
      </c>
      <c r="I15189" t="s">
        <v>30540</v>
      </c>
    </row>
    <row r="15190" spans="1:9">
      <c r="A15190" s="1">
        <f ca="1">RAND()</f>
        <v>0.55128148405098376</v>
      </c>
      <c r="B15190" s="1"/>
      <c r="C15190">
        <v>19</v>
      </c>
      <c r="D15190" t="s">
        <v>28669</v>
      </c>
      <c r="E15190" t="s">
        <v>34730</v>
      </c>
      <c r="F15190">
        <v>4</v>
      </c>
      <c r="G15190" t="s">
        <v>0</v>
      </c>
      <c r="H15190" t="s">
        <v>28670</v>
      </c>
      <c r="I15190" t="s">
        <v>30540</v>
      </c>
    </row>
    <row r="15191" spans="1:9">
      <c r="A15191" s="1">
        <f ca="1">RAND()</f>
        <v>9.027764496786117E-2</v>
      </c>
      <c r="B15191" s="1"/>
      <c r="C15191">
        <v>10</v>
      </c>
      <c r="D15191" t="s">
        <v>28667</v>
      </c>
      <c r="E15191" t="s">
        <v>34730</v>
      </c>
      <c r="F15191">
        <v>4</v>
      </c>
      <c r="G15191" t="s">
        <v>10</v>
      </c>
      <c r="H15191" t="s">
        <v>28668</v>
      </c>
      <c r="I15191" t="s">
        <v>30540</v>
      </c>
    </row>
    <row r="15192" spans="1:9">
      <c r="A15192" s="1">
        <f ca="1">RAND()</f>
        <v>0.52979151899158039</v>
      </c>
      <c r="B15192" s="1"/>
      <c r="C15192">
        <v>8</v>
      </c>
      <c r="D15192" t="s">
        <v>28663</v>
      </c>
      <c r="E15192" t="s">
        <v>34730</v>
      </c>
      <c r="F15192">
        <v>4</v>
      </c>
      <c r="G15192" t="s">
        <v>0</v>
      </c>
      <c r="H15192" t="s">
        <v>28664</v>
      </c>
      <c r="I15192" t="s">
        <v>30540</v>
      </c>
    </row>
    <row r="15193" spans="1:9">
      <c r="A15193" s="1">
        <f ca="1">RAND()</f>
        <v>0.48744448119523498</v>
      </c>
      <c r="B15193" s="1"/>
      <c r="C15193">
        <v>4</v>
      </c>
      <c r="D15193" t="s">
        <v>28651</v>
      </c>
      <c r="E15193" t="s">
        <v>34731</v>
      </c>
      <c r="F15193">
        <v>5</v>
      </c>
      <c r="G15193" t="s">
        <v>9</v>
      </c>
      <c r="H15193" t="s">
        <v>28652</v>
      </c>
      <c r="I15193" t="s">
        <v>30540</v>
      </c>
    </row>
    <row r="15194" spans="1:9">
      <c r="A15194" s="1">
        <f ca="1">RAND()</f>
        <v>0.28102943354388443</v>
      </c>
      <c r="B15194" s="1"/>
      <c r="C15194">
        <v>1</v>
      </c>
      <c r="D15194" t="s">
        <v>28647</v>
      </c>
      <c r="E15194" t="s">
        <v>34731</v>
      </c>
      <c r="F15194">
        <v>4</v>
      </c>
      <c r="G15194" t="s">
        <v>14</v>
      </c>
      <c r="H15194" t="s">
        <v>28648</v>
      </c>
      <c r="I15194" t="s">
        <v>30540</v>
      </c>
    </row>
    <row r="15195" spans="1:9">
      <c r="A15195" s="1">
        <f ca="1">RAND()</f>
        <v>0.75076839864727984</v>
      </c>
      <c r="B15195" s="1"/>
      <c r="C15195">
        <v>3</v>
      </c>
      <c r="D15195" t="s">
        <v>28649</v>
      </c>
      <c r="E15195" t="s">
        <v>34731</v>
      </c>
      <c r="F15195">
        <v>4</v>
      </c>
      <c r="G15195" t="s">
        <v>0</v>
      </c>
      <c r="H15195" t="s">
        <v>28650</v>
      </c>
      <c r="I15195" t="s">
        <v>30540</v>
      </c>
    </row>
    <row r="15196" spans="1:9">
      <c r="A15196" s="1">
        <f ca="1">RAND()</f>
        <v>0.24926614919010037</v>
      </c>
      <c r="B15196" s="1"/>
      <c r="C15196">
        <v>7</v>
      </c>
      <c r="D15196" t="s">
        <v>28657</v>
      </c>
      <c r="E15196" t="s">
        <v>34731</v>
      </c>
      <c r="F15196">
        <v>3</v>
      </c>
      <c r="G15196" t="s">
        <v>0</v>
      </c>
      <c r="H15196" t="s">
        <v>28658</v>
      </c>
      <c r="I15196" t="s">
        <v>30540</v>
      </c>
    </row>
    <row r="15197" spans="1:9">
      <c r="A15197" s="1">
        <f ca="1">RAND()</f>
        <v>2.8445106888031702E-2</v>
      </c>
      <c r="B15197" s="1"/>
      <c r="C15197">
        <v>12</v>
      </c>
      <c r="D15197" t="s">
        <v>28659</v>
      </c>
      <c r="E15197" t="s">
        <v>34731</v>
      </c>
      <c r="F15197">
        <v>3</v>
      </c>
      <c r="G15197" t="s">
        <v>1</v>
      </c>
      <c r="H15197" t="s">
        <v>28660</v>
      </c>
      <c r="I15197" t="s">
        <v>30540</v>
      </c>
    </row>
    <row r="15198" spans="1:9">
      <c r="A15198" s="1">
        <f ca="1">RAND()</f>
        <v>0.61261882287808922</v>
      </c>
      <c r="B15198" s="1"/>
      <c r="C15198">
        <v>6</v>
      </c>
      <c r="D15198" t="s">
        <v>28655</v>
      </c>
      <c r="E15198" t="s">
        <v>34731</v>
      </c>
      <c r="F15198">
        <v>2</v>
      </c>
      <c r="G15198" t="s">
        <v>0</v>
      </c>
      <c r="H15198" t="s">
        <v>28656</v>
      </c>
      <c r="I15198" t="s">
        <v>30540</v>
      </c>
    </row>
    <row r="15199" spans="1:9">
      <c r="A15199" s="1">
        <f ca="1">RAND()</f>
        <v>0.23712643249462217</v>
      </c>
      <c r="B15199" s="1"/>
      <c r="C15199">
        <v>5</v>
      </c>
      <c r="D15199" t="s">
        <v>28653</v>
      </c>
      <c r="E15199" t="s">
        <v>34731</v>
      </c>
      <c r="F15199">
        <v>2</v>
      </c>
      <c r="G15199" t="s">
        <v>10</v>
      </c>
      <c r="H15199" t="s">
        <v>28654</v>
      </c>
      <c r="I15199" t="s">
        <v>30540</v>
      </c>
    </row>
    <row r="15200" spans="1:9">
      <c r="A15200" s="1">
        <f ca="1">RAND()</f>
        <v>0.23531425855979404</v>
      </c>
      <c r="B15200" s="1"/>
      <c r="C15200">
        <v>6</v>
      </c>
      <c r="D15200" t="s">
        <v>28643</v>
      </c>
      <c r="E15200" t="s">
        <v>34732</v>
      </c>
      <c r="F15200">
        <v>5</v>
      </c>
      <c r="G15200" t="s">
        <v>0</v>
      </c>
      <c r="H15200" t="s">
        <v>28644</v>
      </c>
      <c r="I15200" t="s">
        <v>30540</v>
      </c>
    </row>
    <row r="15201" spans="1:9">
      <c r="A15201" s="1">
        <f ca="1">RAND()</f>
        <v>0.3487886970864974</v>
      </c>
      <c r="B15201" s="1"/>
      <c r="C15201">
        <v>14</v>
      </c>
      <c r="D15201" t="s">
        <v>28645</v>
      </c>
      <c r="E15201" t="s">
        <v>34732</v>
      </c>
      <c r="F15201">
        <v>5</v>
      </c>
      <c r="G15201" t="s">
        <v>0</v>
      </c>
      <c r="H15201" t="s">
        <v>28646</v>
      </c>
      <c r="I15201" t="s">
        <v>30540</v>
      </c>
    </row>
    <row r="15202" spans="1:9">
      <c r="A15202" s="1">
        <f ca="1">RAND()</f>
        <v>2.0692030231826752E-2</v>
      </c>
      <c r="B15202" s="1"/>
      <c r="C15202">
        <v>1</v>
      </c>
      <c r="D15202" t="s">
        <v>28635</v>
      </c>
      <c r="E15202" t="s">
        <v>34733</v>
      </c>
      <c r="F15202">
        <v>5</v>
      </c>
      <c r="G15202" t="s">
        <v>0</v>
      </c>
      <c r="H15202" t="s">
        <v>28636</v>
      </c>
      <c r="I15202" t="s">
        <v>30540</v>
      </c>
    </row>
    <row r="15203" spans="1:9">
      <c r="A15203" s="1">
        <f ca="1">RAND()</f>
        <v>0.58399818784148883</v>
      </c>
      <c r="B15203" s="1"/>
      <c r="C15203">
        <v>2</v>
      </c>
      <c r="D15203" t="s">
        <v>28637</v>
      </c>
      <c r="E15203" t="s">
        <v>34733</v>
      </c>
      <c r="F15203">
        <v>5</v>
      </c>
      <c r="G15203" t="s">
        <v>0</v>
      </c>
      <c r="H15203" t="s">
        <v>28638</v>
      </c>
      <c r="I15203" t="s">
        <v>30540</v>
      </c>
    </row>
    <row r="15204" spans="1:9">
      <c r="A15204" s="1">
        <f ca="1">RAND()</f>
        <v>0.86726858325873968</v>
      </c>
      <c r="B15204" s="1"/>
      <c r="C15204">
        <v>12</v>
      </c>
      <c r="D15204" t="s">
        <v>28641</v>
      </c>
      <c r="E15204" t="s">
        <v>34733</v>
      </c>
      <c r="F15204">
        <v>4</v>
      </c>
      <c r="G15204" t="s">
        <v>1</v>
      </c>
      <c r="H15204" t="s">
        <v>28642</v>
      </c>
      <c r="I15204" t="s">
        <v>30540</v>
      </c>
    </row>
    <row r="15205" spans="1:9">
      <c r="A15205" s="1">
        <f ca="1">RAND()</f>
        <v>0.45763664187175712</v>
      </c>
      <c r="B15205" s="1"/>
      <c r="C15205">
        <v>4</v>
      </c>
      <c r="D15205" t="s">
        <v>28639</v>
      </c>
      <c r="E15205" t="s">
        <v>34733</v>
      </c>
      <c r="F15205">
        <v>4</v>
      </c>
      <c r="G15205" t="s">
        <v>0</v>
      </c>
      <c r="H15205" t="s">
        <v>28640</v>
      </c>
      <c r="I15205" t="s">
        <v>30540</v>
      </c>
    </row>
    <row r="15206" spans="1:9">
      <c r="A15206" s="1">
        <f ca="1">RAND()</f>
        <v>2.585342473026131E-2</v>
      </c>
      <c r="B15206" s="1"/>
      <c r="C15206">
        <v>20</v>
      </c>
      <c r="D15206" t="s">
        <v>28633</v>
      </c>
      <c r="E15206" t="s">
        <v>34734</v>
      </c>
      <c r="F15206">
        <v>5</v>
      </c>
      <c r="G15206" t="s">
        <v>0</v>
      </c>
      <c r="H15206" t="s">
        <v>28634</v>
      </c>
      <c r="I15206" t="s">
        <v>30540</v>
      </c>
    </row>
    <row r="15207" spans="1:9">
      <c r="A15207" s="1">
        <f ca="1">RAND()</f>
        <v>0.21513166238425974</v>
      </c>
      <c r="B15207" s="1"/>
      <c r="C15207">
        <v>19</v>
      </c>
      <c r="D15207" t="s">
        <v>28631</v>
      </c>
      <c r="E15207" t="s">
        <v>34734</v>
      </c>
      <c r="F15207">
        <v>4</v>
      </c>
      <c r="G15207" t="s">
        <v>0</v>
      </c>
      <c r="H15207" t="s">
        <v>28632</v>
      </c>
      <c r="I15207" t="s">
        <v>30540</v>
      </c>
    </row>
    <row r="15208" spans="1:9">
      <c r="A15208" s="1">
        <f ca="1">RAND()</f>
        <v>0.47775542133697169</v>
      </c>
      <c r="B15208" s="1"/>
      <c r="C15208">
        <v>3</v>
      </c>
      <c r="D15208" t="s">
        <v>28627</v>
      </c>
      <c r="E15208" t="s">
        <v>34734</v>
      </c>
      <c r="F15208">
        <v>4</v>
      </c>
      <c r="G15208" t="s">
        <v>0</v>
      </c>
      <c r="H15208" t="s">
        <v>28628</v>
      </c>
      <c r="I15208" t="s">
        <v>30540</v>
      </c>
    </row>
    <row r="15209" spans="1:9">
      <c r="A15209" s="1">
        <f ca="1">RAND()</f>
        <v>0.75725519723691237</v>
      </c>
      <c r="B15209" s="1"/>
      <c r="C15209">
        <v>18</v>
      </c>
      <c r="D15209" t="s">
        <v>28629</v>
      </c>
      <c r="E15209" t="s">
        <v>34734</v>
      </c>
      <c r="F15209">
        <v>4</v>
      </c>
      <c r="G15209" t="s">
        <v>0</v>
      </c>
      <c r="H15209" t="s">
        <v>28630</v>
      </c>
      <c r="I15209" t="s">
        <v>30540</v>
      </c>
    </row>
    <row r="15210" spans="1:9">
      <c r="A15210" s="1">
        <f ca="1">RAND()</f>
        <v>0.87975470794000599</v>
      </c>
      <c r="B15210" s="1"/>
      <c r="C15210">
        <v>13</v>
      </c>
      <c r="D15210" t="s">
        <v>28623</v>
      </c>
      <c r="E15210" t="s">
        <v>34735</v>
      </c>
      <c r="F15210">
        <v>5</v>
      </c>
      <c r="G15210" t="s">
        <v>0</v>
      </c>
      <c r="H15210" t="s">
        <v>28624</v>
      </c>
      <c r="I15210" t="s">
        <v>30540</v>
      </c>
    </row>
    <row r="15211" spans="1:9">
      <c r="A15211" s="1">
        <f ca="1">RAND()</f>
        <v>0.53358985622020805</v>
      </c>
      <c r="B15211" s="1"/>
      <c r="C15211">
        <v>9</v>
      </c>
      <c r="D15211" t="s">
        <v>28621</v>
      </c>
      <c r="E15211" t="s">
        <v>34735</v>
      </c>
      <c r="F15211">
        <v>5</v>
      </c>
      <c r="G15211" t="s">
        <v>0</v>
      </c>
      <c r="H15211" t="s">
        <v>28622</v>
      </c>
      <c r="I15211" t="s">
        <v>30540</v>
      </c>
    </row>
    <row r="15212" spans="1:9">
      <c r="A15212" s="1">
        <f ca="1">RAND()</f>
        <v>0.9961504924690805</v>
      </c>
      <c r="B15212" s="1"/>
      <c r="C15212">
        <v>5</v>
      </c>
      <c r="D15212" t="s">
        <v>28619</v>
      </c>
      <c r="E15212" t="s">
        <v>34735</v>
      </c>
      <c r="F15212">
        <v>3</v>
      </c>
      <c r="G15212" t="s">
        <v>2</v>
      </c>
      <c r="H15212" t="s">
        <v>28620</v>
      </c>
      <c r="I15212" t="s">
        <v>30540</v>
      </c>
    </row>
    <row r="15213" spans="1:9">
      <c r="A15213" s="1">
        <f ca="1">RAND()</f>
        <v>0.16299256504594872</v>
      </c>
      <c r="B15213" s="1"/>
      <c r="C15213">
        <v>14</v>
      </c>
      <c r="D15213" t="s">
        <v>28625</v>
      </c>
      <c r="E15213" t="s">
        <v>34735</v>
      </c>
      <c r="F15213">
        <v>2</v>
      </c>
      <c r="G15213" t="s">
        <v>0</v>
      </c>
      <c r="H15213" t="s">
        <v>28626</v>
      </c>
      <c r="I15213" t="s">
        <v>30540</v>
      </c>
    </row>
    <row r="15214" spans="1:9">
      <c r="A15214" s="1">
        <f ca="1">RAND()</f>
        <v>0.60551135204969186</v>
      </c>
      <c r="B15214" s="1"/>
      <c r="C15214">
        <v>15</v>
      </c>
      <c r="D15214" t="s">
        <v>28617</v>
      </c>
      <c r="E15214" t="s">
        <v>34736</v>
      </c>
      <c r="F15214">
        <v>4</v>
      </c>
      <c r="G15214" t="s">
        <v>0</v>
      </c>
      <c r="H15214" t="s">
        <v>28618</v>
      </c>
      <c r="I15214" t="s">
        <v>30540</v>
      </c>
    </row>
    <row r="15215" spans="1:9">
      <c r="A15215" s="1">
        <f ca="1">RAND()</f>
        <v>0.55020395472711114</v>
      </c>
      <c r="B15215" s="1"/>
      <c r="C15215">
        <v>1</v>
      </c>
      <c r="D15215" t="s">
        <v>28613</v>
      </c>
      <c r="E15215" t="s">
        <v>34736</v>
      </c>
      <c r="F15215">
        <v>4</v>
      </c>
      <c r="G15215" t="s">
        <v>0</v>
      </c>
      <c r="H15215" t="s">
        <v>28614</v>
      </c>
      <c r="I15215" t="s">
        <v>30540</v>
      </c>
    </row>
    <row r="15216" spans="1:9">
      <c r="A15216" s="1">
        <f ca="1">RAND()</f>
        <v>0.84745639163904884</v>
      </c>
      <c r="B15216" s="1"/>
      <c r="C15216">
        <v>3</v>
      </c>
      <c r="D15216" t="s">
        <v>28615</v>
      </c>
      <c r="E15216" t="s">
        <v>34736</v>
      </c>
      <c r="F15216">
        <v>4</v>
      </c>
      <c r="G15216" t="s">
        <v>0</v>
      </c>
      <c r="H15216" t="s">
        <v>28616</v>
      </c>
      <c r="I15216" t="s">
        <v>30540</v>
      </c>
    </row>
    <row r="15217" spans="1:9">
      <c r="A15217" s="1">
        <f ca="1">RAND()</f>
        <v>0.36078261103001374</v>
      </c>
      <c r="B15217" s="1"/>
      <c r="C15217">
        <v>13</v>
      </c>
      <c r="D15217" t="s">
        <v>28611</v>
      </c>
      <c r="E15217" t="s">
        <v>34737</v>
      </c>
      <c r="F15217">
        <v>5</v>
      </c>
      <c r="G15217" t="s">
        <v>0</v>
      </c>
      <c r="H15217" t="s">
        <v>28612</v>
      </c>
      <c r="I15217" t="s">
        <v>30540</v>
      </c>
    </row>
    <row r="15218" spans="1:9">
      <c r="A15218" s="1">
        <f ca="1">RAND()</f>
        <v>0.98827174794861727</v>
      </c>
      <c r="B15218" s="1"/>
      <c r="C15218">
        <v>2</v>
      </c>
      <c r="D15218" t="s">
        <v>28607</v>
      </c>
      <c r="E15218" t="s">
        <v>34737</v>
      </c>
      <c r="F15218">
        <v>4</v>
      </c>
      <c r="G15218" t="s">
        <v>0</v>
      </c>
      <c r="H15218" t="s">
        <v>28608</v>
      </c>
      <c r="I15218" t="s">
        <v>30540</v>
      </c>
    </row>
    <row r="15219" spans="1:9">
      <c r="A15219" s="1">
        <f ca="1">RAND()</f>
        <v>0.25606742556041318</v>
      </c>
      <c r="B15219" s="1"/>
      <c r="C15219">
        <v>12</v>
      </c>
      <c r="D15219" t="s">
        <v>28609</v>
      </c>
      <c r="E15219" t="s">
        <v>34737</v>
      </c>
      <c r="F15219">
        <v>4</v>
      </c>
      <c r="G15219" t="s">
        <v>0</v>
      </c>
      <c r="H15219" t="s">
        <v>28610</v>
      </c>
      <c r="I15219" t="s">
        <v>30540</v>
      </c>
    </row>
    <row r="15220" spans="1:9">
      <c r="A15220" s="1">
        <f ca="1">RAND()</f>
        <v>0.22013348309672465</v>
      </c>
      <c r="B15220" s="1"/>
      <c r="C15220">
        <v>2</v>
      </c>
      <c r="D15220" t="s">
        <v>28597</v>
      </c>
      <c r="E15220" t="s">
        <v>34738</v>
      </c>
      <c r="F15220">
        <v>4</v>
      </c>
      <c r="G15220" t="s">
        <v>0</v>
      </c>
      <c r="H15220" t="s">
        <v>28598</v>
      </c>
      <c r="I15220" t="s">
        <v>30540</v>
      </c>
    </row>
    <row r="15221" spans="1:9">
      <c r="A15221" s="1">
        <f ca="1">RAND()</f>
        <v>0.34670708053583754</v>
      </c>
      <c r="B15221" s="1"/>
      <c r="C15221">
        <v>5</v>
      </c>
      <c r="D15221" t="s">
        <v>28601</v>
      </c>
      <c r="E15221" t="s">
        <v>34738</v>
      </c>
      <c r="F15221">
        <v>4</v>
      </c>
      <c r="G15221" t="s">
        <v>0</v>
      </c>
      <c r="H15221" t="s">
        <v>28602</v>
      </c>
      <c r="I15221" t="s">
        <v>30540</v>
      </c>
    </row>
    <row r="15222" spans="1:9">
      <c r="A15222" s="1">
        <f ca="1">RAND()</f>
        <v>0.88709266754547333</v>
      </c>
      <c r="B15222" s="1"/>
      <c r="C15222">
        <v>7</v>
      </c>
      <c r="D15222" t="s">
        <v>28603</v>
      </c>
      <c r="E15222" t="s">
        <v>34738</v>
      </c>
      <c r="F15222">
        <v>4</v>
      </c>
      <c r="G15222" t="s">
        <v>14</v>
      </c>
      <c r="H15222" t="s">
        <v>28604</v>
      </c>
      <c r="I15222" t="s">
        <v>30540</v>
      </c>
    </row>
    <row r="15223" spans="1:9">
      <c r="A15223" s="1">
        <f ca="1">RAND()</f>
        <v>0.22113102302409038</v>
      </c>
      <c r="B15223" s="1"/>
      <c r="C15223">
        <v>4</v>
      </c>
      <c r="D15223" t="s">
        <v>28599</v>
      </c>
      <c r="E15223" t="s">
        <v>34738</v>
      </c>
      <c r="F15223">
        <v>3</v>
      </c>
      <c r="G15223" t="s">
        <v>1</v>
      </c>
      <c r="H15223" t="s">
        <v>28600</v>
      </c>
      <c r="I15223" t="s">
        <v>30540</v>
      </c>
    </row>
    <row r="15224" spans="1:9">
      <c r="A15224" s="1">
        <f ca="1">RAND()</f>
        <v>0.56099496609263166</v>
      </c>
      <c r="B15224" s="1"/>
      <c r="C15224">
        <v>14</v>
      </c>
      <c r="D15224" t="s">
        <v>28605</v>
      </c>
      <c r="E15224" t="s">
        <v>34738</v>
      </c>
      <c r="F15224">
        <v>2</v>
      </c>
      <c r="G15224" t="s">
        <v>0</v>
      </c>
      <c r="H15224" t="s">
        <v>28606</v>
      </c>
      <c r="I15224" t="s">
        <v>30540</v>
      </c>
    </row>
    <row r="15225" spans="1:9">
      <c r="A15225" s="1">
        <f ca="1">RAND()</f>
        <v>0.50035883440621964</v>
      </c>
      <c r="B15225" s="1"/>
      <c r="C15225">
        <v>9</v>
      </c>
      <c r="D15225" t="s">
        <v>28595</v>
      </c>
      <c r="E15225" t="s">
        <v>34739</v>
      </c>
      <c r="F15225">
        <v>4</v>
      </c>
      <c r="G15225" t="s">
        <v>14</v>
      </c>
      <c r="H15225" t="s">
        <v>28596</v>
      </c>
      <c r="I15225" t="s">
        <v>30540</v>
      </c>
    </row>
    <row r="15226" spans="1:9">
      <c r="A15226" s="1">
        <f ca="1">RAND()</f>
        <v>0.66910662641185914</v>
      </c>
      <c r="B15226" s="1"/>
      <c r="C15226">
        <v>15</v>
      </c>
      <c r="D15226" t="s">
        <v>28593</v>
      </c>
      <c r="E15226" t="s">
        <v>34740</v>
      </c>
      <c r="F15226">
        <v>5</v>
      </c>
      <c r="G15226" t="s">
        <v>0</v>
      </c>
      <c r="H15226" t="s">
        <v>28594</v>
      </c>
      <c r="I15226" t="s">
        <v>30540</v>
      </c>
    </row>
    <row r="15227" spans="1:9">
      <c r="A15227" s="1">
        <f ca="1">RAND()</f>
        <v>0.92949105875846971</v>
      </c>
      <c r="B15227" s="1"/>
      <c r="C15227">
        <v>6</v>
      </c>
      <c r="D15227" t="s">
        <v>28591</v>
      </c>
      <c r="E15227" t="s">
        <v>34740</v>
      </c>
      <c r="F15227">
        <v>4</v>
      </c>
      <c r="G15227" t="s">
        <v>0</v>
      </c>
      <c r="H15227" t="s">
        <v>28592</v>
      </c>
      <c r="I15227" t="s">
        <v>30540</v>
      </c>
    </row>
    <row r="15228" spans="1:9">
      <c r="A15228" s="1">
        <f ca="1">RAND()</f>
        <v>0.24125016640450014</v>
      </c>
      <c r="B15228" s="1"/>
      <c r="C15228">
        <v>3</v>
      </c>
      <c r="D15228" t="s">
        <v>28589</v>
      </c>
      <c r="E15228" t="s">
        <v>34740</v>
      </c>
      <c r="F15228">
        <v>2</v>
      </c>
      <c r="G15228" t="s">
        <v>15</v>
      </c>
      <c r="H15228" t="s">
        <v>28590</v>
      </c>
      <c r="I15228" t="s">
        <v>30540</v>
      </c>
    </row>
    <row r="15229" spans="1:9">
      <c r="A15229" s="1">
        <f ca="1">RAND()</f>
        <v>0.72472284906393092</v>
      </c>
      <c r="B15229" s="1"/>
      <c r="C15229">
        <v>4</v>
      </c>
      <c r="D15229" t="s">
        <v>28585</v>
      </c>
      <c r="E15229" t="s">
        <v>34741</v>
      </c>
      <c r="F15229">
        <v>5</v>
      </c>
      <c r="G15229" t="s">
        <v>0</v>
      </c>
      <c r="H15229" t="s">
        <v>28586</v>
      </c>
      <c r="I15229" t="s">
        <v>30540</v>
      </c>
    </row>
    <row r="15230" spans="1:9">
      <c r="A15230" s="1">
        <f ca="1">RAND()</f>
        <v>2.6919561095335998E-2</v>
      </c>
      <c r="B15230" s="1"/>
      <c r="C15230">
        <v>15</v>
      </c>
      <c r="D15230" t="s">
        <v>28587</v>
      </c>
      <c r="E15230" t="s">
        <v>34741</v>
      </c>
      <c r="F15230">
        <v>4</v>
      </c>
      <c r="G15230" t="s">
        <v>0</v>
      </c>
      <c r="H15230" t="s">
        <v>28588</v>
      </c>
      <c r="I15230" t="s">
        <v>30540</v>
      </c>
    </row>
    <row r="15231" spans="1:9">
      <c r="A15231" s="1">
        <f ca="1">RAND()</f>
        <v>0.17130026804290732</v>
      </c>
      <c r="B15231" s="1"/>
      <c r="C15231">
        <v>1</v>
      </c>
      <c r="D15231" t="s">
        <v>28583</v>
      </c>
      <c r="E15231" t="s">
        <v>34741</v>
      </c>
      <c r="F15231">
        <v>2</v>
      </c>
      <c r="G15231" t="s">
        <v>0</v>
      </c>
      <c r="H15231" t="s">
        <v>28584</v>
      </c>
      <c r="I15231" t="s">
        <v>30540</v>
      </c>
    </row>
    <row r="15232" spans="1:9">
      <c r="A15232" s="1">
        <f ca="1">RAND()</f>
        <v>0.76428856621526609</v>
      </c>
      <c r="B15232" s="1"/>
      <c r="C15232">
        <v>4</v>
      </c>
      <c r="D15232" t="s">
        <v>28577</v>
      </c>
      <c r="E15232" t="s">
        <v>34742</v>
      </c>
      <c r="F15232">
        <v>5</v>
      </c>
      <c r="G15232" t="s">
        <v>0</v>
      </c>
      <c r="H15232" t="s">
        <v>28578</v>
      </c>
      <c r="I15232" t="s">
        <v>30540</v>
      </c>
    </row>
    <row r="15233" spans="1:9">
      <c r="A15233" s="1">
        <f ca="1">RAND()</f>
        <v>0.80530839849209257</v>
      </c>
      <c r="B15233" s="1"/>
      <c r="C15233">
        <v>5</v>
      </c>
      <c r="D15233" t="s">
        <v>28579</v>
      </c>
      <c r="E15233" t="s">
        <v>34742</v>
      </c>
      <c r="F15233">
        <v>4</v>
      </c>
      <c r="G15233" t="s">
        <v>0</v>
      </c>
      <c r="H15233" t="s">
        <v>28580</v>
      </c>
      <c r="I15233" t="s">
        <v>30540</v>
      </c>
    </row>
    <row r="15234" spans="1:9">
      <c r="A15234" s="1">
        <f ca="1">RAND()</f>
        <v>0.68522647488666644</v>
      </c>
      <c r="B15234" s="1"/>
      <c r="C15234">
        <v>1</v>
      </c>
      <c r="D15234" t="s">
        <v>28575</v>
      </c>
      <c r="E15234" t="s">
        <v>34742</v>
      </c>
      <c r="F15234">
        <v>4</v>
      </c>
      <c r="G15234" t="s">
        <v>0</v>
      </c>
      <c r="H15234" t="s">
        <v>28576</v>
      </c>
      <c r="I15234" t="s">
        <v>30540</v>
      </c>
    </row>
    <row r="15235" spans="1:9">
      <c r="A15235" s="1">
        <f ca="1">RAND()</f>
        <v>0.76349127036857711</v>
      </c>
      <c r="B15235" s="1"/>
      <c r="C15235">
        <v>18</v>
      </c>
      <c r="D15235" t="s">
        <v>28581</v>
      </c>
      <c r="E15235" t="s">
        <v>34742</v>
      </c>
      <c r="F15235">
        <v>4</v>
      </c>
      <c r="G15235" t="s">
        <v>0</v>
      </c>
      <c r="H15235" t="s">
        <v>28582</v>
      </c>
      <c r="I15235" t="s">
        <v>30540</v>
      </c>
    </row>
    <row r="15236" spans="1:9">
      <c r="A15236" s="1">
        <f ca="1">RAND()</f>
        <v>0.71670435289034573</v>
      </c>
      <c r="B15236" s="1"/>
      <c r="C15236">
        <v>14</v>
      </c>
      <c r="D15236" t="s">
        <v>28569</v>
      </c>
      <c r="E15236" t="s">
        <v>34743</v>
      </c>
      <c r="F15236">
        <v>4</v>
      </c>
      <c r="G15236" t="s">
        <v>9</v>
      </c>
      <c r="H15236" t="s">
        <v>28570</v>
      </c>
      <c r="I15236" t="s">
        <v>30540</v>
      </c>
    </row>
    <row r="15237" spans="1:9">
      <c r="A15237" s="1">
        <f ca="1">RAND()</f>
        <v>0.86870675208553572</v>
      </c>
      <c r="B15237" s="1"/>
      <c r="C15237">
        <v>15</v>
      </c>
      <c r="D15237" t="s">
        <v>28571</v>
      </c>
      <c r="E15237" t="s">
        <v>34743</v>
      </c>
      <c r="F15237">
        <v>4</v>
      </c>
      <c r="G15237" t="s">
        <v>13</v>
      </c>
      <c r="H15237" t="s">
        <v>28572</v>
      </c>
      <c r="I15237" t="s">
        <v>30540</v>
      </c>
    </row>
    <row r="15238" spans="1:9">
      <c r="A15238" s="1">
        <f ca="1">RAND()</f>
        <v>0.9749178524709321</v>
      </c>
      <c r="B15238" s="1"/>
      <c r="C15238">
        <v>7</v>
      </c>
      <c r="D15238" t="s">
        <v>28567</v>
      </c>
      <c r="E15238" t="s">
        <v>34743</v>
      </c>
      <c r="F15238">
        <v>4</v>
      </c>
      <c r="G15238" t="s">
        <v>0</v>
      </c>
      <c r="H15238" t="s">
        <v>28568</v>
      </c>
      <c r="I15238" t="s">
        <v>30540</v>
      </c>
    </row>
    <row r="15239" spans="1:9">
      <c r="A15239" s="1">
        <f ca="1">RAND()</f>
        <v>0.52055200583932182</v>
      </c>
      <c r="B15239" s="1"/>
      <c r="C15239">
        <v>20</v>
      </c>
      <c r="D15239" t="s">
        <v>28573</v>
      </c>
      <c r="E15239" t="s">
        <v>34743</v>
      </c>
      <c r="F15239">
        <v>3</v>
      </c>
      <c r="G15239" t="s">
        <v>0</v>
      </c>
      <c r="H15239" t="s">
        <v>28574</v>
      </c>
      <c r="I15239" t="s">
        <v>30540</v>
      </c>
    </row>
    <row r="15240" spans="1:9">
      <c r="A15240" s="1">
        <f ca="1">RAND()</f>
        <v>0.41548231323506468</v>
      </c>
      <c r="B15240" s="1"/>
      <c r="C15240">
        <v>4</v>
      </c>
      <c r="D15240" t="s">
        <v>28563</v>
      </c>
      <c r="E15240" t="s">
        <v>34743</v>
      </c>
      <c r="F15240">
        <v>3</v>
      </c>
      <c r="G15240" t="s">
        <v>0</v>
      </c>
      <c r="H15240" t="s">
        <v>28564</v>
      </c>
      <c r="I15240" t="s">
        <v>30540</v>
      </c>
    </row>
    <row r="15241" spans="1:9">
      <c r="A15241" s="1">
        <f ca="1">RAND()</f>
        <v>0.97558979402327617</v>
      </c>
      <c r="B15241" s="1"/>
      <c r="C15241">
        <v>6</v>
      </c>
      <c r="D15241" t="s">
        <v>28565</v>
      </c>
      <c r="E15241" t="s">
        <v>34743</v>
      </c>
      <c r="F15241">
        <v>2</v>
      </c>
      <c r="G15241" t="s">
        <v>0</v>
      </c>
      <c r="H15241" t="s">
        <v>28566</v>
      </c>
      <c r="I15241" t="s">
        <v>30540</v>
      </c>
    </row>
    <row r="15242" spans="1:9">
      <c r="A15242" s="1">
        <f ca="1">RAND()</f>
        <v>0.58067434656336026</v>
      </c>
      <c r="B15242" s="1"/>
      <c r="C15242">
        <v>11</v>
      </c>
      <c r="D15242" t="s">
        <v>28559</v>
      </c>
      <c r="E15242" t="s">
        <v>34744</v>
      </c>
      <c r="F15242">
        <v>4</v>
      </c>
      <c r="G15242" t="s">
        <v>0</v>
      </c>
      <c r="H15242" t="s">
        <v>28560</v>
      </c>
      <c r="I15242" t="s">
        <v>30540</v>
      </c>
    </row>
    <row r="15243" spans="1:9">
      <c r="A15243" s="1">
        <f ca="1">RAND()</f>
        <v>0.12284282146353898</v>
      </c>
      <c r="B15243" s="1"/>
      <c r="C15243">
        <v>7</v>
      </c>
      <c r="D15243" t="s">
        <v>28557</v>
      </c>
      <c r="E15243" t="s">
        <v>34744</v>
      </c>
      <c r="F15243">
        <v>4</v>
      </c>
      <c r="G15243" t="s">
        <v>0</v>
      </c>
      <c r="H15243" t="s">
        <v>28558</v>
      </c>
      <c r="I15243" t="s">
        <v>30540</v>
      </c>
    </row>
    <row r="15244" spans="1:9">
      <c r="A15244" s="1">
        <f ca="1">RAND()</f>
        <v>0.69859633982329261</v>
      </c>
      <c r="B15244" s="1"/>
      <c r="C15244">
        <v>1</v>
      </c>
      <c r="D15244" t="s">
        <v>28555</v>
      </c>
      <c r="E15244" t="s">
        <v>34744</v>
      </c>
      <c r="F15244">
        <v>4</v>
      </c>
      <c r="G15244" t="s">
        <v>0</v>
      </c>
      <c r="H15244" t="s">
        <v>28556</v>
      </c>
      <c r="I15244" t="s">
        <v>30540</v>
      </c>
    </row>
    <row r="15245" spans="1:9">
      <c r="A15245" s="1">
        <f ca="1">RAND()</f>
        <v>0.89811594667182992</v>
      </c>
      <c r="B15245" s="1"/>
      <c r="C15245">
        <v>16</v>
      </c>
      <c r="D15245" t="s">
        <v>28561</v>
      </c>
      <c r="E15245" t="s">
        <v>34744</v>
      </c>
      <c r="F15245">
        <v>3</v>
      </c>
      <c r="G15245" t="s">
        <v>0</v>
      </c>
      <c r="H15245" t="s">
        <v>28562</v>
      </c>
      <c r="I15245" t="s">
        <v>30540</v>
      </c>
    </row>
    <row r="15246" spans="1:9">
      <c r="A15246" s="1">
        <f ca="1">RAND()</f>
        <v>0.70703261101930626</v>
      </c>
      <c r="B15246" s="1"/>
      <c r="C15246">
        <v>10</v>
      </c>
      <c r="D15246" t="s">
        <v>28549</v>
      </c>
      <c r="E15246" t="s">
        <v>34745</v>
      </c>
      <c r="F15246">
        <v>5</v>
      </c>
      <c r="G15246" t="s">
        <v>0</v>
      </c>
      <c r="H15246" t="s">
        <v>28550</v>
      </c>
      <c r="I15246" t="s">
        <v>30540</v>
      </c>
    </row>
    <row r="15247" spans="1:9">
      <c r="A15247" s="1">
        <f ca="1">RAND()</f>
        <v>0.45401222850999923</v>
      </c>
      <c r="B15247" s="1"/>
      <c r="C15247">
        <v>8</v>
      </c>
      <c r="D15247" t="s">
        <v>28547</v>
      </c>
      <c r="E15247" t="s">
        <v>34745</v>
      </c>
      <c r="F15247">
        <v>4</v>
      </c>
      <c r="G15247" t="s">
        <v>2</v>
      </c>
      <c r="H15247" t="s">
        <v>28548</v>
      </c>
      <c r="I15247" t="s">
        <v>30540</v>
      </c>
    </row>
    <row r="15248" spans="1:9">
      <c r="A15248" s="1">
        <f ca="1">RAND()</f>
        <v>0.91895392067442538</v>
      </c>
      <c r="B15248" s="1"/>
      <c r="C15248">
        <v>20</v>
      </c>
      <c r="D15248" t="s">
        <v>28553</v>
      </c>
      <c r="E15248" t="s">
        <v>34745</v>
      </c>
      <c r="F15248">
        <v>4</v>
      </c>
      <c r="G15248" t="s">
        <v>0</v>
      </c>
      <c r="H15248" t="s">
        <v>28554</v>
      </c>
      <c r="I15248" t="s">
        <v>30540</v>
      </c>
    </row>
    <row r="15249" spans="1:9">
      <c r="A15249" s="1">
        <f ca="1">RAND()</f>
        <v>0.34077766350120964</v>
      </c>
      <c r="B15249" s="1"/>
      <c r="C15249">
        <v>1</v>
      </c>
      <c r="D15249" t="s">
        <v>28545</v>
      </c>
      <c r="E15249" t="s">
        <v>34745</v>
      </c>
      <c r="F15249">
        <v>4</v>
      </c>
      <c r="G15249" t="s">
        <v>0</v>
      </c>
      <c r="H15249" t="s">
        <v>28546</v>
      </c>
      <c r="I15249" t="s">
        <v>30540</v>
      </c>
    </row>
    <row r="15250" spans="1:9">
      <c r="A15250" s="1">
        <f ca="1">RAND()</f>
        <v>0.93090156367940946</v>
      </c>
      <c r="B15250" s="1"/>
      <c r="C15250">
        <v>11</v>
      </c>
      <c r="D15250" t="s">
        <v>28551</v>
      </c>
      <c r="E15250" t="s">
        <v>34745</v>
      </c>
      <c r="F15250">
        <v>1</v>
      </c>
      <c r="G15250" t="s">
        <v>0</v>
      </c>
      <c r="H15250" t="s">
        <v>28552</v>
      </c>
      <c r="I15250" t="s">
        <v>30540</v>
      </c>
    </row>
    <row r="15251" spans="1:9">
      <c r="A15251" s="1">
        <f ca="1">RAND()</f>
        <v>0.30929558394749368</v>
      </c>
      <c r="B15251" s="1"/>
      <c r="C15251">
        <v>16</v>
      </c>
      <c r="D15251" t="s">
        <v>28543</v>
      </c>
      <c r="E15251" t="s">
        <v>34746</v>
      </c>
      <c r="F15251">
        <v>4</v>
      </c>
      <c r="G15251" t="s">
        <v>0</v>
      </c>
      <c r="H15251" t="s">
        <v>28544</v>
      </c>
      <c r="I15251" t="s">
        <v>30540</v>
      </c>
    </row>
    <row r="15252" spans="1:9">
      <c r="A15252" s="1">
        <f ca="1">RAND()</f>
        <v>0.32747388668930855</v>
      </c>
      <c r="B15252" s="1"/>
      <c r="C15252">
        <v>15</v>
      </c>
      <c r="D15252" t="s">
        <v>28541</v>
      </c>
      <c r="E15252" t="s">
        <v>34746</v>
      </c>
      <c r="F15252">
        <v>4</v>
      </c>
      <c r="G15252" t="s">
        <v>0</v>
      </c>
      <c r="H15252" t="s">
        <v>28542</v>
      </c>
      <c r="I15252" t="s">
        <v>30540</v>
      </c>
    </row>
    <row r="15253" spans="1:9">
      <c r="A15253" s="1">
        <f ca="1">RAND()</f>
        <v>0.75718093123254204</v>
      </c>
      <c r="B15253" s="1"/>
      <c r="C15253">
        <v>5</v>
      </c>
      <c r="D15253" t="s">
        <v>28537</v>
      </c>
      <c r="E15253" t="s">
        <v>34747</v>
      </c>
      <c r="F15253">
        <v>5</v>
      </c>
      <c r="G15253" t="s">
        <v>0</v>
      </c>
      <c r="H15253" t="s">
        <v>28538</v>
      </c>
      <c r="I15253" t="s">
        <v>30540</v>
      </c>
    </row>
    <row r="15254" spans="1:9">
      <c r="A15254" s="1">
        <f ca="1">RAND()</f>
        <v>0.60264941621176304</v>
      </c>
      <c r="B15254" s="1"/>
      <c r="C15254">
        <v>4</v>
      </c>
      <c r="D15254" t="s">
        <v>28535</v>
      </c>
      <c r="E15254" t="s">
        <v>34747</v>
      </c>
      <c r="F15254">
        <v>4</v>
      </c>
      <c r="G15254" t="s">
        <v>0</v>
      </c>
      <c r="H15254" t="s">
        <v>28536</v>
      </c>
      <c r="I15254" t="s">
        <v>30540</v>
      </c>
    </row>
    <row r="15255" spans="1:9">
      <c r="A15255" s="1">
        <f ca="1">RAND()</f>
        <v>0.76204822413843609</v>
      </c>
      <c r="B15255" s="1"/>
      <c r="C15255">
        <v>16</v>
      </c>
      <c r="D15255" t="s">
        <v>28539</v>
      </c>
      <c r="E15255" t="s">
        <v>34747</v>
      </c>
      <c r="F15255">
        <v>4</v>
      </c>
      <c r="G15255" t="s">
        <v>13</v>
      </c>
      <c r="H15255" t="s">
        <v>28540</v>
      </c>
      <c r="I15255" t="s">
        <v>30540</v>
      </c>
    </row>
    <row r="15256" spans="1:9">
      <c r="A15256" s="1">
        <f ca="1">RAND()</f>
        <v>0.28943992880474556</v>
      </c>
      <c r="B15256" s="1"/>
      <c r="C15256">
        <v>17</v>
      </c>
      <c r="D15256" t="s">
        <v>28531</v>
      </c>
      <c r="E15256" t="s">
        <v>34748</v>
      </c>
      <c r="F15256">
        <v>4</v>
      </c>
      <c r="G15256" t="s">
        <v>0</v>
      </c>
      <c r="H15256" t="s">
        <v>28532</v>
      </c>
      <c r="I15256" t="s">
        <v>30540</v>
      </c>
    </row>
    <row r="15257" spans="1:9">
      <c r="A15257" s="1">
        <f ca="1">RAND()</f>
        <v>0.89615841429633614</v>
      </c>
      <c r="B15257" s="1"/>
      <c r="C15257">
        <v>3</v>
      </c>
      <c r="D15257" t="s">
        <v>28529</v>
      </c>
      <c r="E15257" t="s">
        <v>34748</v>
      </c>
      <c r="F15257">
        <v>4</v>
      </c>
      <c r="G15257" t="s">
        <v>0</v>
      </c>
      <c r="H15257" t="s">
        <v>28530</v>
      </c>
      <c r="I15257" t="s">
        <v>30540</v>
      </c>
    </row>
    <row r="15258" spans="1:9">
      <c r="A15258" s="1">
        <f ca="1">RAND()</f>
        <v>0.10087947468977221</v>
      </c>
      <c r="B15258" s="1"/>
      <c r="C15258">
        <v>20</v>
      </c>
      <c r="D15258" t="s">
        <v>28533</v>
      </c>
      <c r="E15258" t="s">
        <v>34748</v>
      </c>
      <c r="F15258">
        <v>4</v>
      </c>
      <c r="G15258" t="s">
        <v>0</v>
      </c>
      <c r="H15258" t="s">
        <v>28534</v>
      </c>
      <c r="I15258" t="s">
        <v>30540</v>
      </c>
    </row>
    <row r="15259" spans="1:9">
      <c r="A15259" s="1">
        <f ca="1">RAND()</f>
        <v>1.398678032541556E-2</v>
      </c>
      <c r="B15259" s="1"/>
      <c r="C15259">
        <v>12</v>
      </c>
      <c r="D15259" t="s">
        <v>28527</v>
      </c>
      <c r="E15259" t="s">
        <v>34749</v>
      </c>
      <c r="F15259">
        <v>5</v>
      </c>
      <c r="G15259" t="s">
        <v>0</v>
      </c>
      <c r="H15259" t="s">
        <v>28528</v>
      </c>
      <c r="I15259" t="s">
        <v>30540</v>
      </c>
    </row>
    <row r="15260" spans="1:9">
      <c r="A15260" s="1">
        <f ca="1">RAND()</f>
        <v>6.7683017906672305E-4</v>
      </c>
      <c r="B15260" s="1"/>
      <c r="C15260">
        <v>11</v>
      </c>
      <c r="D15260" t="s">
        <v>28525</v>
      </c>
      <c r="E15260" t="s">
        <v>34749</v>
      </c>
      <c r="F15260">
        <v>4</v>
      </c>
      <c r="G15260" t="s">
        <v>0</v>
      </c>
      <c r="H15260" t="s">
        <v>28526</v>
      </c>
      <c r="I15260" t="s">
        <v>30540</v>
      </c>
    </row>
    <row r="15261" spans="1:9">
      <c r="A15261" s="1">
        <f ca="1">RAND()</f>
        <v>0.86290466534930288</v>
      </c>
      <c r="B15261" s="1"/>
      <c r="C15261">
        <v>2</v>
      </c>
      <c r="D15261" t="s">
        <v>28523</v>
      </c>
      <c r="E15261" t="s">
        <v>34749</v>
      </c>
      <c r="F15261">
        <v>4</v>
      </c>
      <c r="G15261" t="s">
        <v>0</v>
      </c>
      <c r="H15261" t="s">
        <v>28524</v>
      </c>
      <c r="I15261" t="s">
        <v>30540</v>
      </c>
    </row>
    <row r="15262" spans="1:9">
      <c r="A15262" s="1">
        <f ca="1">RAND()</f>
        <v>0.46494991139276276</v>
      </c>
      <c r="B15262" s="1"/>
      <c r="C15262">
        <v>1</v>
      </c>
      <c r="D15262" t="s">
        <v>28521</v>
      </c>
      <c r="E15262" t="s">
        <v>34749</v>
      </c>
      <c r="F15262">
        <v>4</v>
      </c>
      <c r="G15262" t="s">
        <v>2</v>
      </c>
      <c r="H15262" t="s">
        <v>28522</v>
      </c>
      <c r="I15262" t="s">
        <v>30540</v>
      </c>
    </row>
    <row r="15263" spans="1:9">
      <c r="A15263" s="1">
        <f ca="1">RAND()</f>
        <v>0.84318386773824372</v>
      </c>
      <c r="B15263" s="1"/>
      <c r="C15263">
        <v>19</v>
      </c>
      <c r="D15263" t="s">
        <v>28517</v>
      </c>
      <c r="E15263" t="s">
        <v>34750</v>
      </c>
      <c r="F15263">
        <v>4</v>
      </c>
      <c r="G15263" t="s">
        <v>0</v>
      </c>
      <c r="H15263" t="s">
        <v>28518</v>
      </c>
      <c r="I15263" t="s">
        <v>30540</v>
      </c>
    </row>
    <row r="15264" spans="1:9">
      <c r="A15264" s="1">
        <f ca="1">RAND()</f>
        <v>0.48120181273923546</v>
      </c>
      <c r="B15264" s="1"/>
      <c r="C15264">
        <v>13</v>
      </c>
      <c r="D15264" t="s">
        <v>28515</v>
      </c>
      <c r="E15264" t="s">
        <v>34750</v>
      </c>
      <c r="F15264">
        <v>4</v>
      </c>
      <c r="G15264" t="s">
        <v>0</v>
      </c>
      <c r="H15264" t="s">
        <v>28516</v>
      </c>
      <c r="I15264" t="s">
        <v>30540</v>
      </c>
    </row>
    <row r="15265" spans="1:9">
      <c r="A15265" s="1">
        <f ca="1">RAND()</f>
        <v>0.69751397356215983</v>
      </c>
      <c r="B15265" s="1"/>
      <c r="C15265">
        <v>20</v>
      </c>
      <c r="D15265" t="s">
        <v>28519</v>
      </c>
      <c r="E15265" t="s">
        <v>34750</v>
      </c>
      <c r="F15265">
        <v>4</v>
      </c>
      <c r="G15265" t="s">
        <v>2</v>
      </c>
      <c r="H15265" t="s">
        <v>28520</v>
      </c>
      <c r="I15265" t="s">
        <v>30540</v>
      </c>
    </row>
    <row r="15266" spans="1:9">
      <c r="A15266" s="1">
        <f ca="1">RAND()</f>
        <v>2.0014113047156279E-2</v>
      </c>
      <c r="B15266" s="1"/>
      <c r="C15266">
        <v>15</v>
      </c>
      <c r="D15266" t="s">
        <v>30531</v>
      </c>
      <c r="E15266" t="s">
        <v>34751</v>
      </c>
      <c r="F15266">
        <v>5</v>
      </c>
      <c r="G15266" t="s">
        <v>0</v>
      </c>
      <c r="H15266" t="s">
        <v>30532</v>
      </c>
      <c r="I15266" t="s">
        <v>30540</v>
      </c>
    </row>
    <row r="15267" spans="1:9">
      <c r="A15267" s="1">
        <f ca="1">RAND()</f>
        <v>0.97598672457903168</v>
      </c>
      <c r="B15267" s="1"/>
      <c r="C15267">
        <v>8</v>
      </c>
      <c r="D15267" t="s">
        <v>30529</v>
      </c>
      <c r="E15267" t="s">
        <v>34752</v>
      </c>
      <c r="F15267">
        <v>4</v>
      </c>
      <c r="G15267" t="s">
        <v>0</v>
      </c>
      <c r="H15267" t="s">
        <v>30530</v>
      </c>
      <c r="I15267" t="s">
        <v>30540</v>
      </c>
    </row>
    <row r="15268" spans="1:9">
      <c r="A15268" s="1">
        <f ca="1">RAND()</f>
        <v>0.2806661538033518</v>
      </c>
      <c r="B15268" s="1"/>
      <c r="C15268">
        <v>2</v>
      </c>
      <c r="D15268" t="s">
        <v>30525</v>
      </c>
      <c r="E15268" t="s">
        <v>34753</v>
      </c>
      <c r="F15268">
        <v>5</v>
      </c>
      <c r="G15268" t="s">
        <v>0</v>
      </c>
      <c r="H15268" t="s">
        <v>30526</v>
      </c>
      <c r="I15268" t="s">
        <v>30540</v>
      </c>
    </row>
    <row r="15269" spans="1:9">
      <c r="A15269" s="1">
        <f ca="1">RAND()</f>
        <v>0.88002515047576213</v>
      </c>
      <c r="B15269" s="1"/>
      <c r="C15269">
        <v>13</v>
      </c>
      <c r="D15269" t="s">
        <v>30527</v>
      </c>
      <c r="E15269" t="s">
        <v>34753</v>
      </c>
      <c r="F15269">
        <v>4</v>
      </c>
      <c r="G15269" t="s">
        <v>0</v>
      </c>
      <c r="H15269" t="s">
        <v>30528</v>
      </c>
      <c r="I15269" t="s">
        <v>30540</v>
      </c>
    </row>
    <row r="15270" spans="1:9">
      <c r="A15270" s="1">
        <f ca="1">RAND()</f>
        <v>0.57026546049768301</v>
      </c>
      <c r="B15270" s="1"/>
      <c r="C15270">
        <v>6</v>
      </c>
      <c r="D15270" t="s">
        <v>30523</v>
      </c>
      <c r="E15270" t="s">
        <v>34754</v>
      </c>
      <c r="F15270">
        <v>4</v>
      </c>
      <c r="G15270" t="s">
        <v>0</v>
      </c>
      <c r="H15270" t="s">
        <v>30524</v>
      </c>
      <c r="I15270" t="s">
        <v>30540</v>
      </c>
    </row>
    <row r="15271" spans="1:9">
      <c r="A15271" s="1">
        <f ca="1">RAND()</f>
        <v>0.66345549706560303</v>
      </c>
      <c r="B15271" s="1"/>
      <c r="C15271">
        <v>17</v>
      </c>
      <c r="D15271" t="s">
        <v>30521</v>
      </c>
      <c r="E15271" t="s">
        <v>34755</v>
      </c>
      <c r="F15271">
        <v>5</v>
      </c>
      <c r="G15271" t="s">
        <v>0</v>
      </c>
      <c r="H15271" t="s">
        <v>30522</v>
      </c>
      <c r="I15271" t="s">
        <v>30540</v>
      </c>
    </row>
    <row r="15272" spans="1:9">
      <c r="A15272" s="1">
        <f ca="1">RAND()</f>
        <v>0.52749504989658669</v>
      </c>
      <c r="B15272" s="1"/>
      <c r="C15272">
        <v>5</v>
      </c>
      <c r="D15272" t="s">
        <v>30519</v>
      </c>
      <c r="E15272" t="s">
        <v>34755</v>
      </c>
      <c r="F15272">
        <v>4</v>
      </c>
      <c r="G15272" t="s">
        <v>0</v>
      </c>
      <c r="H15272" t="s">
        <v>30520</v>
      </c>
      <c r="I15272" t="s">
        <v>30540</v>
      </c>
    </row>
    <row r="15273" spans="1:9">
      <c r="A15273" s="1">
        <f ca="1">RAND()</f>
        <v>0.44487134910851789</v>
      </c>
      <c r="B15273" s="1"/>
      <c r="C15273">
        <v>1</v>
      </c>
      <c r="D15273" t="s">
        <v>30517</v>
      </c>
      <c r="E15273" t="s">
        <v>34755</v>
      </c>
      <c r="F15273">
        <v>2</v>
      </c>
      <c r="G15273" t="s">
        <v>0</v>
      </c>
      <c r="H15273" t="s">
        <v>30518</v>
      </c>
      <c r="I15273" t="s">
        <v>30540</v>
      </c>
    </row>
    <row r="15274" spans="1:9">
      <c r="A15274" s="1">
        <f ca="1">RAND()</f>
        <v>0.20532663337917001</v>
      </c>
      <c r="B15274" s="1"/>
      <c r="C15274">
        <v>10</v>
      </c>
      <c r="D15274" t="s">
        <v>30513</v>
      </c>
      <c r="E15274" t="s">
        <v>34756</v>
      </c>
      <c r="F15274">
        <v>4</v>
      </c>
      <c r="G15274" t="s">
        <v>0</v>
      </c>
      <c r="H15274" t="s">
        <v>30514</v>
      </c>
      <c r="I15274" t="s">
        <v>30540</v>
      </c>
    </row>
    <row r="15275" spans="1:9">
      <c r="A15275" s="1">
        <f ca="1">RAND()</f>
        <v>0.35793913645094888</v>
      </c>
      <c r="B15275" s="1"/>
      <c r="C15275">
        <v>15</v>
      </c>
      <c r="D15275" t="s">
        <v>30515</v>
      </c>
      <c r="E15275" t="s">
        <v>34756</v>
      </c>
      <c r="F15275">
        <v>2</v>
      </c>
      <c r="G15275" t="s">
        <v>0</v>
      </c>
      <c r="H15275" t="s">
        <v>30516</v>
      </c>
      <c r="I15275" t="s">
        <v>30540</v>
      </c>
    </row>
    <row r="15276" spans="1:9">
      <c r="A15276" s="1">
        <f ca="1">RAND()</f>
        <v>0.46414166224901432</v>
      </c>
      <c r="B15276" s="1"/>
      <c r="C15276">
        <v>9</v>
      </c>
      <c r="D15276" t="s">
        <v>30511</v>
      </c>
      <c r="E15276" t="s">
        <v>34756</v>
      </c>
      <c r="F15276">
        <v>1</v>
      </c>
      <c r="G15276" t="s">
        <v>0</v>
      </c>
      <c r="H15276" t="s">
        <v>30512</v>
      </c>
      <c r="I15276" t="s">
        <v>30540</v>
      </c>
    </row>
    <row r="15277" spans="1:9">
      <c r="A15277" s="1">
        <f ca="1">RAND()</f>
        <v>0.55865272238799102</v>
      </c>
      <c r="B15277" s="1"/>
      <c r="C15277">
        <v>11</v>
      </c>
      <c r="D15277" t="s">
        <v>30503</v>
      </c>
      <c r="E15277" t="s">
        <v>34757</v>
      </c>
      <c r="F15277">
        <v>5</v>
      </c>
      <c r="G15277" t="s">
        <v>0</v>
      </c>
      <c r="H15277" t="s">
        <v>30504</v>
      </c>
      <c r="I15277" t="s">
        <v>30540</v>
      </c>
    </row>
    <row r="15278" spans="1:9">
      <c r="A15278" s="1">
        <f ca="1">RAND()</f>
        <v>0.29129580648619169</v>
      </c>
      <c r="B15278" s="1"/>
      <c r="C15278">
        <v>6</v>
      </c>
      <c r="D15278" t="s">
        <v>30501</v>
      </c>
      <c r="E15278" t="s">
        <v>34757</v>
      </c>
      <c r="F15278">
        <v>5</v>
      </c>
      <c r="G15278" t="s">
        <v>0</v>
      </c>
      <c r="H15278" t="s">
        <v>30502</v>
      </c>
      <c r="I15278" t="s">
        <v>30540</v>
      </c>
    </row>
    <row r="15279" spans="1:9">
      <c r="A15279" s="1">
        <f ca="1">RAND()</f>
        <v>0.77199826395958215</v>
      </c>
      <c r="B15279" s="1"/>
      <c r="C15279">
        <v>14</v>
      </c>
      <c r="D15279" t="s">
        <v>30507</v>
      </c>
      <c r="E15279" t="s">
        <v>34757</v>
      </c>
      <c r="F15279">
        <v>4</v>
      </c>
      <c r="G15279" t="s">
        <v>15</v>
      </c>
      <c r="H15279" t="s">
        <v>30508</v>
      </c>
      <c r="I15279" t="s">
        <v>30540</v>
      </c>
    </row>
    <row r="15280" spans="1:9">
      <c r="A15280" s="1">
        <f ca="1">RAND()</f>
        <v>0.96039409014351307</v>
      </c>
      <c r="B15280" s="1"/>
      <c r="C15280">
        <v>16</v>
      </c>
      <c r="D15280" t="s">
        <v>30509</v>
      </c>
      <c r="E15280" t="s">
        <v>34757</v>
      </c>
      <c r="F15280">
        <v>4</v>
      </c>
      <c r="G15280" t="s">
        <v>0</v>
      </c>
      <c r="H15280" t="s">
        <v>30510</v>
      </c>
      <c r="I15280" t="s">
        <v>30540</v>
      </c>
    </row>
    <row r="15281" spans="1:9">
      <c r="A15281" s="1">
        <f ca="1">RAND()</f>
        <v>0.19017122158628397</v>
      </c>
      <c r="B15281" s="1"/>
      <c r="C15281">
        <v>12</v>
      </c>
      <c r="D15281" t="s">
        <v>30505</v>
      </c>
      <c r="E15281" t="s">
        <v>34757</v>
      </c>
      <c r="F15281">
        <v>2</v>
      </c>
      <c r="G15281" t="s">
        <v>0</v>
      </c>
      <c r="H15281" t="s">
        <v>30506</v>
      </c>
      <c r="I15281" t="s">
        <v>30540</v>
      </c>
    </row>
    <row r="15282" spans="1:9">
      <c r="A15282" s="1">
        <f ca="1">RAND()</f>
        <v>0.67085607949631543</v>
      </c>
      <c r="B15282" s="1"/>
      <c r="C15282">
        <v>10</v>
      </c>
      <c r="D15282" t="s">
        <v>30497</v>
      </c>
      <c r="E15282" t="s">
        <v>34758</v>
      </c>
      <c r="F15282">
        <v>5</v>
      </c>
      <c r="G15282" t="s">
        <v>0</v>
      </c>
      <c r="H15282" t="s">
        <v>30498</v>
      </c>
      <c r="I15282" t="s">
        <v>30540</v>
      </c>
    </row>
    <row r="15283" spans="1:9">
      <c r="A15283" s="1">
        <f ca="1">RAND()</f>
        <v>0.43404145908828939</v>
      </c>
      <c r="B15283" s="1"/>
      <c r="C15283">
        <v>12</v>
      </c>
      <c r="D15283" t="s">
        <v>30499</v>
      </c>
      <c r="E15283" t="s">
        <v>34758</v>
      </c>
      <c r="F15283">
        <v>4</v>
      </c>
      <c r="G15283" t="s">
        <v>10</v>
      </c>
      <c r="H15283" t="s">
        <v>30500</v>
      </c>
      <c r="I15283" t="s">
        <v>30540</v>
      </c>
    </row>
    <row r="15284" spans="1:9">
      <c r="A15284" s="1">
        <f ca="1">RAND()</f>
        <v>0.77948808279198833</v>
      </c>
      <c r="B15284" s="1"/>
      <c r="C15284">
        <v>3</v>
      </c>
      <c r="D15284" t="s">
        <v>30491</v>
      </c>
      <c r="E15284" t="s">
        <v>34758</v>
      </c>
      <c r="F15284">
        <v>4</v>
      </c>
      <c r="G15284" t="s">
        <v>0</v>
      </c>
      <c r="H15284" t="s">
        <v>30492</v>
      </c>
      <c r="I15284" t="s">
        <v>30540</v>
      </c>
    </row>
    <row r="15285" spans="1:9">
      <c r="A15285" s="1">
        <f ca="1">RAND()</f>
        <v>0.1144115651878419</v>
      </c>
      <c r="B15285" s="1"/>
      <c r="C15285">
        <v>5</v>
      </c>
      <c r="D15285" t="s">
        <v>30495</v>
      </c>
      <c r="E15285" t="s">
        <v>34758</v>
      </c>
      <c r="F15285">
        <v>4</v>
      </c>
      <c r="G15285" t="s">
        <v>2</v>
      </c>
      <c r="H15285" t="s">
        <v>30496</v>
      </c>
      <c r="I15285" t="s">
        <v>30540</v>
      </c>
    </row>
    <row r="15286" spans="1:9">
      <c r="A15286" s="1">
        <f ca="1">RAND()</f>
        <v>0.76335205595285505</v>
      </c>
      <c r="B15286" s="1"/>
      <c r="C15286">
        <v>4</v>
      </c>
      <c r="D15286" t="s">
        <v>30493</v>
      </c>
      <c r="E15286" t="s">
        <v>34758</v>
      </c>
      <c r="F15286">
        <v>2</v>
      </c>
      <c r="G15286" t="s">
        <v>0</v>
      </c>
      <c r="H15286" t="s">
        <v>30494</v>
      </c>
      <c r="I15286" t="s">
        <v>30540</v>
      </c>
    </row>
    <row r="15287" spans="1:9">
      <c r="A15287" s="1">
        <f ca="1">RAND()</f>
        <v>0.18184711591782432</v>
      </c>
      <c r="B15287" s="1"/>
      <c r="C15287">
        <v>2</v>
      </c>
      <c r="D15287" t="s">
        <v>30489</v>
      </c>
      <c r="E15287" t="s">
        <v>34758</v>
      </c>
      <c r="F15287">
        <v>2</v>
      </c>
      <c r="G15287" t="s">
        <v>2</v>
      </c>
      <c r="H15287" t="s">
        <v>30490</v>
      </c>
      <c r="I15287" t="s">
        <v>30540</v>
      </c>
    </row>
    <row r="15288" spans="1:9">
      <c r="A15288" s="1">
        <f ca="1">RAND()</f>
        <v>0.37028650657498796</v>
      </c>
      <c r="B15288" s="1"/>
      <c r="C15288">
        <v>11</v>
      </c>
      <c r="D15288" t="s">
        <v>30487</v>
      </c>
      <c r="E15288" t="s">
        <v>34759</v>
      </c>
      <c r="F15288">
        <v>5</v>
      </c>
      <c r="G15288" t="s">
        <v>0</v>
      </c>
      <c r="H15288" t="s">
        <v>30488</v>
      </c>
      <c r="I15288" t="s">
        <v>30540</v>
      </c>
    </row>
    <row r="15289" spans="1:9">
      <c r="A15289" s="1">
        <f ca="1">RAND()</f>
        <v>0.64695884394714631</v>
      </c>
      <c r="B15289" s="1"/>
      <c r="C15289">
        <v>4</v>
      </c>
      <c r="D15289" t="s">
        <v>30485</v>
      </c>
      <c r="E15289" t="s">
        <v>34759</v>
      </c>
      <c r="F15289">
        <v>4</v>
      </c>
      <c r="G15289" t="s">
        <v>0</v>
      </c>
      <c r="H15289" t="s">
        <v>30486</v>
      </c>
      <c r="I15289" t="s">
        <v>30540</v>
      </c>
    </row>
    <row r="15290" spans="1:9">
      <c r="A15290" s="1">
        <f ca="1">RAND()</f>
        <v>0.82530912665623057</v>
      </c>
      <c r="B15290" s="1"/>
      <c r="C15290">
        <v>1</v>
      </c>
      <c r="D15290" t="s">
        <v>30483</v>
      </c>
      <c r="E15290" t="s">
        <v>34759</v>
      </c>
      <c r="F15290">
        <v>4</v>
      </c>
      <c r="G15290" t="s">
        <v>10</v>
      </c>
      <c r="H15290" t="s">
        <v>30484</v>
      </c>
      <c r="I15290" t="s">
        <v>30540</v>
      </c>
    </row>
    <row r="15291" spans="1:9">
      <c r="A15291" s="1">
        <f ca="1">RAND()</f>
        <v>4.6038444191419337E-2</v>
      </c>
      <c r="B15291" s="1"/>
      <c r="C15291">
        <v>9</v>
      </c>
      <c r="D15291" t="s">
        <v>30479</v>
      </c>
      <c r="E15291" t="s">
        <v>34760</v>
      </c>
      <c r="F15291">
        <v>5</v>
      </c>
      <c r="G15291" t="s">
        <v>1</v>
      </c>
      <c r="H15291" t="s">
        <v>30480</v>
      </c>
      <c r="I15291" t="s">
        <v>30540</v>
      </c>
    </row>
    <row r="15292" spans="1:9">
      <c r="A15292" s="1">
        <f ca="1">RAND()</f>
        <v>0.64717575325448662</v>
      </c>
      <c r="B15292" s="1"/>
      <c r="C15292">
        <v>10</v>
      </c>
      <c r="D15292" t="s">
        <v>30481</v>
      </c>
      <c r="E15292" t="s">
        <v>34760</v>
      </c>
      <c r="F15292">
        <v>5</v>
      </c>
      <c r="G15292" t="s">
        <v>0</v>
      </c>
      <c r="H15292" t="s">
        <v>30482</v>
      </c>
      <c r="I15292" t="s">
        <v>30540</v>
      </c>
    </row>
    <row r="15293" spans="1:9">
      <c r="A15293" s="1">
        <f ca="1">RAND()</f>
        <v>0.81390587980064377</v>
      </c>
      <c r="B15293" s="1"/>
      <c r="C15293">
        <v>13</v>
      </c>
      <c r="D15293" t="s">
        <v>30475</v>
      </c>
      <c r="E15293" t="s">
        <v>34761</v>
      </c>
      <c r="F15293">
        <v>4</v>
      </c>
      <c r="G15293" t="s">
        <v>0</v>
      </c>
      <c r="H15293" t="s">
        <v>30476</v>
      </c>
      <c r="I15293" t="s">
        <v>30540</v>
      </c>
    </row>
    <row r="15294" spans="1:9">
      <c r="A15294" s="1">
        <f ca="1">RAND()</f>
        <v>0.90801288099499788</v>
      </c>
      <c r="B15294" s="1"/>
      <c r="C15294">
        <v>11</v>
      </c>
      <c r="D15294" t="s">
        <v>30473</v>
      </c>
      <c r="E15294" t="s">
        <v>34761</v>
      </c>
      <c r="F15294">
        <v>4</v>
      </c>
      <c r="G15294" t="s">
        <v>0</v>
      </c>
      <c r="H15294" t="s">
        <v>30474</v>
      </c>
      <c r="I15294" t="s">
        <v>30540</v>
      </c>
    </row>
    <row r="15295" spans="1:9">
      <c r="A15295" s="1">
        <f ca="1">RAND()</f>
        <v>0.78947636757800155</v>
      </c>
      <c r="B15295" s="1"/>
      <c r="C15295">
        <v>3</v>
      </c>
      <c r="D15295" t="s">
        <v>30471</v>
      </c>
      <c r="E15295" t="s">
        <v>34761</v>
      </c>
      <c r="F15295">
        <v>4</v>
      </c>
      <c r="G15295" t="s">
        <v>0</v>
      </c>
      <c r="H15295" t="s">
        <v>30472</v>
      </c>
      <c r="I15295" t="s">
        <v>30540</v>
      </c>
    </row>
    <row r="15296" spans="1:9">
      <c r="A15296" s="1">
        <f ca="1">RAND()</f>
        <v>0.13393500923313184</v>
      </c>
      <c r="B15296" s="1"/>
      <c r="C15296">
        <v>17</v>
      </c>
      <c r="D15296" t="s">
        <v>30477</v>
      </c>
      <c r="E15296" t="s">
        <v>34761</v>
      </c>
      <c r="F15296">
        <v>4</v>
      </c>
      <c r="G15296" t="s">
        <v>9</v>
      </c>
      <c r="H15296" t="s">
        <v>30478</v>
      </c>
      <c r="I15296" t="s">
        <v>30540</v>
      </c>
    </row>
    <row r="15297" spans="1:9">
      <c r="A15297" s="1">
        <f ca="1">RAND()</f>
        <v>0.44562762506676412</v>
      </c>
      <c r="B15297" s="1"/>
      <c r="C15297">
        <v>2</v>
      </c>
      <c r="D15297" t="s">
        <v>30469</v>
      </c>
      <c r="E15297" t="s">
        <v>34761</v>
      </c>
      <c r="F15297">
        <v>4</v>
      </c>
      <c r="G15297" t="s">
        <v>0</v>
      </c>
      <c r="H15297" t="s">
        <v>30470</v>
      </c>
      <c r="I15297" t="s">
        <v>30540</v>
      </c>
    </row>
    <row r="15298" spans="1:9">
      <c r="A15298" s="1">
        <f ca="1">RAND()</f>
        <v>0.44304665649367692</v>
      </c>
      <c r="B15298" s="1"/>
      <c r="C15298">
        <v>7</v>
      </c>
      <c r="D15298" t="s">
        <v>30463</v>
      </c>
      <c r="E15298" t="s">
        <v>34762</v>
      </c>
      <c r="F15298">
        <v>4</v>
      </c>
      <c r="G15298" t="s">
        <v>0</v>
      </c>
      <c r="H15298" t="s">
        <v>30464</v>
      </c>
      <c r="I15298" t="s">
        <v>30540</v>
      </c>
    </row>
    <row r="15299" spans="1:9">
      <c r="A15299" s="1">
        <f ca="1">RAND()</f>
        <v>0.61501676125031635</v>
      </c>
      <c r="B15299" s="1"/>
      <c r="C15299">
        <v>10</v>
      </c>
      <c r="D15299" t="s">
        <v>30465</v>
      </c>
      <c r="E15299" t="s">
        <v>34762</v>
      </c>
      <c r="F15299">
        <v>4</v>
      </c>
      <c r="G15299" t="s">
        <v>0</v>
      </c>
      <c r="H15299" t="s">
        <v>30466</v>
      </c>
      <c r="I15299" t="s">
        <v>30540</v>
      </c>
    </row>
    <row r="15300" spans="1:9">
      <c r="A15300" s="1">
        <f ca="1">RAND()</f>
        <v>0.68546367115520035</v>
      </c>
      <c r="B15300" s="1"/>
      <c r="C15300">
        <v>5</v>
      </c>
      <c r="D15300" t="s">
        <v>30461</v>
      </c>
      <c r="E15300" t="s">
        <v>34762</v>
      </c>
      <c r="F15300">
        <v>4</v>
      </c>
      <c r="G15300" t="s">
        <v>9</v>
      </c>
      <c r="H15300" t="s">
        <v>30462</v>
      </c>
      <c r="I15300" t="s">
        <v>30540</v>
      </c>
    </row>
    <row r="15301" spans="1:9">
      <c r="A15301" s="1">
        <f ca="1">RAND()</f>
        <v>9.0737039333905978E-2</v>
      </c>
      <c r="B15301" s="1"/>
      <c r="C15301">
        <v>18</v>
      </c>
      <c r="D15301" t="s">
        <v>30467</v>
      </c>
      <c r="E15301" t="s">
        <v>34762</v>
      </c>
      <c r="F15301">
        <v>3</v>
      </c>
      <c r="G15301" t="s">
        <v>0</v>
      </c>
      <c r="H15301" t="s">
        <v>30468</v>
      </c>
      <c r="I15301" t="s">
        <v>30540</v>
      </c>
    </row>
    <row r="15302" spans="1:9">
      <c r="A15302" s="1">
        <f ca="1">RAND()</f>
        <v>0.34101330645029304</v>
      </c>
      <c r="B15302" s="1"/>
      <c r="C15302">
        <v>1</v>
      </c>
      <c r="D15302" t="s">
        <v>30449</v>
      </c>
      <c r="E15302" t="s">
        <v>34763</v>
      </c>
      <c r="F15302">
        <v>5</v>
      </c>
      <c r="G15302" t="s">
        <v>2</v>
      </c>
      <c r="H15302" t="s">
        <v>30450</v>
      </c>
      <c r="I15302" t="s">
        <v>30540</v>
      </c>
    </row>
    <row r="15303" spans="1:9">
      <c r="A15303" s="1">
        <f ca="1">RAND()</f>
        <v>0.63277232121865945</v>
      </c>
      <c r="B15303" s="1"/>
      <c r="C15303">
        <v>3</v>
      </c>
      <c r="D15303" t="s">
        <v>30451</v>
      </c>
      <c r="E15303" t="s">
        <v>34763</v>
      </c>
      <c r="F15303">
        <v>5</v>
      </c>
      <c r="G15303" t="s">
        <v>14</v>
      </c>
      <c r="H15303" t="s">
        <v>30452</v>
      </c>
      <c r="I15303" t="s">
        <v>30540</v>
      </c>
    </row>
    <row r="15304" spans="1:9">
      <c r="A15304" s="1">
        <f ca="1">RAND()</f>
        <v>3.8969379784204783E-2</v>
      </c>
      <c r="B15304" s="1"/>
      <c r="C15304">
        <v>13</v>
      </c>
      <c r="D15304" t="s">
        <v>30459</v>
      </c>
      <c r="E15304" t="s">
        <v>34763</v>
      </c>
      <c r="F15304">
        <v>4</v>
      </c>
      <c r="G15304" t="s">
        <v>0</v>
      </c>
      <c r="H15304" t="s">
        <v>30460</v>
      </c>
      <c r="I15304" t="s">
        <v>30540</v>
      </c>
    </row>
    <row r="15305" spans="1:9">
      <c r="A15305" s="1">
        <f ca="1">RAND()</f>
        <v>0.87381887545535541</v>
      </c>
      <c r="B15305" s="1"/>
      <c r="C15305">
        <v>5</v>
      </c>
      <c r="D15305" t="s">
        <v>30453</v>
      </c>
      <c r="E15305" t="s">
        <v>34763</v>
      </c>
      <c r="F15305">
        <v>4</v>
      </c>
      <c r="G15305" t="s">
        <v>9</v>
      </c>
      <c r="H15305" t="s">
        <v>30454</v>
      </c>
      <c r="I15305" t="s">
        <v>30540</v>
      </c>
    </row>
    <row r="15306" spans="1:9">
      <c r="A15306" s="1">
        <f ca="1">RAND()</f>
        <v>0.37678832488358294</v>
      </c>
      <c r="B15306" s="1"/>
      <c r="C15306">
        <v>12</v>
      </c>
      <c r="D15306" t="s">
        <v>30457</v>
      </c>
      <c r="E15306" t="s">
        <v>34763</v>
      </c>
      <c r="F15306">
        <v>4</v>
      </c>
      <c r="G15306" t="s">
        <v>1</v>
      </c>
      <c r="H15306" t="s">
        <v>30458</v>
      </c>
      <c r="I15306" t="s">
        <v>30540</v>
      </c>
    </row>
    <row r="15307" spans="1:9">
      <c r="A15307" s="1">
        <f ca="1">RAND()</f>
        <v>6.2930356047151248E-2</v>
      </c>
      <c r="B15307" s="1"/>
      <c r="C15307">
        <v>6</v>
      </c>
      <c r="D15307" t="s">
        <v>30455</v>
      </c>
      <c r="E15307" t="s">
        <v>34763</v>
      </c>
      <c r="F15307">
        <v>2</v>
      </c>
      <c r="G15307" t="s">
        <v>0</v>
      </c>
      <c r="H15307" t="s">
        <v>30456</v>
      </c>
      <c r="I15307" t="s">
        <v>30540</v>
      </c>
    </row>
    <row r="15308" spans="1:9">
      <c r="A15308" s="1">
        <f ca="1">RAND()</f>
        <v>0.26284757612540666</v>
      </c>
      <c r="B15308" s="1"/>
      <c r="C15308">
        <v>11</v>
      </c>
      <c r="D15308" t="s">
        <v>30443</v>
      </c>
      <c r="E15308" t="s">
        <v>34764</v>
      </c>
      <c r="F15308">
        <v>5</v>
      </c>
      <c r="G15308" t="s">
        <v>0</v>
      </c>
      <c r="H15308" t="s">
        <v>30444</v>
      </c>
      <c r="I15308" t="s">
        <v>30540</v>
      </c>
    </row>
    <row r="15309" spans="1:9">
      <c r="A15309" s="1">
        <f ca="1">RAND()</f>
        <v>0.23745691926100876</v>
      </c>
      <c r="B15309" s="1"/>
      <c r="C15309">
        <v>15</v>
      </c>
      <c r="D15309" t="s">
        <v>30447</v>
      </c>
      <c r="E15309" t="s">
        <v>34764</v>
      </c>
      <c r="F15309">
        <v>5</v>
      </c>
      <c r="G15309" t="s">
        <v>13</v>
      </c>
      <c r="H15309" t="s">
        <v>30448</v>
      </c>
      <c r="I15309" t="s">
        <v>30540</v>
      </c>
    </row>
    <row r="15310" spans="1:9">
      <c r="A15310" s="1">
        <f ca="1">RAND()</f>
        <v>0.90510738300483429</v>
      </c>
      <c r="B15310" s="1"/>
      <c r="C15310">
        <v>7</v>
      </c>
      <c r="D15310" t="s">
        <v>30441</v>
      </c>
      <c r="E15310" t="s">
        <v>34764</v>
      </c>
      <c r="F15310">
        <v>4</v>
      </c>
      <c r="G15310" t="s">
        <v>0</v>
      </c>
      <c r="H15310" t="s">
        <v>30442</v>
      </c>
      <c r="I15310" t="s">
        <v>30540</v>
      </c>
    </row>
    <row r="15311" spans="1:9">
      <c r="A15311" s="1">
        <f ca="1">RAND()</f>
        <v>0.77236687154838934</v>
      </c>
      <c r="B15311" s="1"/>
      <c r="C15311">
        <v>1</v>
      </c>
      <c r="D15311" t="s">
        <v>30437</v>
      </c>
      <c r="E15311" t="s">
        <v>34764</v>
      </c>
      <c r="F15311">
        <v>4</v>
      </c>
      <c r="G15311" t="s">
        <v>15</v>
      </c>
      <c r="H15311" t="s">
        <v>30438</v>
      </c>
      <c r="I15311" t="s">
        <v>30540</v>
      </c>
    </row>
    <row r="15312" spans="1:9">
      <c r="A15312" s="1">
        <f ca="1">RAND()</f>
        <v>0.3529004523272582</v>
      </c>
      <c r="B15312" s="1"/>
      <c r="C15312">
        <v>5</v>
      </c>
      <c r="D15312" t="s">
        <v>30439</v>
      </c>
      <c r="E15312" t="s">
        <v>34764</v>
      </c>
      <c r="F15312">
        <v>3</v>
      </c>
      <c r="G15312" t="s">
        <v>0</v>
      </c>
      <c r="H15312" t="s">
        <v>30440</v>
      </c>
      <c r="I15312" t="s">
        <v>30540</v>
      </c>
    </row>
    <row r="15313" spans="1:9">
      <c r="A15313" s="1">
        <f ca="1">RAND()</f>
        <v>0.3148386901993333</v>
      </c>
      <c r="B15313" s="1"/>
      <c r="C15313">
        <v>12</v>
      </c>
      <c r="D15313" t="s">
        <v>30445</v>
      </c>
      <c r="E15313" t="s">
        <v>34764</v>
      </c>
      <c r="F15313">
        <v>1</v>
      </c>
      <c r="G15313" t="s">
        <v>0</v>
      </c>
      <c r="H15313" t="s">
        <v>30446</v>
      </c>
      <c r="I15313" t="s">
        <v>30540</v>
      </c>
    </row>
    <row r="15314" spans="1:9">
      <c r="A15314" s="1">
        <f ca="1">RAND()</f>
        <v>0.47293696116808415</v>
      </c>
      <c r="B15314" s="1"/>
      <c r="C15314">
        <v>3</v>
      </c>
      <c r="D15314" t="s">
        <v>30427</v>
      </c>
      <c r="E15314" t="s">
        <v>34765</v>
      </c>
      <c r="F15314">
        <v>5</v>
      </c>
      <c r="G15314" t="s">
        <v>0</v>
      </c>
      <c r="H15314" t="s">
        <v>30428</v>
      </c>
      <c r="I15314" t="s">
        <v>30540</v>
      </c>
    </row>
    <row r="15315" spans="1:9">
      <c r="A15315" s="1">
        <f ca="1">RAND()</f>
        <v>0.47910580147408643</v>
      </c>
      <c r="B15315" s="1"/>
      <c r="C15315">
        <v>12</v>
      </c>
      <c r="D15315" t="s">
        <v>30429</v>
      </c>
      <c r="E15315" t="s">
        <v>34765</v>
      </c>
      <c r="F15315">
        <v>5</v>
      </c>
      <c r="G15315" t="s">
        <v>15</v>
      </c>
      <c r="H15315" t="s">
        <v>30430</v>
      </c>
      <c r="I15315" t="s">
        <v>30540</v>
      </c>
    </row>
    <row r="15316" spans="1:9">
      <c r="A15316" s="1">
        <f ca="1">RAND()</f>
        <v>0.48439541096161298</v>
      </c>
      <c r="B15316" s="1"/>
      <c r="C15316">
        <v>18</v>
      </c>
      <c r="D15316" t="s">
        <v>30435</v>
      </c>
      <c r="E15316" t="s">
        <v>34765</v>
      </c>
      <c r="F15316">
        <v>4</v>
      </c>
      <c r="G15316" t="s">
        <v>0</v>
      </c>
      <c r="H15316" t="s">
        <v>30436</v>
      </c>
      <c r="I15316" t="s">
        <v>30540</v>
      </c>
    </row>
    <row r="15317" spans="1:9">
      <c r="A15317" s="1">
        <f ca="1">RAND()</f>
        <v>0.51163989788546105</v>
      </c>
      <c r="B15317" s="1"/>
      <c r="C15317">
        <v>13</v>
      </c>
      <c r="D15317" t="s">
        <v>30431</v>
      </c>
      <c r="E15317" t="s">
        <v>34765</v>
      </c>
      <c r="F15317">
        <v>4</v>
      </c>
      <c r="G15317" t="s">
        <v>0</v>
      </c>
      <c r="H15317" t="s">
        <v>30432</v>
      </c>
      <c r="I15317" t="s">
        <v>30540</v>
      </c>
    </row>
    <row r="15318" spans="1:9">
      <c r="A15318" s="1">
        <f ca="1">RAND()</f>
        <v>0.92394337530303516</v>
      </c>
      <c r="B15318" s="1"/>
      <c r="C15318">
        <v>14</v>
      </c>
      <c r="D15318" t="s">
        <v>30433</v>
      </c>
      <c r="E15318" t="s">
        <v>34765</v>
      </c>
      <c r="F15318">
        <v>4</v>
      </c>
      <c r="G15318" t="s">
        <v>0</v>
      </c>
      <c r="H15318" t="s">
        <v>30434</v>
      </c>
      <c r="I15318" t="s">
        <v>30540</v>
      </c>
    </row>
    <row r="15319" spans="1:9">
      <c r="A15319" s="1">
        <f ca="1">RAND()</f>
        <v>8.8539111772070189E-3</v>
      </c>
      <c r="B15319" s="1"/>
      <c r="C15319">
        <v>12</v>
      </c>
      <c r="D15319" t="s">
        <v>30419</v>
      </c>
      <c r="E15319" t="s">
        <v>34766</v>
      </c>
      <c r="F15319">
        <v>5</v>
      </c>
      <c r="G15319" t="s">
        <v>1</v>
      </c>
      <c r="H15319" t="s">
        <v>30420</v>
      </c>
      <c r="I15319" t="s">
        <v>30540</v>
      </c>
    </row>
    <row r="15320" spans="1:9">
      <c r="A15320" s="1">
        <f ca="1">RAND()</f>
        <v>0.3905590562605149</v>
      </c>
      <c r="B15320" s="1"/>
      <c r="C15320">
        <v>16</v>
      </c>
      <c r="D15320" t="s">
        <v>30423</v>
      </c>
      <c r="E15320" t="s">
        <v>34766</v>
      </c>
      <c r="F15320">
        <v>4</v>
      </c>
      <c r="G15320" t="s">
        <v>13</v>
      </c>
      <c r="H15320" t="s">
        <v>30424</v>
      </c>
      <c r="I15320" t="s">
        <v>30540</v>
      </c>
    </row>
    <row r="15321" spans="1:9">
      <c r="A15321" s="1">
        <f ca="1">RAND()</f>
        <v>0.57551137012350295</v>
      </c>
      <c r="B15321" s="1"/>
      <c r="C15321">
        <v>14</v>
      </c>
      <c r="D15321" t="s">
        <v>30421</v>
      </c>
      <c r="E15321" t="s">
        <v>34766</v>
      </c>
      <c r="F15321">
        <v>4</v>
      </c>
      <c r="G15321" t="s">
        <v>0</v>
      </c>
      <c r="H15321" t="s">
        <v>30422</v>
      </c>
      <c r="I15321" t="s">
        <v>30540</v>
      </c>
    </row>
    <row r="15322" spans="1:9">
      <c r="A15322" s="1">
        <f ca="1">RAND()</f>
        <v>0.53293709053982918</v>
      </c>
      <c r="B15322" s="1"/>
      <c r="C15322">
        <v>4</v>
      </c>
      <c r="D15322" t="s">
        <v>30417</v>
      </c>
      <c r="E15322" t="s">
        <v>34766</v>
      </c>
      <c r="F15322">
        <v>3</v>
      </c>
      <c r="G15322" t="s">
        <v>0</v>
      </c>
      <c r="H15322" t="s">
        <v>30418</v>
      </c>
      <c r="I15322" t="s">
        <v>30540</v>
      </c>
    </row>
    <row r="15323" spans="1:9">
      <c r="A15323" s="1">
        <f ca="1">RAND()</f>
        <v>0.70427168157753517</v>
      </c>
      <c r="B15323" s="1"/>
      <c r="C15323">
        <v>17</v>
      </c>
      <c r="D15323" t="s">
        <v>30425</v>
      </c>
      <c r="E15323" t="s">
        <v>34766</v>
      </c>
      <c r="F15323">
        <v>3</v>
      </c>
      <c r="G15323" t="s">
        <v>0</v>
      </c>
      <c r="H15323" t="s">
        <v>30426</v>
      </c>
      <c r="I15323" t="s">
        <v>30540</v>
      </c>
    </row>
    <row r="15324" spans="1:9">
      <c r="A15324" s="1">
        <f ca="1">RAND()</f>
        <v>0.72281175120157326</v>
      </c>
      <c r="B15324" s="1"/>
      <c r="C15324">
        <v>15</v>
      </c>
      <c r="D15324" t="s">
        <v>30411</v>
      </c>
      <c r="E15324" t="s">
        <v>34767</v>
      </c>
      <c r="F15324">
        <v>5</v>
      </c>
      <c r="G15324" t="s">
        <v>0</v>
      </c>
      <c r="H15324" t="s">
        <v>30412</v>
      </c>
      <c r="I15324" t="s">
        <v>30540</v>
      </c>
    </row>
    <row r="15325" spans="1:9">
      <c r="A15325" s="1">
        <f ca="1">RAND()</f>
        <v>0.418842298360103</v>
      </c>
      <c r="B15325" s="1"/>
      <c r="C15325">
        <v>20</v>
      </c>
      <c r="D15325" t="s">
        <v>30415</v>
      </c>
      <c r="E15325" t="s">
        <v>34767</v>
      </c>
      <c r="F15325">
        <v>4</v>
      </c>
      <c r="G15325" t="s">
        <v>0</v>
      </c>
      <c r="H15325" t="s">
        <v>30416</v>
      </c>
      <c r="I15325" t="s">
        <v>30540</v>
      </c>
    </row>
    <row r="15326" spans="1:9">
      <c r="A15326" s="1">
        <f ca="1">RAND()</f>
        <v>0.62361747048106297</v>
      </c>
      <c r="B15326" s="1"/>
      <c r="C15326">
        <v>14</v>
      </c>
      <c r="D15326" t="s">
        <v>30409</v>
      </c>
      <c r="E15326" t="s">
        <v>34767</v>
      </c>
      <c r="F15326">
        <v>2</v>
      </c>
      <c r="G15326" t="s">
        <v>0</v>
      </c>
      <c r="H15326" t="s">
        <v>30410</v>
      </c>
      <c r="I15326" t="s">
        <v>30540</v>
      </c>
    </row>
    <row r="15327" spans="1:9">
      <c r="A15327" s="1">
        <f ca="1">RAND()</f>
        <v>0.58565855864206806</v>
      </c>
      <c r="B15327" s="1"/>
      <c r="C15327">
        <v>18</v>
      </c>
      <c r="D15327" t="s">
        <v>30413</v>
      </c>
      <c r="E15327" t="s">
        <v>34767</v>
      </c>
      <c r="F15327">
        <v>2</v>
      </c>
      <c r="G15327" t="s">
        <v>0</v>
      </c>
      <c r="H15327" t="s">
        <v>30414</v>
      </c>
      <c r="I15327" t="s">
        <v>30540</v>
      </c>
    </row>
    <row r="15328" spans="1:9">
      <c r="A15328" s="1">
        <f ca="1">RAND()</f>
        <v>0.44826103918055105</v>
      </c>
      <c r="B15328" s="1"/>
      <c r="C15328">
        <v>10</v>
      </c>
      <c r="D15328" t="s">
        <v>30405</v>
      </c>
      <c r="E15328" t="s">
        <v>34768</v>
      </c>
      <c r="F15328">
        <v>5</v>
      </c>
      <c r="G15328" t="s">
        <v>0</v>
      </c>
      <c r="H15328" t="s">
        <v>30406</v>
      </c>
      <c r="I15328" t="s">
        <v>30540</v>
      </c>
    </row>
    <row r="15329" spans="1:9">
      <c r="A15329" s="1">
        <f ca="1">RAND()</f>
        <v>0.31913566029263907</v>
      </c>
      <c r="B15329" s="1"/>
      <c r="C15329">
        <v>17</v>
      </c>
      <c r="D15329" t="s">
        <v>30407</v>
      </c>
      <c r="E15329" t="s">
        <v>34768</v>
      </c>
      <c r="F15329">
        <v>4</v>
      </c>
      <c r="G15329" t="s">
        <v>0</v>
      </c>
      <c r="H15329" t="s">
        <v>30408</v>
      </c>
      <c r="I15329" t="s">
        <v>30540</v>
      </c>
    </row>
    <row r="15330" spans="1:9">
      <c r="A15330" s="1">
        <f ca="1">RAND()</f>
        <v>7.8782588658017016E-2</v>
      </c>
      <c r="B15330" s="1"/>
      <c r="C15330">
        <v>8</v>
      </c>
      <c r="D15330" t="s">
        <v>30403</v>
      </c>
      <c r="E15330" t="s">
        <v>34768</v>
      </c>
      <c r="F15330">
        <v>3</v>
      </c>
      <c r="G15330" t="s">
        <v>0</v>
      </c>
      <c r="H15330" t="s">
        <v>30404</v>
      </c>
      <c r="I15330" t="s">
        <v>30540</v>
      </c>
    </row>
    <row r="15331" spans="1:9">
      <c r="A15331" s="1">
        <f ca="1">RAND()</f>
        <v>0.71683113496836592</v>
      </c>
      <c r="B15331" s="1"/>
      <c r="C15331">
        <v>2</v>
      </c>
      <c r="D15331" t="s">
        <v>30399</v>
      </c>
      <c r="E15331" t="s">
        <v>34769</v>
      </c>
      <c r="F15331">
        <v>4</v>
      </c>
      <c r="G15331" t="s">
        <v>15</v>
      </c>
      <c r="H15331" t="s">
        <v>30400</v>
      </c>
      <c r="I15331" t="s">
        <v>30540</v>
      </c>
    </row>
    <row r="15332" spans="1:9">
      <c r="A15332" s="1">
        <f ca="1">RAND()</f>
        <v>0.7425762984782831</v>
      </c>
      <c r="B15332" s="1"/>
      <c r="C15332">
        <v>6</v>
      </c>
      <c r="D15332" t="s">
        <v>30401</v>
      </c>
      <c r="E15332" t="s">
        <v>34769</v>
      </c>
      <c r="F15332">
        <v>2</v>
      </c>
      <c r="G15332" t="s">
        <v>0</v>
      </c>
      <c r="H15332" t="s">
        <v>30402</v>
      </c>
      <c r="I15332" t="s">
        <v>30540</v>
      </c>
    </row>
    <row r="15333" spans="1:9">
      <c r="A15333" s="1">
        <f ca="1">RAND()</f>
        <v>0.86627659968265225</v>
      </c>
      <c r="B15333" s="1"/>
      <c r="C15333">
        <v>10</v>
      </c>
      <c r="D15333" t="s">
        <v>30395</v>
      </c>
      <c r="E15333" t="s">
        <v>34770</v>
      </c>
      <c r="F15333">
        <v>4</v>
      </c>
      <c r="G15333" t="s">
        <v>0</v>
      </c>
      <c r="H15333" t="s">
        <v>30396</v>
      </c>
      <c r="I15333" t="s">
        <v>30540</v>
      </c>
    </row>
    <row r="15334" spans="1:9">
      <c r="A15334" s="1">
        <f ca="1">RAND()</f>
        <v>0.60593190230298022</v>
      </c>
      <c r="B15334" s="1"/>
      <c r="C15334">
        <v>13</v>
      </c>
      <c r="D15334" t="s">
        <v>30397</v>
      </c>
      <c r="E15334" t="s">
        <v>34770</v>
      </c>
      <c r="F15334">
        <v>4</v>
      </c>
      <c r="G15334" t="s">
        <v>0</v>
      </c>
      <c r="H15334" t="s">
        <v>30398</v>
      </c>
      <c r="I15334" t="s">
        <v>30540</v>
      </c>
    </row>
    <row r="15335" spans="1:9">
      <c r="A15335" s="1">
        <f ca="1">RAND()</f>
        <v>0.21257843861063941</v>
      </c>
      <c r="B15335" s="1"/>
      <c r="C15335">
        <v>7</v>
      </c>
      <c r="D15335" t="s">
        <v>30393</v>
      </c>
      <c r="E15335" t="s">
        <v>34770</v>
      </c>
      <c r="F15335">
        <v>2</v>
      </c>
      <c r="G15335" t="s">
        <v>0</v>
      </c>
      <c r="H15335" t="s">
        <v>30394</v>
      </c>
      <c r="I15335" t="s">
        <v>30540</v>
      </c>
    </row>
    <row r="15336" spans="1:9">
      <c r="A15336" s="1">
        <f ca="1">RAND()</f>
        <v>0.65676097500635844</v>
      </c>
      <c r="B15336" s="1"/>
      <c r="C15336">
        <v>9</v>
      </c>
      <c r="D15336" t="s">
        <v>30387</v>
      </c>
      <c r="E15336" t="s">
        <v>34771</v>
      </c>
      <c r="F15336">
        <v>5</v>
      </c>
      <c r="G15336" t="s">
        <v>9</v>
      </c>
      <c r="H15336" t="s">
        <v>30388</v>
      </c>
      <c r="I15336" t="s">
        <v>30540</v>
      </c>
    </row>
    <row r="15337" spans="1:9">
      <c r="A15337" s="1">
        <f ca="1">RAND()</f>
        <v>0.74459570893213656</v>
      </c>
      <c r="B15337" s="1"/>
      <c r="C15337">
        <v>12</v>
      </c>
      <c r="D15337" t="s">
        <v>30391</v>
      </c>
      <c r="E15337" t="s">
        <v>34771</v>
      </c>
      <c r="F15337">
        <v>5</v>
      </c>
      <c r="G15337" t="s">
        <v>0</v>
      </c>
      <c r="H15337" t="s">
        <v>30392</v>
      </c>
      <c r="I15337" t="s">
        <v>30540</v>
      </c>
    </row>
    <row r="15338" spans="1:9">
      <c r="A15338" s="1">
        <f ca="1">RAND()</f>
        <v>0.71944477340220869</v>
      </c>
      <c r="B15338" s="1"/>
      <c r="C15338">
        <v>4</v>
      </c>
      <c r="D15338" t="s">
        <v>30385</v>
      </c>
      <c r="E15338" t="s">
        <v>34771</v>
      </c>
      <c r="F15338">
        <v>3</v>
      </c>
      <c r="G15338" t="s">
        <v>0</v>
      </c>
      <c r="H15338" t="s">
        <v>30386</v>
      </c>
      <c r="I15338" t="s">
        <v>30540</v>
      </c>
    </row>
    <row r="15339" spans="1:9">
      <c r="A15339" s="1">
        <f ca="1">RAND()</f>
        <v>0.52785879930679813</v>
      </c>
      <c r="B15339" s="1"/>
      <c r="C15339">
        <v>11</v>
      </c>
      <c r="D15339" t="s">
        <v>30389</v>
      </c>
      <c r="E15339" t="s">
        <v>34771</v>
      </c>
      <c r="F15339">
        <v>3</v>
      </c>
      <c r="G15339" t="s">
        <v>0</v>
      </c>
      <c r="H15339" t="s">
        <v>30390</v>
      </c>
      <c r="I15339" t="s">
        <v>30540</v>
      </c>
    </row>
    <row r="15340" spans="1:9">
      <c r="A15340" s="1">
        <f ca="1">RAND()</f>
        <v>3.4214395133501441E-2</v>
      </c>
      <c r="B15340" s="1"/>
      <c r="C15340">
        <v>18</v>
      </c>
      <c r="D15340" t="s">
        <v>30383</v>
      </c>
      <c r="E15340" t="s">
        <v>34772</v>
      </c>
      <c r="F15340">
        <v>4</v>
      </c>
      <c r="G15340" t="s">
        <v>0</v>
      </c>
      <c r="H15340" t="s">
        <v>30384</v>
      </c>
      <c r="I15340" t="s">
        <v>30540</v>
      </c>
    </row>
    <row r="15341" spans="1:9">
      <c r="A15341" s="1">
        <f ca="1">RAND()</f>
        <v>6.6980204881448291E-2</v>
      </c>
      <c r="B15341" s="1"/>
      <c r="C15341">
        <v>16</v>
      </c>
      <c r="D15341" t="s">
        <v>30381</v>
      </c>
      <c r="E15341" t="s">
        <v>34772</v>
      </c>
      <c r="F15341">
        <v>4</v>
      </c>
      <c r="G15341" t="s">
        <v>2</v>
      </c>
      <c r="H15341" t="s">
        <v>30382</v>
      </c>
      <c r="I15341" t="s">
        <v>30540</v>
      </c>
    </row>
    <row r="15342" spans="1:9">
      <c r="A15342" s="1">
        <f ca="1">RAND()</f>
        <v>5.699461237085901E-2</v>
      </c>
      <c r="B15342" s="1"/>
      <c r="C15342">
        <v>14</v>
      </c>
      <c r="D15342" t="s">
        <v>30379</v>
      </c>
      <c r="E15342" t="s">
        <v>34772</v>
      </c>
      <c r="F15342">
        <v>3</v>
      </c>
      <c r="G15342" t="s">
        <v>0</v>
      </c>
      <c r="H15342" t="s">
        <v>30380</v>
      </c>
      <c r="I15342" t="s">
        <v>30540</v>
      </c>
    </row>
    <row r="15343" spans="1:9">
      <c r="A15343" s="1">
        <f ca="1">RAND()</f>
        <v>0.85061881808266204</v>
      </c>
      <c r="B15343" s="1"/>
    </row>
    <row r="15344" spans="1:9">
      <c r="A15344" s="1">
        <f ca="1">RAND()</f>
        <v>0.82548490468388624</v>
      </c>
      <c r="B15344" s="1"/>
    </row>
    <row r="15345" spans="1:2">
      <c r="A15345" s="1">
        <f ca="1">RAND()</f>
        <v>0.73903690093266361</v>
      </c>
      <c r="B15345" s="1"/>
    </row>
    <row r="15346" spans="1:2">
      <c r="A15346" s="1">
        <f ca="1">RAND()</f>
        <v>0.84668101194556256</v>
      </c>
      <c r="B15346" s="1"/>
    </row>
    <row r="15347" spans="1:2">
      <c r="A15347" s="1">
        <f ca="1">RAND()</f>
        <v>0.9265299081580386</v>
      </c>
      <c r="B15347" s="1"/>
    </row>
    <row r="15348" spans="1:2">
      <c r="A15348" s="1">
        <f ca="1">RAND()</f>
        <v>0.90821481980983998</v>
      </c>
      <c r="B15348" s="1"/>
    </row>
    <row r="15349" spans="1:2">
      <c r="A15349" s="1">
        <f ca="1">RAND()</f>
        <v>0.65617303396664006</v>
      </c>
      <c r="B15349" s="1"/>
    </row>
    <row r="15350" spans="1:2">
      <c r="A15350" s="1">
        <f ca="1">RAND()</f>
        <v>0.31139981975982689</v>
      </c>
      <c r="B15350" s="1"/>
    </row>
  </sheetData>
  <autoFilter ref="C1:H15342">
    <sortState ref="C2:H15342">
      <sortCondition descending="1" ref="F1:F15342"/>
    </sortState>
  </autoFilter>
  <sortState ref="A2:I15350">
    <sortCondition ref="E2:E15350"/>
  </sortState>
  <phoneticPr fontId="1" type="noConversion"/>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296"/>
  <sheetViews>
    <sheetView workbookViewId="0"/>
  </sheetViews>
  <sheetFormatPr defaultRowHeight="15"/>
  <sheetData>
    <row r="1" spans="1:9">
      <c r="A1" s="1"/>
      <c r="B1" s="1"/>
      <c r="C1" t="s">
        <v>30538</v>
      </c>
      <c r="D1" t="s">
        <v>30537</v>
      </c>
      <c r="E1" t="s">
        <v>30536</v>
      </c>
      <c r="F1" t="s">
        <v>30533</v>
      </c>
      <c r="G1" t="s">
        <v>30534</v>
      </c>
      <c r="H1" t="s">
        <v>30535</v>
      </c>
      <c r="I1" t="s">
        <v>30539</v>
      </c>
    </row>
    <row r="2" spans="1:9">
      <c r="A2" s="1">
        <v>0.34850522108070459</v>
      </c>
      <c r="B2" s="1"/>
      <c r="C2">
        <v>3</v>
      </c>
      <c r="D2" t="s">
        <v>337</v>
      </c>
      <c r="E2" t="s">
        <v>30544</v>
      </c>
      <c r="F2">
        <v>3</v>
      </c>
      <c r="G2" t="s">
        <v>2</v>
      </c>
      <c r="H2" t="s">
        <v>338</v>
      </c>
      <c r="I2" t="s">
        <v>30540</v>
      </c>
    </row>
    <row r="3" spans="1:9">
      <c r="A3" s="1">
        <v>0.55125399198533054</v>
      </c>
      <c r="B3" s="1"/>
      <c r="C3">
        <v>4</v>
      </c>
      <c r="D3" t="s">
        <v>317</v>
      </c>
      <c r="E3" t="s">
        <v>30548</v>
      </c>
      <c r="F3">
        <v>3</v>
      </c>
      <c r="G3" t="s">
        <v>1</v>
      </c>
      <c r="H3" t="s">
        <v>318</v>
      </c>
      <c r="I3" t="s">
        <v>30540</v>
      </c>
    </row>
    <row r="4" spans="1:9">
      <c r="A4" s="1">
        <v>0.18002071821309629</v>
      </c>
      <c r="B4" s="1"/>
      <c r="C4">
        <v>4</v>
      </c>
      <c r="D4" t="s">
        <v>311</v>
      </c>
      <c r="E4" t="s">
        <v>30549</v>
      </c>
      <c r="F4">
        <v>2</v>
      </c>
      <c r="G4" t="s">
        <v>10</v>
      </c>
      <c r="H4" t="s">
        <v>312</v>
      </c>
      <c r="I4" t="s">
        <v>30540</v>
      </c>
    </row>
    <row r="5" spans="1:9">
      <c r="A5" s="1">
        <v>0.68651110621662259</v>
      </c>
      <c r="B5" s="1"/>
      <c r="C5">
        <v>3</v>
      </c>
      <c r="D5" t="s">
        <v>309</v>
      </c>
      <c r="E5" t="s">
        <v>30549</v>
      </c>
      <c r="F5">
        <v>2</v>
      </c>
      <c r="G5" t="s">
        <v>15</v>
      </c>
      <c r="H5" t="s">
        <v>310</v>
      </c>
      <c r="I5" t="s">
        <v>30540</v>
      </c>
    </row>
    <row r="6" spans="1:9">
      <c r="A6" s="1">
        <v>0.88109572018299442</v>
      </c>
      <c r="B6" s="1"/>
      <c r="C6">
        <v>2</v>
      </c>
      <c r="D6" t="s">
        <v>307</v>
      </c>
      <c r="E6" t="s">
        <v>30550</v>
      </c>
      <c r="F6">
        <v>1</v>
      </c>
      <c r="G6" t="s">
        <v>14</v>
      </c>
      <c r="H6" t="s">
        <v>308</v>
      </c>
      <c r="I6" t="s">
        <v>30540</v>
      </c>
    </row>
    <row r="7" spans="1:9">
      <c r="A7" s="1">
        <v>0.8226888243278605</v>
      </c>
      <c r="B7" s="1"/>
      <c r="C7">
        <v>1</v>
      </c>
      <c r="D7" t="s">
        <v>297</v>
      </c>
      <c r="E7" t="s">
        <v>30552</v>
      </c>
      <c r="F7">
        <v>3</v>
      </c>
      <c r="G7" t="s">
        <v>9</v>
      </c>
      <c r="H7" t="s">
        <v>298</v>
      </c>
      <c r="I7" t="s">
        <v>30540</v>
      </c>
    </row>
    <row r="8" spans="1:9">
      <c r="A8" s="1">
        <v>0.85965422739211672</v>
      </c>
      <c r="B8" s="1"/>
      <c r="C8">
        <v>3</v>
      </c>
      <c r="D8" t="s">
        <v>289</v>
      </c>
      <c r="E8" t="s">
        <v>30556</v>
      </c>
      <c r="F8">
        <v>2</v>
      </c>
      <c r="G8" t="s">
        <v>0</v>
      </c>
      <c r="H8" t="s">
        <v>290</v>
      </c>
      <c r="I8" t="s">
        <v>30540</v>
      </c>
    </row>
    <row r="9" spans="1:9">
      <c r="A9" s="1">
        <v>0.9482619472412781</v>
      </c>
      <c r="B9" s="1"/>
      <c r="C9">
        <v>4</v>
      </c>
      <c r="D9" t="s">
        <v>279</v>
      </c>
      <c r="E9" t="s">
        <v>30558</v>
      </c>
      <c r="F9">
        <v>2</v>
      </c>
      <c r="G9" t="s">
        <v>9</v>
      </c>
      <c r="H9" t="s">
        <v>280</v>
      </c>
      <c r="I9" t="s">
        <v>30540</v>
      </c>
    </row>
    <row r="10" spans="1:9">
      <c r="A10" s="1">
        <v>0.86822466496693929</v>
      </c>
      <c r="B10" s="1"/>
      <c r="C10">
        <v>1</v>
      </c>
      <c r="D10" t="s">
        <v>273</v>
      </c>
      <c r="E10" t="s">
        <v>30560</v>
      </c>
      <c r="F10">
        <v>3</v>
      </c>
      <c r="G10" t="s">
        <v>2</v>
      </c>
      <c r="H10" t="s">
        <v>274</v>
      </c>
      <c r="I10" t="s">
        <v>30540</v>
      </c>
    </row>
    <row r="11" spans="1:9">
      <c r="A11" s="1">
        <v>0.99964309345376123</v>
      </c>
      <c r="B11" s="1"/>
      <c r="C11">
        <v>1</v>
      </c>
      <c r="D11" t="s">
        <v>261</v>
      </c>
      <c r="E11" t="s">
        <v>30564</v>
      </c>
      <c r="F11">
        <v>3</v>
      </c>
      <c r="G11" t="s">
        <v>10</v>
      </c>
      <c r="H11" t="s">
        <v>262</v>
      </c>
      <c r="I11" t="s">
        <v>30540</v>
      </c>
    </row>
    <row r="12" spans="1:9">
      <c r="A12" s="1">
        <v>0.8758188484328755</v>
      </c>
      <c r="B12" s="1"/>
      <c r="C12">
        <v>2</v>
      </c>
      <c r="D12" t="s">
        <v>263</v>
      </c>
      <c r="E12" t="s">
        <v>30564</v>
      </c>
      <c r="F12">
        <v>2</v>
      </c>
      <c r="G12" t="s">
        <v>15</v>
      </c>
      <c r="H12" t="s">
        <v>264</v>
      </c>
      <c r="I12" t="s">
        <v>30540</v>
      </c>
    </row>
    <row r="13" spans="1:9">
      <c r="A13" s="1">
        <v>0.33494624506966664</v>
      </c>
      <c r="B13" s="1"/>
      <c r="C13">
        <v>1</v>
      </c>
      <c r="D13" t="s">
        <v>249</v>
      </c>
      <c r="E13" t="s">
        <v>30569</v>
      </c>
      <c r="F13">
        <v>2</v>
      </c>
      <c r="G13" t="s">
        <v>10</v>
      </c>
      <c r="H13" t="s">
        <v>250</v>
      </c>
      <c r="I13" t="s">
        <v>30540</v>
      </c>
    </row>
    <row r="14" spans="1:9">
      <c r="A14" s="1">
        <v>0.27755670680374267</v>
      </c>
      <c r="B14" s="1"/>
      <c r="C14">
        <v>1</v>
      </c>
      <c r="D14" t="s">
        <v>224</v>
      </c>
      <c r="E14" t="s">
        <v>30578</v>
      </c>
      <c r="F14">
        <v>1</v>
      </c>
      <c r="G14" t="s">
        <v>1</v>
      </c>
      <c r="H14" t="s">
        <v>225</v>
      </c>
      <c r="I14" t="s">
        <v>30540</v>
      </c>
    </row>
    <row r="15" spans="1:9">
      <c r="A15" s="1">
        <v>0.96345952434463322</v>
      </c>
      <c r="B15" s="1"/>
      <c r="C15">
        <v>4</v>
      </c>
      <c r="D15" t="s">
        <v>222</v>
      </c>
      <c r="E15" t="s">
        <v>30579</v>
      </c>
      <c r="F15">
        <v>3</v>
      </c>
      <c r="G15" t="s">
        <v>1</v>
      </c>
      <c r="H15" t="s">
        <v>223</v>
      </c>
      <c r="I15" t="s">
        <v>30540</v>
      </c>
    </row>
    <row r="16" spans="1:9">
      <c r="A16" s="1">
        <v>0.27153579348507462</v>
      </c>
      <c r="B16" s="1"/>
      <c r="C16">
        <v>2</v>
      </c>
      <c r="D16" t="s">
        <v>128</v>
      </c>
      <c r="E16" t="s">
        <v>30603</v>
      </c>
      <c r="F16">
        <v>3</v>
      </c>
      <c r="G16" t="s">
        <v>2</v>
      </c>
      <c r="H16" t="s">
        <v>129</v>
      </c>
      <c r="I16" t="s">
        <v>30540</v>
      </c>
    </row>
    <row r="17" spans="1:9">
      <c r="A17" s="1">
        <v>0.37120898555806958</v>
      </c>
      <c r="B17" s="1"/>
      <c r="C17">
        <v>3</v>
      </c>
      <c r="D17" t="s">
        <v>106</v>
      </c>
      <c r="E17" t="s">
        <v>30610</v>
      </c>
      <c r="F17">
        <v>3</v>
      </c>
      <c r="G17" t="s">
        <v>15</v>
      </c>
      <c r="H17" t="s">
        <v>107</v>
      </c>
      <c r="I17" t="s">
        <v>30540</v>
      </c>
    </row>
    <row r="18" spans="1:9">
      <c r="A18" s="1">
        <v>0.16433892958479879</v>
      </c>
      <c r="B18" s="1"/>
      <c r="C18">
        <v>1</v>
      </c>
      <c r="D18" t="s">
        <v>96</v>
      </c>
      <c r="E18" t="s">
        <v>30614</v>
      </c>
      <c r="F18">
        <v>2</v>
      </c>
      <c r="G18" t="s">
        <v>14</v>
      </c>
      <c r="H18" t="s">
        <v>97</v>
      </c>
      <c r="I18" t="s">
        <v>30540</v>
      </c>
    </row>
    <row r="19" spans="1:9">
      <c r="A19" s="1">
        <v>0.34743726572001521</v>
      </c>
      <c r="B19" s="1"/>
      <c r="C19">
        <v>1</v>
      </c>
      <c r="D19" t="s">
        <v>84</v>
      </c>
      <c r="E19" t="s">
        <v>30616</v>
      </c>
      <c r="F19">
        <v>2</v>
      </c>
      <c r="G19" t="s">
        <v>0</v>
      </c>
      <c r="H19" t="s">
        <v>85</v>
      </c>
      <c r="I19" t="s">
        <v>30540</v>
      </c>
    </row>
    <row r="20" spans="1:9">
      <c r="A20" s="1">
        <v>0.69986022781774115</v>
      </c>
      <c r="B20" s="1"/>
      <c r="C20">
        <v>5</v>
      </c>
      <c r="D20" t="s">
        <v>80</v>
      </c>
      <c r="E20" t="s">
        <v>30617</v>
      </c>
      <c r="F20">
        <v>2</v>
      </c>
      <c r="G20" t="s">
        <v>10</v>
      </c>
      <c r="H20" t="s">
        <v>81</v>
      </c>
      <c r="I20" t="s">
        <v>30540</v>
      </c>
    </row>
    <row r="21" spans="1:9">
      <c r="A21" s="1">
        <v>0.95660921107570196</v>
      </c>
      <c r="B21" s="1"/>
      <c r="C21">
        <v>1</v>
      </c>
      <c r="D21" t="s">
        <v>72</v>
      </c>
      <c r="E21" t="s">
        <v>30619</v>
      </c>
      <c r="F21">
        <v>3</v>
      </c>
      <c r="G21" t="s">
        <v>0</v>
      </c>
      <c r="H21" t="s">
        <v>73</v>
      </c>
      <c r="I21" t="s">
        <v>30540</v>
      </c>
    </row>
    <row r="22" spans="1:9">
      <c r="A22" s="1">
        <v>0.38070503305677617</v>
      </c>
      <c r="B22" s="1"/>
      <c r="C22">
        <v>1</v>
      </c>
      <c r="D22" t="s">
        <v>60</v>
      </c>
      <c r="E22" t="s">
        <v>30622</v>
      </c>
      <c r="F22">
        <v>2</v>
      </c>
      <c r="G22" t="s">
        <v>0</v>
      </c>
      <c r="H22" t="s">
        <v>61</v>
      </c>
      <c r="I22" t="s">
        <v>30540</v>
      </c>
    </row>
    <row r="23" spans="1:9">
      <c r="A23" s="1">
        <v>0.51408744825481911</v>
      </c>
      <c r="B23" s="1"/>
      <c r="C23">
        <v>2</v>
      </c>
      <c r="D23" t="s">
        <v>50</v>
      </c>
      <c r="E23" t="s">
        <v>30626</v>
      </c>
      <c r="F23">
        <v>2</v>
      </c>
      <c r="G23" t="s">
        <v>0</v>
      </c>
      <c r="H23" t="s">
        <v>51</v>
      </c>
      <c r="I23" t="s">
        <v>30540</v>
      </c>
    </row>
    <row r="24" spans="1:9">
      <c r="A24" s="1">
        <v>0.69187211133773319</v>
      </c>
      <c r="B24" s="1"/>
      <c r="C24">
        <v>2</v>
      </c>
      <c r="D24" t="s">
        <v>44</v>
      </c>
      <c r="E24" t="s">
        <v>30627</v>
      </c>
      <c r="F24">
        <v>1</v>
      </c>
      <c r="G24" t="s">
        <v>0</v>
      </c>
      <c r="H24" t="s">
        <v>45</v>
      </c>
      <c r="I24" t="s">
        <v>30540</v>
      </c>
    </row>
    <row r="25" spans="1:9">
      <c r="A25" s="1">
        <v>0.46221182830482554</v>
      </c>
      <c r="B25" s="1"/>
      <c r="C25">
        <v>1</v>
      </c>
      <c r="D25" t="s">
        <v>34</v>
      </c>
      <c r="E25" t="s">
        <v>30630</v>
      </c>
      <c r="F25">
        <v>3</v>
      </c>
      <c r="G25" t="s">
        <v>15</v>
      </c>
      <c r="H25" t="s">
        <v>35</v>
      </c>
      <c r="I25" t="s">
        <v>30540</v>
      </c>
    </row>
    <row r="26" spans="1:9">
      <c r="A26" s="1">
        <v>0.66494370736859143</v>
      </c>
      <c r="B26" s="1"/>
      <c r="C26">
        <v>2</v>
      </c>
      <c r="D26" t="s">
        <v>11</v>
      </c>
      <c r="E26" t="s">
        <v>30634</v>
      </c>
      <c r="F26">
        <v>2</v>
      </c>
      <c r="G26" t="s">
        <v>1</v>
      </c>
      <c r="H26" t="s">
        <v>12</v>
      </c>
      <c r="I26" t="s">
        <v>30540</v>
      </c>
    </row>
    <row r="27" spans="1:9">
      <c r="A27" s="1">
        <v>0.74240561963476814</v>
      </c>
      <c r="B27" s="1"/>
      <c r="C27">
        <v>3</v>
      </c>
      <c r="D27" t="s">
        <v>3</v>
      </c>
      <c r="E27" t="s">
        <v>30636</v>
      </c>
      <c r="F27">
        <v>3</v>
      </c>
      <c r="G27" t="s">
        <v>1</v>
      </c>
      <c r="H27" t="s">
        <v>4</v>
      </c>
      <c r="I27" t="s">
        <v>30540</v>
      </c>
    </row>
    <row r="28" spans="1:9">
      <c r="A28" s="1">
        <v>0.61979346971942173</v>
      </c>
      <c r="B28" s="1"/>
      <c r="C28">
        <v>2</v>
      </c>
      <c r="D28" t="s">
        <v>818</v>
      </c>
      <c r="E28" t="s">
        <v>30642</v>
      </c>
      <c r="F28">
        <v>2</v>
      </c>
      <c r="G28" t="s">
        <v>2</v>
      </c>
      <c r="H28" t="s">
        <v>819</v>
      </c>
      <c r="I28" t="s">
        <v>30540</v>
      </c>
    </row>
    <row r="29" spans="1:9">
      <c r="A29" s="1">
        <v>0.88273413404180534</v>
      </c>
      <c r="B29" s="1"/>
      <c r="C29">
        <v>2</v>
      </c>
      <c r="D29" t="s">
        <v>812</v>
      </c>
      <c r="E29" t="s">
        <v>30644</v>
      </c>
      <c r="F29">
        <v>2</v>
      </c>
      <c r="G29" t="s">
        <v>9</v>
      </c>
      <c r="H29" t="s">
        <v>813</v>
      </c>
      <c r="I29" t="s">
        <v>30540</v>
      </c>
    </row>
    <row r="30" spans="1:9">
      <c r="A30" s="1">
        <v>0.66238828698333363</v>
      </c>
      <c r="B30" s="1"/>
      <c r="C30">
        <v>8</v>
      </c>
      <c r="D30" t="s">
        <v>788</v>
      </c>
      <c r="E30" t="s">
        <v>30651</v>
      </c>
      <c r="F30">
        <v>3</v>
      </c>
      <c r="G30" t="s">
        <v>15</v>
      </c>
      <c r="H30" t="s">
        <v>789</v>
      </c>
      <c r="I30" t="s">
        <v>30540</v>
      </c>
    </row>
    <row r="31" spans="1:9">
      <c r="A31" s="1">
        <v>0.95349677814413336</v>
      </c>
      <c r="B31" s="1"/>
      <c r="C31">
        <v>6</v>
      </c>
      <c r="D31" t="s">
        <v>786</v>
      </c>
      <c r="E31" t="s">
        <v>30651</v>
      </c>
      <c r="F31">
        <v>2</v>
      </c>
      <c r="G31" t="s">
        <v>15</v>
      </c>
      <c r="H31" t="s">
        <v>787</v>
      </c>
      <c r="I31" t="s">
        <v>30540</v>
      </c>
    </row>
    <row r="32" spans="1:9">
      <c r="A32" s="1">
        <v>9.2684947376052262E-2</v>
      </c>
      <c r="B32" s="1"/>
      <c r="C32">
        <v>4</v>
      </c>
      <c r="D32" t="s">
        <v>782</v>
      </c>
      <c r="E32" t="s">
        <v>30651</v>
      </c>
      <c r="F32">
        <v>2</v>
      </c>
      <c r="G32" t="s">
        <v>0</v>
      </c>
      <c r="H32" t="s">
        <v>783</v>
      </c>
      <c r="I32" t="s">
        <v>30540</v>
      </c>
    </row>
    <row r="33" spans="1:9">
      <c r="A33" s="1">
        <v>0.56382851641833853</v>
      </c>
      <c r="B33" s="1"/>
      <c r="C33">
        <v>2</v>
      </c>
      <c r="D33" t="s">
        <v>776</v>
      </c>
      <c r="E33" t="s">
        <v>30652</v>
      </c>
      <c r="F33">
        <v>3</v>
      </c>
      <c r="G33" t="s">
        <v>1</v>
      </c>
      <c r="H33" t="s">
        <v>777</v>
      </c>
      <c r="I33" t="s">
        <v>30540</v>
      </c>
    </row>
    <row r="34" spans="1:9">
      <c r="A34" s="1">
        <v>0.78651683541529316</v>
      </c>
      <c r="B34" s="1"/>
      <c r="C34">
        <v>3</v>
      </c>
      <c r="D34" t="s">
        <v>730</v>
      </c>
      <c r="E34" t="s">
        <v>30666</v>
      </c>
      <c r="F34">
        <v>2</v>
      </c>
      <c r="G34" t="s">
        <v>13</v>
      </c>
      <c r="H34" t="s">
        <v>731</v>
      </c>
      <c r="I34" t="s">
        <v>30540</v>
      </c>
    </row>
    <row r="35" spans="1:9">
      <c r="A35" s="1">
        <v>0.69894558037821142</v>
      </c>
      <c r="B35" s="1"/>
      <c r="C35">
        <v>2</v>
      </c>
      <c r="D35" t="s">
        <v>708</v>
      </c>
      <c r="E35" t="s">
        <v>30674</v>
      </c>
      <c r="F35">
        <v>3</v>
      </c>
      <c r="G35" t="s">
        <v>2</v>
      </c>
      <c r="H35" t="s">
        <v>709</v>
      </c>
      <c r="I35" t="s">
        <v>30540</v>
      </c>
    </row>
    <row r="36" spans="1:9">
      <c r="A36" s="1">
        <v>0.94985163526437755</v>
      </c>
      <c r="B36" s="1"/>
      <c r="C36">
        <v>1</v>
      </c>
      <c r="D36" t="s">
        <v>706</v>
      </c>
      <c r="E36" t="s">
        <v>30674</v>
      </c>
      <c r="F36">
        <v>1</v>
      </c>
      <c r="G36" t="s">
        <v>9</v>
      </c>
      <c r="H36" t="s">
        <v>707</v>
      </c>
      <c r="I36" t="s">
        <v>30540</v>
      </c>
    </row>
    <row r="37" spans="1:9">
      <c r="A37" s="1">
        <v>0.22138452606272552</v>
      </c>
      <c r="B37" s="1"/>
      <c r="C37">
        <v>1</v>
      </c>
      <c r="D37" t="s">
        <v>700</v>
      </c>
      <c r="E37" t="s">
        <v>30677</v>
      </c>
      <c r="F37">
        <v>2</v>
      </c>
      <c r="G37" t="s">
        <v>15</v>
      </c>
      <c r="H37" t="s">
        <v>701</v>
      </c>
      <c r="I37" t="s">
        <v>30540</v>
      </c>
    </row>
    <row r="38" spans="1:9">
      <c r="A38" s="1">
        <v>0.55264685984807516</v>
      </c>
      <c r="B38" s="1"/>
      <c r="C38">
        <v>3</v>
      </c>
      <c r="D38" t="s">
        <v>696</v>
      </c>
      <c r="E38" t="s">
        <v>30679</v>
      </c>
      <c r="F38">
        <v>3</v>
      </c>
      <c r="G38" t="s">
        <v>1</v>
      </c>
      <c r="H38" t="s">
        <v>697</v>
      </c>
      <c r="I38" t="s">
        <v>30540</v>
      </c>
    </row>
    <row r="39" spans="1:9">
      <c r="A39" s="1">
        <v>0.44332670031587595</v>
      </c>
      <c r="B39" s="1"/>
      <c r="C39">
        <v>1</v>
      </c>
      <c r="D39" t="s">
        <v>654</v>
      </c>
      <c r="E39" t="s">
        <v>30691</v>
      </c>
      <c r="F39">
        <v>3</v>
      </c>
      <c r="G39" t="s">
        <v>15</v>
      </c>
      <c r="H39" t="s">
        <v>655</v>
      </c>
      <c r="I39" t="s">
        <v>30540</v>
      </c>
    </row>
    <row r="40" spans="1:9">
      <c r="A40" s="1">
        <v>0.99628963194755971</v>
      </c>
      <c r="B40" s="1"/>
      <c r="C40">
        <v>1</v>
      </c>
      <c r="D40" t="s">
        <v>640</v>
      </c>
      <c r="E40" t="s">
        <v>30696</v>
      </c>
      <c r="F40">
        <v>2</v>
      </c>
      <c r="G40" t="s">
        <v>0</v>
      </c>
      <c r="H40" t="s">
        <v>641</v>
      </c>
      <c r="I40" t="s">
        <v>30540</v>
      </c>
    </row>
    <row r="41" spans="1:9">
      <c r="A41" s="1">
        <v>0.90980741514835484</v>
      </c>
      <c r="B41" s="1"/>
      <c r="C41">
        <v>6</v>
      </c>
      <c r="D41" t="s">
        <v>636</v>
      </c>
      <c r="E41" t="s">
        <v>30698</v>
      </c>
      <c r="F41">
        <v>3</v>
      </c>
      <c r="G41" t="s">
        <v>13</v>
      </c>
      <c r="H41" t="s">
        <v>637</v>
      </c>
      <c r="I41" t="s">
        <v>30540</v>
      </c>
    </row>
    <row r="42" spans="1:9">
      <c r="A42" s="1">
        <v>0.95301606490327773</v>
      </c>
      <c r="B42" s="1"/>
      <c r="C42">
        <v>1</v>
      </c>
      <c r="D42" t="s">
        <v>594</v>
      </c>
      <c r="E42" t="s">
        <v>30710</v>
      </c>
      <c r="F42">
        <v>3</v>
      </c>
      <c r="G42" t="s">
        <v>0</v>
      </c>
      <c r="H42" t="s">
        <v>595</v>
      </c>
      <c r="I42" t="s">
        <v>30540</v>
      </c>
    </row>
    <row r="43" spans="1:9">
      <c r="A43" s="1">
        <v>0.28835115784830534</v>
      </c>
      <c r="B43" s="1"/>
      <c r="C43">
        <v>3</v>
      </c>
      <c r="D43" t="s">
        <v>578</v>
      </c>
      <c r="E43" t="s">
        <v>30717</v>
      </c>
      <c r="F43">
        <v>2</v>
      </c>
      <c r="G43" t="s">
        <v>0</v>
      </c>
      <c r="H43" t="s">
        <v>579</v>
      </c>
      <c r="I43" t="s">
        <v>30540</v>
      </c>
    </row>
    <row r="44" spans="1:9">
      <c r="A44" s="1">
        <v>0.5213301610229214</v>
      </c>
      <c r="B44" s="1"/>
      <c r="C44">
        <v>2</v>
      </c>
      <c r="D44" t="s">
        <v>563</v>
      </c>
      <c r="E44" t="s">
        <v>30723</v>
      </c>
      <c r="F44">
        <v>3</v>
      </c>
      <c r="G44" t="s">
        <v>0</v>
      </c>
      <c r="H44" t="s">
        <v>564</v>
      </c>
      <c r="I44" t="s">
        <v>30540</v>
      </c>
    </row>
    <row r="45" spans="1:9">
      <c r="A45" s="1">
        <v>0.46923821398374488</v>
      </c>
      <c r="B45" s="1"/>
      <c r="C45">
        <v>3</v>
      </c>
      <c r="D45" t="s">
        <v>561</v>
      </c>
      <c r="E45" t="s">
        <v>30724</v>
      </c>
      <c r="F45">
        <v>3</v>
      </c>
      <c r="G45" t="s">
        <v>14</v>
      </c>
      <c r="H45" t="s">
        <v>562</v>
      </c>
      <c r="I45" t="s">
        <v>30540</v>
      </c>
    </row>
    <row r="46" spans="1:9">
      <c r="A46" s="1">
        <v>0.11800423649822778</v>
      </c>
      <c r="B46" s="1"/>
      <c r="C46">
        <v>2</v>
      </c>
      <c r="D46" t="s">
        <v>547</v>
      </c>
      <c r="E46" t="s">
        <v>30728</v>
      </c>
      <c r="F46">
        <v>3</v>
      </c>
      <c r="G46" t="s">
        <v>0</v>
      </c>
      <c r="H46" t="s">
        <v>548</v>
      </c>
      <c r="I46" t="s">
        <v>30540</v>
      </c>
    </row>
    <row r="47" spans="1:9">
      <c r="A47" s="1">
        <v>0.689508819085352</v>
      </c>
      <c r="B47" s="1"/>
      <c r="C47">
        <v>2</v>
      </c>
      <c r="D47" t="s">
        <v>535</v>
      </c>
      <c r="E47" t="s">
        <v>30733</v>
      </c>
      <c r="F47">
        <v>3</v>
      </c>
      <c r="G47" t="s">
        <v>2</v>
      </c>
      <c r="H47" t="s">
        <v>536</v>
      </c>
      <c r="I47" t="s">
        <v>30540</v>
      </c>
    </row>
    <row r="48" spans="1:9">
      <c r="A48" s="1">
        <v>0.16312198741538486</v>
      </c>
      <c r="B48" s="1"/>
      <c r="C48">
        <v>1</v>
      </c>
      <c r="D48" t="s">
        <v>533</v>
      </c>
      <c r="E48" t="s">
        <v>30733</v>
      </c>
      <c r="F48">
        <v>2</v>
      </c>
      <c r="G48" t="s">
        <v>2</v>
      </c>
      <c r="H48" t="s">
        <v>534</v>
      </c>
      <c r="I48" t="s">
        <v>30540</v>
      </c>
    </row>
    <row r="49" spans="1:9">
      <c r="A49" s="1">
        <v>0.88002216889484941</v>
      </c>
      <c r="B49" s="1"/>
      <c r="C49">
        <v>1</v>
      </c>
      <c r="D49" t="s">
        <v>509</v>
      </c>
      <c r="E49" t="s">
        <v>30740</v>
      </c>
      <c r="F49">
        <v>2</v>
      </c>
      <c r="G49" t="s">
        <v>15</v>
      </c>
      <c r="H49" t="s">
        <v>510</v>
      </c>
      <c r="I49" t="s">
        <v>30540</v>
      </c>
    </row>
    <row r="50" spans="1:9">
      <c r="A50" s="1">
        <v>7.9367416675255487E-2</v>
      </c>
      <c r="B50" s="1"/>
      <c r="C50">
        <v>3</v>
      </c>
      <c r="D50" t="s">
        <v>497</v>
      </c>
      <c r="E50" t="s">
        <v>30744</v>
      </c>
      <c r="F50">
        <v>2</v>
      </c>
      <c r="G50" t="s">
        <v>15</v>
      </c>
      <c r="H50" t="s">
        <v>498</v>
      </c>
      <c r="I50" t="s">
        <v>30540</v>
      </c>
    </row>
    <row r="51" spans="1:9">
      <c r="A51" s="1">
        <v>0.32581066935374248</v>
      </c>
      <c r="B51" s="1"/>
      <c r="C51">
        <v>5</v>
      </c>
      <c r="D51" t="s">
        <v>499</v>
      </c>
      <c r="E51" t="s">
        <v>30744</v>
      </c>
      <c r="F51">
        <v>2</v>
      </c>
      <c r="G51" t="s">
        <v>15</v>
      </c>
      <c r="H51" t="s">
        <v>500</v>
      </c>
      <c r="I51" t="s">
        <v>30540</v>
      </c>
    </row>
    <row r="52" spans="1:9">
      <c r="A52" s="1">
        <v>0.81556315608774077</v>
      </c>
      <c r="B52" s="1"/>
      <c r="C52">
        <v>2</v>
      </c>
      <c r="D52" t="s">
        <v>487</v>
      </c>
      <c r="E52" t="s">
        <v>30747</v>
      </c>
      <c r="F52">
        <v>2</v>
      </c>
      <c r="G52" t="s">
        <v>9</v>
      </c>
      <c r="H52" t="s">
        <v>488</v>
      </c>
      <c r="I52" t="s">
        <v>30540</v>
      </c>
    </row>
    <row r="53" spans="1:9">
      <c r="A53" s="1">
        <v>0.31551107295405412</v>
      </c>
      <c r="B53" s="1"/>
      <c r="C53">
        <v>2</v>
      </c>
      <c r="D53" t="s">
        <v>481</v>
      </c>
      <c r="E53" t="s">
        <v>30748</v>
      </c>
      <c r="F53">
        <v>2</v>
      </c>
      <c r="G53" t="s">
        <v>2</v>
      </c>
      <c r="H53" t="s">
        <v>482</v>
      </c>
      <c r="I53" t="s">
        <v>30540</v>
      </c>
    </row>
    <row r="54" spans="1:9">
      <c r="A54" s="1">
        <v>0.68106935758336862</v>
      </c>
      <c r="B54" s="1"/>
      <c r="C54">
        <v>2</v>
      </c>
      <c r="D54" t="s">
        <v>477</v>
      </c>
      <c r="E54" t="s">
        <v>30749</v>
      </c>
      <c r="F54">
        <v>2</v>
      </c>
      <c r="G54" t="s">
        <v>10</v>
      </c>
      <c r="H54" t="s">
        <v>478</v>
      </c>
      <c r="I54" t="s">
        <v>30540</v>
      </c>
    </row>
    <row r="55" spans="1:9">
      <c r="A55" s="1">
        <v>0.56321218569748466</v>
      </c>
      <c r="B55" s="1"/>
      <c r="C55">
        <v>2</v>
      </c>
      <c r="D55" t="s">
        <v>461</v>
      </c>
      <c r="E55" t="s">
        <v>30754</v>
      </c>
      <c r="F55">
        <v>1</v>
      </c>
      <c r="G55" t="s">
        <v>15</v>
      </c>
      <c r="H55" t="s">
        <v>462</v>
      </c>
      <c r="I55" t="s">
        <v>30540</v>
      </c>
    </row>
    <row r="56" spans="1:9">
      <c r="A56" s="1">
        <v>0.56982579691942503</v>
      </c>
      <c r="B56" s="1"/>
      <c r="C56">
        <v>2</v>
      </c>
      <c r="D56" t="s">
        <v>449</v>
      </c>
      <c r="E56" t="s">
        <v>30758</v>
      </c>
      <c r="F56">
        <v>2</v>
      </c>
      <c r="G56" t="s">
        <v>10</v>
      </c>
      <c r="H56" t="s">
        <v>450</v>
      </c>
      <c r="I56" t="s">
        <v>30540</v>
      </c>
    </row>
    <row r="57" spans="1:9">
      <c r="A57" s="1">
        <v>0.35036768665413653</v>
      </c>
      <c r="B57" s="1"/>
      <c r="C57">
        <v>1</v>
      </c>
      <c r="D57" t="s">
        <v>443</v>
      </c>
      <c r="E57" t="s">
        <v>30761</v>
      </c>
      <c r="F57">
        <v>2</v>
      </c>
      <c r="G57" t="s">
        <v>1</v>
      </c>
      <c r="H57" t="s">
        <v>444</v>
      </c>
      <c r="I57" t="s">
        <v>30540</v>
      </c>
    </row>
    <row r="58" spans="1:9">
      <c r="A58" s="1">
        <v>0.49409618242959819</v>
      </c>
      <c r="B58" s="1"/>
      <c r="C58">
        <v>2</v>
      </c>
      <c r="D58" t="s">
        <v>435</v>
      </c>
      <c r="E58" t="s">
        <v>30764</v>
      </c>
      <c r="F58">
        <v>1</v>
      </c>
      <c r="G58" t="s">
        <v>2</v>
      </c>
      <c r="H58" t="s">
        <v>436</v>
      </c>
      <c r="I58" t="s">
        <v>30540</v>
      </c>
    </row>
    <row r="59" spans="1:9">
      <c r="A59" s="1">
        <v>0.65037825069273869</v>
      </c>
      <c r="B59" s="1"/>
      <c r="C59">
        <v>5</v>
      </c>
      <c r="D59" t="s">
        <v>433</v>
      </c>
      <c r="E59" t="s">
        <v>30765</v>
      </c>
      <c r="F59">
        <v>1</v>
      </c>
      <c r="G59" t="s">
        <v>0</v>
      </c>
      <c r="H59" t="s">
        <v>434</v>
      </c>
      <c r="I59" t="s">
        <v>30540</v>
      </c>
    </row>
    <row r="60" spans="1:9">
      <c r="A60" s="1">
        <v>0.44098517958870198</v>
      </c>
      <c r="B60" s="1"/>
      <c r="C60">
        <v>1</v>
      </c>
      <c r="D60" t="s">
        <v>429</v>
      </c>
      <c r="E60" t="s">
        <v>30767</v>
      </c>
      <c r="F60">
        <v>3</v>
      </c>
      <c r="G60" t="s">
        <v>13</v>
      </c>
      <c r="H60" t="s">
        <v>430</v>
      </c>
      <c r="I60" t="s">
        <v>30540</v>
      </c>
    </row>
    <row r="61" spans="1:9">
      <c r="A61" s="1">
        <v>0.20231723155348869</v>
      </c>
      <c r="B61" s="1"/>
      <c r="C61">
        <v>1</v>
      </c>
      <c r="D61" t="s">
        <v>425</v>
      </c>
      <c r="E61" t="s">
        <v>30768</v>
      </c>
      <c r="F61">
        <v>3</v>
      </c>
      <c r="G61" t="s">
        <v>15</v>
      </c>
      <c r="H61" t="s">
        <v>426</v>
      </c>
      <c r="I61" t="s">
        <v>30540</v>
      </c>
    </row>
    <row r="62" spans="1:9">
      <c r="A62" s="1">
        <v>0.1449061878226483</v>
      </c>
      <c r="B62" s="1"/>
      <c r="C62">
        <v>1</v>
      </c>
      <c r="D62" t="s">
        <v>419</v>
      </c>
      <c r="E62" t="s">
        <v>30769</v>
      </c>
      <c r="F62">
        <v>2</v>
      </c>
      <c r="G62" t="s">
        <v>15</v>
      </c>
      <c r="H62" t="s">
        <v>420</v>
      </c>
      <c r="I62" t="s">
        <v>30540</v>
      </c>
    </row>
    <row r="63" spans="1:9">
      <c r="A63" s="1">
        <v>0.58690314582263303</v>
      </c>
      <c r="B63" s="1"/>
      <c r="C63">
        <v>3</v>
      </c>
      <c r="D63" t="s">
        <v>417</v>
      </c>
      <c r="E63" t="s">
        <v>30770</v>
      </c>
      <c r="F63">
        <v>3</v>
      </c>
      <c r="G63" t="s">
        <v>1</v>
      </c>
      <c r="H63" t="s">
        <v>418</v>
      </c>
      <c r="I63" t="s">
        <v>30540</v>
      </c>
    </row>
    <row r="64" spans="1:9">
      <c r="A64" s="1">
        <v>0.86265656478417263</v>
      </c>
      <c r="B64" s="1"/>
      <c r="C64">
        <v>3</v>
      </c>
      <c r="D64" t="s">
        <v>409</v>
      </c>
      <c r="E64" t="s">
        <v>30772</v>
      </c>
      <c r="F64">
        <v>2</v>
      </c>
      <c r="G64" t="s">
        <v>2</v>
      </c>
      <c r="H64" t="s">
        <v>410</v>
      </c>
      <c r="I64" t="s">
        <v>30540</v>
      </c>
    </row>
    <row r="65" spans="1:9">
      <c r="A65" s="1">
        <v>0.52277814944075063</v>
      </c>
      <c r="B65" s="1"/>
      <c r="C65">
        <v>1</v>
      </c>
      <c r="D65" t="s">
        <v>395</v>
      </c>
      <c r="E65" t="s">
        <v>30776</v>
      </c>
      <c r="F65">
        <v>2</v>
      </c>
      <c r="G65" t="s">
        <v>15</v>
      </c>
      <c r="H65" t="s">
        <v>396</v>
      </c>
      <c r="I65" t="s">
        <v>30540</v>
      </c>
    </row>
    <row r="66" spans="1:9">
      <c r="A66" s="1">
        <v>3.3809026735323822E-2</v>
      </c>
      <c r="B66" s="1"/>
      <c r="C66">
        <v>1</v>
      </c>
      <c r="D66" t="s">
        <v>393</v>
      </c>
      <c r="E66" t="s">
        <v>30777</v>
      </c>
      <c r="F66">
        <v>2</v>
      </c>
      <c r="G66" t="s">
        <v>0</v>
      </c>
      <c r="H66" t="s">
        <v>394</v>
      </c>
      <c r="I66" t="s">
        <v>30540</v>
      </c>
    </row>
    <row r="67" spans="1:9">
      <c r="A67" s="1">
        <v>0.81565017215209612</v>
      </c>
      <c r="B67" s="1"/>
      <c r="C67">
        <v>7</v>
      </c>
      <c r="D67" t="s">
        <v>387</v>
      </c>
      <c r="E67" t="s">
        <v>30779</v>
      </c>
      <c r="F67">
        <v>3</v>
      </c>
      <c r="G67" t="s">
        <v>0</v>
      </c>
      <c r="H67" t="s">
        <v>388</v>
      </c>
      <c r="I67" t="s">
        <v>30540</v>
      </c>
    </row>
    <row r="68" spans="1:9">
      <c r="A68" s="1">
        <v>0.27979430962977203</v>
      </c>
      <c r="B68" s="1"/>
      <c r="C68">
        <v>4</v>
      </c>
      <c r="D68" t="s">
        <v>381</v>
      </c>
      <c r="E68" t="s">
        <v>30779</v>
      </c>
      <c r="F68">
        <v>2</v>
      </c>
      <c r="G68" t="s">
        <v>9</v>
      </c>
      <c r="H68" t="s">
        <v>382</v>
      </c>
      <c r="I68" t="s">
        <v>30540</v>
      </c>
    </row>
    <row r="69" spans="1:9">
      <c r="A69" s="1">
        <v>0.48507262799219641</v>
      </c>
      <c r="B69" s="1"/>
      <c r="C69">
        <v>2</v>
      </c>
      <c r="D69" t="s">
        <v>365</v>
      </c>
      <c r="E69" t="s">
        <v>30786</v>
      </c>
      <c r="F69">
        <v>2</v>
      </c>
      <c r="G69" t="s">
        <v>9</v>
      </c>
      <c r="H69" t="s">
        <v>366</v>
      </c>
      <c r="I69" t="s">
        <v>30540</v>
      </c>
    </row>
    <row r="70" spans="1:9">
      <c r="A70" s="1">
        <v>0.80529576638208222</v>
      </c>
      <c r="B70" s="1"/>
      <c r="C70">
        <v>3</v>
      </c>
      <c r="D70" t="s">
        <v>357</v>
      </c>
      <c r="E70" t="s">
        <v>30789</v>
      </c>
      <c r="F70">
        <v>2</v>
      </c>
      <c r="G70" t="s">
        <v>0</v>
      </c>
      <c r="H70" t="s">
        <v>358</v>
      </c>
      <c r="I70" t="s">
        <v>30540</v>
      </c>
    </row>
    <row r="71" spans="1:9">
      <c r="A71" s="1">
        <v>0.56668437148357587</v>
      </c>
      <c r="B71" s="1"/>
      <c r="C71">
        <v>1</v>
      </c>
      <c r="D71" t="s">
        <v>349</v>
      </c>
      <c r="E71" t="s">
        <v>30791</v>
      </c>
      <c r="F71">
        <v>1</v>
      </c>
      <c r="G71" t="s">
        <v>9</v>
      </c>
      <c r="H71" t="s">
        <v>350</v>
      </c>
      <c r="I71" t="s">
        <v>30540</v>
      </c>
    </row>
    <row r="72" spans="1:9">
      <c r="A72" s="1">
        <v>0.38819528054997865</v>
      </c>
      <c r="B72" s="1"/>
      <c r="C72">
        <v>4</v>
      </c>
      <c r="D72" t="s">
        <v>1464</v>
      </c>
      <c r="E72" t="s">
        <v>30799</v>
      </c>
      <c r="F72">
        <v>1</v>
      </c>
      <c r="G72" t="s">
        <v>15</v>
      </c>
      <c r="H72" t="s">
        <v>1465</v>
      </c>
      <c r="I72" t="s">
        <v>30540</v>
      </c>
    </row>
    <row r="73" spans="1:9">
      <c r="A73" s="1">
        <v>0.32986612424151307</v>
      </c>
      <c r="B73" s="1"/>
      <c r="C73">
        <v>3</v>
      </c>
      <c r="D73" t="s">
        <v>1418</v>
      </c>
      <c r="E73" t="s">
        <v>30814</v>
      </c>
      <c r="F73">
        <v>3</v>
      </c>
      <c r="G73" t="s">
        <v>762</v>
      </c>
      <c r="H73" t="s">
        <v>1419</v>
      </c>
      <c r="I73" t="s">
        <v>30540</v>
      </c>
    </row>
    <row r="74" spans="1:9">
      <c r="A74" s="1">
        <v>0.9441989263338525</v>
      </c>
      <c r="B74" s="1"/>
      <c r="C74">
        <v>1</v>
      </c>
      <c r="D74" t="s">
        <v>1406</v>
      </c>
      <c r="E74" t="s">
        <v>30817</v>
      </c>
      <c r="F74">
        <v>3</v>
      </c>
      <c r="G74" t="s">
        <v>15</v>
      </c>
      <c r="H74" t="s">
        <v>1407</v>
      </c>
      <c r="I74" t="s">
        <v>30540</v>
      </c>
    </row>
    <row r="75" spans="1:9">
      <c r="A75" s="1">
        <v>0.94877867624092382</v>
      </c>
      <c r="B75" s="1"/>
      <c r="C75">
        <v>1</v>
      </c>
      <c r="D75" t="s">
        <v>1400</v>
      </c>
      <c r="E75" t="s">
        <v>30819</v>
      </c>
      <c r="F75">
        <v>2</v>
      </c>
      <c r="G75" t="s">
        <v>0</v>
      </c>
      <c r="H75" t="s">
        <v>1401</v>
      </c>
      <c r="I75" t="s">
        <v>30540</v>
      </c>
    </row>
    <row r="76" spans="1:9">
      <c r="A76" s="1">
        <v>0.92353675442394745</v>
      </c>
      <c r="B76" s="1"/>
      <c r="C76">
        <v>3</v>
      </c>
      <c r="D76" t="s">
        <v>1378</v>
      </c>
      <c r="E76" t="s">
        <v>30828</v>
      </c>
      <c r="F76">
        <v>3</v>
      </c>
      <c r="G76" t="s">
        <v>15</v>
      </c>
      <c r="H76" t="s">
        <v>1379</v>
      </c>
      <c r="I76" t="s">
        <v>30540</v>
      </c>
    </row>
    <row r="77" spans="1:9">
      <c r="A77" s="1">
        <v>0.83154340902665569</v>
      </c>
      <c r="B77" s="1"/>
      <c r="C77">
        <v>2</v>
      </c>
      <c r="D77" t="s">
        <v>1374</v>
      </c>
      <c r="E77" t="s">
        <v>30829</v>
      </c>
      <c r="F77">
        <v>2</v>
      </c>
      <c r="G77" t="s">
        <v>0</v>
      </c>
      <c r="H77" t="s">
        <v>1375</v>
      </c>
      <c r="I77" t="s">
        <v>30540</v>
      </c>
    </row>
    <row r="78" spans="1:9">
      <c r="A78" s="1">
        <v>0.81549693790216182</v>
      </c>
      <c r="B78" s="1"/>
      <c r="C78">
        <v>6</v>
      </c>
      <c r="D78" t="s">
        <v>1366</v>
      </c>
      <c r="E78" t="s">
        <v>30832</v>
      </c>
      <c r="F78">
        <v>3</v>
      </c>
      <c r="G78" t="s">
        <v>0</v>
      </c>
      <c r="H78" t="s">
        <v>1367</v>
      </c>
      <c r="I78" t="s">
        <v>30540</v>
      </c>
    </row>
    <row r="79" spans="1:9">
      <c r="A79" s="1">
        <v>0.84662560542630905</v>
      </c>
      <c r="B79" s="1"/>
      <c r="C79">
        <v>2</v>
      </c>
      <c r="D79" t="s">
        <v>1360</v>
      </c>
      <c r="E79" t="s">
        <v>30833</v>
      </c>
      <c r="F79">
        <v>2</v>
      </c>
      <c r="G79" t="s">
        <v>1</v>
      </c>
      <c r="H79" t="s">
        <v>1361</v>
      </c>
      <c r="I79" t="s">
        <v>30540</v>
      </c>
    </row>
    <row r="80" spans="1:9">
      <c r="A80" s="1">
        <v>0.31490629805042791</v>
      </c>
      <c r="B80" s="1"/>
      <c r="C80">
        <v>1</v>
      </c>
      <c r="D80" t="s">
        <v>1356</v>
      </c>
      <c r="E80" t="s">
        <v>30834</v>
      </c>
      <c r="F80">
        <v>3</v>
      </c>
      <c r="G80" t="s">
        <v>10</v>
      </c>
      <c r="H80" t="s">
        <v>1357</v>
      </c>
      <c r="I80" t="s">
        <v>30540</v>
      </c>
    </row>
    <row r="81" spans="1:9">
      <c r="A81" s="1">
        <v>0.81489429955112214</v>
      </c>
      <c r="B81" s="1"/>
      <c r="C81">
        <v>3</v>
      </c>
      <c r="D81" t="s">
        <v>1358</v>
      </c>
      <c r="E81" t="s">
        <v>30834</v>
      </c>
      <c r="F81">
        <v>3</v>
      </c>
      <c r="G81" t="s">
        <v>1</v>
      </c>
      <c r="H81" t="s">
        <v>1359</v>
      </c>
      <c r="I81" t="s">
        <v>30540</v>
      </c>
    </row>
    <row r="82" spans="1:9">
      <c r="A82" s="1">
        <v>0.49803442628344707</v>
      </c>
      <c r="B82" s="1"/>
      <c r="C82">
        <v>2</v>
      </c>
      <c r="D82" t="s">
        <v>1352</v>
      </c>
      <c r="E82" t="s">
        <v>30836</v>
      </c>
      <c r="F82">
        <v>3</v>
      </c>
      <c r="G82" t="s">
        <v>15</v>
      </c>
      <c r="H82" t="s">
        <v>1353</v>
      </c>
      <c r="I82" t="s">
        <v>30540</v>
      </c>
    </row>
    <row r="83" spans="1:9">
      <c r="A83" s="1">
        <v>0.42909935713823355</v>
      </c>
      <c r="B83" s="1"/>
      <c r="C83">
        <v>3</v>
      </c>
      <c r="D83" t="s">
        <v>1350</v>
      </c>
      <c r="E83" t="s">
        <v>30837</v>
      </c>
      <c r="F83">
        <v>2</v>
      </c>
      <c r="G83" t="s">
        <v>15</v>
      </c>
      <c r="H83" t="s">
        <v>1351</v>
      </c>
      <c r="I83" t="s">
        <v>30540</v>
      </c>
    </row>
    <row r="84" spans="1:9">
      <c r="A84" s="1">
        <v>0.54650712739583629</v>
      </c>
      <c r="B84" s="1"/>
      <c r="C84">
        <v>1</v>
      </c>
      <c r="D84" t="s">
        <v>1338</v>
      </c>
      <c r="E84" t="s">
        <v>30841</v>
      </c>
      <c r="F84">
        <v>2</v>
      </c>
      <c r="G84" t="s">
        <v>10</v>
      </c>
      <c r="H84" t="s">
        <v>1339</v>
      </c>
      <c r="I84" t="s">
        <v>30540</v>
      </c>
    </row>
    <row r="85" spans="1:9">
      <c r="A85" s="1">
        <v>3.2115407862648992E-2</v>
      </c>
      <c r="B85" s="1"/>
      <c r="C85">
        <v>4</v>
      </c>
      <c r="D85" t="s">
        <v>1336</v>
      </c>
      <c r="E85" t="s">
        <v>30842</v>
      </c>
      <c r="F85">
        <v>3</v>
      </c>
      <c r="G85" t="s">
        <v>1</v>
      </c>
      <c r="H85" t="s">
        <v>1337</v>
      </c>
      <c r="I85" t="s">
        <v>30540</v>
      </c>
    </row>
    <row r="86" spans="1:9">
      <c r="A86" s="1">
        <v>0.2971722913778807</v>
      </c>
      <c r="B86" s="1"/>
      <c r="C86">
        <v>2</v>
      </c>
      <c r="D86" t="s">
        <v>1332</v>
      </c>
      <c r="E86" t="s">
        <v>30842</v>
      </c>
      <c r="F86">
        <v>1</v>
      </c>
      <c r="G86" t="s">
        <v>2</v>
      </c>
      <c r="H86" t="s">
        <v>1333</v>
      </c>
      <c r="I86" t="s">
        <v>30540</v>
      </c>
    </row>
    <row r="87" spans="1:9">
      <c r="A87" s="1">
        <v>0.38053105249255625</v>
      </c>
      <c r="B87" s="1"/>
      <c r="C87">
        <v>5</v>
      </c>
      <c r="D87" t="s">
        <v>1328</v>
      </c>
      <c r="E87" t="s">
        <v>30843</v>
      </c>
      <c r="F87">
        <v>1</v>
      </c>
      <c r="G87" t="s">
        <v>0</v>
      </c>
      <c r="H87" t="s">
        <v>1329</v>
      </c>
      <c r="I87" t="s">
        <v>30540</v>
      </c>
    </row>
    <row r="88" spans="1:9">
      <c r="A88" s="1">
        <v>0.88195754182868924</v>
      </c>
      <c r="B88" s="1"/>
      <c r="C88">
        <v>4</v>
      </c>
      <c r="D88" t="s">
        <v>1322</v>
      </c>
      <c r="E88" t="s">
        <v>30845</v>
      </c>
      <c r="F88">
        <v>2</v>
      </c>
      <c r="G88" t="s">
        <v>0</v>
      </c>
      <c r="H88" t="s">
        <v>1323</v>
      </c>
      <c r="I88" t="s">
        <v>30540</v>
      </c>
    </row>
    <row r="89" spans="1:9">
      <c r="A89" s="1">
        <v>0.62439705667859224</v>
      </c>
      <c r="B89" s="1"/>
      <c r="C89">
        <v>3</v>
      </c>
      <c r="D89" t="s">
        <v>1298</v>
      </c>
      <c r="E89" t="s">
        <v>30851</v>
      </c>
      <c r="F89">
        <v>2</v>
      </c>
      <c r="G89" t="s">
        <v>9</v>
      </c>
      <c r="H89" t="s">
        <v>1299</v>
      </c>
      <c r="I89" t="s">
        <v>30540</v>
      </c>
    </row>
    <row r="90" spans="1:9">
      <c r="A90" s="1">
        <v>0.33628280376839614</v>
      </c>
      <c r="B90" s="1"/>
      <c r="C90">
        <v>1</v>
      </c>
      <c r="D90" t="s">
        <v>1296</v>
      </c>
      <c r="E90" t="s">
        <v>30852</v>
      </c>
      <c r="F90">
        <v>2</v>
      </c>
      <c r="G90" t="s">
        <v>2</v>
      </c>
      <c r="H90" t="s">
        <v>1297</v>
      </c>
      <c r="I90" t="s">
        <v>30540</v>
      </c>
    </row>
    <row r="91" spans="1:9">
      <c r="A91" s="1">
        <v>0.61773615586240416</v>
      </c>
      <c r="B91" s="1"/>
      <c r="C91">
        <v>4</v>
      </c>
      <c r="D91" t="s">
        <v>1247</v>
      </c>
      <c r="E91" t="s">
        <v>30867</v>
      </c>
      <c r="F91">
        <v>2</v>
      </c>
      <c r="G91" t="s">
        <v>15</v>
      </c>
      <c r="H91" t="s">
        <v>1248</v>
      </c>
      <c r="I91" t="s">
        <v>30540</v>
      </c>
    </row>
    <row r="92" spans="1:9">
      <c r="A92" s="1">
        <v>0.57539553907851493</v>
      </c>
      <c r="B92" s="1"/>
      <c r="C92">
        <v>1</v>
      </c>
      <c r="D92" t="s">
        <v>1197</v>
      </c>
      <c r="E92" t="s">
        <v>30878</v>
      </c>
      <c r="F92">
        <v>3</v>
      </c>
      <c r="G92" t="s">
        <v>10</v>
      </c>
      <c r="H92" t="s">
        <v>1198</v>
      </c>
      <c r="I92" t="s">
        <v>30540</v>
      </c>
    </row>
    <row r="93" spans="1:9">
      <c r="A93" s="1">
        <v>0.89558484528431814</v>
      </c>
      <c r="B93" s="1"/>
      <c r="C93">
        <v>4</v>
      </c>
      <c r="D93" t="s">
        <v>1189</v>
      </c>
      <c r="E93" t="s">
        <v>30880</v>
      </c>
      <c r="F93">
        <v>2</v>
      </c>
      <c r="G93" t="s">
        <v>13</v>
      </c>
      <c r="H93" t="s">
        <v>1190</v>
      </c>
      <c r="I93" t="s">
        <v>30540</v>
      </c>
    </row>
    <row r="94" spans="1:9">
      <c r="A94" s="1">
        <v>4.7627442261265585E-2</v>
      </c>
      <c r="B94" s="1"/>
      <c r="C94">
        <v>2</v>
      </c>
      <c r="D94" t="s">
        <v>1183</v>
      </c>
      <c r="E94" t="s">
        <v>30882</v>
      </c>
      <c r="F94">
        <v>2</v>
      </c>
      <c r="G94" t="s">
        <v>0</v>
      </c>
      <c r="H94" t="s">
        <v>1184</v>
      </c>
      <c r="I94" t="s">
        <v>30540</v>
      </c>
    </row>
    <row r="95" spans="1:9">
      <c r="A95" s="1">
        <v>0.27789781168026051</v>
      </c>
      <c r="B95" s="1"/>
      <c r="C95">
        <v>2</v>
      </c>
      <c r="D95" t="s">
        <v>1145</v>
      </c>
      <c r="E95" t="s">
        <v>30894</v>
      </c>
      <c r="F95">
        <v>3</v>
      </c>
      <c r="H95" t="s">
        <v>1146</v>
      </c>
      <c r="I95" t="s">
        <v>30540</v>
      </c>
    </row>
    <row r="96" spans="1:9">
      <c r="A96" s="1">
        <v>0.38949952742256644</v>
      </c>
      <c r="B96" s="1"/>
      <c r="C96">
        <v>4</v>
      </c>
      <c r="D96" t="s">
        <v>1113</v>
      </c>
      <c r="E96" t="s">
        <v>30907</v>
      </c>
      <c r="F96">
        <v>2</v>
      </c>
      <c r="H96" t="s">
        <v>1114</v>
      </c>
      <c r="I96" t="s">
        <v>30540</v>
      </c>
    </row>
    <row r="97" spans="1:9">
      <c r="A97" s="1">
        <v>0.73686411795766282</v>
      </c>
      <c r="B97" s="1"/>
      <c r="C97">
        <v>6</v>
      </c>
      <c r="D97" t="s">
        <v>1091</v>
      </c>
      <c r="E97" t="s">
        <v>30912</v>
      </c>
      <c r="F97">
        <v>3</v>
      </c>
      <c r="H97" t="s">
        <v>1092</v>
      </c>
      <c r="I97" t="s">
        <v>30540</v>
      </c>
    </row>
    <row r="98" spans="1:9">
      <c r="A98" s="1">
        <v>5.7458975269126578E-2</v>
      </c>
      <c r="B98" s="1"/>
      <c r="C98">
        <v>5</v>
      </c>
      <c r="D98" t="s">
        <v>1081</v>
      </c>
      <c r="E98" t="s">
        <v>30915</v>
      </c>
      <c r="F98">
        <v>3</v>
      </c>
      <c r="H98" t="s">
        <v>1082</v>
      </c>
      <c r="I98" t="s">
        <v>30540</v>
      </c>
    </row>
    <row r="99" spans="1:9">
      <c r="A99" s="1">
        <v>0.14773494852559932</v>
      </c>
      <c r="B99" s="1"/>
      <c r="C99">
        <v>2</v>
      </c>
      <c r="D99" t="s">
        <v>1059</v>
      </c>
      <c r="E99" t="s">
        <v>30921</v>
      </c>
      <c r="F99">
        <v>3</v>
      </c>
      <c r="H99" t="s">
        <v>1060</v>
      </c>
      <c r="I99" t="s">
        <v>30540</v>
      </c>
    </row>
    <row r="100" spans="1:9">
      <c r="A100" s="1">
        <v>0.15096877886600524</v>
      </c>
      <c r="B100" s="1"/>
      <c r="C100">
        <v>3</v>
      </c>
      <c r="D100" t="s">
        <v>1061</v>
      </c>
      <c r="E100" t="s">
        <v>30921</v>
      </c>
      <c r="F100">
        <v>2</v>
      </c>
      <c r="H100" t="s">
        <v>1062</v>
      </c>
      <c r="I100" t="s">
        <v>30540</v>
      </c>
    </row>
    <row r="101" spans="1:9">
      <c r="A101" s="1">
        <v>0.85759547516317969</v>
      </c>
      <c r="B101" s="1"/>
      <c r="C101">
        <v>6</v>
      </c>
      <c r="D101" t="s">
        <v>1049</v>
      </c>
      <c r="E101" t="s">
        <v>30924</v>
      </c>
      <c r="F101">
        <v>3</v>
      </c>
      <c r="H101" t="s">
        <v>1050</v>
      </c>
      <c r="I101" t="s">
        <v>30540</v>
      </c>
    </row>
    <row r="102" spans="1:9">
      <c r="A102" s="1">
        <v>0.24554395211077451</v>
      </c>
      <c r="B102" s="1"/>
      <c r="C102">
        <v>3</v>
      </c>
      <c r="D102" t="s">
        <v>1045</v>
      </c>
      <c r="E102" t="s">
        <v>30925</v>
      </c>
      <c r="F102">
        <v>2</v>
      </c>
      <c r="H102" t="s">
        <v>1046</v>
      </c>
      <c r="I102" t="s">
        <v>30540</v>
      </c>
    </row>
    <row r="103" spans="1:9">
      <c r="A103" s="1">
        <v>0.97335358941988137</v>
      </c>
      <c r="B103" s="1"/>
      <c r="C103">
        <v>1</v>
      </c>
      <c r="D103" t="s">
        <v>1043</v>
      </c>
      <c r="E103" t="s">
        <v>30925</v>
      </c>
      <c r="F103">
        <v>2</v>
      </c>
      <c r="H103" t="s">
        <v>1044</v>
      </c>
      <c r="I103" t="s">
        <v>30540</v>
      </c>
    </row>
    <row r="104" spans="1:9">
      <c r="A104" s="1">
        <v>0.68659938044706414</v>
      </c>
      <c r="B104" s="1"/>
      <c r="C104">
        <v>4</v>
      </c>
      <c r="D104" t="s">
        <v>1041</v>
      </c>
      <c r="E104" t="s">
        <v>30926</v>
      </c>
      <c r="F104">
        <v>3</v>
      </c>
      <c r="H104" t="s">
        <v>1042</v>
      </c>
      <c r="I104" t="s">
        <v>30540</v>
      </c>
    </row>
    <row r="105" spans="1:9">
      <c r="A105" s="1">
        <v>0.93895734326526248</v>
      </c>
      <c r="B105" s="1"/>
      <c r="C105">
        <v>7</v>
      </c>
      <c r="D105" t="s">
        <v>1017</v>
      </c>
      <c r="E105" t="s">
        <v>30931</v>
      </c>
      <c r="F105">
        <v>3</v>
      </c>
      <c r="H105" t="s">
        <v>1018</v>
      </c>
      <c r="I105" t="s">
        <v>30540</v>
      </c>
    </row>
    <row r="106" spans="1:9">
      <c r="A106" s="1">
        <v>9.2160211053513241E-2</v>
      </c>
      <c r="B106" s="1"/>
      <c r="C106">
        <v>5</v>
      </c>
      <c r="D106" t="s">
        <v>1015</v>
      </c>
      <c r="E106" t="s">
        <v>30931</v>
      </c>
      <c r="F106">
        <v>1</v>
      </c>
      <c r="H106" t="s">
        <v>1016</v>
      </c>
      <c r="I106" t="s">
        <v>30540</v>
      </c>
    </row>
    <row r="107" spans="1:9">
      <c r="A107" s="1">
        <v>0.52174448403541285</v>
      </c>
      <c r="B107" s="1"/>
      <c r="C107">
        <v>2</v>
      </c>
      <c r="D107" t="s">
        <v>995</v>
      </c>
      <c r="E107" t="s">
        <v>30936</v>
      </c>
      <c r="F107">
        <v>2</v>
      </c>
      <c r="H107" t="s">
        <v>996</v>
      </c>
      <c r="I107" t="s">
        <v>30540</v>
      </c>
    </row>
    <row r="108" spans="1:9">
      <c r="A108" s="1">
        <v>0.23822258895527371</v>
      </c>
      <c r="B108" s="1"/>
      <c r="C108">
        <v>2</v>
      </c>
      <c r="D108" t="s">
        <v>985</v>
      </c>
      <c r="E108" t="s">
        <v>30938</v>
      </c>
      <c r="F108">
        <v>3</v>
      </c>
      <c r="H108" t="s">
        <v>986</v>
      </c>
      <c r="I108" t="s">
        <v>30540</v>
      </c>
    </row>
    <row r="109" spans="1:9">
      <c r="A109" s="1">
        <v>0.99827074132400628</v>
      </c>
      <c r="B109" s="1"/>
      <c r="C109">
        <v>4</v>
      </c>
      <c r="D109" t="s">
        <v>983</v>
      </c>
      <c r="E109" t="s">
        <v>30939</v>
      </c>
      <c r="F109">
        <v>2</v>
      </c>
      <c r="H109" t="s">
        <v>984</v>
      </c>
      <c r="I109" t="s">
        <v>30540</v>
      </c>
    </row>
    <row r="110" spans="1:9">
      <c r="A110" s="1">
        <v>0.16387486838797727</v>
      </c>
      <c r="B110" s="1"/>
      <c r="C110">
        <v>1</v>
      </c>
      <c r="D110" t="s">
        <v>975</v>
      </c>
      <c r="E110" t="s">
        <v>30940</v>
      </c>
      <c r="F110">
        <v>3</v>
      </c>
      <c r="H110" t="s">
        <v>976</v>
      </c>
      <c r="I110" t="s">
        <v>30540</v>
      </c>
    </row>
    <row r="111" spans="1:9">
      <c r="A111" s="1">
        <v>0.53963254654260195</v>
      </c>
      <c r="B111" s="1"/>
      <c r="C111">
        <v>2</v>
      </c>
      <c r="D111" t="s">
        <v>963</v>
      </c>
      <c r="E111" t="s">
        <v>30944</v>
      </c>
      <c r="F111">
        <v>3</v>
      </c>
      <c r="H111" t="s">
        <v>964</v>
      </c>
      <c r="I111" t="s">
        <v>30540</v>
      </c>
    </row>
    <row r="112" spans="1:9">
      <c r="A112" s="1">
        <v>0.51798646062961495</v>
      </c>
      <c r="B112" s="1"/>
      <c r="C112">
        <v>1</v>
      </c>
      <c r="D112" t="s">
        <v>949</v>
      </c>
      <c r="E112" t="s">
        <v>30949</v>
      </c>
      <c r="F112">
        <v>2</v>
      </c>
      <c r="G112" t="s">
        <v>838</v>
      </c>
      <c r="H112" t="s">
        <v>950</v>
      </c>
      <c r="I112" t="s">
        <v>30540</v>
      </c>
    </row>
    <row r="113" spans="1:9">
      <c r="A113" s="1">
        <v>0.21526731468752025</v>
      </c>
      <c r="B113" s="1"/>
      <c r="C113">
        <v>1</v>
      </c>
      <c r="D113" t="s">
        <v>943</v>
      </c>
      <c r="E113" t="s">
        <v>30952</v>
      </c>
      <c r="F113">
        <v>3</v>
      </c>
      <c r="H113" t="s">
        <v>944</v>
      </c>
      <c r="I113" t="s">
        <v>30540</v>
      </c>
    </row>
    <row r="114" spans="1:9">
      <c r="A114" s="1">
        <v>5.5126750683785253E-2</v>
      </c>
      <c r="B114" s="1"/>
      <c r="C114">
        <v>3</v>
      </c>
      <c r="D114" t="s">
        <v>939</v>
      </c>
      <c r="E114" t="s">
        <v>30954</v>
      </c>
      <c r="F114">
        <v>3</v>
      </c>
      <c r="H114" t="s">
        <v>940</v>
      </c>
      <c r="I114" t="s">
        <v>30540</v>
      </c>
    </row>
    <row r="115" spans="1:9">
      <c r="A115" s="1">
        <v>3.532942389018312E-2</v>
      </c>
      <c r="B115" s="1"/>
      <c r="C115">
        <v>3</v>
      </c>
      <c r="D115" t="s">
        <v>929</v>
      </c>
      <c r="E115" t="s">
        <v>30956</v>
      </c>
      <c r="F115">
        <v>3</v>
      </c>
      <c r="G115" t="s">
        <v>10</v>
      </c>
      <c r="H115" t="s">
        <v>930</v>
      </c>
      <c r="I115" t="s">
        <v>30540</v>
      </c>
    </row>
    <row r="116" spans="1:9">
      <c r="A116" s="1">
        <v>0.34107719991641983</v>
      </c>
      <c r="B116" s="1"/>
      <c r="C116">
        <v>2</v>
      </c>
      <c r="D116" t="s">
        <v>907</v>
      </c>
      <c r="E116" t="s">
        <v>30962</v>
      </c>
      <c r="F116">
        <v>3</v>
      </c>
      <c r="H116" t="s">
        <v>908</v>
      </c>
      <c r="I116" t="s">
        <v>30540</v>
      </c>
    </row>
    <row r="117" spans="1:9">
      <c r="A117" s="1">
        <v>0.90032825724751053</v>
      </c>
      <c r="B117" s="1"/>
      <c r="C117">
        <v>7</v>
      </c>
      <c r="D117" t="s">
        <v>905</v>
      </c>
      <c r="E117" t="s">
        <v>30963</v>
      </c>
      <c r="F117">
        <v>1</v>
      </c>
      <c r="H117" t="s">
        <v>906</v>
      </c>
      <c r="I117" t="s">
        <v>30540</v>
      </c>
    </row>
    <row r="118" spans="1:9">
      <c r="A118" s="1">
        <v>0.65372971592118045</v>
      </c>
      <c r="B118" s="1"/>
      <c r="C118">
        <v>4</v>
      </c>
      <c r="D118" t="s">
        <v>895</v>
      </c>
      <c r="E118" t="s">
        <v>30965</v>
      </c>
      <c r="F118">
        <v>3</v>
      </c>
      <c r="H118" t="s">
        <v>896</v>
      </c>
      <c r="I118" t="s">
        <v>30540</v>
      </c>
    </row>
    <row r="119" spans="1:9">
      <c r="A119" s="1">
        <v>0.17658557905228078</v>
      </c>
      <c r="B119" s="1"/>
      <c r="C119">
        <v>7</v>
      </c>
      <c r="D119" t="s">
        <v>881</v>
      </c>
      <c r="E119" t="s">
        <v>30967</v>
      </c>
      <c r="F119">
        <v>3</v>
      </c>
      <c r="H119" t="s">
        <v>882</v>
      </c>
      <c r="I119" t="s">
        <v>30540</v>
      </c>
    </row>
    <row r="120" spans="1:9">
      <c r="A120" s="1">
        <v>0.11598688848864769</v>
      </c>
      <c r="B120" s="1"/>
      <c r="C120">
        <v>7</v>
      </c>
      <c r="D120" t="s">
        <v>867</v>
      </c>
      <c r="E120" t="s">
        <v>30970</v>
      </c>
      <c r="F120">
        <v>1</v>
      </c>
      <c r="H120" t="s">
        <v>868</v>
      </c>
      <c r="I120" t="s">
        <v>30540</v>
      </c>
    </row>
    <row r="121" spans="1:9">
      <c r="A121" s="1">
        <v>0.87604523604466966</v>
      </c>
      <c r="B121" s="1"/>
      <c r="C121">
        <v>3</v>
      </c>
      <c r="D121" t="s">
        <v>847</v>
      </c>
      <c r="E121" t="s">
        <v>30977</v>
      </c>
      <c r="F121">
        <v>2</v>
      </c>
      <c r="H121" t="s">
        <v>848</v>
      </c>
      <c r="I121" t="s">
        <v>30540</v>
      </c>
    </row>
    <row r="122" spans="1:9">
      <c r="A122" s="1">
        <v>1.4630158650662417E-2</v>
      </c>
      <c r="B122" s="1"/>
      <c r="C122">
        <v>4</v>
      </c>
      <c r="D122" t="s">
        <v>2398</v>
      </c>
      <c r="E122" t="s">
        <v>30987</v>
      </c>
      <c r="F122">
        <v>2</v>
      </c>
      <c r="H122" t="s">
        <v>2399</v>
      </c>
      <c r="I122" t="s">
        <v>30540</v>
      </c>
    </row>
    <row r="123" spans="1:9">
      <c r="A123" s="1">
        <v>0.78450388635607737</v>
      </c>
      <c r="B123" s="1"/>
      <c r="C123">
        <v>4</v>
      </c>
      <c r="D123" t="s">
        <v>2398</v>
      </c>
      <c r="E123" t="s">
        <v>30987</v>
      </c>
      <c r="F123">
        <v>2</v>
      </c>
      <c r="H123" t="s">
        <v>2399</v>
      </c>
      <c r="I123" t="s">
        <v>30540</v>
      </c>
    </row>
    <row r="124" spans="1:9">
      <c r="A124" s="1">
        <v>0.26259383763665589</v>
      </c>
      <c r="B124" s="1"/>
      <c r="C124">
        <v>11</v>
      </c>
      <c r="D124" t="s">
        <v>2382</v>
      </c>
      <c r="E124" t="s">
        <v>30990</v>
      </c>
      <c r="F124">
        <v>3</v>
      </c>
      <c r="H124" t="s">
        <v>2383</v>
      </c>
      <c r="I124" t="s">
        <v>30540</v>
      </c>
    </row>
    <row r="125" spans="1:9">
      <c r="A125" s="1">
        <v>0.48854170906848871</v>
      </c>
      <c r="B125" s="1"/>
      <c r="C125">
        <v>11</v>
      </c>
      <c r="D125" t="s">
        <v>2382</v>
      </c>
      <c r="E125" t="s">
        <v>30990</v>
      </c>
      <c r="F125">
        <v>3</v>
      </c>
      <c r="H125" t="s">
        <v>2383</v>
      </c>
      <c r="I125" t="s">
        <v>30540</v>
      </c>
    </row>
    <row r="126" spans="1:9">
      <c r="A126" s="1">
        <v>0.28171676790576694</v>
      </c>
      <c r="B126" s="1"/>
      <c r="C126">
        <v>14</v>
      </c>
      <c r="D126" t="s">
        <v>2386</v>
      </c>
      <c r="E126" t="s">
        <v>30990</v>
      </c>
      <c r="F126">
        <v>2</v>
      </c>
      <c r="H126" t="s">
        <v>2387</v>
      </c>
      <c r="I126" t="s">
        <v>30540</v>
      </c>
    </row>
    <row r="127" spans="1:9">
      <c r="A127" s="1">
        <v>8.1218803013131002E-2</v>
      </c>
      <c r="B127" s="1"/>
      <c r="C127">
        <v>14</v>
      </c>
      <c r="D127" t="s">
        <v>2386</v>
      </c>
      <c r="E127" t="s">
        <v>30990</v>
      </c>
      <c r="F127">
        <v>2</v>
      </c>
      <c r="H127" t="s">
        <v>2387</v>
      </c>
      <c r="I127" t="s">
        <v>30540</v>
      </c>
    </row>
    <row r="128" spans="1:9">
      <c r="A128" s="1">
        <v>0.18690958794968948</v>
      </c>
      <c r="B128" s="1"/>
      <c r="C128">
        <v>7</v>
      </c>
      <c r="D128" t="s">
        <v>2364</v>
      </c>
      <c r="E128" t="s">
        <v>30994</v>
      </c>
      <c r="F128">
        <v>2</v>
      </c>
      <c r="H128" t="s">
        <v>2365</v>
      </c>
      <c r="I128" t="s">
        <v>30540</v>
      </c>
    </row>
    <row r="129" spans="1:9">
      <c r="A129" s="1">
        <v>0.82661714205172487</v>
      </c>
      <c r="B129" s="1"/>
      <c r="C129">
        <v>7</v>
      </c>
      <c r="D129" t="s">
        <v>2364</v>
      </c>
      <c r="E129" t="s">
        <v>30994</v>
      </c>
      <c r="F129">
        <v>2</v>
      </c>
      <c r="H129" t="s">
        <v>2365</v>
      </c>
      <c r="I129" t="s">
        <v>30540</v>
      </c>
    </row>
    <row r="130" spans="1:9">
      <c r="A130" s="1">
        <v>0.45856497760071468</v>
      </c>
      <c r="B130" s="1"/>
      <c r="C130">
        <v>2</v>
      </c>
      <c r="D130" t="s">
        <v>2356</v>
      </c>
      <c r="E130" t="s">
        <v>30996</v>
      </c>
      <c r="F130">
        <v>2</v>
      </c>
      <c r="H130" t="s">
        <v>2357</v>
      </c>
      <c r="I130" t="s">
        <v>30540</v>
      </c>
    </row>
    <row r="131" spans="1:9">
      <c r="A131" s="1">
        <v>0.38636482427578323</v>
      </c>
      <c r="B131" s="1"/>
      <c r="C131">
        <v>4</v>
      </c>
      <c r="D131" t="s">
        <v>2328</v>
      </c>
      <c r="E131" t="s">
        <v>31002</v>
      </c>
      <c r="F131">
        <v>3</v>
      </c>
      <c r="H131" t="s">
        <v>2329</v>
      </c>
      <c r="I131" t="s">
        <v>30540</v>
      </c>
    </row>
    <row r="132" spans="1:9">
      <c r="A132" s="1">
        <v>0.64654032963956132</v>
      </c>
      <c r="B132" s="1"/>
      <c r="C132">
        <v>11</v>
      </c>
      <c r="D132" t="s">
        <v>2336</v>
      </c>
      <c r="E132" t="s">
        <v>31002</v>
      </c>
      <c r="F132">
        <v>3</v>
      </c>
      <c r="H132" t="s">
        <v>2337</v>
      </c>
      <c r="I132" t="s">
        <v>30540</v>
      </c>
    </row>
    <row r="133" spans="1:9">
      <c r="A133" s="1">
        <v>0.37305287392983844</v>
      </c>
      <c r="B133" s="1"/>
      <c r="C133">
        <v>5</v>
      </c>
      <c r="D133" t="s">
        <v>2330</v>
      </c>
      <c r="E133" t="s">
        <v>31002</v>
      </c>
      <c r="F133">
        <v>2</v>
      </c>
      <c r="H133" t="s">
        <v>2331</v>
      </c>
      <c r="I133" t="s">
        <v>30540</v>
      </c>
    </row>
    <row r="134" spans="1:9">
      <c r="A134" s="1">
        <v>0.80719033912893745</v>
      </c>
      <c r="B134" s="1"/>
      <c r="C134">
        <v>1</v>
      </c>
      <c r="D134" t="s">
        <v>2324</v>
      </c>
      <c r="E134" t="s">
        <v>31003</v>
      </c>
      <c r="F134">
        <v>3</v>
      </c>
      <c r="H134" t="s">
        <v>2325</v>
      </c>
      <c r="I134" t="s">
        <v>30540</v>
      </c>
    </row>
    <row r="135" spans="1:9">
      <c r="A135" s="1">
        <v>0.8976331625259929</v>
      </c>
      <c r="B135" s="1"/>
      <c r="C135">
        <v>2</v>
      </c>
      <c r="D135" t="s">
        <v>2268</v>
      </c>
      <c r="E135" t="s">
        <v>31013</v>
      </c>
      <c r="F135">
        <v>2</v>
      </c>
      <c r="H135" t="s">
        <v>2269</v>
      </c>
      <c r="I135" t="s">
        <v>30540</v>
      </c>
    </row>
    <row r="136" spans="1:9">
      <c r="A136" s="1">
        <v>0.17123388667720507</v>
      </c>
      <c r="B136" s="1"/>
      <c r="C136">
        <v>1</v>
      </c>
      <c r="D136" t="s">
        <v>2256</v>
      </c>
      <c r="E136" t="s">
        <v>31016</v>
      </c>
      <c r="F136">
        <v>1</v>
      </c>
      <c r="H136" t="s">
        <v>2257</v>
      </c>
      <c r="I136" t="s">
        <v>30540</v>
      </c>
    </row>
    <row r="137" spans="1:9">
      <c r="A137" s="1">
        <v>0.74379119575022301</v>
      </c>
      <c r="B137" s="1"/>
      <c r="C137">
        <v>9</v>
      </c>
      <c r="D137" t="s">
        <v>2252</v>
      </c>
      <c r="E137" t="s">
        <v>31017</v>
      </c>
      <c r="F137">
        <v>2</v>
      </c>
      <c r="H137" t="s">
        <v>2253</v>
      </c>
      <c r="I137" t="s">
        <v>30540</v>
      </c>
    </row>
    <row r="138" spans="1:9">
      <c r="A138" s="1">
        <v>0.55740862951750991</v>
      </c>
      <c r="B138" s="1"/>
      <c r="C138">
        <v>2</v>
      </c>
      <c r="D138" t="s">
        <v>2244</v>
      </c>
      <c r="E138" t="s">
        <v>31018</v>
      </c>
      <c r="F138">
        <v>3</v>
      </c>
      <c r="H138" t="s">
        <v>2245</v>
      </c>
      <c r="I138" t="s">
        <v>30540</v>
      </c>
    </row>
    <row r="139" spans="1:9">
      <c r="A139" s="1">
        <v>0.87042743099753361</v>
      </c>
      <c r="B139" s="1"/>
      <c r="C139">
        <v>9</v>
      </c>
      <c r="D139" t="s">
        <v>2238</v>
      </c>
      <c r="E139" t="s">
        <v>31020</v>
      </c>
      <c r="F139">
        <v>2</v>
      </c>
      <c r="H139" t="s">
        <v>2239</v>
      </c>
      <c r="I139" t="s">
        <v>30540</v>
      </c>
    </row>
    <row r="140" spans="1:9">
      <c r="A140" s="1">
        <v>0.11653699580532761</v>
      </c>
      <c r="B140" s="1"/>
      <c r="C140">
        <v>9</v>
      </c>
      <c r="D140" t="s">
        <v>2230</v>
      </c>
      <c r="E140" t="s">
        <v>31022</v>
      </c>
      <c r="F140">
        <v>3</v>
      </c>
      <c r="G140" t="s">
        <v>762</v>
      </c>
      <c r="H140" t="s">
        <v>2231</v>
      </c>
      <c r="I140" t="s">
        <v>30540</v>
      </c>
    </row>
    <row r="141" spans="1:9">
      <c r="A141" s="1">
        <v>0.45334327915608985</v>
      </c>
      <c r="B141" s="1"/>
      <c r="C141">
        <v>2</v>
      </c>
      <c r="D141" t="s">
        <v>2220</v>
      </c>
      <c r="E141" t="s">
        <v>31025</v>
      </c>
      <c r="F141">
        <v>1</v>
      </c>
      <c r="G141" t="s">
        <v>838</v>
      </c>
      <c r="H141" t="s">
        <v>2221</v>
      </c>
      <c r="I141" t="s">
        <v>30540</v>
      </c>
    </row>
    <row r="142" spans="1:9">
      <c r="A142" s="1">
        <v>0.94277153760993104</v>
      </c>
      <c r="B142" s="1"/>
      <c r="C142">
        <v>16</v>
      </c>
      <c r="D142" t="s">
        <v>2214</v>
      </c>
      <c r="E142" t="s">
        <v>31027</v>
      </c>
      <c r="F142">
        <v>3</v>
      </c>
      <c r="H142" t="s">
        <v>2215</v>
      </c>
      <c r="I142" t="s">
        <v>30540</v>
      </c>
    </row>
    <row r="143" spans="1:9">
      <c r="A143" s="1">
        <v>7.9026822333295832E-2</v>
      </c>
      <c r="B143" s="1"/>
      <c r="C143">
        <v>6</v>
      </c>
      <c r="D143" t="s">
        <v>2208</v>
      </c>
      <c r="E143" t="s">
        <v>31027</v>
      </c>
      <c r="F143">
        <v>3</v>
      </c>
      <c r="H143" t="s">
        <v>2209</v>
      </c>
      <c r="I143" t="s">
        <v>30540</v>
      </c>
    </row>
    <row r="144" spans="1:9">
      <c r="A144" s="1">
        <v>0.94733171294092799</v>
      </c>
      <c r="B144" s="1"/>
      <c r="C144">
        <v>1</v>
      </c>
      <c r="D144" t="s">
        <v>2200</v>
      </c>
      <c r="E144" t="s">
        <v>31028</v>
      </c>
      <c r="F144">
        <v>1</v>
      </c>
      <c r="H144" t="s">
        <v>2201</v>
      </c>
      <c r="I144" t="s">
        <v>30540</v>
      </c>
    </row>
    <row r="145" spans="1:9">
      <c r="A145" s="1">
        <v>0.94837586278482777</v>
      </c>
      <c r="B145" s="1"/>
      <c r="C145">
        <v>1</v>
      </c>
      <c r="D145" t="s">
        <v>2196</v>
      </c>
      <c r="E145" t="s">
        <v>31030</v>
      </c>
      <c r="F145">
        <v>3</v>
      </c>
      <c r="H145" t="s">
        <v>2197</v>
      </c>
      <c r="I145" t="s">
        <v>30540</v>
      </c>
    </row>
    <row r="146" spans="1:9">
      <c r="A146" s="1">
        <v>0.18919738269800634</v>
      </c>
      <c r="B146" s="1"/>
      <c r="C146">
        <v>4</v>
      </c>
      <c r="D146" t="s">
        <v>2192</v>
      </c>
      <c r="E146" t="s">
        <v>31032</v>
      </c>
      <c r="F146">
        <v>2</v>
      </c>
      <c r="H146" t="s">
        <v>2193</v>
      </c>
      <c r="I146" t="s">
        <v>30540</v>
      </c>
    </row>
    <row r="147" spans="1:9">
      <c r="A147" s="1">
        <v>0.57672502093590738</v>
      </c>
      <c r="B147" s="1"/>
      <c r="C147">
        <v>3</v>
      </c>
      <c r="D147" t="s">
        <v>2174</v>
      </c>
      <c r="E147" t="s">
        <v>31036</v>
      </c>
      <c r="F147">
        <v>3</v>
      </c>
      <c r="H147" t="s">
        <v>2175</v>
      </c>
      <c r="I147" t="s">
        <v>30540</v>
      </c>
    </row>
    <row r="148" spans="1:9">
      <c r="A148" s="1">
        <v>0.28417547962064127</v>
      </c>
      <c r="B148" s="1"/>
      <c r="C148">
        <v>5</v>
      </c>
      <c r="D148" t="s">
        <v>2168</v>
      </c>
      <c r="E148" t="s">
        <v>31039</v>
      </c>
      <c r="F148">
        <v>3</v>
      </c>
      <c r="G148" t="s">
        <v>838</v>
      </c>
      <c r="H148" t="s">
        <v>2169</v>
      </c>
      <c r="I148" t="s">
        <v>30540</v>
      </c>
    </row>
    <row r="149" spans="1:9">
      <c r="A149" s="1">
        <v>0.58792972367975982</v>
      </c>
      <c r="B149" s="1"/>
      <c r="C149">
        <v>3</v>
      </c>
      <c r="D149" t="s">
        <v>2162</v>
      </c>
      <c r="E149" t="s">
        <v>31040</v>
      </c>
      <c r="F149">
        <v>2</v>
      </c>
      <c r="H149" t="s">
        <v>2163</v>
      </c>
      <c r="I149" t="s">
        <v>30540</v>
      </c>
    </row>
    <row r="150" spans="1:9">
      <c r="A150" s="1">
        <v>0.3745728602542665</v>
      </c>
      <c r="B150" s="1"/>
      <c r="C150">
        <v>6</v>
      </c>
      <c r="D150" t="s">
        <v>2156</v>
      </c>
      <c r="E150" t="s">
        <v>31042</v>
      </c>
      <c r="F150">
        <v>2</v>
      </c>
      <c r="H150" t="s">
        <v>2157</v>
      </c>
      <c r="I150" t="s">
        <v>30540</v>
      </c>
    </row>
    <row r="151" spans="1:9">
      <c r="A151" s="1">
        <v>0.70943888562801061</v>
      </c>
      <c r="B151" s="1"/>
      <c r="C151">
        <v>2</v>
      </c>
      <c r="D151" t="s">
        <v>2148</v>
      </c>
      <c r="E151" t="s">
        <v>31044</v>
      </c>
      <c r="F151">
        <v>3</v>
      </c>
      <c r="H151" t="s">
        <v>2149</v>
      </c>
      <c r="I151" t="s">
        <v>30540</v>
      </c>
    </row>
    <row r="152" spans="1:9">
      <c r="A152" s="1">
        <v>5.5102714278731924E-3</v>
      </c>
      <c r="B152" s="1"/>
      <c r="C152">
        <v>2</v>
      </c>
      <c r="D152" t="s">
        <v>2146</v>
      </c>
      <c r="E152" t="s">
        <v>31045</v>
      </c>
      <c r="F152">
        <v>3</v>
      </c>
      <c r="H152" t="s">
        <v>2147</v>
      </c>
      <c r="I152" t="s">
        <v>30540</v>
      </c>
    </row>
    <row r="153" spans="1:9">
      <c r="A153" s="1">
        <v>0.1611232013999806</v>
      </c>
      <c r="B153" s="1"/>
      <c r="C153">
        <v>20</v>
      </c>
      <c r="D153" t="s">
        <v>2140</v>
      </c>
      <c r="E153" t="s">
        <v>31048</v>
      </c>
      <c r="F153">
        <v>2</v>
      </c>
      <c r="H153" t="s">
        <v>2141</v>
      </c>
      <c r="I153" t="s">
        <v>30540</v>
      </c>
    </row>
    <row r="154" spans="1:9">
      <c r="A154" s="1">
        <v>0.99058819970993894</v>
      </c>
      <c r="B154" s="1"/>
      <c r="C154">
        <v>3</v>
      </c>
      <c r="D154" t="s">
        <v>2124</v>
      </c>
      <c r="E154" t="s">
        <v>31049</v>
      </c>
      <c r="F154">
        <v>1</v>
      </c>
      <c r="H154" t="s">
        <v>2125</v>
      </c>
      <c r="I154" t="s">
        <v>30540</v>
      </c>
    </row>
    <row r="155" spans="1:9">
      <c r="A155" s="1">
        <v>0.69585454475365438</v>
      </c>
      <c r="B155" s="1"/>
      <c r="C155">
        <v>5</v>
      </c>
      <c r="D155" t="s">
        <v>2128</v>
      </c>
      <c r="E155" t="s">
        <v>31049</v>
      </c>
      <c r="F155">
        <v>1</v>
      </c>
      <c r="H155" t="s">
        <v>2129</v>
      </c>
      <c r="I155" t="s">
        <v>30540</v>
      </c>
    </row>
    <row r="156" spans="1:9">
      <c r="A156" s="1">
        <v>0.56271212939145843</v>
      </c>
      <c r="B156" s="1"/>
      <c r="C156">
        <v>6</v>
      </c>
      <c r="D156" t="s">
        <v>2122</v>
      </c>
      <c r="E156" t="s">
        <v>31050</v>
      </c>
      <c r="F156">
        <v>3</v>
      </c>
      <c r="H156" t="s">
        <v>2123</v>
      </c>
      <c r="I156" t="s">
        <v>30540</v>
      </c>
    </row>
    <row r="157" spans="1:9">
      <c r="A157" s="1">
        <v>0.48223114786620791</v>
      </c>
      <c r="B157" s="1"/>
      <c r="C157">
        <v>2</v>
      </c>
      <c r="D157" t="s">
        <v>2118</v>
      </c>
      <c r="E157" t="s">
        <v>31052</v>
      </c>
      <c r="F157">
        <v>2</v>
      </c>
      <c r="H157" t="s">
        <v>2119</v>
      </c>
      <c r="I157" t="s">
        <v>30540</v>
      </c>
    </row>
    <row r="158" spans="1:9">
      <c r="A158" s="1">
        <v>0.78561226633111447</v>
      </c>
      <c r="B158" s="1"/>
      <c r="C158">
        <v>3</v>
      </c>
      <c r="D158" t="s">
        <v>2100</v>
      </c>
      <c r="E158" t="s">
        <v>31056</v>
      </c>
      <c r="F158">
        <v>2</v>
      </c>
      <c r="H158" t="s">
        <v>2101</v>
      </c>
      <c r="I158" t="s">
        <v>30540</v>
      </c>
    </row>
    <row r="159" spans="1:9">
      <c r="A159" s="1">
        <v>0.94110635628701444</v>
      </c>
      <c r="B159" s="1"/>
      <c r="C159">
        <v>4</v>
      </c>
      <c r="D159" t="s">
        <v>2080</v>
      </c>
      <c r="E159" t="s">
        <v>31060</v>
      </c>
      <c r="F159">
        <v>1</v>
      </c>
      <c r="H159" t="s">
        <v>2081</v>
      </c>
      <c r="I159" t="s">
        <v>30540</v>
      </c>
    </row>
    <row r="160" spans="1:9">
      <c r="A160" s="1">
        <v>0.47339282243234537</v>
      </c>
      <c r="B160" s="1"/>
      <c r="C160">
        <v>5</v>
      </c>
      <c r="D160" t="s">
        <v>2076</v>
      </c>
      <c r="E160" t="s">
        <v>31062</v>
      </c>
      <c r="F160">
        <v>2</v>
      </c>
      <c r="H160" t="s">
        <v>2077</v>
      </c>
      <c r="I160" t="s">
        <v>30540</v>
      </c>
    </row>
    <row r="161" spans="1:9">
      <c r="A161" s="1">
        <v>0.31498257947044928</v>
      </c>
      <c r="B161" s="1"/>
      <c r="C161">
        <v>2</v>
      </c>
      <c r="D161" t="s">
        <v>2070</v>
      </c>
      <c r="E161" t="s">
        <v>31063</v>
      </c>
      <c r="F161">
        <v>3</v>
      </c>
      <c r="H161" t="s">
        <v>2071</v>
      </c>
      <c r="I161" t="s">
        <v>30540</v>
      </c>
    </row>
    <row r="162" spans="1:9">
      <c r="A162" s="1">
        <v>0.28058295027157276</v>
      </c>
      <c r="B162" s="1"/>
      <c r="C162">
        <v>6</v>
      </c>
      <c r="D162" t="s">
        <v>2056</v>
      </c>
      <c r="E162" t="s">
        <v>31065</v>
      </c>
      <c r="F162">
        <v>3</v>
      </c>
      <c r="H162" t="s">
        <v>2057</v>
      </c>
      <c r="I162" t="s">
        <v>30540</v>
      </c>
    </row>
    <row r="163" spans="1:9">
      <c r="A163" s="1">
        <v>0.39442595621589804</v>
      </c>
      <c r="B163" s="1"/>
      <c r="C163">
        <v>6</v>
      </c>
      <c r="D163" t="s">
        <v>2044</v>
      </c>
      <c r="E163" t="s">
        <v>31068</v>
      </c>
      <c r="F163">
        <v>2</v>
      </c>
      <c r="H163" t="s">
        <v>2045</v>
      </c>
      <c r="I163" t="s">
        <v>30540</v>
      </c>
    </row>
    <row r="164" spans="1:9">
      <c r="A164" s="1">
        <v>0.42682592052352875</v>
      </c>
      <c r="B164" s="1"/>
      <c r="C164">
        <v>3</v>
      </c>
      <c r="D164" t="s">
        <v>2040</v>
      </c>
      <c r="E164" t="s">
        <v>31069</v>
      </c>
      <c r="F164">
        <v>2</v>
      </c>
      <c r="H164" t="s">
        <v>2041</v>
      </c>
      <c r="I164" t="s">
        <v>30540</v>
      </c>
    </row>
    <row r="165" spans="1:9">
      <c r="A165" s="1">
        <v>0.59181306637509579</v>
      </c>
      <c r="B165" s="1"/>
      <c r="C165">
        <v>9</v>
      </c>
      <c r="D165" t="s">
        <v>2030</v>
      </c>
      <c r="E165" t="s">
        <v>31071</v>
      </c>
      <c r="F165">
        <v>3</v>
      </c>
      <c r="H165" t="s">
        <v>2031</v>
      </c>
      <c r="I165" t="s">
        <v>30540</v>
      </c>
    </row>
    <row r="166" spans="1:9">
      <c r="A166" s="1">
        <v>0.58719799114556404</v>
      </c>
      <c r="B166" s="1"/>
      <c r="C166">
        <v>7</v>
      </c>
      <c r="D166" t="s">
        <v>2026</v>
      </c>
      <c r="E166" t="s">
        <v>31071</v>
      </c>
      <c r="F166">
        <v>3</v>
      </c>
      <c r="H166" t="s">
        <v>2027</v>
      </c>
      <c r="I166" t="s">
        <v>30540</v>
      </c>
    </row>
    <row r="167" spans="1:9">
      <c r="A167" s="1">
        <v>0.22294258253759769</v>
      </c>
      <c r="B167" s="1"/>
      <c r="C167">
        <v>1</v>
      </c>
      <c r="D167" t="s">
        <v>2016</v>
      </c>
      <c r="E167" t="s">
        <v>31073</v>
      </c>
      <c r="F167">
        <v>2</v>
      </c>
      <c r="H167" t="s">
        <v>2017</v>
      </c>
      <c r="I167" t="s">
        <v>30540</v>
      </c>
    </row>
    <row r="168" spans="1:9">
      <c r="A168" s="1">
        <v>0.49156993481061395</v>
      </c>
      <c r="B168" s="1"/>
      <c r="C168">
        <v>7</v>
      </c>
      <c r="D168" t="s">
        <v>2004</v>
      </c>
      <c r="E168" t="s">
        <v>31077</v>
      </c>
      <c r="F168">
        <v>3</v>
      </c>
      <c r="H168" t="s">
        <v>2005</v>
      </c>
      <c r="I168" t="s">
        <v>30540</v>
      </c>
    </row>
    <row r="169" spans="1:9">
      <c r="A169" s="1">
        <v>0.4763335015014164</v>
      </c>
      <c r="B169" s="1"/>
      <c r="C169">
        <v>2</v>
      </c>
      <c r="D169" t="s">
        <v>1988</v>
      </c>
      <c r="E169" t="s">
        <v>31079</v>
      </c>
      <c r="F169">
        <v>3</v>
      </c>
      <c r="H169" t="s">
        <v>1989</v>
      </c>
      <c r="I169" t="s">
        <v>30540</v>
      </c>
    </row>
    <row r="170" spans="1:9">
      <c r="A170" s="1">
        <v>0.32865811192415695</v>
      </c>
      <c r="B170" s="1"/>
      <c r="C170">
        <v>1</v>
      </c>
      <c r="D170" t="s">
        <v>1986</v>
      </c>
      <c r="E170" t="s">
        <v>31079</v>
      </c>
      <c r="F170">
        <v>3</v>
      </c>
      <c r="H170" t="s">
        <v>1987</v>
      </c>
      <c r="I170" t="s">
        <v>30540</v>
      </c>
    </row>
    <row r="171" spans="1:9">
      <c r="A171" s="1">
        <v>0.94278679101742524</v>
      </c>
      <c r="B171" s="1"/>
      <c r="C171">
        <v>11</v>
      </c>
      <c r="D171" t="s">
        <v>1994</v>
      </c>
      <c r="E171" t="s">
        <v>31079</v>
      </c>
      <c r="F171">
        <v>2</v>
      </c>
      <c r="H171" t="s">
        <v>1995</v>
      </c>
      <c r="I171" t="s">
        <v>30540</v>
      </c>
    </row>
    <row r="172" spans="1:9">
      <c r="A172" s="1">
        <v>0.10581898375570442</v>
      </c>
      <c r="B172" s="1"/>
      <c r="C172">
        <v>5</v>
      </c>
      <c r="D172" t="s">
        <v>1982</v>
      </c>
      <c r="E172" t="s">
        <v>31080</v>
      </c>
      <c r="F172">
        <v>1</v>
      </c>
      <c r="H172" t="s">
        <v>1983</v>
      </c>
      <c r="I172" t="s">
        <v>30540</v>
      </c>
    </row>
    <row r="173" spans="1:9">
      <c r="A173" s="1">
        <v>0.5763090181902466</v>
      </c>
      <c r="B173" s="1"/>
      <c r="C173">
        <v>8</v>
      </c>
      <c r="D173" t="s">
        <v>1980</v>
      </c>
      <c r="E173" t="s">
        <v>31081</v>
      </c>
      <c r="F173">
        <v>2</v>
      </c>
      <c r="H173" t="s">
        <v>1981</v>
      </c>
      <c r="I173" t="s">
        <v>30540</v>
      </c>
    </row>
    <row r="174" spans="1:9">
      <c r="A174" s="1">
        <v>0.66088788393359976</v>
      </c>
      <c r="B174" s="1"/>
      <c r="C174">
        <v>1</v>
      </c>
      <c r="D174" t="s">
        <v>1976</v>
      </c>
      <c r="E174" t="s">
        <v>31082</v>
      </c>
      <c r="F174">
        <v>3</v>
      </c>
      <c r="H174" t="s">
        <v>1977</v>
      </c>
      <c r="I174" t="s">
        <v>30540</v>
      </c>
    </row>
    <row r="175" spans="1:9">
      <c r="A175" s="1">
        <v>2.8784993776973522E-2</v>
      </c>
      <c r="B175" s="1"/>
      <c r="C175">
        <v>3</v>
      </c>
      <c r="D175" t="s">
        <v>1972</v>
      </c>
      <c r="E175" t="s">
        <v>31083</v>
      </c>
      <c r="F175">
        <v>3</v>
      </c>
      <c r="H175" t="s">
        <v>1973</v>
      </c>
      <c r="I175" t="s">
        <v>30540</v>
      </c>
    </row>
    <row r="176" spans="1:9">
      <c r="A176" s="1">
        <v>0.88291461698762108</v>
      </c>
      <c r="B176" s="1"/>
      <c r="C176">
        <v>5</v>
      </c>
      <c r="D176" t="s">
        <v>1966</v>
      </c>
      <c r="E176" t="s">
        <v>31084</v>
      </c>
      <c r="F176">
        <v>3</v>
      </c>
      <c r="H176" t="s">
        <v>1967</v>
      </c>
      <c r="I176" t="s">
        <v>30540</v>
      </c>
    </row>
    <row r="177" spans="1:9">
      <c r="A177" s="1">
        <v>0.91105283984940733</v>
      </c>
      <c r="B177" s="1"/>
      <c r="C177">
        <v>6</v>
      </c>
      <c r="D177" t="s">
        <v>1968</v>
      </c>
      <c r="E177" t="s">
        <v>31084</v>
      </c>
      <c r="F177">
        <v>2</v>
      </c>
      <c r="H177" t="s">
        <v>1969</v>
      </c>
      <c r="I177" t="s">
        <v>30540</v>
      </c>
    </row>
    <row r="178" spans="1:9">
      <c r="A178" s="1">
        <v>0.70890839285032226</v>
      </c>
      <c r="B178" s="1"/>
      <c r="C178">
        <v>2</v>
      </c>
      <c r="D178" t="s">
        <v>1964</v>
      </c>
      <c r="E178" t="s">
        <v>31084</v>
      </c>
      <c r="F178">
        <v>1</v>
      </c>
      <c r="H178" t="s">
        <v>1965</v>
      </c>
      <c r="I178" t="s">
        <v>30540</v>
      </c>
    </row>
    <row r="179" spans="1:9">
      <c r="A179" s="1">
        <v>0.31796089091945345</v>
      </c>
      <c r="B179" s="1"/>
      <c r="C179">
        <v>1</v>
      </c>
      <c r="D179" t="s">
        <v>1956</v>
      </c>
      <c r="E179" t="s">
        <v>31086</v>
      </c>
      <c r="F179">
        <v>1</v>
      </c>
      <c r="H179" t="s">
        <v>1957</v>
      </c>
      <c r="I179" t="s">
        <v>30540</v>
      </c>
    </row>
    <row r="180" spans="1:9">
      <c r="A180" s="1">
        <v>2.2400880367247189E-2</v>
      </c>
      <c r="B180" s="1"/>
      <c r="C180">
        <v>4</v>
      </c>
      <c r="D180" t="s">
        <v>1932</v>
      </c>
      <c r="E180" t="s">
        <v>31092</v>
      </c>
      <c r="F180">
        <v>3</v>
      </c>
      <c r="H180" t="s">
        <v>1933</v>
      </c>
      <c r="I180" t="s">
        <v>30540</v>
      </c>
    </row>
    <row r="181" spans="1:9">
      <c r="A181" s="1">
        <v>0.18560001287265593</v>
      </c>
      <c r="B181" s="1"/>
      <c r="C181">
        <v>1</v>
      </c>
      <c r="D181" t="s">
        <v>1928</v>
      </c>
      <c r="E181" t="s">
        <v>31092</v>
      </c>
      <c r="F181">
        <v>3</v>
      </c>
      <c r="H181" t="s">
        <v>1929</v>
      </c>
      <c r="I181" t="s">
        <v>30540</v>
      </c>
    </row>
    <row r="182" spans="1:9">
      <c r="A182" s="1">
        <v>0.36069256626335777</v>
      </c>
      <c r="B182" s="1"/>
      <c r="C182">
        <v>6</v>
      </c>
      <c r="D182" t="s">
        <v>1924</v>
      </c>
      <c r="E182" t="s">
        <v>31094</v>
      </c>
      <c r="F182">
        <v>1</v>
      </c>
      <c r="H182" t="s">
        <v>1925</v>
      </c>
      <c r="I182" t="s">
        <v>30540</v>
      </c>
    </row>
    <row r="183" spans="1:9">
      <c r="A183" s="1">
        <v>0.54077351338332358</v>
      </c>
      <c r="B183" s="1"/>
      <c r="C183">
        <v>1</v>
      </c>
      <c r="D183" t="s">
        <v>1910</v>
      </c>
      <c r="E183" t="s">
        <v>31098</v>
      </c>
      <c r="F183">
        <v>3</v>
      </c>
      <c r="H183" t="s">
        <v>1911</v>
      </c>
      <c r="I183" t="s">
        <v>30540</v>
      </c>
    </row>
    <row r="184" spans="1:9">
      <c r="A184" s="1">
        <v>0.50282616689496595</v>
      </c>
      <c r="B184" s="1"/>
      <c r="C184">
        <v>6</v>
      </c>
      <c r="D184" t="s">
        <v>1904</v>
      </c>
      <c r="E184" t="s">
        <v>31099</v>
      </c>
      <c r="F184">
        <v>3</v>
      </c>
      <c r="H184" t="s">
        <v>1905</v>
      </c>
      <c r="I184" t="s">
        <v>30540</v>
      </c>
    </row>
    <row r="185" spans="1:9">
      <c r="A185" s="1">
        <v>0.93705548928589733</v>
      </c>
      <c r="B185" s="1"/>
      <c r="C185">
        <v>3</v>
      </c>
      <c r="D185" t="s">
        <v>1900</v>
      </c>
      <c r="E185" t="s">
        <v>31099</v>
      </c>
      <c r="F185">
        <v>2</v>
      </c>
      <c r="H185" t="s">
        <v>1901</v>
      </c>
      <c r="I185" t="s">
        <v>30540</v>
      </c>
    </row>
    <row r="186" spans="1:9">
      <c r="A186" s="1">
        <v>0.99788357209281009</v>
      </c>
      <c r="B186" s="1"/>
      <c r="C186">
        <v>7</v>
      </c>
      <c r="D186" t="s">
        <v>1866</v>
      </c>
      <c r="E186" t="s">
        <v>31107</v>
      </c>
      <c r="F186">
        <v>3</v>
      </c>
      <c r="H186" t="s">
        <v>1867</v>
      </c>
      <c r="I186" t="s">
        <v>30540</v>
      </c>
    </row>
    <row r="187" spans="1:9">
      <c r="A187" s="1">
        <v>0.17416368978799668</v>
      </c>
      <c r="B187" s="1"/>
      <c r="C187">
        <v>2</v>
      </c>
      <c r="D187" t="s">
        <v>1858</v>
      </c>
      <c r="E187" t="s">
        <v>31109</v>
      </c>
      <c r="F187">
        <v>2</v>
      </c>
      <c r="H187" t="s">
        <v>1859</v>
      </c>
      <c r="I187" t="s">
        <v>30540</v>
      </c>
    </row>
    <row r="188" spans="1:9">
      <c r="A188" s="1">
        <v>0.2718318268009714</v>
      </c>
      <c r="B188" s="1"/>
      <c r="C188">
        <v>3</v>
      </c>
      <c r="D188" t="s">
        <v>1834</v>
      </c>
      <c r="E188" t="s">
        <v>31115</v>
      </c>
      <c r="F188">
        <v>3</v>
      </c>
      <c r="H188" t="s">
        <v>1835</v>
      </c>
      <c r="I188" t="s">
        <v>30540</v>
      </c>
    </row>
    <row r="189" spans="1:9">
      <c r="A189" s="1">
        <v>0.34780469831650285</v>
      </c>
      <c r="B189" s="1"/>
      <c r="C189">
        <v>1</v>
      </c>
      <c r="D189" t="s">
        <v>1820</v>
      </c>
      <c r="E189" t="s">
        <v>31118</v>
      </c>
      <c r="F189">
        <v>2</v>
      </c>
      <c r="H189" t="s">
        <v>1821</v>
      </c>
      <c r="I189" t="s">
        <v>30540</v>
      </c>
    </row>
    <row r="190" spans="1:9">
      <c r="A190" s="1">
        <v>0.73670102044317198</v>
      </c>
      <c r="B190" s="1"/>
      <c r="C190">
        <v>1</v>
      </c>
      <c r="D190" t="s">
        <v>1818</v>
      </c>
      <c r="E190" t="s">
        <v>31119</v>
      </c>
      <c r="F190">
        <v>2</v>
      </c>
      <c r="H190" t="s">
        <v>1819</v>
      </c>
      <c r="I190" t="s">
        <v>30540</v>
      </c>
    </row>
    <row r="191" spans="1:9">
      <c r="A191" s="1">
        <v>5.2347111531401036E-2</v>
      </c>
      <c r="B191" s="1"/>
      <c r="C191">
        <v>4</v>
      </c>
      <c r="D191" t="s">
        <v>1796</v>
      </c>
      <c r="E191" t="s">
        <v>31126</v>
      </c>
      <c r="F191">
        <v>3</v>
      </c>
      <c r="H191" t="s">
        <v>1797</v>
      </c>
      <c r="I191" t="s">
        <v>30540</v>
      </c>
    </row>
    <row r="192" spans="1:9">
      <c r="A192" s="1">
        <v>0.74597903121137654</v>
      </c>
      <c r="B192" s="1"/>
      <c r="C192">
        <v>3</v>
      </c>
      <c r="D192" t="s">
        <v>1792</v>
      </c>
      <c r="E192" t="s">
        <v>31127</v>
      </c>
      <c r="F192">
        <v>3</v>
      </c>
      <c r="H192" t="s">
        <v>1793</v>
      </c>
      <c r="I192" t="s">
        <v>30540</v>
      </c>
    </row>
    <row r="193" spans="1:9">
      <c r="A193" s="1">
        <v>0.71136109086957022</v>
      </c>
      <c r="B193" s="1"/>
      <c r="C193">
        <v>6</v>
      </c>
      <c r="D193" t="s">
        <v>1780</v>
      </c>
      <c r="E193" t="s">
        <v>31129</v>
      </c>
      <c r="F193">
        <v>2</v>
      </c>
      <c r="H193" t="s">
        <v>1781</v>
      </c>
      <c r="I193" t="s">
        <v>30540</v>
      </c>
    </row>
    <row r="194" spans="1:9">
      <c r="A194" s="1">
        <v>0.32642668474273195</v>
      </c>
      <c r="B194" s="1"/>
      <c r="C194">
        <v>2</v>
      </c>
      <c r="D194" t="s">
        <v>1776</v>
      </c>
      <c r="E194" t="s">
        <v>31130</v>
      </c>
      <c r="F194">
        <v>3</v>
      </c>
      <c r="H194" t="s">
        <v>1777</v>
      </c>
      <c r="I194" t="s">
        <v>30540</v>
      </c>
    </row>
    <row r="195" spans="1:9">
      <c r="A195" s="1">
        <v>0.11315669492814018</v>
      </c>
      <c r="B195" s="1"/>
      <c r="C195">
        <v>3</v>
      </c>
      <c r="D195" t="s">
        <v>1768</v>
      </c>
      <c r="E195" t="s">
        <v>31132</v>
      </c>
      <c r="F195">
        <v>2</v>
      </c>
      <c r="H195" t="s">
        <v>1769</v>
      </c>
      <c r="I195" t="s">
        <v>30540</v>
      </c>
    </row>
    <row r="196" spans="1:9">
      <c r="A196" s="1">
        <v>0.28061106214522491</v>
      </c>
      <c r="B196" s="1"/>
      <c r="C196">
        <v>3</v>
      </c>
      <c r="D196" t="s">
        <v>1760</v>
      </c>
      <c r="E196" t="s">
        <v>31134</v>
      </c>
      <c r="F196">
        <v>2</v>
      </c>
      <c r="H196" t="s">
        <v>1761</v>
      </c>
      <c r="I196" t="s">
        <v>30540</v>
      </c>
    </row>
    <row r="197" spans="1:9">
      <c r="A197" s="1">
        <v>0.35669620079319808</v>
      </c>
      <c r="B197" s="1"/>
      <c r="C197">
        <v>8</v>
      </c>
      <c r="D197" t="s">
        <v>1756</v>
      </c>
      <c r="E197" t="s">
        <v>31135</v>
      </c>
      <c r="F197">
        <v>1</v>
      </c>
      <c r="H197" t="s">
        <v>1757</v>
      </c>
      <c r="I197" t="s">
        <v>30540</v>
      </c>
    </row>
    <row r="198" spans="1:9">
      <c r="A198" s="1">
        <v>0.47684249800363521</v>
      </c>
      <c r="B198" s="1"/>
      <c r="C198">
        <v>4</v>
      </c>
      <c r="D198" t="s">
        <v>1742</v>
      </c>
      <c r="E198" t="s">
        <v>31137</v>
      </c>
      <c r="F198">
        <v>3</v>
      </c>
      <c r="H198" t="s">
        <v>1743</v>
      </c>
      <c r="I198" t="s">
        <v>30540</v>
      </c>
    </row>
    <row r="199" spans="1:9">
      <c r="A199" s="1">
        <v>0.82391061277277422</v>
      </c>
      <c r="B199" s="1"/>
      <c r="C199">
        <v>4</v>
      </c>
      <c r="D199" t="s">
        <v>1734</v>
      </c>
      <c r="E199" t="s">
        <v>31139</v>
      </c>
      <c r="F199">
        <v>3</v>
      </c>
      <c r="H199" t="s">
        <v>1735</v>
      </c>
      <c r="I199" t="s">
        <v>30540</v>
      </c>
    </row>
    <row r="200" spans="1:9">
      <c r="A200" s="1">
        <v>0.82659595287426435</v>
      </c>
      <c r="B200" s="1"/>
      <c r="C200">
        <v>5</v>
      </c>
      <c r="D200" t="s">
        <v>1710</v>
      </c>
      <c r="E200" t="s">
        <v>31146</v>
      </c>
      <c r="F200">
        <v>2</v>
      </c>
      <c r="H200" t="s">
        <v>1711</v>
      </c>
      <c r="I200" t="s">
        <v>30540</v>
      </c>
    </row>
    <row r="201" spans="1:9">
      <c r="A201" s="1">
        <v>0.90301928027600709</v>
      </c>
      <c r="B201" s="1"/>
      <c r="C201">
        <v>4</v>
      </c>
      <c r="D201" t="s">
        <v>1708</v>
      </c>
      <c r="E201" t="s">
        <v>31146</v>
      </c>
      <c r="F201">
        <v>1</v>
      </c>
      <c r="H201" t="s">
        <v>1709</v>
      </c>
      <c r="I201" t="s">
        <v>30540</v>
      </c>
    </row>
    <row r="202" spans="1:9">
      <c r="A202" s="1">
        <v>0.26811922458102844</v>
      </c>
      <c r="B202" s="1"/>
      <c r="C202">
        <v>3</v>
      </c>
      <c r="D202" t="s">
        <v>1682</v>
      </c>
      <c r="E202" t="s">
        <v>31151</v>
      </c>
      <c r="F202">
        <v>1</v>
      </c>
      <c r="H202" t="s">
        <v>1683</v>
      </c>
      <c r="I202" t="s">
        <v>30540</v>
      </c>
    </row>
    <row r="203" spans="1:9">
      <c r="A203" s="1">
        <v>0.71363417938458629</v>
      </c>
      <c r="B203" s="1"/>
      <c r="C203">
        <v>9</v>
      </c>
      <c r="D203" t="s">
        <v>1640</v>
      </c>
      <c r="E203" t="s">
        <v>31162</v>
      </c>
      <c r="F203">
        <v>3</v>
      </c>
      <c r="H203" t="s">
        <v>1641</v>
      </c>
      <c r="I203" t="s">
        <v>30540</v>
      </c>
    </row>
    <row r="204" spans="1:9">
      <c r="A204" s="1">
        <v>0.17976601985504925</v>
      </c>
      <c r="B204" s="1"/>
      <c r="C204">
        <v>7</v>
      </c>
      <c r="D204" t="s">
        <v>1638</v>
      </c>
      <c r="E204" t="s">
        <v>31162</v>
      </c>
      <c r="F204">
        <v>2</v>
      </c>
      <c r="H204" t="s">
        <v>1639</v>
      </c>
      <c r="I204" t="s">
        <v>30540</v>
      </c>
    </row>
    <row r="205" spans="1:9">
      <c r="A205" s="1">
        <v>0.93036923265502791</v>
      </c>
      <c r="B205" s="1"/>
      <c r="C205">
        <v>3</v>
      </c>
      <c r="D205" t="s">
        <v>1622</v>
      </c>
      <c r="E205" t="s">
        <v>31164</v>
      </c>
      <c r="F205">
        <v>3</v>
      </c>
      <c r="H205" t="s">
        <v>1623</v>
      </c>
      <c r="I205" t="s">
        <v>30540</v>
      </c>
    </row>
    <row r="206" spans="1:9">
      <c r="A206" s="1">
        <v>0.53812527857552883</v>
      </c>
      <c r="B206" s="1"/>
      <c r="C206">
        <v>4</v>
      </c>
      <c r="D206" t="s">
        <v>1618</v>
      </c>
      <c r="E206" t="s">
        <v>31165</v>
      </c>
      <c r="F206">
        <v>3</v>
      </c>
      <c r="H206" t="s">
        <v>1619</v>
      </c>
      <c r="I206" t="s">
        <v>30540</v>
      </c>
    </row>
    <row r="207" spans="1:9">
      <c r="A207" s="1">
        <v>7.7367606627951835E-2</v>
      </c>
      <c r="B207" s="1"/>
      <c r="C207">
        <v>5</v>
      </c>
      <c r="D207" t="s">
        <v>1598</v>
      </c>
      <c r="E207" t="s">
        <v>31168</v>
      </c>
      <c r="F207">
        <v>3</v>
      </c>
      <c r="H207" t="s">
        <v>1599</v>
      </c>
      <c r="I207" t="s">
        <v>30540</v>
      </c>
    </row>
    <row r="208" spans="1:9">
      <c r="A208" s="1">
        <v>0.81935789046238139</v>
      </c>
      <c r="B208" s="1"/>
      <c r="C208">
        <v>7</v>
      </c>
      <c r="D208" t="s">
        <v>1602</v>
      </c>
      <c r="E208" t="s">
        <v>31168</v>
      </c>
      <c r="F208">
        <v>2</v>
      </c>
      <c r="H208" t="s">
        <v>1603</v>
      </c>
      <c r="I208" t="s">
        <v>30540</v>
      </c>
    </row>
    <row r="209" spans="1:9">
      <c r="A209" s="1">
        <v>0.21766065866073026</v>
      </c>
      <c r="B209" s="1"/>
      <c r="C209">
        <v>3</v>
      </c>
      <c r="D209" t="s">
        <v>1588</v>
      </c>
      <c r="E209" t="s">
        <v>31170</v>
      </c>
      <c r="F209">
        <v>3</v>
      </c>
      <c r="H209" t="s">
        <v>1589</v>
      </c>
      <c r="I209" t="s">
        <v>30540</v>
      </c>
    </row>
    <row r="210" spans="1:9">
      <c r="A210" s="1">
        <v>2.9610707555703941E-2</v>
      </c>
      <c r="B210" s="1"/>
      <c r="C210">
        <v>4</v>
      </c>
      <c r="D210" t="s">
        <v>1590</v>
      </c>
      <c r="E210" t="s">
        <v>31170</v>
      </c>
      <c r="F210">
        <v>3</v>
      </c>
      <c r="H210" t="s">
        <v>1591</v>
      </c>
      <c r="I210" t="s">
        <v>30540</v>
      </c>
    </row>
    <row r="211" spans="1:9">
      <c r="A211" s="1">
        <v>0.28586717797255701</v>
      </c>
      <c r="B211" s="1"/>
      <c r="C211">
        <v>2</v>
      </c>
      <c r="D211" t="s">
        <v>1576</v>
      </c>
      <c r="E211" t="s">
        <v>31173</v>
      </c>
      <c r="F211">
        <v>2</v>
      </c>
      <c r="H211" t="s">
        <v>1577</v>
      </c>
      <c r="I211" t="s">
        <v>30540</v>
      </c>
    </row>
    <row r="212" spans="1:9">
      <c r="A212" s="1">
        <v>0.37694039355872222</v>
      </c>
      <c r="B212" s="1"/>
      <c r="C212">
        <v>4</v>
      </c>
      <c r="D212" t="s">
        <v>1572</v>
      </c>
      <c r="E212" t="s">
        <v>31175</v>
      </c>
      <c r="F212">
        <v>3</v>
      </c>
      <c r="H212" t="s">
        <v>1573</v>
      </c>
      <c r="I212" t="s">
        <v>30540</v>
      </c>
    </row>
    <row r="213" spans="1:9">
      <c r="A213" s="1">
        <v>0.61572008101845188</v>
      </c>
      <c r="B213" s="1"/>
      <c r="C213">
        <v>9</v>
      </c>
      <c r="D213" t="s">
        <v>1562</v>
      </c>
      <c r="E213" t="s">
        <v>31178</v>
      </c>
      <c r="F213">
        <v>3</v>
      </c>
      <c r="H213" t="s">
        <v>1563</v>
      </c>
      <c r="I213" t="s">
        <v>30540</v>
      </c>
    </row>
    <row r="214" spans="1:9">
      <c r="A214" s="1">
        <v>0.74856896900430059</v>
      </c>
      <c r="B214" s="1"/>
      <c r="C214">
        <v>6</v>
      </c>
      <c r="D214" t="s">
        <v>1530</v>
      </c>
      <c r="E214" t="s">
        <v>31185</v>
      </c>
      <c r="F214">
        <v>2</v>
      </c>
      <c r="H214" t="s">
        <v>1531</v>
      </c>
      <c r="I214" t="s">
        <v>30540</v>
      </c>
    </row>
    <row r="215" spans="1:9">
      <c r="A215" s="1">
        <v>0.62829073583003503</v>
      </c>
      <c r="B215" s="1"/>
      <c r="C215">
        <v>2</v>
      </c>
      <c r="D215" t="s">
        <v>1518</v>
      </c>
      <c r="E215" t="s">
        <v>31186</v>
      </c>
      <c r="F215">
        <v>3</v>
      </c>
      <c r="H215" t="s">
        <v>1519</v>
      </c>
      <c r="I215" t="s">
        <v>30540</v>
      </c>
    </row>
    <row r="216" spans="1:9">
      <c r="A216" s="1">
        <v>0.51248680769932053</v>
      </c>
      <c r="B216" s="1"/>
      <c r="C216">
        <v>2</v>
      </c>
      <c r="D216" t="s">
        <v>1516</v>
      </c>
      <c r="E216" t="s">
        <v>31187</v>
      </c>
      <c r="F216">
        <v>2</v>
      </c>
      <c r="H216" t="s">
        <v>1517</v>
      </c>
      <c r="I216" t="s">
        <v>30540</v>
      </c>
    </row>
    <row r="217" spans="1:9">
      <c r="A217" s="1">
        <v>0.12569598897666978</v>
      </c>
      <c r="B217" s="1"/>
      <c r="C217">
        <v>6</v>
      </c>
      <c r="D217" t="s">
        <v>1514</v>
      </c>
      <c r="E217" t="s">
        <v>31188</v>
      </c>
      <c r="F217">
        <v>3</v>
      </c>
      <c r="H217" t="s">
        <v>1515</v>
      </c>
      <c r="I217" t="s">
        <v>30540</v>
      </c>
    </row>
    <row r="218" spans="1:9">
      <c r="A218" s="1">
        <v>3.8629702757115858E-2</v>
      </c>
      <c r="B218" s="1"/>
      <c r="C218">
        <v>11</v>
      </c>
      <c r="D218" t="s">
        <v>1510</v>
      </c>
      <c r="E218" t="s">
        <v>31189</v>
      </c>
      <c r="F218">
        <v>3</v>
      </c>
      <c r="H218" t="s">
        <v>1511</v>
      </c>
      <c r="I218" t="s">
        <v>30540</v>
      </c>
    </row>
    <row r="219" spans="1:9">
      <c r="A219" s="1">
        <v>0.5561156964002234</v>
      </c>
      <c r="B219" s="1"/>
      <c r="C219">
        <v>9</v>
      </c>
      <c r="D219" t="s">
        <v>1508</v>
      </c>
      <c r="E219" t="s">
        <v>31189</v>
      </c>
      <c r="F219">
        <v>3</v>
      </c>
      <c r="H219" t="s">
        <v>1509</v>
      </c>
      <c r="I219" t="s">
        <v>30540</v>
      </c>
    </row>
    <row r="220" spans="1:9">
      <c r="A220" s="1">
        <v>0.32755517277053725</v>
      </c>
      <c r="B220" s="1"/>
      <c r="C220">
        <v>8</v>
      </c>
      <c r="D220" t="s">
        <v>1504</v>
      </c>
      <c r="E220" t="s">
        <v>31190</v>
      </c>
      <c r="F220">
        <v>1</v>
      </c>
      <c r="H220" t="s">
        <v>1505</v>
      </c>
      <c r="I220" t="s">
        <v>30540</v>
      </c>
    </row>
    <row r="221" spans="1:9">
      <c r="A221" s="1">
        <v>0.91902837498407386</v>
      </c>
      <c r="B221" s="1"/>
      <c r="C221">
        <v>4</v>
      </c>
      <c r="D221" t="s">
        <v>1498</v>
      </c>
      <c r="E221" t="s">
        <v>31192</v>
      </c>
      <c r="F221">
        <v>3</v>
      </c>
      <c r="H221" t="s">
        <v>1499</v>
      </c>
      <c r="I221" t="s">
        <v>30540</v>
      </c>
    </row>
    <row r="222" spans="1:9">
      <c r="A222" s="1">
        <v>0.71000245737225498</v>
      </c>
      <c r="B222" s="1"/>
      <c r="C222">
        <v>5</v>
      </c>
      <c r="D222" t="s">
        <v>1494</v>
      </c>
      <c r="E222" t="s">
        <v>31194</v>
      </c>
      <c r="F222">
        <v>2</v>
      </c>
      <c r="H222" t="s">
        <v>1495</v>
      </c>
      <c r="I222" t="s">
        <v>30540</v>
      </c>
    </row>
    <row r="223" spans="1:9">
      <c r="A223" s="1">
        <v>0.23551418226457299</v>
      </c>
      <c r="B223" s="1"/>
      <c r="C223">
        <v>3</v>
      </c>
      <c r="D223" t="s">
        <v>3077</v>
      </c>
      <c r="E223" t="s">
        <v>31201</v>
      </c>
      <c r="F223">
        <v>2</v>
      </c>
      <c r="H223" t="s">
        <v>3078</v>
      </c>
      <c r="I223" t="s">
        <v>30540</v>
      </c>
    </row>
    <row r="224" spans="1:9">
      <c r="A224" s="1">
        <v>0.74560362153358961</v>
      </c>
      <c r="B224" s="1"/>
      <c r="C224">
        <v>6</v>
      </c>
      <c r="D224" t="s">
        <v>3073</v>
      </c>
      <c r="E224" t="s">
        <v>31203</v>
      </c>
      <c r="F224">
        <v>2</v>
      </c>
      <c r="H224" t="s">
        <v>3074</v>
      </c>
      <c r="I224" t="s">
        <v>30540</v>
      </c>
    </row>
    <row r="225" spans="1:9">
      <c r="A225" s="1">
        <v>0.21449214408508288</v>
      </c>
      <c r="B225" s="1"/>
      <c r="C225">
        <v>2</v>
      </c>
      <c r="D225" t="s">
        <v>3071</v>
      </c>
      <c r="E225" t="s">
        <v>31204</v>
      </c>
      <c r="F225">
        <v>2</v>
      </c>
      <c r="H225" t="s">
        <v>3072</v>
      </c>
      <c r="I225" t="s">
        <v>30540</v>
      </c>
    </row>
    <row r="226" spans="1:9">
      <c r="A226" s="1">
        <v>0.43390990647416161</v>
      </c>
      <c r="B226" s="1"/>
      <c r="C226">
        <v>2</v>
      </c>
      <c r="D226" t="s">
        <v>3063</v>
      </c>
      <c r="E226" t="s">
        <v>31206</v>
      </c>
      <c r="F226">
        <v>2</v>
      </c>
      <c r="H226" t="s">
        <v>3064</v>
      </c>
      <c r="I226" t="s">
        <v>30540</v>
      </c>
    </row>
    <row r="227" spans="1:9">
      <c r="A227" s="1">
        <v>0.77631338221845658</v>
      </c>
      <c r="B227" s="1"/>
      <c r="C227">
        <v>8</v>
      </c>
      <c r="D227" t="s">
        <v>3057</v>
      </c>
      <c r="E227" t="s">
        <v>31208</v>
      </c>
      <c r="F227">
        <v>2</v>
      </c>
      <c r="H227" t="s">
        <v>3058</v>
      </c>
      <c r="I227" t="s">
        <v>30540</v>
      </c>
    </row>
    <row r="228" spans="1:9">
      <c r="A228" s="1">
        <v>0.90976744173874136</v>
      </c>
      <c r="B228" s="1"/>
      <c r="C228">
        <v>4</v>
      </c>
      <c r="D228" t="s">
        <v>3055</v>
      </c>
      <c r="E228" t="s">
        <v>31209</v>
      </c>
      <c r="F228">
        <v>3</v>
      </c>
      <c r="H228" t="s">
        <v>3056</v>
      </c>
      <c r="I228" t="s">
        <v>30540</v>
      </c>
    </row>
    <row r="229" spans="1:9">
      <c r="A229" s="1">
        <v>0.18027130198464436</v>
      </c>
      <c r="B229" s="1"/>
      <c r="C229">
        <v>10</v>
      </c>
      <c r="D229" t="s">
        <v>3053</v>
      </c>
      <c r="E229" t="s">
        <v>31210</v>
      </c>
      <c r="F229">
        <v>2</v>
      </c>
      <c r="H229" t="s">
        <v>3054</v>
      </c>
      <c r="I229" t="s">
        <v>30540</v>
      </c>
    </row>
    <row r="230" spans="1:9">
      <c r="A230" s="1">
        <v>0.247030045667054</v>
      </c>
      <c r="B230" s="1"/>
      <c r="C230">
        <v>2</v>
      </c>
      <c r="D230" t="s">
        <v>3039</v>
      </c>
      <c r="E230" t="s">
        <v>31214</v>
      </c>
      <c r="F230">
        <v>3</v>
      </c>
      <c r="H230" t="s">
        <v>3040</v>
      </c>
      <c r="I230" t="s">
        <v>30540</v>
      </c>
    </row>
    <row r="231" spans="1:9">
      <c r="A231" s="1">
        <v>0.18131162170643056</v>
      </c>
      <c r="B231" s="1"/>
      <c r="C231">
        <v>1</v>
      </c>
      <c r="D231" t="s">
        <v>3031</v>
      </c>
      <c r="E231" t="s">
        <v>31215</v>
      </c>
      <c r="F231">
        <v>3</v>
      </c>
      <c r="H231" t="s">
        <v>3032</v>
      </c>
      <c r="I231" t="s">
        <v>30540</v>
      </c>
    </row>
    <row r="232" spans="1:9">
      <c r="A232" s="1">
        <v>0.99642693404348015</v>
      </c>
      <c r="B232" s="1"/>
      <c r="C232">
        <v>5</v>
      </c>
      <c r="D232" t="s">
        <v>3037</v>
      </c>
      <c r="E232" t="s">
        <v>31215</v>
      </c>
      <c r="F232">
        <v>2</v>
      </c>
      <c r="H232" t="s">
        <v>3038</v>
      </c>
      <c r="I232" t="s">
        <v>30540</v>
      </c>
    </row>
    <row r="233" spans="1:9">
      <c r="A233" s="1">
        <v>0.47194928576178707</v>
      </c>
      <c r="B233" s="1"/>
      <c r="C233">
        <v>2</v>
      </c>
      <c r="D233" t="s">
        <v>3027</v>
      </c>
      <c r="E233" t="s">
        <v>31217</v>
      </c>
      <c r="F233">
        <v>3</v>
      </c>
      <c r="H233" t="s">
        <v>3028</v>
      </c>
      <c r="I233" t="s">
        <v>30540</v>
      </c>
    </row>
    <row r="234" spans="1:9">
      <c r="A234" s="1">
        <v>0.25211888045928377</v>
      </c>
      <c r="B234" s="1"/>
      <c r="C234">
        <v>7</v>
      </c>
      <c r="D234" t="s">
        <v>3025</v>
      </c>
      <c r="E234" t="s">
        <v>31218</v>
      </c>
      <c r="F234">
        <v>1</v>
      </c>
      <c r="H234" t="s">
        <v>3026</v>
      </c>
      <c r="I234" t="s">
        <v>30540</v>
      </c>
    </row>
    <row r="235" spans="1:9">
      <c r="A235" s="1">
        <v>0.85495748840028629</v>
      </c>
      <c r="B235" s="1"/>
      <c r="C235">
        <v>8</v>
      </c>
      <c r="D235" t="s">
        <v>3017</v>
      </c>
      <c r="E235" t="s">
        <v>31220</v>
      </c>
      <c r="F235">
        <v>2</v>
      </c>
      <c r="H235" t="s">
        <v>3018</v>
      </c>
      <c r="I235" t="s">
        <v>30540</v>
      </c>
    </row>
    <row r="236" spans="1:9">
      <c r="A236" s="1">
        <v>0.27629517840099649</v>
      </c>
      <c r="B236" s="1"/>
      <c r="C236">
        <v>5</v>
      </c>
      <c r="D236" t="s">
        <v>3015</v>
      </c>
      <c r="E236" t="s">
        <v>31220</v>
      </c>
      <c r="F236">
        <v>2</v>
      </c>
      <c r="H236" t="s">
        <v>3016</v>
      </c>
      <c r="I236" t="s">
        <v>30540</v>
      </c>
    </row>
    <row r="237" spans="1:9">
      <c r="A237" s="1">
        <v>0.51452914447298193</v>
      </c>
      <c r="B237" s="1"/>
      <c r="C237">
        <v>7</v>
      </c>
      <c r="D237" t="s">
        <v>3009</v>
      </c>
      <c r="E237" t="s">
        <v>31222</v>
      </c>
      <c r="F237">
        <v>2</v>
      </c>
      <c r="H237" t="s">
        <v>3010</v>
      </c>
      <c r="I237" t="s">
        <v>30540</v>
      </c>
    </row>
    <row r="238" spans="1:9">
      <c r="A238" s="1">
        <v>0.78727894857659109</v>
      </c>
      <c r="B238" s="1"/>
      <c r="C238">
        <v>4</v>
      </c>
      <c r="D238" t="s">
        <v>2995</v>
      </c>
      <c r="E238" t="s">
        <v>31226</v>
      </c>
      <c r="F238">
        <v>3</v>
      </c>
      <c r="H238" t="s">
        <v>2996</v>
      </c>
      <c r="I238" t="s">
        <v>30540</v>
      </c>
    </row>
    <row r="239" spans="1:9">
      <c r="A239" s="1">
        <v>0.45132790138213252</v>
      </c>
      <c r="B239" s="1"/>
      <c r="C239">
        <v>2</v>
      </c>
      <c r="D239" t="s">
        <v>2981</v>
      </c>
      <c r="E239" t="s">
        <v>31228</v>
      </c>
      <c r="F239">
        <v>2</v>
      </c>
      <c r="H239" t="s">
        <v>2982</v>
      </c>
      <c r="I239" t="s">
        <v>30540</v>
      </c>
    </row>
    <row r="240" spans="1:9">
      <c r="A240" s="1">
        <v>3.243398873776171E-2</v>
      </c>
      <c r="B240" s="1"/>
      <c r="C240">
        <v>11</v>
      </c>
      <c r="D240" t="s">
        <v>2971</v>
      </c>
      <c r="E240" t="s">
        <v>31231</v>
      </c>
      <c r="F240">
        <v>2</v>
      </c>
      <c r="H240" t="s">
        <v>2972</v>
      </c>
      <c r="I240" t="s">
        <v>30540</v>
      </c>
    </row>
    <row r="241" spans="1:9">
      <c r="A241" s="1">
        <v>0.29939302672687229</v>
      </c>
      <c r="B241" s="1"/>
      <c r="C241">
        <v>4</v>
      </c>
      <c r="D241" t="s">
        <v>2963</v>
      </c>
      <c r="E241" t="s">
        <v>31234</v>
      </c>
      <c r="F241">
        <v>3</v>
      </c>
      <c r="H241" t="s">
        <v>2964</v>
      </c>
      <c r="I241" t="s">
        <v>30540</v>
      </c>
    </row>
    <row r="242" spans="1:9">
      <c r="A242" s="1">
        <v>0.23214251346979364</v>
      </c>
      <c r="B242" s="1"/>
      <c r="C242">
        <v>3</v>
      </c>
      <c r="D242" t="s">
        <v>2957</v>
      </c>
      <c r="E242" t="s">
        <v>31237</v>
      </c>
      <c r="F242">
        <v>3</v>
      </c>
      <c r="H242" t="s">
        <v>2958</v>
      </c>
      <c r="I242" t="s">
        <v>30540</v>
      </c>
    </row>
    <row r="243" spans="1:9">
      <c r="A243" s="1">
        <v>0.75745398143468401</v>
      </c>
      <c r="B243" s="1"/>
      <c r="C243">
        <v>6</v>
      </c>
      <c r="D243" t="s">
        <v>2951</v>
      </c>
      <c r="E243" t="s">
        <v>31239</v>
      </c>
      <c r="F243">
        <v>3</v>
      </c>
      <c r="H243" t="s">
        <v>2952</v>
      </c>
      <c r="I243" t="s">
        <v>30540</v>
      </c>
    </row>
    <row r="244" spans="1:9">
      <c r="A244" s="1">
        <v>0.66933753005502306</v>
      </c>
      <c r="B244" s="1"/>
      <c r="C244">
        <v>4</v>
      </c>
      <c r="D244" t="s">
        <v>2949</v>
      </c>
      <c r="E244" t="s">
        <v>31239</v>
      </c>
      <c r="F244">
        <v>2</v>
      </c>
      <c r="H244" t="s">
        <v>2950</v>
      </c>
      <c r="I244" t="s">
        <v>30540</v>
      </c>
    </row>
    <row r="245" spans="1:9">
      <c r="A245" s="1">
        <v>0.4273828349380272</v>
      </c>
      <c r="B245" s="1"/>
      <c r="C245">
        <v>6</v>
      </c>
      <c r="D245" t="s">
        <v>2941</v>
      </c>
      <c r="E245" t="s">
        <v>31241</v>
      </c>
      <c r="F245">
        <v>2</v>
      </c>
      <c r="H245" t="s">
        <v>2942</v>
      </c>
      <c r="I245" t="s">
        <v>30540</v>
      </c>
    </row>
    <row r="246" spans="1:9">
      <c r="A246" s="1">
        <v>0.88560593245168073</v>
      </c>
      <c r="B246" s="1"/>
      <c r="C246">
        <v>5</v>
      </c>
      <c r="D246" t="s">
        <v>2933</v>
      </c>
      <c r="E246" t="s">
        <v>31243</v>
      </c>
      <c r="F246">
        <v>2</v>
      </c>
      <c r="H246" t="s">
        <v>2934</v>
      </c>
      <c r="I246" t="s">
        <v>30540</v>
      </c>
    </row>
    <row r="247" spans="1:9">
      <c r="A247" s="1">
        <v>0.66044968156009731</v>
      </c>
      <c r="B247" s="1"/>
      <c r="C247">
        <v>1</v>
      </c>
      <c r="D247" t="s">
        <v>2929</v>
      </c>
      <c r="E247" t="s">
        <v>31244</v>
      </c>
      <c r="F247">
        <v>2</v>
      </c>
      <c r="H247" t="s">
        <v>2930</v>
      </c>
      <c r="I247" t="s">
        <v>30540</v>
      </c>
    </row>
    <row r="248" spans="1:9">
      <c r="A248" s="1">
        <v>0.52635326298930574</v>
      </c>
      <c r="B248" s="1"/>
      <c r="C248">
        <v>5</v>
      </c>
      <c r="D248" t="s">
        <v>2927</v>
      </c>
      <c r="E248" t="s">
        <v>31245</v>
      </c>
      <c r="F248">
        <v>2</v>
      </c>
      <c r="H248" t="s">
        <v>2928</v>
      </c>
      <c r="I248" t="s">
        <v>30540</v>
      </c>
    </row>
    <row r="249" spans="1:9">
      <c r="A249" s="1">
        <v>0.46293286827140667</v>
      </c>
      <c r="B249" s="1"/>
      <c r="C249">
        <v>4</v>
      </c>
      <c r="D249" t="s">
        <v>2897</v>
      </c>
      <c r="E249" t="s">
        <v>31253</v>
      </c>
      <c r="F249">
        <v>2</v>
      </c>
      <c r="H249" t="s">
        <v>2898</v>
      </c>
      <c r="I249" t="s">
        <v>30540</v>
      </c>
    </row>
    <row r="250" spans="1:9">
      <c r="A250" s="1">
        <v>0.79100007460120381</v>
      </c>
      <c r="B250" s="1"/>
      <c r="C250">
        <v>4</v>
      </c>
      <c r="D250" t="s">
        <v>2887</v>
      </c>
      <c r="E250" t="s">
        <v>31256</v>
      </c>
      <c r="F250">
        <v>3</v>
      </c>
      <c r="H250" t="s">
        <v>2888</v>
      </c>
      <c r="I250" t="s">
        <v>30540</v>
      </c>
    </row>
    <row r="251" spans="1:9">
      <c r="A251" s="1">
        <v>0.18190460543017506</v>
      </c>
      <c r="B251" s="1"/>
      <c r="C251">
        <v>4</v>
      </c>
      <c r="D251" t="s">
        <v>2875</v>
      </c>
      <c r="E251" t="s">
        <v>31260</v>
      </c>
      <c r="F251">
        <v>2</v>
      </c>
      <c r="H251" t="s">
        <v>2876</v>
      </c>
      <c r="I251" t="s">
        <v>30540</v>
      </c>
    </row>
    <row r="252" spans="1:9">
      <c r="A252" s="1">
        <v>0.77186784279252163</v>
      </c>
      <c r="B252" s="1"/>
      <c r="C252">
        <v>7</v>
      </c>
      <c r="D252" t="s">
        <v>2871</v>
      </c>
      <c r="E252" t="s">
        <v>31261</v>
      </c>
      <c r="F252">
        <v>3</v>
      </c>
      <c r="H252" t="s">
        <v>2872</v>
      </c>
      <c r="I252" t="s">
        <v>30540</v>
      </c>
    </row>
    <row r="253" spans="1:9">
      <c r="A253" s="1">
        <v>2.2974990907624337E-2</v>
      </c>
      <c r="B253" s="1"/>
      <c r="C253">
        <v>1</v>
      </c>
      <c r="D253" t="s">
        <v>2851</v>
      </c>
      <c r="E253" t="s">
        <v>31266</v>
      </c>
      <c r="F253">
        <v>3</v>
      </c>
      <c r="H253" t="s">
        <v>2852</v>
      </c>
      <c r="I253" t="s">
        <v>30540</v>
      </c>
    </row>
    <row r="254" spans="1:9">
      <c r="A254" s="1">
        <v>0.39017037347428674</v>
      </c>
      <c r="B254" s="1"/>
      <c r="C254">
        <v>4</v>
      </c>
      <c r="D254" t="s">
        <v>2847</v>
      </c>
      <c r="E254" t="s">
        <v>31268</v>
      </c>
      <c r="F254">
        <v>2</v>
      </c>
      <c r="H254" t="s">
        <v>2848</v>
      </c>
      <c r="I254" t="s">
        <v>30540</v>
      </c>
    </row>
    <row r="255" spans="1:9">
      <c r="A255" s="1">
        <v>4.9208852155602778E-2</v>
      </c>
      <c r="B255" s="1"/>
      <c r="C255">
        <v>1</v>
      </c>
      <c r="D255" t="s">
        <v>2839</v>
      </c>
      <c r="E255" t="s">
        <v>31270</v>
      </c>
      <c r="F255">
        <v>3</v>
      </c>
      <c r="H255" t="s">
        <v>2840</v>
      </c>
      <c r="I255" t="s">
        <v>30540</v>
      </c>
    </row>
    <row r="256" spans="1:9">
      <c r="A256" s="1">
        <v>0.76277628538340614</v>
      </c>
      <c r="B256" s="1"/>
      <c r="C256">
        <v>3</v>
      </c>
      <c r="D256" t="s">
        <v>2841</v>
      </c>
      <c r="E256" t="s">
        <v>31270</v>
      </c>
      <c r="F256">
        <v>2</v>
      </c>
      <c r="H256" t="s">
        <v>2842</v>
      </c>
      <c r="I256" t="s">
        <v>30540</v>
      </c>
    </row>
    <row r="257" spans="1:9">
      <c r="A257" s="1">
        <v>0.36483051046092541</v>
      </c>
      <c r="B257" s="1"/>
      <c r="C257">
        <v>5</v>
      </c>
      <c r="D257" t="s">
        <v>2831</v>
      </c>
      <c r="E257" t="s">
        <v>31273</v>
      </c>
      <c r="F257">
        <v>2</v>
      </c>
      <c r="H257" t="s">
        <v>2832</v>
      </c>
      <c r="I257" t="s">
        <v>30540</v>
      </c>
    </row>
    <row r="258" spans="1:9">
      <c r="A258" s="1">
        <v>0.19639579781020977</v>
      </c>
      <c r="B258" s="1"/>
      <c r="C258">
        <v>4</v>
      </c>
      <c r="D258" t="s">
        <v>2823</v>
      </c>
      <c r="E258" t="s">
        <v>31275</v>
      </c>
      <c r="F258">
        <v>2</v>
      </c>
      <c r="H258" t="s">
        <v>2824</v>
      </c>
      <c r="I258" t="s">
        <v>30540</v>
      </c>
    </row>
    <row r="259" spans="1:9">
      <c r="A259" s="1">
        <v>0.93900844965807617</v>
      </c>
      <c r="B259" s="1"/>
      <c r="C259">
        <v>1</v>
      </c>
      <c r="D259" t="s">
        <v>2815</v>
      </c>
      <c r="E259" t="s">
        <v>31276</v>
      </c>
      <c r="F259">
        <v>3</v>
      </c>
      <c r="H259" t="s">
        <v>2816</v>
      </c>
      <c r="I259" t="s">
        <v>30540</v>
      </c>
    </row>
    <row r="260" spans="1:9">
      <c r="A260" s="1">
        <v>0.19445070935043507</v>
      </c>
      <c r="B260" s="1"/>
      <c r="C260">
        <v>7</v>
      </c>
      <c r="D260" t="s">
        <v>2817</v>
      </c>
      <c r="E260" t="s">
        <v>31276</v>
      </c>
      <c r="F260">
        <v>2</v>
      </c>
      <c r="H260" t="s">
        <v>2818</v>
      </c>
      <c r="I260" t="s">
        <v>30540</v>
      </c>
    </row>
    <row r="261" spans="1:9">
      <c r="A261" s="1">
        <v>0.91922426221387421</v>
      </c>
      <c r="B261" s="1"/>
      <c r="C261">
        <v>15</v>
      </c>
      <c r="D261" t="s">
        <v>2805</v>
      </c>
      <c r="E261" t="s">
        <v>31280</v>
      </c>
      <c r="F261">
        <v>2</v>
      </c>
      <c r="H261" t="s">
        <v>2806</v>
      </c>
      <c r="I261" t="s">
        <v>30540</v>
      </c>
    </row>
    <row r="262" spans="1:9">
      <c r="A262" s="1">
        <v>1.1308339091275932E-2</v>
      </c>
      <c r="B262" s="1"/>
      <c r="C262">
        <v>1</v>
      </c>
      <c r="D262" t="s">
        <v>2799</v>
      </c>
      <c r="E262" t="s">
        <v>31281</v>
      </c>
      <c r="F262">
        <v>2</v>
      </c>
      <c r="H262" t="s">
        <v>2800</v>
      </c>
      <c r="I262" t="s">
        <v>30540</v>
      </c>
    </row>
    <row r="263" spans="1:9">
      <c r="A263" s="1">
        <v>2.1686528305021602E-3</v>
      </c>
      <c r="B263" s="1"/>
      <c r="C263">
        <v>7</v>
      </c>
      <c r="D263" t="s">
        <v>2791</v>
      </c>
      <c r="E263" t="s">
        <v>31284</v>
      </c>
      <c r="F263">
        <v>3</v>
      </c>
      <c r="H263" t="s">
        <v>2792</v>
      </c>
      <c r="I263" t="s">
        <v>30540</v>
      </c>
    </row>
    <row r="264" spans="1:9">
      <c r="A264" s="1">
        <v>0.1045051638138601</v>
      </c>
      <c r="B264" s="1"/>
      <c r="C264">
        <v>4</v>
      </c>
      <c r="D264" t="s">
        <v>2787</v>
      </c>
      <c r="E264" t="s">
        <v>31285</v>
      </c>
      <c r="F264">
        <v>2</v>
      </c>
      <c r="H264" t="s">
        <v>2788</v>
      </c>
      <c r="I264" t="s">
        <v>30540</v>
      </c>
    </row>
    <row r="265" spans="1:9">
      <c r="A265" s="1">
        <v>0.18657630395030556</v>
      </c>
      <c r="B265" s="1"/>
      <c r="C265">
        <v>3</v>
      </c>
      <c r="D265" t="s">
        <v>2785</v>
      </c>
      <c r="E265" t="s">
        <v>31286</v>
      </c>
      <c r="F265">
        <v>3</v>
      </c>
      <c r="H265" t="s">
        <v>2786</v>
      </c>
      <c r="I265" t="s">
        <v>30540</v>
      </c>
    </row>
    <row r="266" spans="1:9">
      <c r="A266" s="1">
        <v>0.30618509845996777</v>
      </c>
      <c r="B266" s="1"/>
      <c r="C266">
        <v>2</v>
      </c>
      <c r="D266" t="s">
        <v>2773</v>
      </c>
      <c r="E266" t="s">
        <v>31289</v>
      </c>
      <c r="F266">
        <v>2</v>
      </c>
      <c r="H266" t="s">
        <v>2774</v>
      </c>
      <c r="I266" t="s">
        <v>30540</v>
      </c>
    </row>
    <row r="267" spans="1:9">
      <c r="A267" s="1">
        <v>0.19878029327687863</v>
      </c>
      <c r="B267" s="1"/>
      <c r="C267">
        <v>7</v>
      </c>
      <c r="D267" t="s">
        <v>2763</v>
      </c>
      <c r="E267" t="s">
        <v>31292</v>
      </c>
      <c r="F267">
        <v>2</v>
      </c>
      <c r="H267" t="s">
        <v>2764</v>
      </c>
      <c r="I267" t="s">
        <v>30540</v>
      </c>
    </row>
    <row r="268" spans="1:9">
      <c r="A268" s="1">
        <v>0.35641965207322213</v>
      </c>
      <c r="B268" s="1"/>
      <c r="C268">
        <v>10</v>
      </c>
      <c r="D268" t="s">
        <v>2765</v>
      </c>
      <c r="E268" t="s">
        <v>31292</v>
      </c>
      <c r="F268">
        <v>2</v>
      </c>
      <c r="H268" t="s">
        <v>2766</v>
      </c>
      <c r="I268" t="s">
        <v>30540</v>
      </c>
    </row>
    <row r="269" spans="1:9">
      <c r="A269" s="1">
        <v>0.8643879892844607</v>
      </c>
      <c r="B269" s="1"/>
      <c r="C269">
        <v>9</v>
      </c>
      <c r="D269" t="s">
        <v>2761</v>
      </c>
      <c r="E269" t="s">
        <v>31293</v>
      </c>
      <c r="F269">
        <v>2</v>
      </c>
      <c r="H269" t="s">
        <v>2762</v>
      </c>
      <c r="I269" t="s">
        <v>30540</v>
      </c>
    </row>
    <row r="270" spans="1:9">
      <c r="A270" s="1">
        <v>0.40973012774746009</v>
      </c>
      <c r="B270" s="1"/>
      <c r="C270">
        <v>6</v>
      </c>
      <c r="D270" t="s">
        <v>2734</v>
      </c>
      <c r="E270" t="s">
        <v>31300</v>
      </c>
      <c r="F270">
        <v>2</v>
      </c>
      <c r="H270" t="s">
        <v>2735</v>
      </c>
      <c r="I270" t="s">
        <v>30540</v>
      </c>
    </row>
    <row r="271" spans="1:9">
      <c r="A271" s="1">
        <v>0.6238488780837308</v>
      </c>
      <c r="B271" s="1"/>
      <c r="C271">
        <v>2</v>
      </c>
      <c r="D271" t="s">
        <v>2726</v>
      </c>
      <c r="E271" t="s">
        <v>31302</v>
      </c>
      <c r="F271">
        <v>1</v>
      </c>
      <c r="H271" t="s">
        <v>2727</v>
      </c>
      <c r="I271" t="s">
        <v>30540</v>
      </c>
    </row>
    <row r="272" spans="1:9">
      <c r="A272" s="1">
        <v>0.95697422737622884</v>
      </c>
      <c r="B272" s="1"/>
      <c r="C272">
        <v>1</v>
      </c>
      <c r="D272" t="s">
        <v>2724</v>
      </c>
      <c r="E272" t="s">
        <v>31303</v>
      </c>
      <c r="F272">
        <v>2</v>
      </c>
      <c r="H272" t="s">
        <v>2725</v>
      </c>
      <c r="I272" t="s">
        <v>30540</v>
      </c>
    </row>
    <row r="273" spans="1:9">
      <c r="A273" s="1">
        <v>0.82632005409160336</v>
      </c>
      <c r="B273" s="1"/>
      <c r="C273">
        <v>4</v>
      </c>
      <c r="D273" t="s">
        <v>2714</v>
      </c>
      <c r="E273" t="s">
        <v>31305</v>
      </c>
      <c r="F273">
        <v>2</v>
      </c>
      <c r="H273" t="s">
        <v>2715</v>
      </c>
      <c r="I273" t="s">
        <v>30540</v>
      </c>
    </row>
    <row r="274" spans="1:9">
      <c r="A274" s="1">
        <v>0.22490018799545364</v>
      </c>
      <c r="B274" s="1"/>
      <c r="C274">
        <v>5</v>
      </c>
      <c r="D274" t="s">
        <v>2708</v>
      </c>
      <c r="E274" t="s">
        <v>31307</v>
      </c>
      <c r="F274">
        <v>2</v>
      </c>
      <c r="H274" t="s">
        <v>2709</v>
      </c>
      <c r="I274" t="s">
        <v>30540</v>
      </c>
    </row>
    <row r="275" spans="1:9">
      <c r="A275" s="1">
        <v>0.97078810800609527</v>
      </c>
      <c r="B275" s="1"/>
      <c r="C275">
        <v>8</v>
      </c>
      <c r="D275" t="s">
        <v>2688</v>
      </c>
      <c r="E275" t="s">
        <v>31312</v>
      </c>
      <c r="F275">
        <v>2</v>
      </c>
      <c r="H275" t="s">
        <v>2689</v>
      </c>
      <c r="I275" t="s">
        <v>30540</v>
      </c>
    </row>
    <row r="276" spans="1:9">
      <c r="A276" s="1">
        <v>0.11431538190085822</v>
      </c>
      <c r="B276" s="1"/>
      <c r="C276">
        <v>10</v>
      </c>
      <c r="D276" t="s">
        <v>2666</v>
      </c>
      <c r="E276" t="s">
        <v>31319</v>
      </c>
      <c r="F276">
        <v>2</v>
      </c>
      <c r="H276" t="s">
        <v>2667</v>
      </c>
      <c r="I276" t="s">
        <v>30540</v>
      </c>
    </row>
    <row r="277" spans="1:9">
      <c r="A277" s="1">
        <v>0.14280963565989313</v>
      </c>
      <c r="B277" s="1"/>
      <c r="C277">
        <v>11</v>
      </c>
      <c r="D277" t="s">
        <v>2668</v>
      </c>
      <c r="E277" t="s">
        <v>31319</v>
      </c>
      <c r="F277">
        <v>2</v>
      </c>
      <c r="H277" t="s">
        <v>2669</v>
      </c>
      <c r="I277" t="s">
        <v>30540</v>
      </c>
    </row>
    <row r="278" spans="1:9">
      <c r="A278" s="1">
        <v>0.25936991047214197</v>
      </c>
      <c r="B278" s="1"/>
      <c r="C278">
        <v>4</v>
      </c>
      <c r="D278" t="s">
        <v>2662</v>
      </c>
      <c r="E278" t="s">
        <v>31320</v>
      </c>
      <c r="F278">
        <v>2</v>
      </c>
      <c r="H278" t="s">
        <v>2663</v>
      </c>
      <c r="I278" t="s">
        <v>30540</v>
      </c>
    </row>
    <row r="279" spans="1:9">
      <c r="A279" s="1">
        <v>0.20873441110315183</v>
      </c>
      <c r="B279" s="1"/>
      <c r="C279">
        <v>1</v>
      </c>
      <c r="D279" t="s">
        <v>2648</v>
      </c>
      <c r="E279" t="s">
        <v>31325</v>
      </c>
      <c r="F279">
        <v>2</v>
      </c>
      <c r="H279" t="s">
        <v>2649</v>
      </c>
      <c r="I279" t="s">
        <v>30540</v>
      </c>
    </row>
    <row r="280" spans="1:9">
      <c r="A280" s="1">
        <v>0.93351564184042313</v>
      </c>
      <c r="B280" s="1"/>
      <c r="C280">
        <v>7</v>
      </c>
      <c r="D280" t="s">
        <v>2630</v>
      </c>
      <c r="E280" t="s">
        <v>31332</v>
      </c>
      <c r="F280">
        <v>2</v>
      </c>
      <c r="H280" t="s">
        <v>2631</v>
      </c>
      <c r="I280" t="s">
        <v>30540</v>
      </c>
    </row>
    <row r="281" spans="1:9">
      <c r="A281" s="1">
        <v>0.51992684746406481</v>
      </c>
      <c r="B281" s="1"/>
      <c r="C281">
        <v>1</v>
      </c>
      <c r="D281" t="s">
        <v>2618</v>
      </c>
      <c r="E281" t="s">
        <v>31336</v>
      </c>
      <c r="F281">
        <v>1</v>
      </c>
      <c r="H281" t="s">
        <v>2619</v>
      </c>
      <c r="I281" t="s">
        <v>30540</v>
      </c>
    </row>
    <row r="282" spans="1:9">
      <c r="A282" s="1">
        <v>8.2471649496264066E-2</v>
      </c>
      <c r="B282" s="1"/>
      <c r="C282">
        <v>3</v>
      </c>
      <c r="D282" t="s">
        <v>2612</v>
      </c>
      <c r="E282" t="s">
        <v>31339</v>
      </c>
      <c r="F282">
        <v>2</v>
      </c>
      <c r="H282" t="s">
        <v>2613</v>
      </c>
      <c r="I282" t="s">
        <v>30540</v>
      </c>
    </row>
    <row r="283" spans="1:9">
      <c r="A283" s="1">
        <v>0.82753665382248076</v>
      </c>
      <c r="B283" s="1"/>
      <c r="C283">
        <v>1</v>
      </c>
      <c r="D283" t="s">
        <v>2610</v>
      </c>
      <c r="E283" t="s">
        <v>31340</v>
      </c>
      <c r="F283">
        <v>2</v>
      </c>
      <c r="H283" t="s">
        <v>2611</v>
      </c>
      <c r="I283" t="s">
        <v>30540</v>
      </c>
    </row>
    <row r="284" spans="1:9">
      <c r="A284" s="1">
        <v>3.5061471418782353E-2</v>
      </c>
      <c r="B284" s="1"/>
      <c r="C284">
        <v>4</v>
      </c>
      <c r="D284" t="s">
        <v>2606</v>
      </c>
      <c r="E284" t="s">
        <v>31341</v>
      </c>
      <c r="F284">
        <v>3</v>
      </c>
      <c r="H284" t="s">
        <v>2607</v>
      </c>
      <c r="I284" t="s">
        <v>30540</v>
      </c>
    </row>
    <row r="285" spans="1:9">
      <c r="A285" s="1">
        <v>0.76693577966026616</v>
      </c>
      <c r="B285" s="1"/>
      <c r="C285">
        <v>5</v>
      </c>
      <c r="D285" t="s">
        <v>2608</v>
      </c>
      <c r="E285" t="s">
        <v>31341</v>
      </c>
      <c r="F285">
        <v>2</v>
      </c>
      <c r="H285" t="s">
        <v>2609</v>
      </c>
      <c r="I285" t="s">
        <v>30540</v>
      </c>
    </row>
    <row r="286" spans="1:9">
      <c r="A286" s="1">
        <v>0.4208622274960464</v>
      </c>
      <c r="B286" s="1"/>
      <c r="C286">
        <v>1</v>
      </c>
      <c r="D286" t="s">
        <v>2596</v>
      </c>
      <c r="E286" t="s">
        <v>31343</v>
      </c>
      <c r="F286">
        <v>3</v>
      </c>
      <c r="H286" t="s">
        <v>2597</v>
      </c>
      <c r="I286" t="s">
        <v>30540</v>
      </c>
    </row>
    <row r="287" spans="1:9">
      <c r="A287" s="1">
        <v>3.0761184342262937E-2</v>
      </c>
      <c r="B287" s="1"/>
      <c r="C287">
        <v>4</v>
      </c>
      <c r="D287" t="s">
        <v>2594</v>
      </c>
      <c r="E287" t="s">
        <v>31344</v>
      </c>
      <c r="F287">
        <v>3</v>
      </c>
      <c r="H287" t="s">
        <v>2595</v>
      </c>
      <c r="I287" t="s">
        <v>30540</v>
      </c>
    </row>
    <row r="288" spans="1:9">
      <c r="A288" s="1">
        <v>0.5843653035321309</v>
      </c>
      <c r="B288" s="1"/>
      <c r="C288">
        <v>4</v>
      </c>
      <c r="D288" t="s">
        <v>2580</v>
      </c>
      <c r="E288" t="s">
        <v>31349</v>
      </c>
      <c r="F288">
        <v>3</v>
      </c>
      <c r="H288" t="s">
        <v>2581</v>
      </c>
      <c r="I288" t="s">
        <v>30540</v>
      </c>
    </row>
    <row r="289" spans="1:9">
      <c r="A289" s="1">
        <v>0.60662314565239339</v>
      </c>
      <c r="B289" s="1"/>
      <c r="C289">
        <v>2</v>
      </c>
      <c r="D289" t="s">
        <v>2554</v>
      </c>
      <c r="E289" t="s">
        <v>31356</v>
      </c>
      <c r="F289">
        <v>2</v>
      </c>
      <c r="H289" t="s">
        <v>2555</v>
      </c>
      <c r="I289" t="s">
        <v>30540</v>
      </c>
    </row>
    <row r="290" spans="1:9">
      <c r="A290" s="1">
        <v>0.19718547404290365</v>
      </c>
      <c r="B290" s="1"/>
      <c r="C290">
        <v>6</v>
      </c>
      <c r="D290" t="s">
        <v>2516</v>
      </c>
      <c r="E290" t="s">
        <v>31365</v>
      </c>
      <c r="F290">
        <v>2</v>
      </c>
      <c r="H290" t="s">
        <v>2517</v>
      </c>
      <c r="I290" t="s">
        <v>30540</v>
      </c>
    </row>
    <row r="291" spans="1:9">
      <c r="A291" s="1">
        <v>2.673263440794782E-2</v>
      </c>
      <c r="B291" s="1"/>
      <c r="C291">
        <v>4</v>
      </c>
      <c r="D291" t="s">
        <v>2508</v>
      </c>
      <c r="E291" t="s">
        <v>31368</v>
      </c>
      <c r="F291">
        <v>3</v>
      </c>
      <c r="H291" t="s">
        <v>2509</v>
      </c>
      <c r="I291" t="s">
        <v>30540</v>
      </c>
    </row>
    <row r="292" spans="1:9">
      <c r="A292" s="1">
        <v>0.3789293528837181</v>
      </c>
      <c r="B292" s="1"/>
      <c r="C292">
        <v>1</v>
      </c>
      <c r="D292" t="s">
        <v>2504</v>
      </c>
      <c r="E292" t="s">
        <v>31368</v>
      </c>
      <c r="F292">
        <v>3</v>
      </c>
      <c r="H292" t="s">
        <v>2505</v>
      </c>
      <c r="I292" t="s">
        <v>30540</v>
      </c>
    </row>
    <row r="293" spans="1:9">
      <c r="A293" s="1">
        <v>0.42676182533208462</v>
      </c>
      <c r="B293" s="1"/>
      <c r="C293">
        <v>5</v>
      </c>
      <c r="D293" t="s">
        <v>2502</v>
      </c>
      <c r="E293" t="s">
        <v>31369</v>
      </c>
      <c r="F293">
        <v>3</v>
      </c>
      <c r="H293" t="s">
        <v>2503</v>
      </c>
      <c r="I293" t="s">
        <v>30540</v>
      </c>
    </row>
    <row r="294" spans="1:9">
      <c r="A294" s="1">
        <v>0.94105926266798223</v>
      </c>
      <c r="B294" s="1"/>
      <c r="C294">
        <v>2</v>
      </c>
      <c r="D294" t="s">
        <v>2484</v>
      </c>
      <c r="E294" t="s">
        <v>31372</v>
      </c>
      <c r="F294">
        <v>3</v>
      </c>
      <c r="G294" t="s">
        <v>9</v>
      </c>
      <c r="H294" t="s">
        <v>2485</v>
      </c>
      <c r="I294" t="s">
        <v>30540</v>
      </c>
    </row>
    <row r="295" spans="1:9">
      <c r="A295" s="1">
        <v>0.44112550251412841</v>
      </c>
      <c r="B295" s="1"/>
      <c r="C295">
        <v>6</v>
      </c>
      <c r="D295" t="s">
        <v>2464</v>
      </c>
      <c r="E295" t="s">
        <v>31377</v>
      </c>
      <c r="F295">
        <v>3</v>
      </c>
      <c r="H295" t="s">
        <v>2465</v>
      </c>
      <c r="I295" t="s">
        <v>30540</v>
      </c>
    </row>
    <row r="296" spans="1:9">
      <c r="A296" s="1">
        <v>0.64191478450296546</v>
      </c>
      <c r="B296" s="1"/>
      <c r="C296">
        <v>1</v>
      </c>
      <c r="D296" t="s">
        <v>2460</v>
      </c>
      <c r="E296" t="s">
        <v>31377</v>
      </c>
      <c r="F296">
        <v>2</v>
      </c>
      <c r="H296" t="s">
        <v>2461</v>
      </c>
      <c r="I296" t="s">
        <v>30540</v>
      </c>
    </row>
    <row r="297" spans="1:9">
      <c r="A297" s="1">
        <v>0.17405317545242049</v>
      </c>
      <c r="B297" s="1"/>
      <c r="C297">
        <v>4</v>
      </c>
      <c r="D297" t="s">
        <v>2456</v>
      </c>
      <c r="E297" t="s">
        <v>31378</v>
      </c>
      <c r="F297">
        <v>2</v>
      </c>
      <c r="H297" t="s">
        <v>2457</v>
      </c>
      <c r="I297" t="s">
        <v>30540</v>
      </c>
    </row>
    <row r="298" spans="1:9">
      <c r="A298" s="1">
        <v>0.72244674103976525</v>
      </c>
      <c r="B298" s="1"/>
      <c r="C298">
        <v>5</v>
      </c>
      <c r="D298" t="s">
        <v>2448</v>
      </c>
      <c r="E298" t="s">
        <v>31380</v>
      </c>
      <c r="F298">
        <v>2</v>
      </c>
      <c r="H298" t="s">
        <v>2449</v>
      </c>
      <c r="I298" t="s">
        <v>30540</v>
      </c>
    </row>
    <row r="299" spans="1:9">
      <c r="A299" s="1">
        <v>1.9847354912651771E-2</v>
      </c>
      <c r="B299" s="1"/>
      <c r="C299">
        <v>7</v>
      </c>
      <c r="D299" t="s">
        <v>2444</v>
      </c>
      <c r="E299" t="s">
        <v>31381</v>
      </c>
      <c r="F299">
        <v>3</v>
      </c>
      <c r="H299" t="s">
        <v>2445</v>
      </c>
      <c r="I299" t="s">
        <v>30540</v>
      </c>
    </row>
    <row r="300" spans="1:9">
      <c r="A300" s="1">
        <v>0.91778747452613951</v>
      </c>
      <c r="B300" s="1"/>
      <c r="C300">
        <v>3</v>
      </c>
      <c r="D300" t="s">
        <v>2440</v>
      </c>
      <c r="E300" t="s">
        <v>31382</v>
      </c>
      <c r="F300">
        <v>3</v>
      </c>
      <c r="H300" t="s">
        <v>2441</v>
      </c>
      <c r="I300" t="s">
        <v>30540</v>
      </c>
    </row>
    <row r="301" spans="1:9">
      <c r="A301" s="1">
        <v>0.57742284255101672</v>
      </c>
      <c r="B301" s="1"/>
      <c r="C301">
        <v>4</v>
      </c>
      <c r="D301" t="s">
        <v>4181</v>
      </c>
      <c r="E301" t="s">
        <v>31386</v>
      </c>
      <c r="F301">
        <v>2</v>
      </c>
      <c r="H301" t="s">
        <v>4182</v>
      </c>
      <c r="I301" t="s">
        <v>30540</v>
      </c>
    </row>
    <row r="302" spans="1:9">
      <c r="A302" s="1">
        <v>0.5610196808202792</v>
      </c>
      <c r="B302" s="1"/>
      <c r="C302">
        <v>9</v>
      </c>
      <c r="D302" t="s">
        <v>4165</v>
      </c>
      <c r="E302" t="s">
        <v>31390</v>
      </c>
      <c r="F302">
        <v>3</v>
      </c>
      <c r="H302" t="s">
        <v>4166</v>
      </c>
      <c r="I302" t="s">
        <v>30540</v>
      </c>
    </row>
    <row r="303" spans="1:9">
      <c r="A303" s="1">
        <v>0.50119463561050703</v>
      </c>
      <c r="B303" s="1"/>
      <c r="C303">
        <v>3</v>
      </c>
      <c r="D303" t="s">
        <v>4163</v>
      </c>
      <c r="E303" t="s">
        <v>31390</v>
      </c>
      <c r="F303">
        <v>2</v>
      </c>
      <c r="H303" t="s">
        <v>4164</v>
      </c>
      <c r="I303" t="s">
        <v>30540</v>
      </c>
    </row>
    <row r="304" spans="1:9">
      <c r="A304" s="1">
        <v>8.9950799987793206E-2</v>
      </c>
      <c r="B304" s="1"/>
      <c r="C304">
        <v>7</v>
      </c>
      <c r="D304" t="s">
        <v>4159</v>
      </c>
      <c r="E304" t="s">
        <v>31392</v>
      </c>
      <c r="F304">
        <v>3</v>
      </c>
      <c r="H304" t="s">
        <v>4160</v>
      </c>
      <c r="I304" t="s">
        <v>30540</v>
      </c>
    </row>
    <row r="305" spans="1:9">
      <c r="A305" s="1">
        <v>0.63319749649236046</v>
      </c>
      <c r="B305" s="1"/>
      <c r="C305">
        <v>6</v>
      </c>
      <c r="D305" t="s">
        <v>4157</v>
      </c>
      <c r="E305" t="s">
        <v>31392</v>
      </c>
      <c r="F305">
        <v>3</v>
      </c>
      <c r="H305" t="s">
        <v>4158</v>
      </c>
      <c r="I305" t="s">
        <v>30540</v>
      </c>
    </row>
    <row r="306" spans="1:9">
      <c r="A306" s="1">
        <v>0.75890437997664584</v>
      </c>
      <c r="B306" s="1"/>
      <c r="C306">
        <v>2</v>
      </c>
      <c r="D306" t="s">
        <v>4147</v>
      </c>
      <c r="E306" t="s">
        <v>31394</v>
      </c>
      <c r="F306">
        <v>3</v>
      </c>
      <c r="H306" t="s">
        <v>4148</v>
      </c>
      <c r="I306" t="s">
        <v>30540</v>
      </c>
    </row>
    <row r="307" spans="1:9">
      <c r="A307" s="1">
        <v>0.30100705401580119</v>
      </c>
      <c r="B307" s="1"/>
      <c r="C307">
        <v>1</v>
      </c>
      <c r="D307" t="s">
        <v>4123</v>
      </c>
      <c r="E307" t="s">
        <v>31399</v>
      </c>
      <c r="F307">
        <v>3</v>
      </c>
      <c r="H307" t="s">
        <v>4124</v>
      </c>
      <c r="I307" t="s">
        <v>30540</v>
      </c>
    </row>
    <row r="308" spans="1:9">
      <c r="A308" s="1">
        <v>0.64318264968924832</v>
      </c>
      <c r="B308" s="1"/>
      <c r="C308">
        <v>2</v>
      </c>
      <c r="D308" t="s">
        <v>4119</v>
      </c>
      <c r="E308" t="s">
        <v>31400</v>
      </c>
      <c r="F308">
        <v>2</v>
      </c>
      <c r="H308" t="s">
        <v>4120</v>
      </c>
      <c r="I308" t="s">
        <v>30540</v>
      </c>
    </row>
    <row r="309" spans="1:9">
      <c r="A309" s="1">
        <v>9.5632774178806668E-2</v>
      </c>
      <c r="B309" s="1"/>
      <c r="C309">
        <v>5</v>
      </c>
      <c r="D309" t="s">
        <v>4059</v>
      </c>
      <c r="E309" t="s">
        <v>31416</v>
      </c>
      <c r="F309">
        <v>3</v>
      </c>
      <c r="H309" t="s">
        <v>4060</v>
      </c>
      <c r="I309" t="s">
        <v>30540</v>
      </c>
    </row>
    <row r="310" spans="1:9">
      <c r="A310" s="1">
        <v>0.72333597675887484</v>
      </c>
      <c r="B310" s="1"/>
      <c r="C310">
        <v>3</v>
      </c>
      <c r="D310" t="s">
        <v>4051</v>
      </c>
      <c r="E310" t="s">
        <v>31417</v>
      </c>
      <c r="F310">
        <v>2</v>
      </c>
      <c r="H310" t="s">
        <v>4052</v>
      </c>
      <c r="I310" t="s">
        <v>30540</v>
      </c>
    </row>
    <row r="311" spans="1:9">
      <c r="A311" s="1">
        <v>0.65273822208142041</v>
      </c>
      <c r="B311" s="1"/>
      <c r="C311">
        <v>3</v>
      </c>
      <c r="D311" t="s">
        <v>4043</v>
      </c>
      <c r="E311" t="s">
        <v>31418</v>
      </c>
      <c r="F311">
        <v>2</v>
      </c>
      <c r="H311" t="s">
        <v>4044</v>
      </c>
      <c r="I311" t="s">
        <v>30540</v>
      </c>
    </row>
    <row r="312" spans="1:9">
      <c r="A312" s="1">
        <v>2.4332098600434504E-2</v>
      </c>
      <c r="B312" s="1"/>
      <c r="C312">
        <v>11</v>
      </c>
      <c r="D312" t="s">
        <v>4027</v>
      </c>
      <c r="E312" t="s">
        <v>31422</v>
      </c>
      <c r="F312">
        <v>3</v>
      </c>
      <c r="H312" t="s">
        <v>4028</v>
      </c>
      <c r="I312" t="s">
        <v>30540</v>
      </c>
    </row>
    <row r="313" spans="1:9">
      <c r="A313" s="1">
        <v>0.68468109574353742</v>
      </c>
      <c r="B313" s="1"/>
      <c r="C313">
        <v>2</v>
      </c>
      <c r="D313" t="s">
        <v>4021</v>
      </c>
      <c r="E313" t="s">
        <v>31424</v>
      </c>
      <c r="F313">
        <v>3</v>
      </c>
      <c r="H313" t="s">
        <v>4022</v>
      </c>
      <c r="I313" t="s">
        <v>30540</v>
      </c>
    </row>
    <row r="314" spans="1:9">
      <c r="A314" s="1">
        <v>0.50811140640843167</v>
      </c>
      <c r="B314" s="1"/>
      <c r="C314">
        <v>2</v>
      </c>
      <c r="D314" t="s">
        <v>4017</v>
      </c>
      <c r="E314" t="s">
        <v>31425</v>
      </c>
      <c r="F314">
        <v>3</v>
      </c>
      <c r="H314" t="s">
        <v>4018</v>
      </c>
      <c r="I314" t="s">
        <v>30540</v>
      </c>
    </row>
    <row r="315" spans="1:9">
      <c r="A315" s="1">
        <v>0.31507951268348067</v>
      </c>
      <c r="B315" s="1"/>
      <c r="C315">
        <v>1</v>
      </c>
      <c r="D315" t="s">
        <v>4009</v>
      </c>
      <c r="E315" t="s">
        <v>31427</v>
      </c>
      <c r="F315">
        <v>3</v>
      </c>
      <c r="H315" t="s">
        <v>4010</v>
      </c>
      <c r="I315" t="s">
        <v>30540</v>
      </c>
    </row>
    <row r="316" spans="1:9">
      <c r="A316" s="1">
        <v>0.42521396141613144</v>
      </c>
      <c r="B316" s="1"/>
      <c r="C316">
        <v>13</v>
      </c>
      <c r="D316" t="s">
        <v>3969</v>
      </c>
      <c r="E316" t="s">
        <v>31436</v>
      </c>
      <c r="F316">
        <v>3</v>
      </c>
      <c r="H316" t="s">
        <v>3970</v>
      </c>
      <c r="I316" t="s">
        <v>30540</v>
      </c>
    </row>
    <row r="317" spans="1:9">
      <c r="A317" s="1">
        <v>0.82530889271050478</v>
      </c>
      <c r="B317" s="1"/>
      <c r="C317">
        <v>12</v>
      </c>
      <c r="D317" t="s">
        <v>3967</v>
      </c>
      <c r="E317" t="s">
        <v>31436</v>
      </c>
      <c r="F317">
        <v>2</v>
      </c>
      <c r="H317" t="s">
        <v>3968</v>
      </c>
      <c r="I317" t="s">
        <v>30540</v>
      </c>
    </row>
    <row r="318" spans="1:9">
      <c r="A318" s="1">
        <v>0.79604689363460723</v>
      </c>
      <c r="B318" s="1"/>
      <c r="C318">
        <v>6</v>
      </c>
      <c r="D318" t="s">
        <v>3957</v>
      </c>
      <c r="E318" t="s">
        <v>31436</v>
      </c>
      <c r="F318">
        <v>1</v>
      </c>
      <c r="H318" t="s">
        <v>3958</v>
      </c>
      <c r="I318" t="s">
        <v>30540</v>
      </c>
    </row>
    <row r="319" spans="1:9">
      <c r="A319" s="1">
        <v>0.24930751092124404</v>
      </c>
      <c r="B319" s="1"/>
      <c r="C319">
        <v>3</v>
      </c>
      <c r="D319" t="s">
        <v>3949</v>
      </c>
      <c r="E319" t="s">
        <v>31437</v>
      </c>
      <c r="F319">
        <v>2</v>
      </c>
      <c r="H319" t="s">
        <v>3950</v>
      </c>
      <c r="I319" t="s">
        <v>30540</v>
      </c>
    </row>
    <row r="320" spans="1:9">
      <c r="A320" s="1">
        <v>0.76201951492852571</v>
      </c>
      <c r="B320" s="1"/>
      <c r="C320">
        <v>1</v>
      </c>
      <c r="D320" t="s">
        <v>3929</v>
      </c>
      <c r="E320" t="s">
        <v>31441</v>
      </c>
      <c r="F320">
        <v>2</v>
      </c>
      <c r="H320" t="s">
        <v>3930</v>
      </c>
      <c r="I320" t="s">
        <v>30540</v>
      </c>
    </row>
    <row r="321" spans="1:9">
      <c r="A321" s="1">
        <v>0.11523609186547146</v>
      </c>
      <c r="B321" s="1"/>
      <c r="C321">
        <v>11</v>
      </c>
      <c r="D321" t="s">
        <v>3925</v>
      </c>
      <c r="E321" t="s">
        <v>31442</v>
      </c>
      <c r="F321">
        <v>2</v>
      </c>
      <c r="H321" t="s">
        <v>3926</v>
      </c>
      <c r="I321" t="s">
        <v>30540</v>
      </c>
    </row>
    <row r="322" spans="1:9">
      <c r="A322" s="1">
        <v>0.26042684723082932</v>
      </c>
      <c r="B322" s="1"/>
      <c r="C322">
        <v>2</v>
      </c>
      <c r="D322" t="s">
        <v>3913</v>
      </c>
      <c r="E322" t="s">
        <v>31444</v>
      </c>
      <c r="F322">
        <v>2</v>
      </c>
      <c r="H322" t="s">
        <v>3914</v>
      </c>
      <c r="I322" t="s">
        <v>30540</v>
      </c>
    </row>
    <row r="323" spans="1:9">
      <c r="A323" s="1">
        <v>0.15956861702137837</v>
      </c>
      <c r="B323" s="1"/>
      <c r="C323">
        <v>7</v>
      </c>
      <c r="D323" t="s">
        <v>3911</v>
      </c>
      <c r="E323" t="s">
        <v>31445</v>
      </c>
      <c r="F323">
        <v>2</v>
      </c>
      <c r="H323" t="s">
        <v>3912</v>
      </c>
      <c r="I323" t="s">
        <v>30540</v>
      </c>
    </row>
    <row r="324" spans="1:9">
      <c r="A324" s="1">
        <v>0.2426212227194785</v>
      </c>
      <c r="B324" s="1"/>
      <c r="C324">
        <v>8</v>
      </c>
      <c r="D324" t="s">
        <v>3901</v>
      </c>
      <c r="E324" t="s">
        <v>31446</v>
      </c>
      <c r="F324">
        <v>1</v>
      </c>
      <c r="H324" t="s">
        <v>3902</v>
      </c>
      <c r="I324" t="s">
        <v>30540</v>
      </c>
    </row>
    <row r="325" spans="1:9">
      <c r="A325" s="1">
        <v>0.27394538357081855</v>
      </c>
      <c r="B325" s="1"/>
      <c r="C325">
        <v>3</v>
      </c>
      <c r="D325" t="s">
        <v>3893</v>
      </c>
      <c r="E325" t="s">
        <v>31447</v>
      </c>
      <c r="F325">
        <v>3</v>
      </c>
      <c r="H325" t="s">
        <v>3894</v>
      </c>
      <c r="I325" t="s">
        <v>30540</v>
      </c>
    </row>
    <row r="326" spans="1:9">
      <c r="A326" s="1">
        <v>0.17103647642310282</v>
      </c>
      <c r="B326" s="1"/>
      <c r="C326">
        <v>4</v>
      </c>
      <c r="D326" t="s">
        <v>3871</v>
      </c>
      <c r="E326" t="s">
        <v>31454</v>
      </c>
      <c r="F326">
        <v>3</v>
      </c>
      <c r="H326" t="s">
        <v>3872</v>
      </c>
      <c r="I326" t="s">
        <v>30540</v>
      </c>
    </row>
    <row r="327" spans="1:9">
      <c r="A327" s="1">
        <v>0.38848192470930831</v>
      </c>
      <c r="B327" s="1"/>
      <c r="C327">
        <v>11</v>
      </c>
      <c r="D327" t="s">
        <v>3875</v>
      </c>
      <c r="E327" t="s">
        <v>31454</v>
      </c>
      <c r="F327">
        <v>2</v>
      </c>
      <c r="H327" t="s">
        <v>3876</v>
      </c>
      <c r="I327" t="s">
        <v>30540</v>
      </c>
    </row>
    <row r="328" spans="1:9">
      <c r="A328" s="1">
        <v>0.96063380161571399</v>
      </c>
      <c r="B328" s="1"/>
      <c r="C328">
        <v>4</v>
      </c>
      <c r="D328" t="s">
        <v>3863</v>
      </c>
      <c r="E328" t="s">
        <v>31457</v>
      </c>
      <c r="F328">
        <v>3</v>
      </c>
      <c r="H328" t="s">
        <v>3864</v>
      </c>
      <c r="I328" t="s">
        <v>30540</v>
      </c>
    </row>
    <row r="329" spans="1:9">
      <c r="A329" s="1">
        <v>0.96520069353072424</v>
      </c>
      <c r="B329" s="1"/>
      <c r="C329">
        <v>3</v>
      </c>
      <c r="D329" t="s">
        <v>3857</v>
      </c>
      <c r="E329" t="s">
        <v>31458</v>
      </c>
      <c r="F329">
        <v>3</v>
      </c>
      <c r="H329" t="s">
        <v>3858</v>
      </c>
      <c r="I329" t="s">
        <v>30540</v>
      </c>
    </row>
    <row r="330" spans="1:9">
      <c r="A330" s="1">
        <v>0.14775194693062299</v>
      </c>
      <c r="B330" s="1"/>
      <c r="C330">
        <v>6</v>
      </c>
      <c r="D330" t="s">
        <v>3851</v>
      </c>
      <c r="E330" t="s">
        <v>31459</v>
      </c>
      <c r="F330">
        <v>2</v>
      </c>
      <c r="H330" t="s">
        <v>3852</v>
      </c>
      <c r="I330" t="s">
        <v>30540</v>
      </c>
    </row>
    <row r="331" spans="1:9">
      <c r="A331" s="1">
        <v>0.28819736572922761</v>
      </c>
      <c r="B331" s="1"/>
      <c r="C331">
        <v>3</v>
      </c>
      <c r="D331" t="s">
        <v>3847</v>
      </c>
      <c r="E331" t="s">
        <v>31459</v>
      </c>
      <c r="F331">
        <v>1</v>
      </c>
      <c r="H331" t="s">
        <v>3848</v>
      </c>
      <c r="I331" t="s">
        <v>30540</v>
      </c>
    </row>
    <row r="332" spans="1:9">
      <c r="A332" s="1">
        <v>0.48985596661050856</v>
      </c>
      <c r="B332" s="1"/>
      <c r="C332">
        <v>11</v>
      </c>
      <c r="D332" t="s">
        <v>3825</v>
      </c>
      <c r="E332" t="s">
        <v>31464</v>
      </c>
      <c r="F332">
        <v>3</v>
      </c>
      <c r="H332" t="s">
        <v>3826</v>
      </c>
      <c r="I332" t="s">
        <v>30540</v>
      </c>
    </row>
    <row r="333" spans="1:9">
      <c r="A333" s="1">
        <v>0.86658588440134665</v>
      </c>
      <c r="B333" s="1"/>
      <c r="C333">
        <v>5</v>
      </c>
      <c r="D333" t="s">
        <v>3821</v>
      </c>
      <c r="E333" t="s">
        <v>31465</v>
      </c>
      <c r="F333">
        <v>2</v>
      </c>
      <c r="H333" t="s">
        <v>3822</v>
      </c>
      <c r="I333" t="s">
        <v>30540</v>
      </c>
    </row>
    <row r="334" spans="1:9">
      <c r="A334" s="1">
        <v>0.73170484668119673</v>
      </c>
      <c r="B334" s="1"/>
      <c r="C334">
        <v>7</v>
      </c>
      <c r="D334" t="s">
        <v>3809</v>
      </c>
      <c r="E334" t="s">
        <v>31468</v>
      </c>
      <c r="F334">
        <v>2</v>
      </c>
      <c r="H334" t="s">
        <v>3810</v>
      </c>
      <c r="I334" t="s">
        <v>30540</v>
      </c>
    </row>
    <row r="335" spans="1:9">
      <c r="A335" s="1">
        <v>0.3015316307024225</v>
      </c>
      <c r="B335" s="1"/>
      <c r="C335">
        <v>2</v>
      </c>
      <c r="D335" t="s">
        <v>3801</v>
      </c>
      <c r="E335" t="s">
        <v>31470</v>
      </c>
      <c r="F335">
        <v>2</v>
      </c>
      <c r="H335" t="s">
        <v>3802</v>
      </c>
      <c r="I335" t="s">
        <v>30540</v>
      </c>
    </row>
    <row r="336" spans="1:9">
      <c r="A336" s="1">
        <v>0.60345511953368902</v>
      </c>
      <c r="B336" s="1"/>
      <c r="C336">
        <v>7</v>
      </c>
      <c r="D336" t="s">
        <v>3795</v>
      </c>
      <c r="E336" t="s">
        <v>31471</v>
      </c>
      <c r="F336">
        <v>2</v>
      </c>
      <c r="H336" t="s">
        <v>3796</v>
      </c>
      <c r="I336" t="s">
        <v>30540</v>
      </c>
    </row>
    <row r="337" spans="1:9">
      <c r="A337" s="1">
        <v>0.33897821552960827</v>
      </c>
      <c r="B337" s="1"/>
      <c r="C337">
        <v>4</v>
      </c>
      <c r="D337" t="s">
        <v>3785</v>
      </c>
      <c r="E337" t="s">
        <v>31472</v>
      </c>
      <c r="F337">
        <v>3</v>
      </c>
      <c r="H337" t="s">
        <v>3786</v>
      </c>
      <c r="I337" t="s">
        <v>30540</v>
      </c>
    </row>
    <row r="338" spans="1:9">
      <c r="A338" s="1">
        <v>0.81630518099685112</v>
      </c>
      <c r="B338" s="1"/>
      <c r="C338">
        <v>3</v>
      </c>
      <c r="D338" t="s">
        <v>3775</v>
      </c>
      <c r="E338" t="s">
        <v>31474</v>
      </c>
      <c r="F338">
        <v>3</v>
      </c>
      <c r="H338" t="s">
        <v>3776</v>
      </c>
      <c r="I338" t="s">
        <v>30540</v>
      </c>
    </row>
    <row r="339" spans="1:9">
      <c r="A339" s="1">
        <v>0.6770370245502928</v>
      </c>
      <c r="B339" s="1"/>
      <c r="C339">
        <v>13</v>
      </c>
      <c r="D339" t="s">
        <v>3759</v>
      </c>
      <c r="E339" t="s">
        <v>31476</v>
      </c>
      <c r="F339">
        <v>3</v>
      </c>
      <c r="H339" t="s">
        <v>3760</v>
      </c>
      <c r="I339" t="s">
        <v>30540</v>
      </c>
    </row>
    <row r="340" spans="1:9">
      <c r="A340" s="1">
        <v>0.11179420391256256</v>
      </c>
      <c r="B340" s="1"/>
      <c r="C340">
        <v>2</v>
      </c>
      <c r="D340" t="s">
        <v>3747</v>
      </c>
      <c r="E340" t="s">
        <v>31476</v>
      </c>
      <c r="F340">
        <v>2</v>
      </c>
      <c r="H340" t="s">
        <v>3748</v>
      </c>
      <c r="I340" t="s">
        <v>30540</v>
      </c>
    </row>
    <row r="341" spans="1:9">
      <c r="A341" s="1">
        <v>0.71652213330020587</v>
      </c>
      <c r="B341" s="1"/>
      <c r="C341">
        <v>11</v>
      </c>
      <c r="D341" t="s">
        <v>3755</v>
      </c>
      <c r="E341" t="s">
        <v>31476</v>
      </c>
      <c r="F341">
        <v>2</v>
      </c>
      <c r="H341" t="s">
        <v>3756</v>
      </c>
      <c r="I341" t="s">
        <v>30540</v>
      </c>
    </row>
    <row r="342" spans="1:9">
      <c r="A342" s="1">
        <v>0.35622470329137357</v>
      </c>
      <c r="B342" s="1"/>
      <c r="C342">
        <v>17</v>
      </c>
      <c r="D342" t="s">
        <v>3763</v>
      </c>
      <c r="E342" t="s">
        <v>31476</v>
      </c>
      <c r="F342">
        <v>1</v>
      </c>
      <c r="H342" t="s">
        <v>3764</v>
      </c>
      <c r="I342" t="s">
        <v>30540</v>
      </c>
    </row>
    <row r="343" spans="1:9">
      <c r="A343" s="1">
        <v>0.52038628539290288</v>
      </c>
      <c r="B343" s="1"/>
      <c r="C343">
        <v>18</v>
      </c>
      <c r="D343" t="s">
        <v>3735</v>
      </c>
      <c r="E343" t="s">
        <v>31481</v>
      </c>
      <c r="F343">
        <v>3</v>
      </c>
      <c r="G343" t="s">
        <v>771</v>
      </c>
      <c r="H343" t="s">
        <v>3736</v>
      </c>
      <c r="I343" t="s">
        <v>30540</v>
      </c>
    </row>
    <row r="344" spans="1:9">
      <c r="A344" s="1">
        <v>0.900846564149971</v>
      </c>
      <c r="B344" s="1"/>
      <c r="C344">
        <v>10</v>
      </c>
      <c r="D344" t="s">
        <v>3733</v>
      </c>
      <c r="E344" t="s">
        <v>31481</v>
      </c>
      <c r="F344">
        <v>2</v>
      </c>
      <c r="G344" t="s">
        <v>3107</v>
      </c>
      <c r="H344" t="s">
        <v>3734</v>
      </c>
      <c r="I344" t="s">
        <v>30540</v>
      </c>
    </row>
    <row r="345" spans="1:9">
      <c r="A345" s="1">
        <v>0.4274443190667121</v>
      </c>
      <c r="B345" s="1"/>
      <c r="C345">
        <v>6</v>
      </c>
      <c r="D345" t="s">
        <v>3726</v>
      </c>
      <c r="E345" t="s">
        <v>31483</v>
      </c>
      <c r="F345">
        <v>2</v>
      </c>
      <c r="G345" t="s">
        <v>13</v>
      </c>
      <c r="H345" t="s">
        <v>3727</v>
      </c>
      <c r="I345" t="s">
        <v>30540</v>
      </c>
    </row>
    <row r="346" spans="1:9">
      <c r="A346" s="1">
        <v>0.36409448980817782</v>
      </c>
      <c r="B346" s="1"/>
      <c r="C346">
        <v>10</v>
      </c>
      <c r="D346" t="s">
        <v>3718</v>
      </c>
      <c r="E346" t="s">
        <v>31485</v>
      </c>
      <c r="F346">
        <v>1</v>
      </c>
      <c r="G346" t="s">
        <v>10</v>
      </c>
      <c r="H346" t="s">
        <v>3719</v>
      </c>
      <c r="I346" t="s">
        <v>30540</v>
      </c>
    </row>
    <row r="347" spans="1:9">
      <c r="A347" s="1">
        <v>0.84415595047278469</v>
      </c>
      <c r="B347" s="1"/>
      <c r="C347">
        <v>5</v>
      </c>
      <c r="D347" t="s">
        <v>3704</v>
      </c>
      <c r="E347" t="s">
        <v>31486</v>
      </c>
      <c r="F347">
        <v>3</v>
      </c>
      <c r="G347" t="s">
        <v>1426</v>
      </c>
      <c r="H347" t="s">
        <v>3705</v>
      </c>
      <c r="I347" t="s">
        <v>30540</v>
      </c>
    </row>
    <row r="348" spans="1:9">
      <c r="A348" s="1">
        <v>0.58614322862298318</v>
      </c>
      <c r="B348" s="1"/>
      <c r="C348">
        <v>5</v>
      </c>
      <c r="D348" t="s">
        <v>3676</v>
      </c>
      <c r="E348" t="s">
        <v>31489</v>
      </c>
      <c r="F348">
        <v>3</v>
      </c>
      <c r="G348" t="s">
        <v>13</v>
      </c>
      <c r="H348" t="s">
        <v>3677</v>
      </c>
      <c r="I348" t="s">
        <v>30540</v>
      </c>
    </row>
    <row r="349" spans="1:9">
      <c r="A349" s="1">
        <v>0.81429822308707567</v>
      </c>
      <c r="B349" s="1"/>
      <c r="C349">
        <v>8</v>
      </c>
      <c r="D349" t="s">
        <v>3678</v>
      </c>
      <c r="E349" t="s">
        <v>31489</v>
      </c>
      <c r="F349">
        <v>2</v>
      </c>
      <c r="G349" t="s">
        <v>1295</v>
      </c>
      <c r="H349" t="s">
        <v>3679</v>
      </c>
      <c r="I349" t="s">
        <v>30540</v>
      </c>
    </row>
    <row r="350" spans="1:9">
      <c r="A350" s="1">
        <v>0.75780576063243255</v>
      </c>
      <c r="B350" s="1"/>
      <c r="C350">
        <v>19</v>
      </c>
      <c r="D350" t="s">
        <v>3686</v>
      </c>
      <c r="E350" t="s">
        <v>31489</v>
      </c>
      <c r="F350">
        <v>2</v>
      </c>
      <c r="G350" t="s">
        <v>2229</v>
      </c>
      <c r="H350" t="s">
        <v>3687</v>
      </c>
      <c r="I350" t="s">
        <v>30540</v>
      </c>
    </row>
    <row r="351" spans="1:9">
      <c r="A351" s="1">
        <v>0.99230576567973627</v>
      </c>
      <c r="B351" s="1"/>
      <c r="C351">
        <v>12</v>
      </c>
      <c r="D351" t="s">
        <v>3682</v>
      </c>
      <c r="E351" t="s">
        <v>31489</v>
      </c>
      <c r="F351">
        <v>2</v>
      </c>
      <c r="G351" t="s">
        <v>775</v>
      </c>
      <c r="H351" t="s">
        <v>3683</v>
      </c>
      <c r="I351" t="s">
        <v>30540</v>
      </c>
    </row>
    <row r="352" spans="1:9">
      <c r="A352" s="1">
        <v>0.2616451970911321</v>
      </c>
      <c r="B352" s="1"/>
      <c r="C352">
        <v>1</v>
      </c>
      <c r="D352" t="s">
        <v>3662</v>
      </c>
      <c r="E352" t="s">
        <v>31492</v>
      </c>
      <c r="F352">
        <v>2</v>
      </c>
      <c r="G352" t="s">
        <v>2</v>
      </c>
      <c r="H352" t="s">
        <v>3663</v>
      </c>
      <c r="I352" t="s">
        <v>30540</v>
      </c>
    </row>
    <row r="353" spans="1:9">
      <c r="A353" s="1">
        <v>0.8833127673429183</v>
      </c>
      <c r="B353" s="1"/>
      <c r="C353">
        <v>2</v>
      </c>
      <c r="D353" t="s">
        <v>3656</v>
      </c>
      <c r="E353" t="s">
        <v>31493</v>
      </c>
      <c r="F353">
        <v>2</v>
      </c>
      <c r="G353" t="s">
        <v>15</v>
      </c>
      <c r="H353" t="s">
        <v>3657</v>
      </c>
      <c r="I353" t="s">
        <v>30540</v>
      </c>
    </row>
    <row r="354" spans="1:9">
      <c r="A354" s="1">
        <v>0.20245468899246533</v>
      </c>
      <c r="B354" s="1"/>
      <c r="C354">
        <v>16</v>
      </c>
      <c r="D354" t="s">
        <v>3652</v>
      </c>
      <c r="E354" t="s">
        <v>31494</v>
      </c>
      <c r="F354">
        <v>1</v>
      </c>
      <c r="G354" t="s">
        <v>2738</v>
      </c>
      <c r="H354" t="s">
        <v>3653</v>
      </c>
      <c r="I354" t="s">
        <v>30540</v>
      </c>
    </row>
    <row r="355" spans="1:9">
      <c r="A355" s="1">
        <v>0.81243534927752026</v>
      </c>
      <c r="B355" s="1"/>
      <c r="C355">
        <v>5</v>
      </c>
      <c r="D355" t="s">
        <v>3634</v>
      </c>
      <c r="E355" t="s">
        <v>31498</v>
      </c>
      <c r="F355">
        <v>2</v>
      </c>
      <c r="G355" t="s">
        <v>0</v>
      </c>
      <c r="H355" t="s">
        <v>3635</v>
      </c>
      <c r="I355" t="s">
        <v>30540</v>
      </c>
    </row>
    <row r="356" spans="1:9">
      <c r="A356" s="1">
        <v>0.74256702217397486</v>
      </c>
      <c r="B356" s="1"/>
      <c r="C356">
        <v>8</v>
      </c>
      <c r="D356" t="s">
        <v>3632</v>
      </c>
      <c r="E356" t="s">
        <v>31499</v>
      </c>
      <c r="F356">
        <v>1</v>
      </c>
      <c r="G356" t="s">
        <v>0</v>
      </c>
      <c r="H356" t="s">
        <v>3633</v>
      </c>
      <c r="I356" t="s">
        <v>30540</v>
      </c>
    </row>
    <row r="357" spans="1:9">
      <c r="A357" s="1">
        <v>0.29623649218775105</v>
      </c>
      <c r="B357" s="1"/>
      <c r="C357">
        <v>14</v>
      </c>
      <c r="D357" t="s">
        <v>3626</v>
      </c>
      <c r="E357" t="s">
        <v>31500</v>
      </c>
      <c r="F357">
        <v>3</v>
      </c>
      <c r="G357" t="s">
        <v>2229</v>
      </c>
      <c r="H357" t="s">
        <v>3627</v>
      </c>
      <c r="I357" t="s">
        <v>30540</v>
      </c>
    </row>
    <row r="358" spans="1:9">
      <c r="A358" s="1">
        <v>0.53533134163708529</v>
      </c>
      <c r="B358" s="1"/>
      <c r="C358">
        <v>5</v>
      </c>
      <c r="D358" t="s">
        <v>3624</v>
      </c>
      <c r="E358" t="s">
        <v>31500</v>
      </c>
      <c r="F358">
        <v>2</v>
      </c>
      <c r="G358" t="s">
        <v>766</v>
      </c>
      <c r="H358" t="s">
        <v>3625</v>
      </c>
      <c r="I358" t="s">
        <v>30540</v>
      </c>
    </row>
    <row r="359" spans="1:9">
      <c r="A359" s="1">
        <v>0.80065158566007044</v>
      </c>
      <c r="B359" s="1"/>
      <c r="C359">
        <v>4</v>
      </c>
      <c r="D359" t="s">
        <v>3610</v>
      </c>
      <c r="E359" t="s">
        <v>31504</v>
      </c>
      <c r="F359">
        <v>3</v>
      </c>
      <c r="G359" t="s">
        <v>14</v>
      </c>
      <c r="H359" t="s">
        <v>3611</v>
      </c>
      <c r="I359" t="s">
        <v>30540</v>
      </c>
    </row>
    <row r="360" spans="1:9">
      <c r="A360" s="1">
        <v>8.1978937038827748E-2</v>
      </c>
      <c r="B360" s="1"/>
      <c r="C360">
        <v>8</v>
      </c>
      <c r="D360" t="s">
        <v>3612</v>
      </c>
      <c r="E360" t="s">
        <v>31504</v>
      </c>
      <c r="F360">
        <v>2</v>
      </c>
      <c r="G360" t="s">
        <v>15</v>
      </c>
      <c r="H360" t="s">
        <v>3613</v>
      </c>
      <c r="I360" t="s">
        <v>30540</v>
      </c>
    </row>
    <row r="361" spans="1:9">
      <c r="A361" s="1">
        <v>0.63069302414169992</v>
      </c>
      <c r="B361" s="1"/>
      <c r="C361">
        <v>8</v>
      </c>
      <c r="D361" t="s">
        <v>3572</v>
      </c>
      <c r="E361" t="s">
        <v>31509</v>
      </c>
      <c r="F361">
        <v>3</v>
      </c>
      <c r="G361" t="s">
        <v>0</v>
      </c>
      <c r="H361" t="s">
        <v>3573</v>
      </c>
      <c r="I361" t="s">
        <v>30540</v>
      </c>
    </row>
    <row r="362" spans="1:9">
      <c r="A362" s="1">
        <v>0.2171814249633558</v>
      </c>
      <c r="B362" s="1"/>
      <c r="C362">
        <v>2</v>
      </c>
      <c r="D362" t="s">
        <v>3556</v>
      </c>
      <c r="E362" t="s">
        <v>31513</v>
      </c>
      <c r="F362">
        <v>3</v>
      </c>
      <c r="G362" t="s">
        <v>9</v>
      </c>
      <c r="H362" t="s">
        <v>3557</v>
      </c>
      <c r="I362" t="s">
        <v>30540</v>
      </c>
    </row>
    <row r="363" spans="1:9">
      <c r="A363" s="1">
        <v>0.8404032583171539</v>
      </c>
      <c r="B363" s="1"/>
      <c r="C363">
        <v>11</v>
      </c>
      <c r="D363" t="s">
        <v>3552</v>
      </c>
      <c r="E363" t="s">
        <v>31515</v>
      </c>
      <c r="F363">
        <v>2</v>
      </c>
      <c r="G363" t="s">
        <v>766</v>
      </c>
      <c r="H363" t="s">
        <v>3553</v>
      </c>
      <c r="I363" t="s">
        <v>30540</v>
      </c>
    </row>
    <row r="364" spans="1:9">
      <c r="A364" s="1">
        <v>0.71789485628393535</v>
      </c>
      <c r="B364" s="1"/>
      <c r="C364">
        <v>4</v>
      </c>
      <c r="D364" t="s">
        <v>3542</v>
      </c>
      <c r="E364" t="s">
        <v>31515</v>
      </c>
      <c r="F364">
        <v>1</v>
      </c>
      <c r="G364" t="s">
        <v>14</v>
      </c>
      <c r="H364" t="s">
        <v>3543</v>
      </c>
      <c r="I364" t="s">
        <v>30540</v>
      </c>
    </row>
    <row r="365" spans="1:9">
      <c r="A365" s="1">
        <v>0.7944428776367618</v>
      </c>
      <c r="B365" s="1"/>
      <c r="C365">
        <v>7</v>
      </c>
      <c r="D365" t="s">
        <v>3532</v>
      </c>
      <c r="E365" t="s">
        <v>31517</v>
      </c>
      <c r="F365">
        <v>3</v>
      </c>
      <c r="G365" t="s">
        <v>1</v>
      </c>
      <c r="H365" t="s">
        <v>3533</v>
      </c>
      <c r="I365" t="s">
        <v>30540</v>
      </c>
    </row>
    <row r="366" spans="1:9">
      <c r="A366" s="1">
        <v>0.29242881324762782</v>
      </c>
      <c r="B366" s="1"/>
      <c r="C366">
        <v>1</v>
      </c>
      <c r="D366" t="s">
        <v>3508</v>
      </c>
      <c r="E366" t="s">
        <v>31522</v>
      </c>
      <c r="F366">
        <v>2</v>
      </c>
      <c r="G366" t="s">
        <v>1</v>
      </c>
      <c r="H366" t="s">
        <v>3509</v>
      </c>
      <c r="I366" t="s">
        <v>30540</v>
      </c>
    </row>
    <row r="367" spans="1:9">
      <c r="A367" s="1">
        <v>0.73697050375354733</v>
      </c>
      <c r="B367" s="1"/>
      <c r="C367">
        <v>1</v>
      </c>
      <c r="D367" t="s">
        <v>3488</v>
      </c>
      <c r="E367" t="s">
        <v>31524</v>
      </c>
      <c r="F367">
        <v>3</v>
      </c>
      <c r="G367" t="s">
        <v>766</v>
      </c>
      <c r="H367" t="s">
        <v>3489</v>
      </c>
      <c r="I367" t="s">
        <v>30540</v>
      </c>
    </row>
    <row r="368" spans="1:9">
      <c r="A368" s="1">
        <v>0.2807573880771399</v>
      </c>
      <c r="B368" s="1"/>
      <c r="C368">
        <v>13</v>
      </c>
      <c r="D368" t="s">
        <v>3500</v>
      </c>
      <c r="E368" t="s">
        <v>31524</v>
      </c>
      <c r="F368">
        <v>2</v>
      </c>
      <c r="G368" t="s">
        <v>9</v>
      </c>
      <c r="H368" t="s">
        <v>3501</v>
      </c>
      <c r="I368" t="s">
        <v>30540</v>
      </c>
    </row>
    <row r="369" spans="1:9">
      <c r="A369" s="1">
        <v>0.88516492554080217</v>
      </c>
      <c r="B369" s="1"/>
      <c r="C369">
        <v>2</v>
      </c>
      <c r="D369" t="s">
        <v>3480</v>
      </c>
      <c r="E369" t="s">
        <v>31525</v>
      </c>
      <c r="F369">
        <v>3</v>
      </c>
      <c r="G369" t="s">
        <v>14</v>
      </c>
      <c r="H369" t="s">
        <v>3481</v>
      </c>
      <c r="I369" t="s">
        <v>30540</v>
      </c>
    </row>
    <row r="370" spans="1:9">
      <c r="A370" s="1">
        <v>0.41767173968346327</v>
      </c>
      <c r="B370" s="1"/>
      <c r="C370">
        <v>6</v>
      </c>
      <c r="D370" t="s">
        <v>3484</v>
      </c>
      <c r="E370" t="s">
        <v>31525</v>
      </c>
      <c r="F370">
        <v>2</v>
      </c>
      <c r="G370" t="s">
        <v>14</v>
      </c>
      <c r="H370" t="s">
        <v>3485</v>
      </c>
      <c r="I370" t="s">
        <v>30540</v>
      </c>
    </row>
    <row r="371" spans="1:9">
      <c r="A371" s="1">
        <v>0.81684317488652036</v>
      </c>
      <c r="B371" s="1"/>
      <c r="C371">
        <v>3</v>
      </c>
      <c r="D371" t="s">
        <v>3474</v>
      </c>
      <c r="E371" t="s">
        <v>31527</v>
      </c>
      <c r="F371">
        <v>2</v>
      </c>
      <c r="G371" t="s">
        <v>15</v>
      </c>
      <c r="H371" t="s">
        <v>3475</v>
      </c>
      <c r="I371" t="s">
        <v>30540</v>
      </c>
    </row>
    <row r="372" spans="1:9">
      <c r="A372" s="1">
        <v>0.39998346570541499</v>
      </c>
      <c r="B372" s="1"/>
      <c r="C372">
        <v>15</v>
      </c>
      <c r="D372" t="s">
        <v>3470</v>
      </c>
      <c r="E372" t="s">
        <v>31528</v>
      </c>
      <c r="F372">
        <v>3</v>
      </c>
      <c r="G372" t="s">
        <v>3107</v>
      </c>
      <c r="H372" t="s">
        <v>3471</v>
      </c>
      <c r="I372" t="s">
        <v>30540</v>
      </c>
    </row>
    <row r="373" spans="1:9">
      <c r="A373" s="1">
        <v>0.64511584181998705</v>
      </c>
      <c r="B373" s="1"/>
      <c r="C373">
        <v>7</v>
      </c>
      <c r="D373" t="s">
        <v>3456</v>
      </c>
      <c r="E373" t="s">
        <v>31530</v>
      </c>
      <c r="F373">
        <v>3</v>
      </c>
      <c r="G373" t="s">
        <v>1</v>
      </c>
      <c r="H373" t="s">
        <v>3457</v>
      </c>
      <c r="I373" t="s">
        <v>30540</v>
      </c>
    </row>
    <row r="374" spans="1:9">
      <c r="A374" s="1">
        <v>2.3111174610822016E-2</v>
      </c>
      <c r="B374" s="1"/>
      <c r="C374">
        <v>3</v>
      </c>
      <c r="D374" t="s">
        <v>3450</v>
      </c>
      <c r="E374" t="s">
        <v>31532</v>
      </c>
      <c r="F374">
        <v>2</v>
      </c>
      <c r="G374" t="s">
        <v>1</v>
      </c>
      <c r="H374" t="s">
        <v>3451</v>
      </c>
      <c r="I374" t="s">
        <v>30540</v>
      </c>
    </row>
    <row r="375" spans="1:9">
      <c r="A375" s="1">
        <v>0.10047093128774642</v>
      </c>
      <c r="B375" s="1"/>
      <c r="C375">
        <v>8</v>
      </c>
      <c r="D375" t="s">
        <v>3446</v>
      </c>
      <c r="E375" t="s">
        <v>31533</v>
      </c>
      <c r="F375">
        <v>3</v>
      </c>
      <c r="G375" t="s">
        <v>13</v>
      </c>
      <c r="H375" t="s">
        <v>3447</v>
      </c>
      <c r="I375" t="s">
        <v>30540</v>
      </c>
    </row>
    <row r="376" spans="1:9">
      <c r="A376" s="1">
        <v>0.88765865242220499</v>
      </c>
      <c r="B376" s="1"/>
      <c r="C376">
        <v>13</v>
      </c>
      <c r="D376" t="s">
        <v>3420</v>
      </c>
      <c r="E376" t="s">
        <v>31539</v>
      </c>
      <c r="F376">
        <v>3</v>
      </c>
      <c r="G376" t="s">
        <v>0</v>
      </c>
      <c r="H376" t="s">
        <v>3421</v>
      </c>
      <c r="I376" t="s">
        <v>30540</v>
      </c>
    </row>
    <row r="377" spans="1:9">
      <c r="A377" s="1">
        <v>0.53802516493765995</v>
      </c>
      <c r="B377" s="1"/>
      <c r="C377">
        <v>10</v>
      </c>
      <c r="D377" t="s">
        <v>3396</v>
      </c>
      <c r="E377" t="s">
        <v>31544</v>
      </c>
      <c r="F377">
        <v>3</v>
      </c>
      <c r="G377" t="s">
        <v>3107</v>
      </c>
      <c r="H377" t="s">
        <v>3397</v>
      </c>
      <c r="I377" t="s">
        <v>30540</v>
      </c>
    </row>
    <row r="378" spans="1:9">
      <c r="A378" s="1">
        <v>0.85089736309070285</v>
      </c>
      <c r="B378" s="1"/>
      <c r="C378">
        <v>8</v>
      </c>
      <c r="D378" t="s">
        <v>3382</v>
      </c>
      <c r="E378" t="s">
        <v>31549</v>
      </c>
      <c r="F378">
        <v>3</v>
      </c>
      <c r="G378" t="s">
        <v>1</v>
      </c>
      <c r="H378" t="s">
        <v>3383</v>
      </c>
      <c r="I378" t="s">
        <v>30540</v>
      </c>
    </row>
    <row r="379" spans="1:9">
      <c r="A379" s="1">
        <v>0.85515447207672834</v>
      </c>
      <c r="B379" s="1"/>
      <c r="C379">
        <v>9</v>
      </c>
      <c r="D379" t="s">
        <v>3340</v>
      </c>
      <c r="E379" t="s">
        <v>31560</v>
      </c>
      <c r="F379">
        <v>2</v>
      </c>
      <c r="G379" t="s">
        <v>14</v>
      </c>
      <c r="H379" t="s">
        <v>3341</v>
      </c>
      <c r="I379" t="s">
        <v>30540</v>
      </c>
    </row>
    <row r="380" spans="1:9">
      <c r="A380" s="1">
        <v>0.13667542840615821</v>
      </c>
      <c r="B380" s="1"/>
      <c r="C380">
        <v>5</v>
      </c>
      <c r="D380" t="s">
        <v>3320</v>
      </c>
      <c r="E380" t="s">
        <v>31562</v>
      </c>
      <c r="F380">
        <v>2</v>
      </c>
      <c r="G380" t="s">
        <v>13</v>
      </c>
      <c r="H380" t="s">
        <v>3321</v>
      </c>
      <c r="I380" t="s">
        <v>30540</v>
      </c>
    </row>
    <row r="381" spans="1:9">
      <c r="A381" s="1">
        <v>0.31822867617616746</v>
      </c>
      <c r="B381" s="1"/>
      <c r="C381">
        <v>1</v>
      </c>
      <c r="D381" t="s">
        <v>3310</v>
      </c>
      <c r="E381" t="s">
        <v>31564</v>
      </c>
      <c r="F381">
        <v>2</v>
      </c>
      <c r="G381" t="s">
        <v>1</v>
      </c>
      <c r="H381" t="s">
        <v>3311</v>
      </c>
      <c r="I381" t="s">
        <v>30540</v>
      </c>
    </row>
    <row r="382" spans="1:9">
      <c r="A382" s="1">
        <v>0.61692483786051833</v>
      </c>
      <c r="B382" s="1"/>
      <c r="C382">
        <v>6</v>
      </c>
      <c r="D382" t="s">
        <v>3302</v>
      </c>
      <c r="E382" t="s">
        <v>31566</v>
      </c>
      <c r="F382">
        <v>2</v>
      </c>
      <c r="G382" t="s">
        <v>1</v>
      </c>
      <c r="H382" t="s">
        <v>3303</v>
      </c>
      <c r="I382" t="s">
        <v>30540</v>
      </c>
    </row>
    <row r="383" spans="1:9">
      <c r="A383" s="1">
        <v>0.2459761077734014</v>
      </c>
      <c r="B383" s="1"/>
      <c r="C383">
        <v>4</v>
      </c>
      <c r="D383" t="s">
        <v>3294</v>
      </c>
      <c r="E383" t="s">
        <v>31568</v>
      </c>
      <c r="F383">
        <v>3</v>
      </c>
      <c r="G383" t="s">
        <v>1</v>
      </c>
      <c r="H383" t="s">
        <v>3295</v>
      </c>
      <c r="I383" t="s">
        <v>30540</v>
      </c>
    </row>
    <row r="384" spans="1:9">
      <c r="A384" s="1">
        <v>3.9562802162251609E-2</v>
      </c>
      <c r="B384" s="1"/>
      <c r="C384">
        <v>3</v>
      </c>
      <c r="D384" t="s">
        <v>3248</v>
      </c>
      <c r="E384" t="s">
        <v>31575</v>
      </c>
      <c r="F384">
        <v>3</v>
      </c>
      <c r="G384" t="s">
        <v>1</v>
      </c>
      <c r="H384" t="s">
        <v>3249</v>
      </c>
      <c r="I384" t="s">
        <v>30540</v>
      </c>
    </row>
    <row r="385" spans="1:9">
      <c r="A385" s="1">
        <v>0.49308027311347025</v>
      </c>
      <c r="B385" s="1"/>
      <c r="C385">
        <v>8</v>
      </c>
      <c r="D385" t="s">
        <v>3254</v>
      </c>
      <c r="E385" t="s">
        <v>31575</v>
      </c>
      <c r="F385">
        <v>2</v>
      </c>
      <c r="G385" t="s">
        <v>14</v>
      </c>
      <c r="H385" t="s">
        <v>3255</v>
      </c>
      <c r="I385" t="s">
        <v>30540</v>
      </c>
    </row>
    <row r="386" spans="1:9">
      <c r="A386" s="1">
        <v>2.2871392180735195E-2</v>
      </c>
      <c r="B386" s="1"/>
      <c r="C386">
        <v>5</v>
      </c>
      <c r="D386" t="s">
        <v>3252</v>
      </c>
      <c r="E386" t="s">
        <v>31575</v>
      </c>
      <c r="F386">
        <v>2</v>
      </c>
      <c r="G386" t="s">
        <v>13</v>
      </c>
      <c r="H386" t="s">
        <v>3253</v>
      </c>
      <c r="I386" t="s">
        <v>30540</v>
      </c>
    </row>
    <row r="387" spans="1:9">
      <c r="A387" s="1">
        <v>0.31441498868842355</v>
      </c>
      <c r="B387" s="1"/>
      <c r="C387">
        <v>3</v>
      </c>
      <c r="D387" t="s">
        <v>3222</v>
      </c>
      <c r="E387" t="s">
        <v>31579</v>
      </c>
      <c r="F387">
        <v>2</v>
      </c>
      <c r="G387" t="s">
        <v>0</v>
      </c>
      <c r="H387" t="s">
        <v>3223</v>
      </c>
      <c r="I387" t="s">
        <v>30540</v>
      </c>
    </row>
    <row r="388" spans="1:9">
      <c r="A388" s="1">
        <v>0.2676013784145872</v>
      </c>
      <c r="B388" s="1"/>
      <c r="C388">
        <v>3</v>
      </c>
      <c r="D388" t="s">
        <v>3216</v>
      </c>
      <c r="E388" t="s">
        <v>31580</v>
      </c>
      <c r="F388">
        <v>3</v>
      </c>
      <c r="G388" t="s">
        <v>2</v>
      </c>
      <c r="H388" t="s">
        <v>3217</v>
      </c>
      <c r="I388" t="s">
        <v>30540</v>
      </c>
    </row>
    <row r="389" spans="1:9">
      <c r="A389" s="1">
        <v>0.8952707852882501</v>
      </c>
      <c r="B389" s="1"/>
      <c r="C389">
        <v>8</v>
      </c>
      <c r="D389" t="s">
        <v>3206</v>
      </c>
      <c r="E389" t="s">
        <v>31581</v>
      </c>
      <c r="F389">
        <v>3</v>
      </c>
      <c r="G389" t="s">
        <v>13</v>
      </c>
      <c r="H389" t="s">
        <v>3207</v>
      </c>
      <c r="I389" t="s">
        <v>30540</v>
      </c>
    </row>
    <row r="390" spans="1:9">
      <c r="A390" s="1">
        <v>0.34498555965921496</v>
      </c>
      <c r="B390" s="1"/>
      <c r="C390">
        <v>4</v>
      </c>
      <c r="D390" t="s">
        <v>3186</v>
      </c>
      <c r="E390" t="s">
        <v>31584</v>
      </c>
      <c r="F390">
        <v>2</v>
      </c>
      <c r="G390" t="s">
        <v>13</v>
      </c>
      <c r="H390" t="s">
        <v>3187</v>
      </c>
      <c r="I390" t="s">
        <v>30540</v>
      </c>
    </row>
    <row r="391" spans="1:9">
      <c r="A391" s="1">
        <v>0.48905992652019381</v>
      </c>
      <c r="B391" s="1"/>
      <c r="C391">
        <v>4</v>
      </c>
      <c r="D391" t="s">
        <v>3182</v>
      </c>
      <c r="E391" t="s">
        <v>31585</v>
      </c>
      <c r="F391">
        <v>3</v>
      </c>
      <c r="G391" t="s">
        <v>0</v>
      </c>
      <c r="H391" t="s">
        <v>3183</v>
      </c>
      <c r="I391" t="s">
        <v>30540</v>
      </c>
    </row>
    <row r="392" spans="1:9">
      <c r="A392" s="1">
        <v>0.53503113179711648</v>
      </c>
      <c r="B392" s="1"/>
      <c r="C392">
        <v>1</v>
      </c>
      <c r="D392" t="s">
        <v>3180</v>
      </c>
      <c r="E392" t="s">
        <v>31585</v>
      </c>
      <c r="F392">
        <v>2</v>
      </c>
      <c r="G392" t="s">
        <v>15</v>
      </c>
      <c r="H392" t="s">
        <v>3181</v>
      </c>
      <c r="I392" t="s">
        <v>30540</v>
      </c>
    </row>
    <row r="393" spans="1:9">
      <c r="A393" s="1">
        <v>0.44201971660819772</v>
      </c>
      <c r="B393" s="1"/>
      <c r="C393">
        <v>7</v>
      </c>
      <c r="D393" t="s">
        <v>3142</v>
      </c>
      <c r="E393" t="s">
        <v>31594</v>
      </c>
      <c r="F393">
        <v>3</v>
      </c>
      <c r="G393" t="s">
        <v>770</v>
      </c>
      <c r="H393" t="s">
        <v>3143</v>
      </c>
      <c r="I393" t="s">
        <v>30540</v>
      </c>
    </row>
    <row r="394" spans="1:9">
      <c r="A394" s="1">
        <v>6.9757915454777164E-2</v>
      </c>
      <c r="B394" s="1"/>
      <c r="C394">
        <v>4</v>
      </c>
      <c r="D394" t="s">
        <v>3093</v>
      </c>
      <c r="E394" t="s">
        <v>31606</v>
      </c>
      <c r="F394">
        <v>3</v>
      </c>
      <c r="G394" t="s">
        <v>770</v>
      </c>
      <c r="H394" t="s">
        <v>3094</v>
      </c>
      <c r="I394" t="s">
        <v>30540</v>
      </c>
    </row>
    <row r="395" spans="1:9">
      <c r="A395" s="1">
        <v>0.58840422002229686</v>
      </c>
      <c r="B395" s="1"/>
      <c r="C395">
        <v>10</v>
      </c>
      <c r="D395" t="s">
        <v>3097</v>
      </c>
      <c r="E395" t="s">
        <v>31606</v>
      </c>
      <c r="F395">
        <v>2</v>
      </c>
      <c r="G395" t="s">
        <v>766</v>
      </c>
      <c r="H395" t="s">
        <v>3098</v>
      </c>
      <c r="I395" t="s">
        <v>30540</v>
      </c>
    </row>
    <row r="396" spans="1:9">
      <c r="A396" s="1">
        <v>0.13219973952074204</v>
      </c>
      <c r="B396" s="1"/>
      <c r="C396">
        <v>1</v>
      </c>
      <c r="D396" t="s">
        <v>3091</v>
      </c>
      <c r="E396" t="s">
        <v>31607</v>
      </c>
      <c r="F396">
        <v>2</v>
      </c>
      <c r="G396" t="s">
        <v>14</v>
      </c>
      <c r="H396" t="s">
        <v>3092</v>
      </c>
      <c r="I396" t="s">
        <v>30540</v>
      </c>
    </row>
    <row r="397" spans="1:9">
      <c r="A397" s="1">
        <v>6.2527697137380822E-2</v>
      </c>
      <c r="B397" s="1"/>
      <c r="C397">
        <v>12</v>
      </c>
      <c r="D397" t="s">
        <v>3087</v>
      </c>
      <c r="E397" t="s">
        <v>31609</v>
      </c>
      <c r="F397">
        <v>1</v>
      </c>
      <c r="G397" t="s">
        <v>15</v>
      </c>
      <c r="H397" t="s">
        <v>3088</v>
      </c>
      <c r="I397" t="s">
        <v>30540</v>
      </c>
    </row>
    <row r="398" spans="1:9">
      <c r="A398" s="1">
        <v>0.97018559743647448</v>
      </c>
      <c r="B398" s="1"/>
      <c r="C398">
        <v>7</v>
      </c>
      <c r="D398" t="s">
        <v>6706</v>
      </c>
      <c r="E398" t="s">
        <v>31614</v>
      </c>
      <c r="F398">
        <v>1</v>
      </c>
      <c r="G398" t="s">
        <v>13</v>
      </c>
      <c r="H398" t="s">
        <v>6707</v>
      </c>
      <c r="I398" t="s">
        <v>30540</v>
      </c>
    </row>
    <row r="399" spans="1:9">
      <c r="A399" s="1">
        <v>0.20655395032989954</v>
      </c>
      <c r="B399" s="1"/>
      <c r="C399">
        <v>3</v>
      </c>
      <c r="D399" t="s">
        <v>6692</v>
      </c>
      <c r="E399" t="s">
        <v>31616</v>
      </c>
      <c r="F399">
        <v>3</v>
      </c>
      <c r="G399" t="s">
        <v>0</v>
      </c>
      <c r="H399" t="s">
        <v>6693</v>
      </c>
      <c r="I399" t="s">
        <v>30540</v>
      </c>
    </row>
    <row r="400" spans="1:9">
      <c r="A400" s="1">
        <v>0.35098892912448532</v>
      </c>
      <c r="B400" s="1"/>
      <c r="C400">
        <v>1</v>
      </c>
      <c r="D400" t="s">
        <v>6674</v>
      </c>
      <c r="E400" t="s">
        <v>31618</v>
      </c>
      <c r="F400">
        <v>2</v>
      </c>
      <c r="G400" t="s">
        <v>15</v>
      </c>
      <c r="H400" t="s">
        <v>6675</v>
      </c>
      <c r="I400" t="s">
        <v>30540</v>
      </c>
    </row>
    <row r="401" spans="1:9">
      <c r="A401" s="1">
        <v>0.68957840753852873</v>
      </c>
      <c r="B401" s="1"/>
      <c r="C401">
        <v>18</v>
      </c>
      <c r="D401" t="s">
        <v>6670</v>
      </c>
      <c r="E401" t="s">
        <v>31620</v>
      </c>
      <c r="F401">
        <v>1</v>
      </c>
      <c r="G401" t="s">
        <v>13</v>
      </c>
      <c r="H401" t="s">
        <v>6671</v>
      </c>
      <c r="I401" t="s">
        <v>30540</v>
      </c>
    </row>
    <row r="402" spans="1:9">
      <c r="A402" s="1">
        <v>1.999883822845161E-2</v>
      </c>
      <c r="B402" s="1"/>
      <c r="C402">
        <v>9</v>
      </c>
      <c r="D402" t="s">
        <v>6640</v>
      </c>
      <c r="E402" t="s">
        <v>31624</v>
      </c>
      <c r="F402">
        <v>3</v>
      </c>
      <c r="G402" t="s">
        <v>9</v>
      </c>
      <c r="H402" t="s">
        <v>6641</v>
      </c>
      <c r="I402" t="s">
        <v>30540</v>
      </c>
    </row>
    <row r="403" spans="1:9">
      <c r="A403" s="1">
        <v>1.5895745840251996E-3</v>
      </c>
      <c r="B403" s="1"/>
      <c r="C403">
        <v>4</v>
      </c>
      <c r="D403" t="s">
        <v>6636</v>
      </c>
      <c r="E403" t="s">
        <v>31624</v>
      </c>
      <c r="F403">
        <v>3</v>
      </c>
      <c r="G403" t="s">
        <v>9</v>
      </c>
      <c r="H403" t="s">
        <v>6637</v>
      </c>
      <c r="I403" t="s">
        <v>30540</v>
      </c>
    </row>
    <row r="404" spans="1:9">
      <c r="A404" s="1">
        <v>0.17778754876585745</v>
      </c>
      <c r="B404" s="1"/>
      <c r="C404">
        <v>16</v>
      </c>
      <c r="D404" t="s">
        <v>6632</v>
      </c>
      <c r="E404" t="s">
        <v>31626</v>
      </c>
      <c r="F404">
        <v>3</v>
      </c>
      <c r="G404" t="s">
        <v>0</v>
      </c>
      <c r="H404" t="s">
        <v>6633</v>
      </c>
      <c r="I404" t="s">
        <v>30540</v>
      </c>
    </row>
    <row r="405" spans="1:9">
      <c r="A405" s="1">
        <v>0.81361971737219252</v>
      </c>
      <c r="B405" s="1"/>
      <c r="C405">
        <v>17</v>
      </c>
      <c r="D405" t="s">
        <v>6624</v>
      </c>
      <c r="E405" t="s">
        <v>31627</v>
      </c>
      <c r="F405">
        <v>2</v>
      </c>
      <c r="G405" t="s">
        <v>0</v>
      </c>
      <c r="H405" t="s">
        <v>6625</v>
      </c>
      <c r="I405" t="s">
        <v>30540</v>
      </c>
    </row>
    <row r="406" spans="1:9">
      <c r="A406" s="1">
        <v>0.34214768574944332</v>
      </c>
      <c r="B406" s="1"/>
      <c r="C406">
        <v>11</v>
      </c>
      <c r="D406" t="s">
        <v>6594</v>
      </c>
      <c r="E406" t="s">
        <v>31630</v>
      </c>
      <c r="F406">
        <v>2</v>
      </c>
      <c r="G406" t="s">
        <v>0</v>
      </c>
      <c r="H406" t="s">
        <v>6595</v>
      </c>
      <c r="I406" t="s">
        <v>30540</v>
      </c>
    </row>
    <row r="407" spans="1:9">
      <c r="A407" s="1">
        <v>0.35317812338735821</v>
      </c>
      <c r="B407" s="1"/>
      <c r="C407">
        <v>11</v>
      </c>
      <c r="D407" t="s">
        <v>6584</v>
      </c>
      <c r="E407" t="s">
        <v>31631</v>
      </c>
      <c r="F407">
        <v>3</v>
      </c>
      <c r="G407" t="s">
        <v>10</v>
      </c>
      <c r="H407" t="s">
        <v>6585</v>
      </c>
      <c r="I407" t="s">
        <v>30540</v>
      </c>
    </row>
    <row r="408" spans="1:9">
      <c r="A408" s="1">
        <v>0.91134124616366652</v>
      </c>
      <c r="B408" s="1"/>
      <c r="C408">
        <v>17</v>
      </c>
      <c r="D408" t="s">
        <v>6574</v>
      </c>
      <c r="E408" t="s">
        <v>31632</v>
      </c>
      <c r="F408">
        <v>3</v>
      </c>
      <c r="G408" t="s">
        <v>3107</v>
      </c>
      <c r="H408" t="s">
        <v>6575</v>
      </c>
      <c r="I408" t="s">
        <v>30540</v>
      </c>
    </row>
    <row r="409" spans="1:9">
      <c r="A409" s="1">
        <v>2.8323735030291952E-2</v>
      </c>
      <c r="B409" s="1"/>
      <c r="C409">
        <v>6</v>
      </c>
      <c r="D409" t="s">
        <v>6560</v>
      </c>
      <c r="E409" t="s">
        <v>31633</v>
      </c>
      <c r="F409">
        <v>3</v>
      </c>
      <c r="G409" t="s">
        <v>0</v>
      </c>
      <c r="H409" t="s">
        <v>6561</v>
      </c>
      <c r="I409" t="s">
        <v>30540</v>
      </c>
    </row>
    <row r="410" spans="1:9">
      <c r="A410" s="1">
        <v>0.32766170642930248</v>
      </c>
      <c r="B410" s="1"/>
      <c r="C410">
        <v>10</v>
      </c>
      <c r="D410" t="s">
        <v>6568</v>
      </c>
      <c r="E410" t="s">
        <v>31633</v>
      </c>
      <c r="F410">
        <v>2</v>
      </c>
      <c r="G410" t="s">
        <v>0</v>
      </c>
      <c r="H410" t="s">
        <v>6569</v>
      </c>
      <c r="I410" t="s">
        <v>30540</v>
      </c>
    </row>
    <row r="411" spans="1:9">
      <c r="A411" s="1">
        <v>0.59692575446388063</v>
      </c>
      <c r="B411" s="1"/>
      <c r="C411">
        <v>9</v>
      </c>
      <c r="D411" t="s">
        <v>6554</v>
      </c>
      <c r="E411" t="s">
        <v>31634</v>
      </c>
      <c r="F411">
        <v>2</v>
      </c>
      <c r="G411" t="s">
        <v>0</v>
      </c>
      <c r="H411" t="s">
        <v>6555</v>
      </c>
      <c r="I411" t="s">
        <v>30540</v>
      </c>
    </row>
    <row r="412" spans="1:9">
      <c r="A412" s="1">
        <v>0.16311827038650395</v>
      </c>
      <c r="B412" s="1"/>
      <c r="C412">
        <v>4</v>
      </c>
      <c r="D412" t="s">
        <v>6540</v>
      </c>
      <c r="E412" t="s">
        <v>31635</v>
      </c>
      <c r="F412">
        <v>2</v>
      </c>
      <c r="G412" t="s">
        <v>2</v>
      </c>
      <c r="H412" t="s">
        <v>6541</v>
      </c>
      <c r="I412" t="s">
        <v>30540</v>
      </c>
    </row>
    <row r="413" spans="1:9">
      <c r="A413" s="1">
        <v>0.21164486345198352</v>
      </c>
      <c r="B413" s="1"/>
      <c r="C413">
        <v>7</v>
      </c>
      <c r="D413" t="s">
        <v>6544</v>
      </c>
      <c r="E413" t="s">
        <v>31635</v>
      </c>
      <c r="F413">
        <v>2</v>
      </c>
      <c r="G413" t="s">
        <v>1</v>
      </c>
      <c r="H413" t="s">
        <v>6545</v>
      </c>
      <c r="I413" t="s">
        <v>30540</v>
      </c>
    </row>
    <row r="414" spans="1:9">
      <c r="A414" s="1">
        <v>4.5176409474300128E-2</v>
      </c>
      <c r="B414" s="1"/>
      <c r="C414">
        <v>15</v>
      </c>
      <c r="D414" t="s">
        <v>6508</v>
      </c>
      <c r="E414" t="s">
        <v>31639</v>
      </c>
      <c r="F414">
        <v>1</v>
      </c>
      <c r="G414" t="s">
        <v>1</v>
      </c>
      <c r="H414" t="s">
        <v>6509</v>
      </c>
      <c r="I414" t="s">
        <v>30540</v>
      </c>
    </row>
    <row r="415" spans="1:9">
      <c r="A415" s="1">
        <v>0.71687620456993228</v>
      </c>
      <c r="B415" s="1"/>
      <c r="C415">
        <v>11</v>
      </c>
      <c r="D415" t="s">
        <v>6496</v>
      </c>
      <c r="E415" t="s">
        <v>31640</v>
      </c>
      <c r="F415">
        <v>2</v>
      </c>
      <c r="G415" t="s">
        <v>0</v>
      </c>
      <c r="H415" t="s">
        <v>6497</v>
      </c>
      <c r="I415" t="s">
        <v>30540</v>
      </c>
    </row>
    <row r="416" spans="1:9">
      <c r="A416" s="1">
        <v>0.57688528198052536</v>
      </c>
      <c r="B416" s="1"/>
      <c r="C416">
        <v>18</v>
      </c>
      <c r="D416" t="s">
        <v>6474</v>
      </c>
      <c r="E416" t="s">
        <v>31642</v>
      </c>
      <c r="F416">
        <v>2</v>
      </c>
      <c r="G416" t="s">
        <v>0</v>
      </c>
      <c r="H416" t="s">
        <v>6475</v>
      </c>
      <c r="I416" t="s">
        <v>30540</v>
      </c>
    </row>
    <row r="417" spans="1:9">
      <c r="A417" s="1">
        <v>0.24743486783437119</v>
      </c>
      <c r="B417" s="1"/>
      <c r="C417">
        <v>17</v>
      </c>
      <c r="D417" t="s">
        <v>6450</v>
      </c>
      <c r="E417" t="s">
        <v>31645</v>
      </c>
      <c r="F417">
        <v>2</v>
      </c>
      <c r="G417" t="s">
        <v>0</v>
      </c>
      <c r="H417" t="s">
        <v>6451</v>
      </c>
      <c r="I417" t="s">
        <v>30540</v>
      </c>
    </row>
    <row r="418" spans="1:9">
      <c r="A418" s="1">
        <v>0.13531245134055525</v>
      </c>
      <c r="B418" s="1"/>
      <c r="C418">
        <v>14</v>
      </c>
      <c r="D418" t="s">
        <v>6446</v>
      </c>
      <c r="E418" t="s">
        <v>31645</v>
      </c>
      <c r="F418">
        <v>2</v>
      </c>
      <c r="G418" t="s">
        <v>10</v>
      </c>
      <c r="H418" t="s">
        <v>6447</v>
      </c>
      <c r="I418" t="s">
        <v>30540</v>
      </c>
    </row>
    <row r="419" spans="1:9">
      <c r="A419" s="1">
        <v>0.3788845705924565</v>
      </c>
      <c r="B419" s="1"/>
      <c r="C419">
        <v>18</v>
      </c>
      <c r="D419" t="s">
        <v>6436</v>
      </c>
      <c r="E419" t="s">
        <v>31646</v>
      </c>
      <c r="F419">
        <v>3</v>
      </c>
      <c r="G419" t="s">
        <v>10</v>
      </c>
      <c r="H419" t="s">
        <v>6437</v>
      </c>
      <c r="I419" t="s">
        <v>30540</v>
      </c>
    </row>
    <row r="420" spans="1:9">
      <c r="A420" s="1">
        <v>0.63189954948986249</v>
      </c>
      <c r="B420" s="1"/>
      <c r="C420">
        <v>1</v>
      </c>
      <c r="D420" t="s">
        <v>6418</v>
      </c>
      <c r="E420" t="s">
        <v>31647</v>
      </c>
      <c r="F420">
        <v>3</v>
      </c>
      <c r="G420" t="s">
        <v>1</v>
      </c>
      <c r="H420" t="s">
        <v>6419</v>
      </c>
      <c r="I420" t="s">
        <v>30540</v>
      </c>
    </row>
    <row r="421" spans="1:9">
      <c r="A421" s="1">
        <v>0.2732104796818825</v>
      </c>
      <c r="B421" s="1"/>
      <c r="C421">
        <v>16</v>
      </c>
      <c r="D421" t="s">
        <v>6398</v>
      </c>
      <c r="E421" t="s">
        <v>31650</v>
      </c>
      <c r="F421">
        <v>3</v>
      </c>
      <c r="G421" t="s">
        <v>0</v>
      </c>
      <c r="H421" t="s">
        <v>6399</v>
      </c>
      <c r="I421" t="s">
        <v>30540</v>
      </c>
    </row>
    <row r="422" spans="1:9">
      <c r="A422" s="1">
        <v>0.54904122742841455</v>
      </c>
      <c r="B422" s="1"/>
      <c r="C422">
        <v>20</v>
      </c>
      <c r="D422" t="s">
        <v>6354</v>
      </c>
      <c r="E422" t="s">
        <v>31655</v>
      </c>
      <c r="F422">
        <v>3</v>
      </c>
      <c r="G422" t="s">
        <v>1</v>
      </c>
      <c r="H422" t="s">
        <v>6355</v>
      </c>
      <c r="I422" t="s">
        <v>30540</v>
      </c>
    </row>
    <row r="423" spans="1:9">
      <c r="A423" s="1">
        <v>0.50531446508534661</v>
      </c>
      <c r="B423" s="1"/>
      <c r="C423">
        <v>11</v>
      </c>
      <c r="D423" t="s">
        <v>6350</v>
      </c>
      <c r="E423" t="s">
        <v>31655</v>
      </c>
      <c r="F423">
        <v>2</v>
      </c>
      <c r="G423" t="s">
        <v>0</v>
      </c>
      <c r="H423" t="s">
        <v>6351</v>
      </c>
      <c r="I423" t="s">
        <v>30540</v>
      </c>
    </row>
    <row r="424" spans="1:9">
      <c r="A424" s="1">
        <v>0.17057455297303936</v>
      </c>
      <c r="B424" s="1"/>
      <c r="C424">
        <v>3</v>
      </c>
      <c r="D424" t="s">
        <v>6324</v>
      </c>
      <c r="E424" t="s">
        <v>31658</v>
      </c>
      <c r="F424">
        <v>2</v>
      </c>
      <c r="G424" t="s">
        <v>0</v>
      </c>
      <c r="H424" t="s">
        <v>6325</v>
      </c>
      <c r="I424" t="s">
        <v>30540</v>
      </c>
    </row>
    <row r="425" spans="1:9">
      <c r="A425" s="1">
        <v>0.41539424415050341</v>
      </c>
      <c r="B425" s="1"/>
      <c r="C425">
        <v>7</v>
      </c>
      <c r="D425" t="s">
        <v>6326</v>
      </c>
      <c r="E425" t="s">
        <v>31658</v>
      </c>
      <c r="F425">
        <v>2</v>
      </c>
      <c r="G425" t="s">
        <v>0</v>
      </c>
      <c r="H425" t="s">
        <v>6327</v>
      </c>
      <c r="I425" t="s">
        <v>30540</v>
      </c>
    </row>
    <row r="426" spans="1:9">
      <c r="A426" s="1">
        <v>0.15345079904181236</v>
      </c>
      <c r="B426" s="1"/>
      <c r="C426">
        <v>16</v>
      </c>
      <c r="D426" t="s">
        <v>6312</v>
      </c>
      <c r="E426" t="s">
        <v>31660</v>
      </c>
      <c r="F426">
        <v>3</v>
      </c>
      <c r="G426" t="s">
        <v>1</v>
      </c>
      <c r="H426" t="s">
        <v>6313</v>
      </c>
      <c r="I426" t="s">
        <v>30540</v>
      </c>
    </row>
    <row r="427" spans="1:9">
      <c r="A427" s="1">
        <v>0.27187013677563343</v>
      </c>
      <c r="B427" s="1"/>
      <c r="C427">
        <v>2</v>
      </c>
      <c r="D427" t="s">
        <v>6306</v>
      </c>
      <c r="E427" t="s">
        <v>31660</v>
      </c>
      <c r="F427">
        <v>3</v>
      </c>
      <c r="G427" t="s">
        <v>13</v>
      </c>
      <c r="H427" t="s">
        <v>6307</v>
      </c>
      <c r="I427" t="s">
        <v>30540</v>
      </c>
    </row>
    <row r="428" spans="1:9">
      <c r="A428" s="1">
        <v>0.66113044343763427</v>
      </c>
      <c r="B428" s="1"/>
      <c r="C428">
        <v>3</v>
      </c>
      <c r="D428" t="s">
        <v>6308</v>
      </c>
      <c r="E428" t="s">
        <v>31660</v>
      </c>
      <c r="F428">
        <v>3</v>
      </c>
      <c r="G428" t="s">
        <v>1431</v>
      </c>
      <c r="H428" t="s">
        <v>6309</v>
      </c>
      <c r="I428" t="s">
        <v>30540</v>
      </c>
    </row>
    <row r="429" spans="1:9">
      <c r="A429" s="1">
        <v>0.13581306143294891</v>
      </c>
      <c r="B429" s="1"/>
      <c r="C429">
        <v>12</v>
      </c>
      <c r="D429" t="s">
        <v>6302</v>
      </c>
      <c r="E429" t="s">
        <v>31661</v>
      </c>
      <c r="F429">
        <v>2</v>
      </c>
      <c r="G429" t="s">
        <v>0</v>
      </c>
      <c r="H429" t="s">
        <v>6303</v>
      </c>
      <c r="I429" t="s">
        <v>30540</v>
      </c>
    </row>
    <row r="430" spans="1:9">
      <c r="A430" s="1">
        <v>0.53495513245024695</v>
      </c>
      <c r="B430" s="1"/>
      <c r="C430">
        <v>10</v>
      </c>
      <c r="D430" t="s">
        <v>6300</v>
      </c>
      <c r="E430" t="s">
        <v>31661</v>
      </c>
      <c r="F430">
        <v>2</v>
      </c>
      <c r="G430" t="s">
        <v>14</v>
      </c>
      <c r="H430" t="s">
        <v>6301</v>
      </c>
      <c r="I430" t="s">
        <v>30540</v>
      </c>
    </row>
    <row r="431" spans="1:9">
      <c r="A431" s="1">
        <v>0.74542471302879221</v>
      </c>
      <c r="B431" s="1"/>
      <c r="C431">
        <v>3</v>
      </c>
      <c r="D431" t="s">
        <v>6288</v>
      </c>
      <c r="E431" t="s">
        <v>31662</v>
      </c>
      <c r="F431">
        <v>3</v>
      </c>
      <c r="G431" t="s">
        <v>15</v>
      </c>
      <c r="H431" t="s">
        <v>6289</v>
      </c>
      <c r="I431" t="s">
        <v>30540</v>
      </c>
    </row>
    <row r="432" spans="1:9">
      <c r="A432" s="1">
        <v>4.9333211982890868E-2</v>
      </c>
      <c r="B432" s="1"/>
      <c r="C432">
        <v>11</v>
      </c>
      <c r="D432" t="s">
        <v>6294</v>
      </c>
      <c r="E432" t="s">
        <v>31662</v>
      </c>
      <c r="F432">
        <v>3</v>
      </c>
      <c r="G432" t="s">
        <v>0</v>
      </c>
      <c r="H432" t="s">
        <v>6295</v>
      </c>
      <c r="I432" t="s">
        <v>30540</v>
      </c>
    </row>
    <row r="433" spans="1:9">
      <c r="A433" s="1">
        <v>0.82565911727054808</v>
      </c>
      <c r="B433" s="1"/>
      <c r="C433">
        <v>9</v>
      </c>
      <c r="D433" t="s">
        <v>6292</v>
      </c>
      <c r="E433" t="s">
        <v>31662</v>
      </c>
      <c r="F433">
        <v>2</v>
      </c>
      <c r="G433" t="s">
        <v>0</v>
      </c>
      <c r="H433" t="s">
        <v>6293</v>
      </c>
      <c r="I433" t="s">
        <v>30540</v>
      </c>
    </row>
    <row r="434" spans="1:9">
      <c r="A434" s="1">
        <v>0.61482675759805816</v>
      </c>
      <c r="B434" s="1"/>
      <c r="C434">
        <v>6</v>
      </c>
      <c r="D434" t="s">
        <v>6284</v>
      </c>
      <c r="E434" t="s">
        <v>31663</v>
      </c>
      <c r="F434">
        <v>2</v>
      </c>
      <c r="G434" t="s">
        <v>1</v>
      </c>
      <c r="H434" t="s">
        <v>6285</v>
      </c>
      <c r="I434" t="s">
        <v>30540</v>
      </c>
    </row>
    <row r="435" spans="1:9">
      <c r="A435" s="1">
        <v>0.47698295892842524</v>
      </c>
      <c r="B435" s="1"/>
      <c r="C435">
        <v>13</v>
      </c>
      <c r="D435" t="s">
        <v>6266</v>
      </c>
      <c r="E435" t="s">
        <v>31665</v>
      </c>
      <c r="F435">
        <v>3</v>
      </c>
      <c r="G435" t="s">
        <v>9</v>
      </c>
      <c r="H435" t="s">
        <v>6267</v>
      </c>
      <c r="I435" t="s">
        <v>30540</v>
      </c>
    </row>
    <row r="436" spans="1:9">
      <c r="A436" s="1">
        <v>0.1639334303361607</v>
      </c>
      <c r="B436" s="1"/>
      <c r="C436">
        <v>11</v>
      </c>
      <c r="D436" t="s">
        <v>6264</v>
      </c>
      <c r="E436" t="s">
        <v>31665</v>
      </c>
      <c r="F436">
        <v>3</v>
      </c>
      <c r="G436" t="s">
        <v>9</v>
      </c>
      <c r="H436" t="s">
        <v>6265</v>
      </c>
      <c r="I436" t="s">
        <v>30540</v>
      </c>
    </row>
    <row r="437" spans="1:9">
      <c r="A437" s="1">
        <v>0.93880313928014136</v>
      </c>
      <c r="B437" s="1"/>
      <c r="C437">
        <v>20</v>
      </c>
      <c r="D437" t="s">
        <v>6272</v>
      </c>
      <c r="E437" t="s">
        <v>31665</v>
      </c>
      <c r="F437">
        <v>2</v>
      </c>
      <c r="G437" t="s">
        <v>1</v>
      </c>
      <c r="H437" t="s">
        <v>6273</v>
      </c>
      <c r="I437" t="s">
        <v>30540</v>
      </c>
    </row>
    <row r="438" spans="1:9">
      <c r="A438" s="1">
        <v>0.21550576897015827</v>
      </c>
      <c r="B438" s="1"/>
      <c r="C438">
        <v>7</v>
      </c>
      <c r="D438" t="s">
        <v>6254</v>
      </c>
      <c r="E438" t="s">
        <v>31666</v>
      </c>
      <c r="F438">
        <v>2</v>
      </c>
      <c r="G438" t="s">
        <v>0</v>
      </c>
      <c r="H438" t="s">
        <v>6255</v>
      </c>
      <c r="I438" t="s">
        <v>30540</v>
      </c>
    </row>
    <row r="439" spans="1:9">
      <c r="A439" s="1">
        <v>0.14076210664464162</v>
      </c>
      <c r="B439" s="1"/>
      <c r="C439">
        <v>18</v>
      </c>
      <c r="D439" t="s">
        <v>6248</v>
      </c>
      <c r="E439" t="s">
        <v>31667</v>
      </c>
      <c r="F439">
        <v>1</v>
      </c>
      <c r="G439" t="s">
        <v>0</v>
      </c>
      <c r="H439" t="s">
        <v>6249</v>
      </c>
      <c r="I439" t="s">
        <v>30540</v>
      </c>
    </row>
    <row r="440" spans="1:9">
      <c r="A440" s="1">
        <v>0.2226134747980707</v>
      </c>
      <c r="B440" s="1"/>
      <c r="C440">
        <v>16</v>
      </c>
      <c r="D440" t="s">
        <v>6238</v>
      </c>
      <c r="E440" t="s">
        <v>31668</v>
      </c>
      <c r="F440">
        <v>3</v>
      </c>
      <c r="G440" t="s">
        <v>0</v>
      </c>
      <c r="H440" t="s">
        <v>6239</v>
      </c>
      <c r="I440" t="s">
        <v>30540</v>
      </c>
    </row>
    <row r="441" spans="1:9">
      <c r="A441" s="1">
        <v>0.42429631363065345</v>
      </c>
      <c r="B441" s="1"/>
      <c r="C441">
        <v>13</v>
      </c>
      <c r="D441" t="s">
        <v>6232</v>
      </c>
      <c r="E441" t="s">
        <v>31668</v>
      </c>
      <c r="F441">
        <v>3</v>
      </c>
      <c r="G441" t="s">
        <v>1</v>
      </c>
      <c r="H441" t="s">
        <v>6233</v>
      </c>
      <c r="I441" t="s">
        <v>30540</v>
      </c>
    </row>
    <row r="442" spans="1:9">
      <c r="A442" s="1">
        <v>0.75729693183542846</v>
      </c>
      <c r="B442" s="1"/>
      <c r="C442">
        <v>3</v>
      </c>
      <c r="D442" t="s">
        <v>6224</v>
      </c>
      <c r="E442" t="s">
        <v>31668</v>
      </c>
      <c r="F442">
        <v>1</v>
      </c>
      <c r="G442" t="s">
        <v>2</v>
      </c>
      <c r="H442" t="s">
        <v>6225</v>
      </c>
      <c r="I442" t="s">
        <v>30540</v>
      </c>
    </row>
    <row r="443" spans="1:9">
      <c r="A443" s="1">
        <v>0.2982552447526482</v>
      </c>
      <c r="B443" s="1"/>
      <c r="C443">
        <v>9</v>
      </c>
      <c r="D443" t="s">
        <v>6208</v>
      </c>
      <c r="E443" t="s">
        <v>31669</v>
      </c>
      <c r="F443">
        <v>2</v>
      </c>
      <c r="G443" t="s">
        <v>1</v>
      </c>
      <c r="H443" t="s">
        <v>6209</v>
      </c>
      <c r="I443" t="s">
        <v>30540</v>
      </c>
    </row>
    <row r="444" spans="1:9">
      <c r="A444" s="1">
        <v>0.55881314085937572</v>
      </c>
      <c r="B444" s="1"/>
      <c r="C444">
        <v>6</v>
      </c>
      <c r="D444" t="s">
        <v>6184</v>
      </c>
      <c r="E444" t="s">
        <v>31671</v>
      </c>
      <c r="F444">
        <v>3</v>
      </c>
      <c r="G444" t="s">
        <v>0</v>
      </c>
      <c r="H444" t="s">
        <v>6185</v>
      </c>
      <c r="I444" t="s">
        <v>30540</v>
      </c>
    </row>
    <row r="445" spans="1:9">
      <c r="A445" s="1">
        <v>0.78984386083325631</v>
      </c>
      <c r="B445" s="1"/>
      <c r="C445">
        <v>2</v>
      </c>
      <c r="D445" t="s">
        <v>6182</v>
      </c>
      <c r="E445" t="s">
        <v>31671</v>
      </c>
      <c r="F445">
        <v>2</v>
      </c>
      <c r="G445" t="s">
        <v>15</v>
      </c>
      <c r="H445" t="s">
        <v>6183</v>
      </c>
      <c r="I445" t="s">
        <v>30540</v>
      </c>
    </row>
    <row r="446" spans="1:9">
      <c r="A446" s="1">
        <v>5.7259905117095888E-2</v>
      </c>
      <c r="B446" s="1"/>
      <c r="C446">
        <v>18</v>
      </c>
      <c r="D446" t="s">
        <v>6164</v>
      </c>
      <c r="E446" t="s">
        <v>31674</v>
      </c>
      <c r="F446">
        <v>2</v>
      </c>
      <c r="G446" t="s">
        <v>0</v>
      </c>
      <c r="H446" t="s">
        <v>6165</v>
      </c>
      <c r="I446" t="s">
        <v>30540</v>
      </c>
    </row>
    <row r="447" spans="1:9">
      <c r="A447" s="1">
        <v>0.85053999278425441</v>
      </c>
      <c r="B447" s="1"/>
      <c r="C447">
        <v>14</v>
      </c>
      <c r="D447" t="s">
        <v>6129</v>
      </c>
      <c r="E447" t="s">
        <v>31676</v>
      </c>
      <c r="F447">
        <v>1</v>
      </c>
      <c r="G447" t="s">
        <v>15</v>
      </c>
      <c r="H447" t="s">
        <v>6130</v>
      </c>
      <c r="I447" t="s">
        <v>30540</v>
      </c>
    </row>
    <row r="448" spans="1:9">
      <c r="A448" s="1">
        <v>0.31209782914250195</v>
      </c>
      <c r="B448" s="1"/>
      <c r="C448">
        <v>17</v>
      </c>
      <c r="D448" t="s">
        <v>6125</v>
      </c>
      <c r="E448" t="s">
        <v>31677</v>
      </c>
      <c r="F448">
        <v>3</v>
      </c>
      <c r="G448" t="s">
        <v>0</v>
      </c>
      <c r="H448" t="s">
        <v>6126</v>
      </c>
      <c r="I448" t="s">
        <v>30540</v>
      </c>
    </row>
    <row r="449" spans="1:9">
      <c r="A449" s="1">
        <v>0.81264846025511284</v>
      </c>
      <c r="B449" s="1"/>
      <c r="C449">
        <v>4</v>
      </c>
      <c r="D449" t="s">
        <v>6115</v>
      </c>
      <c r="E449" t="s">
        <v>31677</v>
      </c>
      <c r="F449">
        <v>2</v>
      </c>
      <c r="G449" t="s">
        <v>1</v>
      </c>
      <c r="H449" t="s">
        <v>6116</v>
      </c>
      <c r="I449" t="s">
        <v>30540</v>
      </c>
    </row>
    <row r="450" spans="1:9">
      <c r="A450" s="1">
        <v>0.9842534234993694</v>
      </c>
      <c r="B450" s="1"/>
      <c r="C450">
        <v>16</v>
      </c>
      <c r="D450" t="s">
        <v>6123</v>
      </c>
      <c r="E450" t="s">
        <v>31677</v>
      </c>
      <c r="F450">
        <v>1</v>
      </c>
      <c r="G450" t="s">
        <v>1</v>
      </c>
      <c r="H450" t="s">
        <v>6124</v>
      </c>
      <c r="I450" t="s">
        <v>30540</v>
      </c>
    </row>
    <row r="451" spans="1:9">
      <c r="A451" s="1">
        <v>0.4905244901370992</v>
      </c>
      <c r="B451" s="1"/>
      <c r="C451">
        <v>4</v>
      </c>
      <c r="D451" t="s">
        <v>6103</v>
      </c>
      <c r="E451" t="s">
        <v>31678</v>
      </c>
      <c r="F451">
        <v>1</v>
      </c>
      <c r="G451" t="s">
        <v>2738</v>
      </c>
      <c r="H451" t="s">
        <v>6104</v>
      </c>
      <c r="I451" t="s">
        <v>30540</v>
      </c>
    </row>
    <row r="452" spans="1:9">
      <c r="A452" s="1">
        <v>0.71960525007171994</v>
      </c>
      <c r="B452" s="1"/>
      <c r="C452">
        <v>16</v>
      </c>
      <c r="D452" t="s">
        <v>6087</v>
      </c>
      <c r="E452" t="s">
        <v>31680</v>
      </c>
      <c r="F452">
        <v>2</v>
      </c>
      <c r="G452" t="s">
        <v>0</v>
      </c>
      <c r="H452" t="s">
        <v>6088</v>
      </c>
      <c r="I452" t="s">
        <v>30540</v>
      </c>
    </row>
    <row r="453" spans="1:9">
      <c r="A453" s="1">
        <v>0.30984061247538841</v>
      </c>
      <c r="B453" s="1"/>
      <c r="C453">
        <v>14</v>
      </c>
      <c r="D453" t="s">
        <v>6053</v>
      </c>
      <c r="E453" t="s">
        <v>31684</v>
      </c>
      <c r="F453">
        <v>3</v>
      </c>
      <c r="G453" t="s">
        <v>13</v>
      </c>
      <c r="H453" t="s">
        <v>6054</v>
      </c>
      <c r="I453" t="s">
        <v>30540</v>
      </c>
    </row>
    <row r="454" spans="1:9">
      <c r="A454" s="1">
        <v>0.98880263230458509</v>
      </c>
      <c r="B454" s="1"/>
      <c r="C454">
        <v>10</v>
      </c>
      <c r="D454" t="s">
        <v>6025</v>
      </c>
      <c r="E454" t="s">
        <v>31686</v>
      </c>
      <c r="F454">
        <v>2</v>
      </c>
      <c r="G454" t="s">
        <v>10</v>
      </c>
      <c r="H454" t="s">
        <v>6026</v>
      </c>
      <c r="I454" t="s">
        <v>30540</v>
      </c>
    </row>
    <row r="455" spans="1:9">
      <c r="A455" s="1">
        <v>0.73974032096842379</v>
      </c>
      <c r="B455" s="1"/>
      <c r="C455">
        <v>19</v>
      </c>
      <c r="D455" t="s">
        <v>6023</v>
      </c>
      <c r="E455" t="s">
        <v>31687</v>
      </c>
      <c r="F455">
        <v>2</v>
      </c>
      <c r="G455" t="s">
        <v>9</v>
      </c>
      <c r="H455" t="s">
        <v>6024</v>
      </c>
      <c r="I455" t="s">
        <v>30540</v>
      </c>
    </row>
    <row r="456" spans="1:9">
      <c r="A456" s="1">
        <v>7.2342228600832947E-2</v>
      </c>
      <c r="B456" s="1"/>
      <c r="C456">
        <v>1</v>
      </c>
      <c r="D456" t="s">
        <v>6001</v>
      </c>
      <c r="E456" t="s">
        <v>31688</v>
      </c>
      <c r="F456">
        <v>2</v>
      </c>
      <c r="G456" t="s">
        <v>10</v>
      </c>
      <c r="H456" t="s">
        <v>6002</v>
      </c>
      <c r="I456" t="s">
        <v>30540</v>
      </c>
    </row>
    <row r="457" spans="1:9">
      <c r="A457" s="1">
        <v>0.3910588116431033</v>
      </c>
      <c r="B457" s="1"/>
      <c r="C457">
        <v>5</v>
      </c>
      <c r="D457" t="s">
        <v>5987</v>
      </c>
      <c r="E457" t="s">
        <v>31689</v>
      </c>
      <c r="F457">
        <v>3</v>
      </c>
      <c r="G457" t="s">
        <v>9</v>
      </c>
      <c r="H457" t="s">
        <v>5988</v>
      </c>
      <c r="I457" t="s">
        <v>30540</v>
      </c>
    </row>
    <row r="458" spans="1:9">
      <c r="A458" s="1">
        <v>0.89152825686958526</v>
      </c>
      <c r="B458" s="1"/>
      <c r="C458">
        <v>14</v>
      </c>
      <c r="D458" t="s">
        <v>5973</v>
      </c>
      <c r="E458" t="s">
        <v>31691</v>
      </c>
      <c r="F458">
        <v>2</v>
      </c>
      <c r="G458" t="s">
        <v>0</v>
      </c>
      <c r="H458" t="s">
        <v>5974</v>
      </c>
      <c r="I458" t="s">
        <v>30540</v>
      </c>
    </row>
    <row r="459" spans="1:9">
      <c r="A459" s="1">
        <v>0.33641981588093361</v>
      </c>
      <c r="B459" s="1"/>
      <c r="C459">
        <v>2</v>
      </c>
      <c r="D459" t="s">
        <v>5933</v>
      </c>
      <c r="E459" t="s">
        <v>31694</v>
      </c>
      <c r="F459">
        <v>3</v>
      </c>
      <c r="G459" t="s">
        <v>0</v>
      </c>
      <c r="H459" t="s">
        <v>5934</v>
      </c>
      <c r="I459" t="s">
        <v>30540</v>
      </c>
    </row>
    <row r="460" spans="1:9">
      <c r="A460" s="1">
        <v>0.99493098442540728</v>
      </c>
      <c r="B460" s="1"/>
      <c r="C460">
        <v>6</v>
      </c>
      <c r="D460" t="s">
        <v>5923</v>
      </c>
      <c r="E460" t="s">
        <v>31695</v>
      </c>
      <c r="F460">
        <v>3</v>
      </c>
      <c r="G460" t="s">
        <v>2</v>
      </c>
      <c r="H460" t="s">
        <v>5924</v>
      </c>
      <c r="I460" t="s">
        <v>30540</v>
      </c>
    </row>
    <row r="461" spans="1:9">
      <c r="A461" s="1">
        <v>0.18328843042814824</v>
      </c>
      <c r="B461" s="1"/>
      <c r="C461">
        <v>19</v>
      </c>
      <c r="D461" t="s">
        <v>5919</v>
      </c>
      <c r="E461" t="s">
        <v>31696</v>
      </c>
      <c r="F461">
        <v>3</v>
      </c>
      <c r="G461" t="s">
        <v>2229</v>
      </c>
      <c r="H461" t="s">
        <v>5920</v>
      </c>
      <c r="I461" t="s">
        <v>30540</v>
      </c>
    </row>
    <row r="462" spans="1:9">
      <c r="A462" s="1">
        <v>0.59605210922694174</v>
      </c>
      <c r="B462" s="1"/>
      <c r="C462">
        <v>4</v>
      </c>
      <c r="D462" t="s">
        <v>5897</v>
      </c>
      <c r="E462" t="s">
        <v>31697</v>
      </c>
      <c r="F462">
        <v>3</v>
      </c>
      <c r="G462" t="s">
        <v>0</v>
      </c>
      <c r="H462" t="s">
        <v>5898</v>
      </c>
      <c r="I462" t="s">
        <v>30540</v>
      </c>
    </row>
    <row r="463" spans="1:9">
      <c r="A463" s="1">
        <v>0.98509781822262565</v>
      </c>
      <c r="B463" s="1"/>
      <c r="C463">
        <v>18</v>
      </c>
      <c r="D463" t="s">
        <v>5905</v>
      </c>
      <c r="E463" t="s">
        <v>31697</v>
      </c>
      <c r="F463">
        <v>2</v>
      </c>
      <c r="G463" t="s">
        <v>9</v>
      </c>
      <c r="H463" t="s">
        <v>5906</v>
      </c>
      <c r="I463" t="s">
        <v>30540</v>
      </c>
    </row>
    <row r="464" spans="1:9">
      <c r="A464" s="1">
        <v>0.24138164760681058</v>
      </c>
      <c r="B464" s="1"/>
      <c r="C464">
        <v>8</v>
      </c>
      <c r="D464" t="s">
        <v>5883</v>
      </c>
      <c r="E464" t="s">
        <v>31698</v>
      </c>
      <c r="F464">
        <v>2</v>
      </c>
      <c r="G464" t="s">
        <v>13</v>
      </c>
      <c r="H464" t="s">
        <v>5884</v>
      </c>
      <c r="I464" t="s">
        <v>30540</v>
      </c>
    </row>
    <row r="465" spans="1:9">
      <c r="A465" s="1">
        <v>0.42953051958168897</v>
      </c>
      <c r="B465" s="1"/>
      <c r="C465">
        <v>9</v>
      </c>
      <c r="D465" t="s">
        <v>5885</v>
      </c>
      <c r="E465" t="s">
        <v>31698</v>
      </c>
      <c r="F465">
        <v>1</v>
      </c>
      <c r="G465" t="s">
        <v>13</v>
      </c>
      <c r="H465" t="s">
        <v>5886</v>
      </c>
      <c r="I465" t="s">
        <v>30540</v>
      </c>
    </row>
    <row r="466" spans="1:9">
      <c r="A466" s="1">
        <v>0.36321756272081118</v>
      </c>
      <c r="B466" s="1"/>
      <c r="C466">
        <v>12</v>
      </c>
      <c r="D466" t="s">
        <v>5861</v>
      </c>
      <c r="E466" t="s">
        <v>31700</v>
      </c>
      <c r="F466">
        <v>2</v>
      </c>
      <c r="G466" t="s">
        <v>15</v>
      </c>
      <c r="H466" t="s">
        <v>5862</v>
      </c>
      <c r="I466" t="s">
        <v>30540</v>
      </c>
    </row>
    <row r="467" spans="1:9">
      <c r="A467" s="1">
        <v>0.89373551335052637</v>
      </c>
      <c r="B467" s="1"/>
      <c r="C467">
        <v>20</v>
      </c>
      <c r="D467" t="s">
        <v>5867</v>
      </c>
      <c r="E467" t="s">
        <v>31700</v>
      </c>
      <c r="F467">
        <v>2</v>
      </c>
      <c r="G467" t="s">
        <v>0</v>
      </c>
      <c r="H467" t="s">
        <v>5868</v>
      </c>
      <c r="I467" t="s">
        <v>30540</v>
      </c>
    </row>
    <row r="468" spans="1:9">
      <c r="A468" s="1">
        <v>0.68745975821511229</v>
      </c>
      <c r="B468" s="1"/>
      <c r="C468">
        <v>10</v>
      </c>
      <c r="D468" t="s">
        <v>5849</v>
      </c>
      <c r="E468" t="s">
        <v>31701</v>
      </c>
      <c r="F468">
        <v>3</v>
      </c>
      <c r="G468" t="s">
        <v>0</v>
      </c>
      <c r="H468" t="s">
        <v>5850</v>
      </c>
      <c r="I468" t="s">
        <v>30540</v>
      </c>
    </row>
    <row r="469" spans="1:9">
      <c r="A469" s="1">
        <v>0.99316392826482625</v>
      </c>
      <c r="B469" s="1"/>
      <c r="C469">
        <v>3</v>
      </c>
      <c r="D469" t="s">
        <v>5839</v>
      </c>
      <c r="E469" t="s">
        <v>31702</v>
      </c>
      <c r="F469">
        <v>2</v>
      </c>
      <c r="G469" t="s">
        <v>2738</v>
      </c>
      <c r="H469" t="s">
        <v>5840</v>
      </c>
      <c r="I469" t="s">
        <v>30540</v>
      </c>
    </row>
    <row r="470" spans="1:9">
      <c r="A470" s="1">
        <v>0.64057437537834871</v>
      </c>
      <c r="B470" s="1"/>
      <c r="C470">
        <v>20</v>
      </c>
      <c r="D470" t="s">
        <v>5837</v>
      </c>
      <c r="E470" t="s">
        <v>31703</v>
      </c>
      <c r="F470">
        <v>3</v>
      </c>
      <c r="G470" t="s">
        <v>0</v>
      </c>
      <c r="H470" t="s">
        <v>5838</v>
      </c>
      <c r="I470" t="s">
        <v>30540</v>
      </c>
    </row>
    <row r="471" spans="1:9">
      <c r="A471" s="1">
        <v>0.83772759310831779</v>
      </c>
      <c r="B471" s="1"/>
      <c r="C471">
        <v>15</v>
      </c>
      <c r="D471" t="s">
        <v>5823</v>
      </c>
      <c r="E471" t="s">
        <v>31704</v>
      </c>
      <c r="F471">
        <v>2</v>
      </c>
      <c r="G471" t="s">
        <v>15</v>
      </c>
      <c r="H471" t="s">
        <v>5824</v>
      </c>
      <c r="I471" t="s">
        <v>30540</v>
      </c>
    </row>
    <row r="472" spans="1:9">
      <c r="A472" s="1">
        <v>0.66004045772746067</v>
      </c>
      <c r="B472" s="1"/>
      <c r="C472">
        <v>8</v>
      </c>
      <c r="D472" t="s">
        <v>5809</v>
      </c>
      <c r="E472" t="s">
        <v>31705</v>
      </c>
      <c r="F472">
        <v>1</v>
      </c>
      <c r="G472" t="s">
        <v>0</v>
      </c>
      <c r="H472" t="s">
        <v>5810</v>
      </c>
      <c r="I472" t="s">
        <v>30540</v>
      </c>
    </row>
    <row r="473" spans="1:9">
      <c r="A473" s="1">
        <v>0.47770801711408095</v>
      </c>
      <c r="B473" s="1"/>
      <c r="C473">
        <v>11</v>
      </c>
      <c r="D473" t="s">
        <v>5789</v>
      </c>
      <c r="E473" t="s">
        <v>31707</v>
      </c>
      <c r="F473">
        <v>3</v>
      </c>
      <c r="G473" t="s">
        <v>14</v>
      </c>
      <c r="H473" t="s">
        <v>5790</v>
      </c>
      <c r="I473" t="s">
        <v>30540</v>
      </c>
    </row>
    <row r="474" spans="1:9">
      <c r="A474" s="1">
        <v>0.91266580309489509</v>
      </c>
      <c r="B474" s="1"/>
      <c r="C474">
        <v>16</v>
      </c>
      <c r="D474" t="s">
        <v>5797</v>
      </c>
      <c r="E474" t="s">
        <v>31707</v>
      </c>
      <c r="F474">
        <v>2</v>
      </c>
      <c r="G474" t="s">
        <v>0</v>
      </c>
      <c r="H474" t="s">
        <v>5798</v>
      </c>
      <c r="I474" t="s">
        <v>30540</v>
      </c>
    </row>
    <row r="475" spans="1:9">
      <c r="A475" s="1">
        <v>8.9229436425624753E-2</v>
      </c>
      <c r="B475" s="1"/>
      <c r="C475">
        <v>13</v>
      </c>
      <c r="D475" t="s">
        <v>5793</v>
      </c>
      <c r="E475" t="s">
        <v>31707</v>
      </c>
      <c r="F475">
        <v>2</v>
      </c>
      <c r="G475" t="s">
        <v>0</v>
      </c>
      <c r="H475" t="s">
        <v>5794</v>
      </c>
      <c r="I475" t="s">
        <v>30540</v>
      </c>
    </row>
    <row r="476" spans="1:9">
      <c r="A476" s="1">
        <v>0.73057454835171898</v>
      </c>
      <c r="B476" s="1"/>
      <c r="C476">
        <v>19</v>
      </c>
      <c r="D476" t="s">
        <v>5771</v>
      </c>
      <c r="E476" t="s">
        <v>31709</v>
      </c>
      <c r="F476">
        <v>3</v>
      </c>
      <c r="G476" t="s">
        <v>0</v>
      </c>
      <c r="H476" t="s">
        <v>5772</v>
      </c>
      <c r="I476" t="s">
        <v>30540</v>
      </c>
    </row>
    <row r="477" spans="1:9">
      <c r="A477" s="1">
        <v>0.61615065362183608</v>
      </c>
      <c r="B477" s="1"/>
      <c r="C477">
        <v>18</v>
      </c>
      <c r="D477" t="s">
        <v>5757</v>
      </c>
      <c r="E477" t="s">
        <v>31710</v>
      </c>
      <c r="F477">
        <v>2</v>
      </c>
      <c r="G477" t="s">
        <v>1</v>
      </c>
      <c r="H477" t="s">
        <v>5758</v>
      </c>
      <c r="I477" t="s">
        <v>30540</v>
      </c>
    </row>
    <row r="478" spans="1:9">
      <c r="A478" s="1">
        <v>2.5933032477051365E-2</v>
      </c>
      <c r="B478" s="1"/>
      <c r="C478">
        <v>17</v>
      </c>
      <c r="D478" t="s">
        <v>5743</v>
      </c>
      <c r="E478" t="s">
        <v>31711</v>
      </c>
      <c r="F478">
        <v>3</v>
      </c>
      <c r="G478" t="s">
        <v>15</v>
      </c>
      <c r="H478" t="s">
        <v>5744</v>
      </c>
      <c r="I478" t="s">
        <v>30540</v>
      </c>
    </row>
    <row r="479" spans="1:9">
      <c r="A479" s="1">
        <v>0.47162864521778736</v>
      </c>
      <c r="B479" s="1"/>
      <c r="C479">
        <v>20</v>
      </c>
      <c r="D479" t="s">
        <v>5733</v>
      </c>
      <c r="E479" t="s">
        <v>31712</v>
      </c>
      <c r="F479">
        <v>3</v>
      </c>
      <c r="G479" t="s">
        <v>0</v>
      </c>
      <c r="H479" t="s">
        <v>5734</v>
      </c>
      <c r="I479" t="s">
        <v>30540</v>
      </c>
    </row>
    <row r="480" spans="1:9">
      <c r="A480" s="1">
        <v>0.38833278667009397</v>
      </c>
      <c r="B480" s="1"/>
      <c r="C480">
        <v>12</v>
      </c>
      <c r="D480" t="s">
        <v>5731</v>
      </c>
      <c r="E480" t="s">
        <v>31712</v>
      </c>
      <c r="F480">
        <v>2</v>
      </c>
      <c r="G480" t="s">
        <v>15</v>
      </c>
      <c r="H480" t="s">
        <v>5732</v>
      </c>
      <c r="I480" t="s">
        <v>30540</v>
      </c>
    </row>
    <row r="481" spans="1:9">
      <c r="A481" s="1">
        <v>7.9319998808158099E-2</v>
      </c>
      <c r="B481" s="1"/>
      <c r="C481">
        <v>9</v>
      </c>
      <c r="D481" t="s">
        <v>5729</v>
      </c>
      <c r="E481" t="s">
        <v>31712</v>
      </c>
      <c r="F481">
        <v>1</v>
      </c>
      <c r="G481" t="s">
        <v>0</v>
      </c>
      <c r="H481" t="s">
        <v>5730</v>
      </c>
      <c r="I481" t="s">
        <v>30540</v>
      </c>
    </row>
    <row r="482" spans="1:9">
      <c r="A482" s="1">
        <v>0.30152065819856677</v>
      </c>
      <c r="B482" s="1"/>
      <c r="C482">
        <v>13</v>
      </c>
      <c r="D482" t="s">
        <v>5725</v>
      </c>
      <c r="E482" t="s">
        <v>31713</v>
      </c>
      <c r="F482">
        <v>2</v>
      </c>
      <c r="G482" t="s">
        <v>0</v>
      </c>
      <c r="H482" t="s">
        <v>5726</v>
      </c>
      <c r="I482" t="s">
        <v>30540</v>
      </c>
    </row>
    <row r="483" spans="1:9">
      <c r="A483" s="1">
        <v>0.66028151411739366</v>
      </c>
      <c r="B483" s="1"/>
      <c r="C483">
        <v>9</v>
      </c>
      <c r="D483" t="s">
        <v>5709</v>
      </c>
      <c r="E483" t="s">
        <v>31715</v>
      </c>
      <c r="F483">
        <v>2</v>
      </c>
      <c r="G483" t="s">
        <v>2</v>
      </c>
      <c r="H483" t="s">
        <v>5710</v>
      </c>
      <c r="I483" t="s">
        <v>30540</v>
      </c>
    </row>
    <row r="484" spans="1:9">
      <c r="A484" s="1">
        <v>9.7484814224135796E-4</v>
      </c>
      <c r="B484" s="1"/>
      <c r="C484">
        <v>11</v>
      </c>
      <c r="D484" t="s">
        <v>5711</v>
      </c>
      <c r="E484" t="s">
        <v>31715</v>
      </c>
      <c r="F484">
        <v>2</v>
      </c>
      <c r="G484" t="s">
        <v>10</v>
      </c>
      <c r="H484" t="s">
        <v>5712</v>
      </c>
      <c r="I484" t="s">
        <v>30540</v>
      </c>
    </row>
    <row r="485" spans="1:9">
      <c r="A485" s="1">
        <v>0.24805836818918581</v>
      </c>
      <c r="B485" s="1"/>
      <c r="C485">
        <v>3</v>
      </c>
      <c r="D485" t="s">
        <v>5705</v>
      </c>
      <c r="E485" t="s">
        <v>31715</v>
      </c>
      <c r="F485">
        <v>2</v>
      </c>
      <c r="G485" t="s">
        <v>10</v>
      </c>
      <c r="H485" t="s">
        <v>5706</v>
      </c>
      <c r="I485" t="s">
        <v>30540</v>
      </c>
    </row>
    <row r="486" spans="1:9">
      <c r="A486" s="1">
        <v>0.44111635265814431</v>
      </c>
      <c r="B486" s="1"/>
      <c r="C486">
        <v>8</v>
      </c>
      <c r="D486" t="s">
        <v>5681</v>
      </c>
      <c r="E486" t="s">
        <v>31717</v>
      </c>
      <c r="F486">
        <v>3</v>
      </c>
      <c r="G486" t="s">
        <v>0</v>
      </c>
      <c r="H486" t="s">
        <v>5682</v>
      </c>
      <c r="I486" t="s">
        <v>30540</v>
      </c>
    </row>
    <row r="487" spans="1:9">
      <c r="A487" s="1">
        <v>0.73349805348529706</v>
      </c>
      <c r="B487" s="1"/>
      <c r="C487">
        <v>7</v>
      </c>
      <c r="D487" t="s">
        <v>5679</v>
      </c>
      <c r="E487" t="s">
        <v>31717</v>
      </c>
      <c r="F487">
        <v>3</v>
      </c>
      <c r="G487" t="s">
        <v>15</v>
      </c>
      <c r="H487" t="s">
        <v>5680</v>
      </c>
      <c r="I487" t="s">
        <v>30540</v>
      </c>
    </row>
    <row r="488" spans="1:9">
      <c r="A488" s="1">
        <v>0.22488678345542179</v>
      </c>
      <c r="B488" s="1"/>
      <c r="C488">
        <v>14</v>
      </c>
      <c r="D488" t="s">
        <v>5659</v>
      </c>
      <c r="E488" t="s">
        <v>31719</v>
      </c>
      <c r="F488">
        <v>1</v>
      </c>
      <c r="G488" t="s">
        <v>0</v>
      </c>
      <c r="H488" t="s">
        <v>5660</v>
      </c>
      <c r="I488" t="s">
        <v>30540</v>
      </c>
    </row>
    <row r="489" spans="1:9">
      <c r="A489" s="1">
        <v>0.95141270378496479</v>
      </c>
      <c r="B489" s="1"/>
      <c r="C489">
        <v>12</v>
      </c>
      <c r="D489" t="s">
        <v>5651</v>
      </c>
      <c r="E489" t="s">
        <v>31720</v>
      </c>
      <c r="F489">
        <v>3</v>
      </c>
      <c r="G489" t="s">
        <v>1431</v>
      </c>
      <c r="H489" t="s">
        <v>5652</v>
      </c>
      <c r="I489" t="s">
        <v>30540</v>
      </c>
    </row>
    <row r="490" spans="1:9">
      <c r="A490" s="1">
        <v>0.63096672217444461</v>
      </c>
      <c r="B490" s="1"/>
      <c r="C490">
        <v>1</v>
      </c>
      <c r="D490" t="s">
        <v>5629</v>
      </c>
      <c r="E490" t="s">
        <v>31721</v>
      </c>
      <c r="F490">
        <v>2</v>
      </c>
      <c r="G490" t="s">
        <v>15</v>
      </c>
      <c r="H490" t="s">
        <v>5630</v>
      </c>
      <c r="I490" t="s">
        <v>30540</v>
      </c>
    </row>
    <row r="491" spans="1:9">
      <c r="A491" s="1">
        <v>0.82438686875606959</v>
      </c>
      <c r="B491" s="1"/>
      <c r="C491">
        <v>16</v>
      </c>
      <c r="D491" t="s">
        <v>5627</v>
      </c>
      <c r="E491" t="s">
        <v>31722</v>
      </c>
      <c r="F491">
        <v>3</v>
      </c>
      <c r="G491" t="s">
        <v>0</v>
      </c>
      <c r="H491" t="s">
        <v>5628</v>
      </c>
      <c r="I491" t="s">
        <v>30540</v>
      </c>
    </row>
    <row r="492" spans="1:9">
      <c r="A492" s="1">
        <v>0.77023856640517552</v>
      </c>
      <c r="B492" s="1"/>
      <c r="C492">
        <v>4</v>
      </c>
      <c r="D492" t="s">
        <v>5611</v>
      </c>
      <c r="E492" t="s">
        <v>31723</v>
      </c>
      <c r="F492">
        <v>2</v>
      </c>
      <c r="G492" t="s">
        <v>13</v>
      </c>
      <c r="H492" t="s">
        <v>5612</v>
      </c>
      <c r="I492" t="s">
        <v>30540</v>
      </c>
    </row>
    <row r="493" spans="1:9">
      <c r="A493" s="1">
        <v>0.62807394625467283</v>
      </c>
      <c r="B493" s="1"/>
      <c r="C493">
        <v>5</v>
      </c>
      <c r="D493" t="s">
        <v>5603</v>
      </c>
      <c r="E493" t="s">
        <v>31724</v>
      </c>
      <c r="F493">
        <v>2</v>
      </c>
      <c r="G493" t="s">
        <v>15</v>
      </c>
      <c r="H493" t="s">
        <v>5604</v>
      </c>
      <c r="I493" t="s">
        <v>30540</v>
      </c>
    </row>
    <row r="494" spans="1:9">
      <c r="A494" s="1">
        <v>0.93269310337303224</v>
      </c>
      <c r="B494" s="1"/>
      <c r="C494">
        <v>18</v>
      </c>
      <c r="D494" t="s">
        <v>5609</v>
      </c>
      <c r="E494" t="s">
        <v>31724</v>
      </c>
      <c r="F494">
        <v>2</v>
      </c>
      <c r="G494" t="s">
        <v>0</v>
      </c>
      <c r="H494" t="s">
        <v>5610</v>
      </c>
      <c r="I494" t="s">
        <v>30540</v>
      </c>
    </row>
    <row r="495" spans="1:9">
      <c r="A495" s="1">
        <v>0.80583522747630909</v>
      </c>
      <c r="B495" s="1"/>
      <c r="C495">
        <v>16</v>
      </c>
      <c r="D495" t="s">
        <v>5607</v>
      </c>
      <c r="E495" t="s">
        <v>31724</v>
      </c>
      <c r="F495">
        <v>2</v>
      </c>
      <c r="G495" t="s">
        <v>0</v>
      </c>
      <c r="H495" t="s">
        <v>5608</v>
      </c>
      <c r="I495" t="s">
        <v>30540</v>
      </c>
    </row>
    <row r="496" spans="1:9">
      <c r="A496" s="1">
        <v>3.7117224881284883E-2</v>
      </c>
      <c r="B496" s="1"/>
      <c r="C496">
        <v>3</v>
      </c>
      <c r="D496" t="s">
        <v>5589</v>
      </c>
      <c r="E496" t="s">
        <v>31725</v>
      </c>
      <c r="F496">
        <v>2</v>
      </c>
      <c r="G496" t="s">
        <v>15</v>
      </c>
      <c r="H496" t="s">
        <v>5590</v>
      </c>
      <c r="I496" t="s">
        <v>30540</v>
      </c>
    </row>
    <row r="497" spans="1:9">
      <c r="A497" s="1">
        <v>0.11791135689811971</v>
      </c>
      <c r="B497" s="1"/>
      <c r="C497">
        <v>2</v>
      </c>
      <c r="D497" t="s">
        <v>5573</v>
      </c>
      <c r="E497" t="s">
        <v>31727</v>
      </c>
      <c r="F497">
        <v>0</v>
      </c>
      <c r="G497" t="s">
        <v>2</v>
      </c>
      <c r="H497" t="s">
        <v>5574</v>
      </c>
      <c r="I497" t="s">
        <v>30540</v>
      </c>
    </row>
    <row r="498" spans="1:9">
      <c r="A498" s="1">
        <v>0.20405329249701798</v>
      </c>
      <c r="B498" s="1"/>
      <c r="C498">
        <v>15</v>
      </c>
      <c r="D498" t="s">
        <v>5553</v>
      </c>
      <c r="E498" t="s">
        <v>31730</v>
      </c>
      <c r="F498">
        <v>2</v>
      </c>
      <c r="G498" t="s">
        <v>0</v>
      </c>
      <c r="H498" t="s">
        <v>5554</v>
      </c>
      <c r="I498" t="s">
        <v>30540</v>
      </c>
    </row>
    <row r="499" spans="1:9">
      <c r="A499" s="1">
        <v>0.43385258636726987</v>
      </c>
      <c r="B499" s="1"/>
      <c r="C499">
        <v>16</v>
      </c>
      <c r="D499" t="s">
        <v>5555</v>
      </c>
      <c r="E499" t="s">
        <v>31730</v>
      </c>
      <c r="F499">
        <v>2</v>
      </c>
      <c r="G499" t="s">
        <v>0</v>
      </c>
      <c r="H499" t="s">
        <v>5556</v>
      </c>
      <c r="I499" t="s">
        <v>30540</v>
      </c>
    </row>
    <row r="500" spans="1:9">
      <c r="A500" s="1">
        <v>0.10361390012958949</v>
      </c>
      <c r="B500" s="1"/>
      <c r="C500">
        <v>14</v>
      </c>
      <c r="D500" t="s">
        <v>5551</v>
      </c>
      <c r="E500" t="s">
        <v>31730</v>
      </c>
      <c r="F500">
        <v>2</v>
      </c>
      <c r="G500" t="s">
        <v>0</v>
      </c>
      <c r="H500" t="s">
        <v>5552</v>
      </c>
      <c r="I500" t="s">
        <v>30540</v>
      </c>
    </row>
    <row r="501" spans="1:9">
      <c r="A501" s="1">
        <v>0.60471787622558071</v>
      </c>
      <c r="B501" s="1"/>
      <c r="C501">
        <v>10</v>
      </c>
      <c r="D501" t="s">
        <v>5529</v>
      </c>
      <c r="E501" t="s">
        <v>31732</v>
      </c>
      <c r="F501">
        <v>3</v>
      </c>
      <c r="G501" t="s">
        <v>2738</v>
      </c>
      <c r="H501" t="s">
        <v>5530</v>
      </c>
      <c r="I501" t="s">
        <v>30540</v>
      </c>
    </row>
    <row r="502" spans="1:9">
      <c r="A502" s="1">
        <v>0.44718283590159913</v>
      </c>
      <c r="B502" s="1"/>
      <c r="C502">
        <v>3</v>
      </c>
      <c r="D502" t="s">
        <v>5525</v>
      </c>
      <c r="E502" t="s">
        <v>31732</v>
      </c>
      <c r="F502">
        <v>3</v>
      </c>
      <c r="G502" t="s">
        <v>2738</v>
      </c>
      <c r="H502" t="s">
        <v>5526</v>
      </c>
      <c r="I502" t="s">
        <v>30540</v>
      </c>
    </row>
    <row r="503" spans="1:9">
      <c r="A503" s="1">
        <v>0.47074579197567068</v>
      </c>
      <c r="B503" s="1"/>
      <c r="C503">
        <v>18</v>
      </c>
      <c r="D503" t="s">
        <v>5531</v>
      </c>
      <c r="E503" t="s">
        <v>31732</v>
      </c>
      <c r="F503">
        <v>2</v>
      </c>
      <c r="G503" t="s">
        <v>13</v>
      </c>
      <c r="H503" t="s">
        <v>5532</v>
      </c>
      <c r="I503" t="s">
        <v>30540</v>
      </c>
    </row>
    <row r="504" spans="1:9">
      <c r="A504" s="1">
        <v>0.38563764276499612</v>
      </c>
      <c r="B504" s="1"/>
      <c r="C504">
        <v>9</v>
      </c>
      <c r="D504" t="s">
        <v>5507</v>
      </c>
      <c r="E504" t="s">
        <v>31734</v>
      </c>
      <c r="F504">
        <v>2</v>
      </c>
      <c r="G504" t="s">
        <v>13</v>
      </c>
      <c r="H504" t="s">
        <v>5508</v>
      </c>
      <c r="I504" t="s">
        <v>30540</v>
      </c>
    </row>
    <row r="505" spans="1:9">
      <c r="A505" s="1">
        <v>0.34996399349584917</v>
      </c>
      <c r="B505" s="1"/>
      <c r="C505">
        <v>13</v>
      </c>
      <c r="D505" t="s">
        <v>5485</v>
      </c>
      <c r="E505" t="s">
        <v>31736</v>
      </c>
      <c r="F505">
        <v>3</v>
      </c>
      <c r="G505" t="s">
        <v>0</v>
      </c>
      <c r="H505" t="s">
        <v>5486</v>
      </c>
      <c r="I505" t="s">
        <v>30540</v>
      </c>
    </row>
    <row r="506" spans="1:9">
      <c r="A506" s="1">
        <v>0.74708008447983432</v>
      </c>
      <c r="B506" s="1"/>
      <c r="C506">
        <v>6</v>
      </c>
      <c r="D506" t="s">
        <v>5479</v>
      </c>
      <c r="E506" t="s">
        <v>31736</v>
      </c>
      <c r="F506">
        <v>3</v>
      </c>
      <c r="G506" t="s">
        <v>2</v>
      </c>
      <c r="H506" t="s">
        <v>5480</v>
      </c>
      <c r="I506" t="s">
        <v>30540</v>
      </c>
    </row>
    <row r="507" spans="1:9">
      <c r="A507" s="1">
        <v>0.54779071545385161</v>
      </c>
      <c r="B507" s="1"/>
      <c r="C507">
        <v>16</v>
      </c>
      <c r="D507" t="s">
        <v>5471</v>
      </c>
      <c r="E507" t="s">
        <v>31737</v>
      </c>
      <c r="F507">
        <v>2</v>
      </c>
      <c r="G507" t="s">
        <v>0</v>
      </c>
      <c r="H507" t="s">
        <v>5472</v>
      </c>
      <c r="I507" t="s">
        <v>30540</v>
      </c>
    </row>
    <row r="508" spans="1:9">
      <c r="A508" s="1">
        <v>0.44318977429787187</v>
      </c>
      <c r="B508" s="1"/>
      <c r="C508">
        <v>17</v>
      </c>
      <c r="D508" t="s">
        <v>5457</v>
      </c>
      <c r="E508" t="s">
        <v>31739</v>
      </c>
      <c r="F508">
        <v>3</v>
      </c>
      <c r="G508" t="s">
        <v>0</v>
      </c>
      <c r="H508" t="s">
        <v>5458</v>
      </c>
      <c r="I508" t="s">
        <v>30540</v>
      </c>
    </row>
    <row r="509" spans="1:9">
      <c r="A509" s="1">
        <v>0.65347041205762491</v>
      </c>
      <c r="B509" s="1"/>
      <c r="C509">
        <v>6</v>
      </c>
      <c r="D509" t="s">
        <v>5447</v>
      </c>
      <c r="E509" t="s">
        <v>31739</v>
      </c>
      <c r="F509">
        <v>1</v>
      </c>
      <c r="G509" t="s">
        <v>15</v>
      </c>
      <c r="H509" t="s">
        <v>5448</v>
      </c>
      <c r="I509" t="s">
        <v>30540</v>
      </c>
    </row>
    <row r="510" spans="1:9">
      <c r="A510" s="1">
        <v>4.6023900764574299E-2</v>
      </c>
      <c r="B510" s="1"/>
      <c r="C510">
        <v>16</v>
      </c>
      <c r="D510" t="s">
        <v>5443</v>
      </c>
      <c r="E510" t="s">
        <v>31740</v>
      </c>
      <c r="F510">
        <v>3</v>
      </c>
      <c r="G510" t="s">
        <v>1</v>
      </c>
      <c r="H510" t="s">
        <v>5444</v>
      </c>
      <c r="I510" t="s">
        <v>30540</v>
      </c>
    </row>
    <row r="511" spans="1:9">
      <c r="A511" s="1">
        <v>0.43270797280561024</v>
      </c>
      <c r="B511" s="1"/>
      <c r="C511">
        <v>16</v>
      </c>
      <c r="D511" t="s">
        <v>5431</v>
      </c>
      <c r="E511" t="s">
        <v>31741</v>
      </c>
      <c r="F511">
        <v>2</v>
      </c>
      <c r="G511" t="s">
        <v>0</v>
      </c>
      <c r="H511" t="s">
        <v>5432</v>
      </c>
      <c r="I511" t="s">
        <v>30540</v>
      </c>
    </row>
    <row r="512" spans="1:9">
      <c r="A512" s="1">
        <v>0.56019005342122452</v>
      </c>
      <c r="B512" s="1"/>
      <c r="C512">
        <v>17</v>
      </c>
      <c r="D512" t="s">
        <v>5433</v>
      </c>
      <c r="E512" t="s">
        <v>31741</v>
      </c>
      <c r="F512">
        <v>2</v>
      </c>
      <c r="G512" t="s">
        <v>15</v>
      </c>
      <c r="H512" t="s">
        <v>5434</v>
      </c>
      <c r="I512" t="s">
        <v>30540</v>
      </c>
    </row>
    <row r="513" spans="1:9">
      <c r="A513" s="1">
        <v>0.74108600396370439</v>
      </c>
      <c r="B513" s="1"/>
      <c r="C513">
        <v>16</v>
      </c>
      <c r="D513" t="s">
        <v>5421</v>
      </c>
      <c r="E513" t="s">
        <v>31742</v>
      </c>
      <c r="F513">
        <v>3</v>
      </c>
      <c r="G513" t="s">
        <v>13</v>
      </c>
      <c r="H513" t="s">
        <v>5422</v>
      </c>
      <c r="I513" t="s">
        <v>30540</v>
      </c>
    </row>
    <row r="514" spans="1:9">
      <c r="A514" s="1">
        <v>0.39309090726709006</v>
      </c>
      <c r="B514" s="1"/>
      <c r="C514">
        <v>10</v>
      </c>
      <c r="D514" t="s">
        <v>5413</v>
      </c>
      <c r="E514" t="s">
        <v>31742</v>
      </c>
      <c r="F514">
        <v>3</v>
      </c>
      <c r="G514" t="s">
        <v>15</v>
      </c>
      <c r="H514" t="s">
        <v>5414</v>
      </c>
      <c r="I514" t="s">
        <v>30540</v>
      </c>
    </row>
    <row r="515" spans="1:9">
      <c r="A515" s="1">
        <v>0.43109624802515889</v>
      </c>
      <c r="B515" s="1"/>
      <c r="C515">
        <v>13</v>
      </c>
      <c r="D515" t="s">
        <v>5415</v>
      </c>
      <c r="E515" t="s">
        <v>31742</v>
      </c>
      <c r="F515">
        <v>1</v>
      </c>
      <c r="G515" t="s">
        <v>0</v>
      </c>
      <c r="H515" t="s">
        <v>5416</v>
      </c>
      <c r="I515" t="s">
        <v>30540</v>
      </c>
    </row>
    <row r="516" spans="1:9">
      <c r="A516" s="1">
        <v>0.15973723681276653</v>
      </c>
      <c r="B516" s="1"/>
      <c r="C516">
        <v>3</v>
      </c>
      <c r="D516" t="s">
        <v>5401</v>
      </c>
      <c r="E516" t="s">
        <v>31743</v>
      </c>
      <c r="F516">
        <v>2</v>
      </c>
      <c r="G516" t="s">
        <v>9</v>
      </c>
      <c r="H516" t="s">
        <v>5402</v>
      </c>
      <c r="I516" t="s">
        <v>30540</v>
      </c>
    </row>
    <row r="517" spans="1:9">
      <c r="A517" s="1">
        <v>0.2181554372320057</v>
      </c>
      <c r="B517" s="1"/>
      <c r="C517">
        <v>6</v>
      </c>
      <c r="D517" t="s">
        <v>5395</v>
      </c>
      <c r="E517" t="s">
        <v>31744</v>
      </c>
      <c r="F517">
        <v>3</v>
      </c>
      <c r="G517" t="s">
        <v>1426</v>
      </c>
      <c r="H517" t="s">
        <v>5396</v>
      </c>
      <c r="I517" t="s">
        <v>30540</v>
      </c>
    </row>
    <row r="518" spans="1:9">
      <c r="A518" s="1">
        <v>0.97211598817415046</v>
      </c>
      <c r="B518" s="1"/>
      <c r="C518">
        <v>2</v>
      </c>
      <c r="D518" t="s">
        <v>5391</v>
      </c>
      <c r="E518" t="s">
        <v>31744</v>
      </c>
      <c r="F518">
        <v>2</v>
      </c>
      <c r="G518" t="s">
        <v>765</v>
      </c>
      <c r="H518" t="s">
        <v>5392</v>
      </c>
      <c r="I518" t="s">
        <v>30540</v>
      </c>
    </row>
    <row r="519" spans="1:9">
      <c r="A519" s="1">
        <v>0.93997514712404973</v>
      </c>
      <c r="B519" s="1"/>
      <c r="C519">
        <v>7</v>
      </c>
      <c r="D519" t="s">
        <v>5375</v>
      </c>
      <c r="E519" t="s">
        <v>31745</v>
      </c>
      <c r="F519">
        <v>3</v>
      </c>
      <c r="G519" t="s">
        <v>2</v>
      </c>
      <c r="H519" t="s">
        <v>5376</v>
      </c>
      <c r="I519" t="s">
        <v>30540</v>
      </c>
    </row>
    <row r="520" spans="1:9">
      <c r="A520" s="1">
        <v>0.27839397250650921</v>
      </c>
      <c r="B520" s="1"/>
      <c r="C520">
        <v>16</v>
      </c>
      <c r="D520" t="s">
        <v>5385</v>
      </c>
      <c r="E520" t="s">
        <v>31745</v>
      </c>
      <c r="F520">
        <v>3</v>
      </c>
      <c r="G520" t="s">
        <v>2</v>
      </c>
      <c r="H520" t="s">
        <v>5386</v>
      </c>
      <c r="I520" t="s">
        <v>30540</v>
      </c>
    </row>
    <row r="521" spans="1:9">
      <c r="A521" s="1">
        <v>0.9847621635009095</v>
      </c>
      <c r="B521" s="1"/>
      <c r="C521">
        <v>19</v>
      </c>
      <c r="D521" t="s">
        <v>5389</v>
      </c>
      <c r="E521" t="s">
        <v>31745</v>
      </c>
      <c r="F521">
        <v>3</v>
      </c>
      <c r="G521" t="s">
        <v>0</v>
      </c>
      <c r="H521" t="s">
        <v>5390</v>
      </c>
      <c r="I521" t="s">
        <v>30540</v>
      </c>
    </row>
    <row r="522" spans="1:9">
      <c r="A522" s="1">
        <v>0.3859521332717627</v>
      </c>
      <c r="B522" s="1"/>
      <c r="C522">
        <v>14</v>
      </c>
      <c r="D522" t="s">
        <v>5381</v>
      </c>
      <c r="E522" t="s">
        <v>31745</v>
      </c>
      <c r="F522">
        <v>3</v>
      </c>
      <c r="G522" t="s">
        <v>0</v>
      </c>
      <c r="H522" t="s">
        <v>5382</v>
      </c>
      <c r="I522" t="s">
        <v>30540</v>
      </c>
    </row>
    <row r="523" spans="1:9">
      <c r="A523" s="1">
        <v>0.94897260393336402</v>
      </c>
      <c r="B523" s="1"/>
      <c r="C523">
        <v>16</v>
      </c>
      <c r="D523" t="s">
        <v>5369</v>
      </c>
      <c r="E523" t="s">
        <v>31746</v>
      </c>
      <c r="F523">
        <v>3</v>
      </c>
      <c r="G523" t="s">
        <v>10</v>
      </c>
      <c r="H523" t="s">
        <v>5370</v>
      </c>
      <c r="I523" t="s">
        <v>30540</v>
      </c>
    </row>
    <row r="524" spans="1:9">
      <c r="A524" s="1">
        <v>0.26524596853850746</v>
      </c>
      <c r="B524" s="1"/>
      <c r="C524">
        <v>14</v>
      </c>
      <c r="D524" t="s">
        <v>5365</v>
      </c>
      <c r="E524" t="s">
        <v>31746</v>
      </c>
      <c r="F524">
        <v>3</v>
      </c>
      <c r="G524" t="s">
        <v>0</v>
      </c>
      <c r="H524" t="s">
        <v>5366</v>
      </c>
      <c r="I524" t="s">
        <v>30540</v>
      </c>
    </row>
    <row r="525" spans="1:9">
      <c r="A525" s="1">
        <v>0.35774120988412339</v>
      </c>
      <c r="B525" s="1"/>
      <c r="C525">
        <v>11</v>
      </c>
      <c r="D525" t="s">
        <v>5361</v>
      </c>
      <c r="E525" t="s">
        <v>31746</v>
      </c>
      <c r="F525">
        <v>2</v>
      </c>
      <c r="G525" t="s">
        <v>0</v>
      </c>
      <c r="H525" t="s">
        <v>5362</v>
      </c>
      <c r="I525" t="s">
        <v>30540</v>
      </c>
    </row>
    <row r="526" spans="1:9">
      <c r="A526" s="1">
        <v>0.89903596499478278</v>
      </c>
      <c r="B526" s="1"/>
      <c r="C526">
        <v>1</v>
      </c>
      <c r="D526" t="s">
        <v>5345</v>
      </c>
      <c r="E526" t="s">
        <v>31747</v>
      </c>
      <c r="F526">
        <v>1</v>
      </c>
      <c r="G526" t="s">
        <v>0</v>
      </c>
      <c r="H526" t="s">
        <v>5346</v>
      </c>
      <c r="I526" t="s">
        <v>30540</v>
      </c>
    </row>
    <row r="527" spans="1:9">
      <c r="A527" s="1">
        <v>0.13025073615539651</v>
      </c>
      <c r="B527" s="1"/>
      <c r="C527">
        <v>19</v>
      </c>
      <c r="D527" t="s">
        <v>5321</v>
      </c>
      <c r="E527" t="s">
        <v>31750</v>
      </c>
      <c r="F527">
        <v>2</v>
      </c>
      <c r="G527" t="s">
        <v>10</v>
      </c>
      <c r="H527" t="s">
        <v>5322</v>
      </c>
      <c r="I527" t="s">
        <v>30540</v>
      </c>
    </row>
    <row r="528" spans="1:9">
      <c r="A528" s="1">
        <v>0.16499358863381519</v>
      </c>
      <c r="B528" s="1"/>
      <c r="C528">
        <v>1</v>
      </c>
      <c r="D528" t="s">
        <v>5301</v>
      </c>
      <c r="E528" t="s">
        <v>31751</v>
      </c>
      <c r="F528">
        <v>3</v>
      </c>
      <c r="G528" t="s">
        <v>1295</v>
      </c>
      <c r="H528" t="s">
        <v>5302</v>
      </c>
      <c r="I528" t="s">
        <v>30540</v>
      </c>
    </row>
    <row r="529" spans="1:9">
      <c r="A529" s="1">
        <v>0.74628817280595106</v>
      </c>
      <c r="B529" s="1"/>
      <c r="C529">
        <v>1</v>
      </c>
      <c r="D529" t="s">
        <v>5295</v>
      </c>
      <c r="E529" t="s">
        <v>31752</v>
      </c>
      <c r="F529">
        <v>2</v>
      </c>
      <c r="G529" t="s">
        <v>14</v>
      </c>
      <c r="H529" t="s">
        <v>5296</v>
      </c>
      <c r="I529" t="s">
        <v>30540</v>
      </c>
    </row>
    <row r="530" spans="1:9">
      <c r="A530" s="1">
        <v>0.37488562892794741</v>
      </c>
      <c r="B530" s="1"/>
      <c r="C530">
        <v>18</v>
      </c>
      <c r="D530" t="s">
        <v>5277</v>
      </c>
      <c r="E530" t="s">
        <v>31754</v>
      </c>
      <c r="F530">
        <v>2</v>
      </c>
      <c r="G530" t="s">
        <v>10</v>
      </c>
      <c r="H530" t="s">
        <v>5278</v>
      </c>
      <c r="I530" t="s">
        <v>30540</v>
      </c>
    </row>
    <row r="531" spans="1:9">
      <c r="A531" s="1">
        <v>0.23401053578162756</v>
      </c>
      <c r="B531" s="1"/>
      <c r="C531">
        <v>16</v>
      </c>
      <c r="D531" t="s">
        <v>5269</v>
      </c>
      <c r="E531" t="s">
        <v>31755</v>
      </c>
      <c r="F531">
        <v>3</v>
      </c>
      <c r="G531" t="s">
        <v>15</v>
      </c>
      <c r="H531" t="s">
        <v>5270</v>
      </c>
      <c r="I531" t="s">
        <v>30540</v>
      </c>
    </row>
    <row r="532" spans="1:9">
      <c r="A532" s="1">
        <v>0.91438375158123197</v>
      </c>
      <c r="B532" s="1"/>
      <c r="C532">
        <v>19</v>
      </c>
      <c r="D532" t="s">
        <v>5271</v>
      </c>
      <c r="E532" t="s">
        <v>31755</v>
      </c>
      <c r="F532">
        <v>2</v>
      </c>
      <c r="G532" t="s">
        <v>15</v>
      </c>
      <c r="H532" t="s">
        <v>5272</v>
      </c>
      <c r="I532" t="s">
        <v>30540</v>
      </c>
    </row>
    <row r="533" spans="1:9">
      <c r="A533" s="1">
        <v>5.5695175769092442E-2</v>
      </c>
      <c r="B533" s="1"/>
      <c r="C533">
        <v>8</v>
      </c>
      <c r="D533" t="s">
        <v>5251</v>
      </c>
      <c r="E533" t="s">
        <v>31757</v>
      </c>
      <c r="F533">
        <v>2</v>
      </c>
      <c r="G533" t="s">
        <v>2</v>
      </c>
      <c r="H533" t="s">
        <v>5252</v>
      </c>
      <c r="I533" t="s">
        <v>30540</v>
      </c>
    </row>
    <row r="534" spans="1:9">
      <c r="A534" s="1">
        <v>0.97334199510995001</v>
      </c>
      <c r="B534" s="1"/>
      <c r="C534">
        <v>12</v>
      </c>
      <c r="D534" t="s">
        <v>5253</v>
      </c>
      <c r="E534" t="s">
        <v>31757</v>
      </c>
      <c r="F534">
        <v>2</v>
      </c>
      <c r="G534" t="s">
        <v>2</v>
      </c>
      <c r="H534" t="s">
        <v>5254</v>
      </c>
      <c r="I534" t="s">
        <v>30540</v>
      </c>
    </row>
    <row r="535" spans="1:9">
      <c r="A535" s="1">
        <v>0.82036059009805695</v>
      </c>
      <c r="B535" s="1"/>
      <c r="C535">
        <v>7</v>
      </c>
      <c r="D535" t="s">
        <v>5249</v>
      </c>
      <c r="E535" t="s">
        <v>31757</v>
      </c>
      <c r="F535">
        <v>2</v>
      </c>
      <c r="G535" t="s">
        <v>2</v>
      </c>
      <c r="H535" t="s">
        <v>5250</v>
      </c>
      <c r="I535" t="s">
        <v>30540</v>
      </c>
    </row>
    <row r="536" spans="1:9">
      <c r="A536" s="1">
        <v>0.87102280629373519</v>
      </c>
      <c r="B536" s="1"/>
      <c r="C536">
        <v>18</v>
      </c>
      <c r="D536" t="s">
        <v>5257</v>
      </c>
      <c r="E536" t="s">
        <v>31757</v>
      </c>
      <c r="F536">
        <v>2</v>
      </c>
      <c r="G536" t="s">
        <v>10</v>
      </c>
      <c r="H536" t="s">
        <v>5258</v>
      </c>
      <c r="I536" t="s">
        <v>30540</v>
      </c>
    </row>
    <row r="537" spans="1:9">
      <c r="A537" s="1">
        <v>0.56578346909825727</v>
      </c>
      <c r="B537" s="1"/>
      <c r="C537">
        <v>17</v>
      </c>
      <c r="D537" t="s">
        <v>5255</v>
      </c>
      <c r="E537" t="s">
        <v>31757</v>
      </c>
      <c r="F537">
        <v>2</v>
      </c>
      <c r="G537" t="s">
        <v>15</v>
      </c>
      <c r="H537" t="s">
        <v>5256</v>
      </c>
      <c r="I537" t="s">
        <v>30540</v>
      </c>
    </row>
    <row r="538" spans="1:9">
      <c r="A538" s="1">
        <v>0.72136708165556152</v>
      </c>
      <c r="B538" s="1"/>
      <c r="C538">
        <v>15</v>
      </c>
      <c r="D538" t="s">
        <v>5243</v>
      </c>
      <c r="E538" t="s">
        <v>31758</v>
      </c>
      <c r="F538">
        <v>2</v>
      </c>
      <c r="G538" t="s">
        <v>766</v>
      </c>
      <c r="H538" t="s">
        <v>5244</v>
      </c>
      <c r="I538" t="s">
        <v>30540</v>
      </c>
    </row>
    <row r="539" spans="1:9">
      <c r="A539" s="1">
        <v>0.76137868532815589</v>
      </c>
      <c r="B539" s="1"/>
      <c r="C539">
        <v>12</v>
      </c>
      <c r="D539" t="s">
        <v>5241</v>
      </c>
      <c r="E539" t="s">
        <v>31758</v>
      </c>
      <c r="F539">
        <v>2</v>
      </c>
      <c r="G539" t="s">
        <v>10</v>
      </c>
      <c r="H539" t="s">
        <v>5242</v>
      </c>
      <c r="I539" t="s">
        <v>30540</v>
      </c>
    </row>
    <row r="540" spans="1:9">
      <c r="A540" s="1">
        <v>0.14148413446791452</v>
      </c>
      <c r="B540" s="1"/>
      <c r="C540">
        <v>8</v>
      </c>
      <c r="D540" t="s">
        <v>5219</v>
      </c>
      <c r="E540" t="s">
        <v>31760</v>
      </c>
      <c r="F540">
        <v>3</v>
      </c>
      <c r="G540" t="s">
        <v>2</v>
      </c>
      <c r="H540" t="s">
        <v>5220</v>
      </c>
      <c r="I540" t="s">
        <v>30540</v>
      </c>
    </row>
    <row r="541" spans="1:9">
      <c r="A541" s="1">
        <v>0.42823027102236533</v>
      </c>
      <c r="B541" s="1"/>
      <c r="C541">
        <v>11</v>
      </c>
      <c r="D541" t="s">
        <v>5223</v>
      </c>
      <c r="E541" t="s">
        <v>31760</v>
      </c>
      <c r="F541">
        <v>2</v>
      </c>
      <c r="G541" t="s">
        <v>10</v>
      </c>
      <c r="H541" t="s">
        <v>5224</v>
      </c>
      <c r="I541" t="s">
        <v>30540</v>
      </c>
    </row>
    <row r="542" spans="1:9">
      <c r="A542" s="1">
        <v>0.97551768934507033</v>
      </c>
      <c r="B542" s="1"/>
      <c r="C542">
        <v>16</v>
      </c>
      <c r="D542" t="s">
        <v>5225</v>
      </c>
      <c r="E542" t="s">
        <v>31760</v>
      </c>
      <c r="F542">
        <v>1</v>
      </c>
      <c r="G542" t="s">
        <v>10</v>
      </c>
      <c r="H542" t="s">
        <v>5226</v>
      </c>
      <c r="I542" t="s">
        <v>30540</v>
      </c>
    </row>
    <row r="543" spans="1:9">
      <c r="A543" s="1">
        <v>0.64680820274733442</v>
      </c>
      <c r="B543" s="1"/>
      <c r="C543">
        <v>5</v>
      </c>
      <c r="D543" t="s">
        <v>5207</v>
      </c>
      <c r="E543" t="s">
        <v>31761</v>
      </c>
      <c r="F543">
        <v>2</v>
      </c>
      <c r="G543" t="s">
        <v>13</v>
      </c>
      <c r="H543" t="s">
        <v>5208</v>
      </c>
      <c r="I543" t="s">
        <v>30540</v>
      </c>
    </row>
    <row r="544" spans="1:9">
      <c r="A544" s="1">
        <v>0.1413982870502466</v>
      </c>
      <c r="B544" s="1"/>
      <c r="C544">
        <v>2</v>
      </c>
      <c r="D544" t="s">
        <v>5205</v>
      </c>
      <c r="E544" t="s">
        <v>31761</v>
      </c>
      <c r="F544">
        <v>1</v>
      </c>
      <c r="G544" t="s">
        <v>1295</v>
      </c>
      <c r="H544" t="s">
        <v>5206</v>
      </c>
      <c r="I544" t="s">
        <v>30540</v>
      </c>
    </row>
    <row r="545" spans="1:9">
      <c r="A545" s="1">
        <v>0.75237511901275123</v>
      </c>
      <c r="B545" s="1"/>
      <c r="C545">
        <v>12</v>
      </c>
      <c r="D545" t="s">
        <v>5195</v>
      </c>
      <c r="E545" t="s">
        <v>31762</v>
      </c>
      <c r="F545">
        <v>3</v>
      </c>
      <c r="G545" t="s">
        <v>10</v>
      </c>
      <c r="H545" t="s">
        <v>5196</v>
      </c>
      <c r="I545" t="s">
        <v>30540</v>
      </c>
    </row>
    <row r="546" spans="1:9">
      <c r="A546" s="1">
        <v>0.16512046673976088</v>
      </c>
      <c r="B546" s="1"/>
      <c r="C546">
        <v>8</v>
      </c>
      <c r="D546" t="s">
        <v>5193</v>
      </c>
      <c r="E546" t="s">
        <v>31762</v>
      </c>
      <c r="F546">
        <v>3</v>
      </c>
      <c r="G546" t="s">
        <v>15</v>
      </c>
      <c r="H546" t="s">
        <v>5194</v>
      </c>
      <c r="I546" t="s">
        <v>30540</v>
      </c>
    </row>
    <row r="547" spans="1:9">
      <c r="A547" s="1">
        <v>0.75986888332712288</v>
      </c>
      <c r="B547" s="1"/>
      <c r="C547">
        <v>4</v>
      </c>
      <c r="D547" t="s">
        <v>5187</v>
      </c>
      <c r="E547" t="s">
        <v>31762</v>
      </c>
      <c r="F547">
        <v>3</v>
      </c>
      <c r="G547" t="s">
        <v>2</v>
      </c>
      <c r="H547" t="s">
        <v>5188</v>
      </c>
      <c r="I547" t="s">
        <v>30540</v>
      </c>
    </row>
    <row r="548" spans="1:9">
      <c r="A548" s="1">
        <v>0.5368090223501869</v>
      </c>
      <c r="B548" s="1"/>
      <c r="C548">
        <v>9</v>
      </c>
      <c r="D548" t="s">
        <v>5179</v>
      </c>
      <c r="E548" t="s">
        <v>31763</v>
      </c>
      <c r="F548">
        <v>3</v>
      </c>
      <c r="G548" t="s">
        <v>9</v>
      </c>
      <c r="H548" t="s">
        <v>5180</v>
      </c>
      <c r="I548" t="s">
        <v>30540</v>
      </c>
    </row>
    <row r="549" spans="1:9">
      <c r="A549" s="1">
        <v>0.52007272831848006</v>
      </c>
      <c r="B549" s="1"/>
      <c r="C549">
        <v>17</v>
      </c>
      <c r="D549" t="s">
        <v>5181</v>
      </c>
      <c r="E549" t="s">
        <v>31763</v>
      </c>
      <c r="F549">
        <v>3</v>
      </c>
      <c r="G549" t="s">
        <v>10</v>
      </c>
      <c r="H549" t="s">
        <v>5182</v>
      </c>
      <c r="I549" t="s">
        <v>30540</v>
      </c>
    </row>
    <row r="550" spans="1:9">
      <c r="A550" s="1">
        <v>0.33934904156257883</v>
      </c>
      <c r="B550" s="1"/>
      <c r="C550">
        <v>17</v>
      </c>
      <c r="D550" t="s">
        <v>5177</v>
      </c>
      <c r="E550" t="s">
        <v>31764</v>
      </c>
      <c r="F550">
        <v>3</v>
      </c>
      <c r="G550" t="s">
        <v>13</v>
      </c>
      <c r="H550" t="s">
        <v>5178</v>
      </c>
      <c r="I550" t="s">
        <v>30540</v>
      </c>
    </row>
    <row r="551" spans="1:9">
      <c r="A551" s="1">
        <v>0.32206478387105075</v>
      </c>
      <c r="B551" s="1"/>
      <c r="C551">
        <v>10</v>
      </c>
      <c r="D551" t="s">
        <v>5167</v>
      </c>
      <c r="E551" t="s">
        <v>31765</v>
      </c>
      <c r="F551">
        <v>2</v>
      </c>
      <c r="G551" t="s">
        <v>10</v>
      </c>
      <c r="H551" t="s">
        <v>5168</v>
      </c>
      <c r="I551" t="s">
        <v>30540</v>
      </c>
    </row>
    <row r="552" spans="1:9">
      <c r="A552" s="1">
        <v>0.15033745160039302</v>
      </c>
      <c r="B552" s="1"/>
      <c r="C552">
        <v>20</v>
      </c>
      <c r="D552" t="s">
        <v>5157</v>
      </c>
      <c r="E552" t="s">
        <v>31767</v>
      </c>
      <c r="F552">
        <v>3</v>
      </c>
      <c r="G552" t="s">
        <v>10</v>
      </c>
      <c r="H552" t="s">
        <v>5158</v>
      </c>
      <c r="I552" t="s">
        <v>30540</v>
      </c>
    </row>
    <row r="553" spans="1:9">
      <c r="A553" s="1">
        <v>0.71870444630006058</v>
      </c>
      <c r="B553" s="1"/>
      <c r="C553">
        <v>17</v>
      </c>
      <c r="D553" t="s">
        <v>5155</v>
      </c>
      <c r="E553" t="s">
        <v>31767</v>
      </c>
      <c r="F553">
        <v>2</v>
      </c>
      <c r="G553" t="s">
        <v>2</v>
      </c>
      <c r="H553" t="s">
        <v>5156</v>
      </c>
      <c r="I553" t="s">
        <v>30540</v>
      </c>
    </row>
    <row r="554" spans="1:9">
      <c r="A554" s="1">
        <v>0.2262431128303044</v>
      </c>
      <c r="B554" s="1"/>
      <c r="C554">
        <v>1</v>
      </c>
      <c r="D554" t="s">
        <v>5139</v>
      </c>
      <c r="E554" t="s">
        <v>31768</v>
      </c>
      <c r="F554">
        <v>3</v>
      </c>
      <c r="G554" t="s">
        <v>1295</v>
      </c>
      <c r="H554" t="s">
        <v>5140</v>
      </c>
      <c r="I554" t="s">
        <v>30540</v>
      </c>
    </row>
    <row r="555" spans="1:9">
      <c r="A555" s="1">
        <v>0.64622373389741739</v>
      </c>
      <c r="B555" s="1"/>
      <c r="C555">
        <v>16</v>
      </c>
      <c r="D555" t="s">
        <v>5143</v>
      </c>
      <c r="E555" t="s">
        <v>31768</v>
      </c>
      <c r="F555">
        <v>1</v>
      </c>
      <c r="G555" t="s">
        <v>9</v>
      </c>
      <c r="H555" t="s">
        <v>5144</v>
      </c>
      <c r="I555" t="s">
        <v>30540</v>
      </c>
    </row>
    <row r="556" spans="1:9">
      <c r="A556" s="1">
        <v>0.92075764696084772</v>
      </c>
      <c r="B556" s="1"/>
      <c r="C556">
        <v>3</v>
      </c>
      <c r="D556" t="s">
        <v>5125</v>
      </c>
      <c r="E556" t="s">
        <v>31769</v>
      </c>
      <c r="F556">
        <v>3</v>
      </c>
      <c r="G556" t="s">
        <v>1295</v>
      </c>
      <c r="H556" t="s">
        <v>5126</v>
      </c>
      <c r="I556" t="s">
        <v>30540</v>
      </c>
    </row>
    <row r="557" spans="1:9">
      <c r="A557" s="1">
        <v>0.64498132415019271</v>
      </c>
      <c r="B557" s="1"/>
      <c r="C557">
        <v>13</v>
      </c>
      <c r="D557" t="s">
        <v>5131</v>
      </c>
      <c r="E557" t="s">
        <v>31769</v>
      </c>
      <c r="F557">
        <v>2</v>
      </c>
      <c r="G557" t="s">
        <v>1</v>
      </c>
      <c r="H557" t="s">
        <v>5132</v>
      </c>
      <c r="I557" t="s">
        <v>30540</v>
      </c>
    </row>
    <row r="558" spans="1:9">
      <c r="A558" s="1">
        <v>0.60407572638025031</v>
      </c>
      <c r="B558" s="1"/>
      <c r="C558">
        <v>17</v>
      </c>
      <c r="D558" t="s">
        <v>5137</v>
      </c>
      <c r="E558" t="s">
        <v>31769</v>
      </c>
      <c r="F558">
        <v>2</v>
      </c>
      <c r="G558" t="s">
        <v>2</v>
      </c>
      <c r="H558" t="s">
        <v>5138</v>
      </c>
      <c r="I558" t="s">
        <v>30540</v>
      </c>
    </row>
    <row r="559" spans="1:9">
      <c r="A559" s="1">
        <v>0.73271340988709743</v>
      </c>
      <c r="B559" s="1"/>
      <c r="C559">
        <v>2</v>
      </c>
      <c r="D559" t="s">
        <v>5119</v>
      </c>
      <c r="E559" t="s">
        <v>31770</v>
      </c>
      <c r="F559">
        <v>2</v>
      </c>
      <c r="G559" t="s">
        <v>2</v>
      </c>
      <c r="H559" t="s">
        <v>5120</v>
      </c>
      <c r="I559" t="s">
        <v>30540</v>
      </c>
    </row>
    <row r="560" spans="1:9">
      <c r="A560" s="1">
        <v>0.34813626256763264</v>
      </c>
      <c r="B560" s="1"/>
      <c r="C560">
        <v>6</v>
      </c>
      <c r="D560" t="s">
        <v>5115</v>
      </c>
      <c r="E560" t="s">
        <v>31771</v>
      </c>
      <c r="F560">
        <v>2</v>
      </c>
      <c r="G560" t="s">
        <v>9</v>
      </c>
      <c r="H560" t="s">
        <v>5116</v>
      </c>
      <c r="I560" t="s">
        <v>30540</v>
      </c>
    </row>
    <row r="561" spans="1:9">
      <c r="A561" s="1">
        <v>0.15551448647359323</v>
      </c>
      <c r="B561" s="1"/>
      <c r="C561">
        <v>18</v>
      </c>
      <c r="D561" t="s">
        <v>5107</v>
      </c>
      <c r="E561" t="s">
        <v>31772</v>
      </c>
      <c r="F561">
        <v>3</v>
      </c>
      <c r="G561" t="s">
        <v>13</v>
      </c>
      <c r="H561" t="s">
        <v>5108</v>
      </c>
      <c r="I561" t="s">
        <v>30540</v>
      </c>
    </row>
    <row r="562" spans="1:9">
      <c r="A562" s="1">
        <v>0.90294964888829876</v>
      </c>
      <c r="B562" s="1"/>
      <c r="C562">
        <v>9</v>
      </c>
      <c r="D562" t="s">
        <v>5071</v>
      </c>
      <c r="E562" t="s">
        <v>31776</v>
      </c>
      <c r="F562">
        <v>2</v>
      </c>
      <c r="G562" t="s">
        <v>1</v>
      </c>
      <c r="H562" t="s">
        <v>5072</v>
      </c>
      <c r="I562" t="s">
        <v>30540</v>
      </c>
    </row>
    <row r="563" spans="1:9">
      <c r="A563" s="1">
        <v>6.0291022169085107E-2</v>
      </c>
      <c r="B563" s="1"/>
      <c r="C563">
        <v>5</v>
      </c>
      <c r="D563" t="s">
        <v>5065</v>
      </c>
      <c r="E563" t="s">
        <v>31777</v>
      </c>
      <c r="F563">
        <v>2</v>
      </c>
      <c r="G563" t="s">
        <v>2</v>
      </c>
      <c r="H563" t="s">
        <v>5066</v>
      </c>
      <c r="I563" t="s">
        <v>30540</v>
      </c>
    </row>
    <row r="564" spans="1:9">
      <c r="A564" s="1">
        <v>0.25551835809245138</v>
      </c>
      <c r="B564" s="1"/>
      <c r="C564">
        <v>13</v>
      </c>
      <c r="D564" t="s">
        <v>5059</v>
      </c>
      <c r="E564" t="s">
        <v>31778</v>
      </c>
      <c r="F564">
        <v>3</v>
      </c>
      <c r="G564" t="s">
        <v>10</v>
      </c>
      <c r="H564" t="s">
        <v>5060</v>
      </c>
      <c r="I564" t="s">
        <v>30540</v>
      </c>
    </row>
    <row r="565" spans="1:9">
      <c r="A565" s="1">
        <v>0.84836018090107257</v>
      </c>
      <c r="B565" s="1"/>
      <c r="C565">
        <v>6</v>
      </c>
      <c r="D565" t="s">
        <v>5051</v>
      </c>
      <c r="E565" t="s">
        <v>31779</v>
      </c>
      <c r="F565">
        <v>3</v>
      </c>
      <c r="G565" t="s">
        <v>0</v>
      </c>
      <c r="H565" t="s">
        <v>5052</v>
      </c>
      <c r="I565" t="s">
        <v>30540</v>
      </c>
    </row>
    <row r="566" spans="1:9">
      <c r="A566" s="1">
        <v>0.27072988490812389</v>
      </c>
      <c r="B566" s="1"/>
      <c r="C566">
        <v>16</v>
      </c>
      <c r="D566" t="s">
        <v>5053</v>
      </c>
      <c r="E566" t="s">
        <v>31779</v>
      </c>
      <c r="F566">
        <v>1</v>
      </c>
      <c r="G566" t="s">
        <v>15</v>
      </c>
      <c r="H566" t="s">
        <v>5054</v>
      </c>
      <c r="I566" t="s">
        <v>30540</v>
      </c>
    </row>
    <row r="567" spans="1:9">
      <c r="A567" s="1">
        <v>0.40268781079332983</v>
      </c>
      <c r="B567" s="1"/>
      <c r="C567">
        <v>4</v>
      </c>
      <c r="D567" t="s">
        <v>5043</v>
      </c>
      <c r="E567" t="s">
        <v>31780</v>
      </c>
      <c r="F567">
        <v>2</v>
      </c>
      <c r="G567" t="s">
        <v>10</v>
      </c>
      <c r="H567" t="s">
        <v>5044</v>
      </c>
      <c r="I567" t="s">
        <v>30540</v>
      </c>
    </row>
    <row r="568" spans="1:9">
      <c r="A568" s="1">
        <v>0.1671189139308662</v>
      </c>
      <c r="B568" s="1"/>
      <c r="C568">
        <v>20</v>
      </c>
      <c r="D568" t="s">
        <v>5041</v>
      </c>
      <c r="E568" t="s">
        <v>31781</v>
      </c>
      <c r="F568">
        <v>3</v>
      </c>
      <c r="G568" t="s">
        <v>15</v>
      </c>
      <c r="H568" t="s">
        <v>5042</v>
      </c>
      <c r="I568" t="s">
        <v>30540</v>
      </c>
    </row>
    <row r="569" spans="1:9">
      <c r="A569" s="1">
        <v>0.52618762504078609</v>
      </c>
      <c r="B569" s="1"/>
      <c r="C569">
        <v>9</v>
      </c>
      <c r="D569" t="s">
        <v>5039</v>
      </c>
      <c r="E569" t="s">
        <v>31781</v>
      </c>
      <c r="F569">
        <v>2</v>
      </c>
      <c r="G569" t="s">
        <v>769</v>
      </c>
      <c r="H569" t="s">
        <v>5040</v>
      </c>
      <c r="I569" t="s">
        <v>30540</v>
      </c>
    </row>
    <row r="570" spans="1:9">
      <c r="A570" s="1">
        <v>0.2368901869505442</v>
      </c>
      <c r="B570" s="1"/>
      <c r="C570">
        <v>6</v>
      </c>
      <c r="D570" t="s">
        <v>5037</v>
      </c>
      <c r="E570" t="s">
        <v>31781</v>
      </c>
      <c r="F570">
        <v>2</v>
      </c>
      <c r="G570" t="s">
        <v>1</v>
      </c>
      <c r="H570" t="s">
        <v>5038</v>
      </c>
      <c r="I570" t="s">
        <v>30540</v>
      </c>
    </row>
    <row r="571" spans="1:9">
      <c r="A571" s="1">
        <v>0.477729558177731</v>
      </c>
      <c r="B571" s="1"/>
      <c r="C571">
        <v>1</v>
      </c>
      <c r="D571" t="s">
        <v>5035</v>
      </c>
      <c r="E571" t="s">
        <v>31781</v>
      </c>
      <c r="F571">
        <v>2</v>
      </c>
      <c r="G571" t="s">
        <v>765</v>
      </c>
      <c r="H571" t="s">
        <v>5036</v>
      </c>
      <c r="I571" t="s">
        <v>30540</v>
      </c>
    </row>
    <row r="572" spans="1:9">
      <c r="A572" s="1">
        <v>9.0092877982409281E-2</v>
      </c>
      <c r="B572" s="1"/>
      <c r="C572">
        <v>19</v>
      </c>
      <c r="D572" t="s">
        <v>5027</v>
      </c>
      <c r="E572" t="s">
        <v>31783</v>
      </c>
      <c r="F572">
        <v>2</v>
      </c>
      <c r="G572" t="s">
        <v>2</v>
      </c>
      <c r="H572" t="s">
        <v>5028</v>
      </c>
      <c r="I572" t="s">
        <v>30540</v>
      </c>
    </row>
    <row r="573" spans="1:9">
      <c r="A573" s="1">
        <v>0.76144438601019238</v>
      </c>
      <c r="B573" s="1"/>
      <c r="C573">
        <v>15</v>
      </c>
      <c r="D573" t="s">
        <v>5025</v>
      </c>
      <c r="E573" t="s">
        <v>31783</v>
      </c>
      <c r="F573">
        <v>1</v>
      </c>
      <c r="G573" t="s">
        <v>2</v>
      </c>
      <c r="H573" t="s">
        <v>5026</v>
      </c>
      <c r="I573" t="s">
        <v>30540</v>
      </c>
    </row>
    <row r="574" spans="1:9">
      <c r="A574" s="1">
        <v>0.77573083431531942</v>
      </c>
      <c r="B574" s="1"/>
      <c r="C574">
        <v>5</v>
      </c>
      <c r="D574" t="s">
        <v>5011</v>
      </c>
      <c r="E574" t="s">
        <v>31784</v>
      </c>
      <c r="F574">
        <v>3</v>
      </c>
      <c r="G574" t="s">
        <v>771</v>
      </c>
      <c r="H574" t="s">
        <v>5012</v>
      </c>
      <c r="I574" t="s">
        <v>30540</v>
      </c>
    </row>
    <row r="575" spans="1:9">
      <c r="A575" s="1">
        <v>9.0832856442591869E-2</v>
      </c>
      <c r="B575" s="1"/>
      <c r="C575">
        <v>18</v>
      </c>
      <c r="D575" t="s">
        <v>5021</v>
      </c>
      <c r="E575" t="s">
        <v>31784</v>
      </c>
      <c r="F575">
        <v>3</v>
      </c>
      <c r="G575" t="s">
        <v>2</v>
      </c>
      <c r="H575" t="s">
        <v>5022</v>
      </c>
      <c r="I575" t="s">
        <v>30540</v>
      </c>
    </row>
    <row r="576" spans="1:9">
      <c r="A576" s="1">
        <v>0.77314836032019285</v>
      </c>
      <c r="B576" s="1"/>
      <c r="C576">
        <v>11</v>
      </c>
      <c r="D576" t="s">
        <v>5007</v>
      </c>
      <c r="E576" t="s">
        <v>31785</v>
      </c>
      <c r="F576">
        <v>1</v>
      </c>
      <c r="G576" t="s">
        <v>10</v>
      </c>
      <c r="H576" t="s">
        <v>5008</v>
      </c>
      <c r="I576" t="s">
        <v>30540</v>
      </c>
    </row>
    <row r="577" spans="1:9">
      <c r="A577" s="1">
        <v>0.50077233294170775</v>
      </c>
      <c r="B577" s="1"/>
      <c r="C577">
        <v>20</v>
      </c>
      <c r="D577" t="s">
        <v>4999</v>
      </c>
      <c r="E577" t="s">
        <v>31786</v>
      </c>
      <c r="F577">
        <v>3</v>
      </c>
      <c r="G577" t="s">
        <v>10</v>
      </c>
      <c r="H577" t="s">
        <v>5000</v>
      </c>
      <c r="I577" t="s">
        <v>30540</v>
      </c>
    </row>
    <row r="578" spans="1:9">
      <c r="A578" s="1">
        <v>0.51507610104042778</v>
      </c>
      <c r="B578" s="1"/>
      <c r="C578">
        <v>14</v>
      </c>
      <c r="D578" t="s">
        <v>4985</v>
      </c>
      <c r="E578" t="s">
        <v>31787</v>
      </c>
      <c r="F578">
        <v>3</v>
      </c>
      <c r="G578" t="s">
        <v>10</v>
      </c>
      <c r="H578" t="s">
        <v>4986</v>
      </c>
      <c r="I578" t="s">
        <v>30540</v>
      </c>
    </row>
    <row r="579" spans="1:9">
      <c r="A579" s="1">
        <v>0.73808703997735359</v>
      </c>
      <c r="B579" s="1"/>
      <c r="C579">
        <v>15</v>
      </c>
      <c r="D579" t="s">
        <v>4987</v>
      </c>
      <c r="E579" t="s">
        <v>31787</v>
      </c>
      <c r="F579">
        <v>3</v>
      </c>
      <c r="G579" t="s">
        <v>10</v>
      </c>
      <c r="H579" t="s">
        <v>4988</v>
      </c>
      <c r="I579" t="s">
        <v>30540</v>
      </c>
    </row>
    <row r="580" spans="1:9">
      <c r="A580" s="1">
        <v>0.73349488195473245</v>
      </c>
      <c r="B580" s="1"/>
      <c r="C580">
        <v>3</v>
      </c>
      <c r="D580" t="s">
        <v>4975</v>
      </c>
      <c r="E580" t="s">
        <v>31787</v>
      </c>
      <c r="F580">
        <v>2</v>
      </c>
      <c r="G580" t="s">
        <v>1</v>
      </c>
      <c r="H580" t="s">
        <v>4976</v>
      </c>
      <c r="I580" t="s">
        <v>30540</v>
      </c>
    </row>
    <row r="581" spans="1:9">
      <c r="A581" s="1">
        <v>0.80006967556905695</v>
      </c>
      <c r="B581" s="1"/>
      <c r="C581">
        <v>5</v>
      </c>
      <c r="D581" t="s">
        <v>4979</v>
      </c>
      <c r="E581" t="s">
        <v>31787</v>
      </c>
      <c r="F581">
        <v>2</v>
      </c>
      <c r="G581" t="s">
        <v>1</v>
      </c>
      <c r="H581" t="s">
        <v>4980</v>
      </c>
      <c r="I581" t="s">
        <v>30540</v>
      </c>
    </row>
    <row r="582" spans="1:9">
      <c r="A582" s="1">
        <v>0.96561353339686384</v>
      </c>
      <c r="B582" s="1"/>
      <c r="C582">
        <v>9</v>
      </c>
      <c r="D582" t="s">
        <v>4983</v>
      </c>
      <c r="E582" t="s">
        <v>31787</v>
      </c>
      <c r="F582">
        <v>2</v>
      </c>
      <c r="G582" t="s">
        <v>13</v>
      </c>
      <c r="H582" t="s">
        <v>4984</v>
      </c>
      <c r="I582" t="s">
        <v>30540</v>
      </c>
    </row>
    <row r="583" spans="1:9">
      <c r="A583" s="1">
        <v>0.31343535939963818</v>
      </c>
      <c r="B583" s="1"/>
      <c r="C583">
        <v>2</v>
      </c>
      <c r="D583" t="s">
        <v>4959</v>
      </c>
      <c r="E583" t="s">
        <v>31788</v>
      </c>
      <c r="F583">
        <v>3</v>
      </c>
      <c r="G583" t="s">
        <v>14</v>
      </c>
      <c r="H583" t="s">
        <v>4960</v>
      </c>
      <c r="I583" t="s">
        <v>30540</v>
      </c>
    </row>
    <row r="584" spans="1:9">
      <c r="A584" s="1">
        <v>5.8186229364651454E-2</v>
      </c>
      <c r="B584" s="1"/>
      <c r="C584">
        <v>11</v>
      </c>
      <c r="D584" t="s">
        <v>4969</v>
      </c>
      <c r="E584" t="s">
        <v>31788</v>
      </c>
      <c r="F584">
        <v>3</v>
      </c>
      <c r="G584" t="s">
        <v>10</v>
      </c>
      <c r="H584" t="s">
        <v>4970</v>
      </c>
      <c r="I584" t="s">
        <v>30540</v>
      </c>
    </row>
    <row r="585" spans="1:9">
      <c r="A585" s="1">
        <v>0.71857938631949847</v>
      </c>
      <c r="B585" s="1"/>
      <c r="C585">
        <v>19</v>
      </c>
      <c r="D585" t="s">
        <v>4973</v>
      </c>
      <c r="E585" t="s">
        <v>31788</v>
      </c>
      <c r="F585">
        <v>2</v>
      </c>
      <c r="G585" t="s">
        <v>10</v>
      </c>
      <c r="H585" t="s">
        <v>4974</v>
      </c>
      <c r="I585" t="s">
        <v>30540</v>
      </c>
    </row>
    <row r="586" spans="1:9">
      <c r="A586" s="1">
        <v>0.40422193456414501</v>
      </c>
      <c r="B586" s="1"/>
      <c r="C586">
        <v>9</v>
      </c>
      <c r="D586" t="s">
        <v>4953</v>
      </c>
      <c r="E586" t="s">
        <v>31789</v>
      </c>
      <c r="F586">
        <v>2</v>
      </c>
      <c r="G586" t="s">
        <v>10</v>
      </c>
      <c r="H586" t="s">
        <v>4954</v>
      </c>
      <c r="I586" t="s">
        <v>30540</v>
      </c>
    </row>
    <row r="587" spans="1:9">
      <c r="A587" s="1">
        <v>8.0684744257192964E-2</v>
      </c>
      <c r="B587" s="1"/>
      <c r="C587">
        <v>1</v>
      </c>
      <c r="D587" t="s">
        <v>4937</v>
      </c>
      <c r="E587" t="s">
        <v>31791</v>
      </c>
      <c r="F587">
        <v>3</v>
      </c>
      <c r="G587" t="s">
        <v>1295</v>
      </c>
      <c r="H587" t="s">
        <v>4938</v>
      </c>
      <c r="I587" t="s">
        <v>30540</v>
      </c>
    </row>
    <row r="588" spans="1:9">
      <c r="A588" s="1">
        <v>2.4357257419444278E-2</v>
      </c>
      <c r="B588" s="1"/>
      <c r="C588">
        <v>12</v>
      </c>
      <c r="D588" t="s">
        <v>4941</v>
      </c>
      <c r="E588" t="s">
        <v>31791</v>
      </c>
      <c r="F588">
        <v>3</v>
      </c>
      <c r="G588" t="s">
        <v>9</v>
      </c>
      <c r="H588" t="s">
        <v>4942</v>
      </c>
      <c r="I588" t="s">
        <v>30540</v>
      </c>
    </row>
    <row r="589" spans="1:9">
      <c r="A589" s="1">
        <v>0.44193100758846093</v>
      </c>
      <c r="B589" s="1"/>
      <c r="C589">
        <v>8</v>
      </c>
      <c r="D589" t="s">
        <v>4939</v>
      </c>
      <c r="E589" t="s">
        <v>31791</v>
      </c>
      <c r="F589">
        <v>2</v>
      </c>
      <c r="G589" t="s">
        <v>9</v>
      </c>
      <c r="H589" t="s">
        <v>4940</v>
      </c>
      <c r="I589" t="s">
        <v>30540</v>
      </c>
    </row>
    <row r="590" spans="1:9">
      <c r="A590" s="1">
        <v>0.62015392085344578</v>
      </c>
      <c r="B590" s="1"/>
      <c r="C590">
        <v>15</v>
      </c>
      <c r="D590" t="s">
        <v>4935</v>
      </c>
      <c r="E590" t="s">
        <v>31792</v>
      </c>
      <c r="F590">
        <v>3</v>
      </c>
      <c r="G590" t="s">
        <v>10</v>
      </c>
      <c r="H590" t="s">
        <v>4936</v>
      </c>
      <c r="I590" t="s">
        <v>30540</v>
      </c>
    </row>
    <row r="591" spans="1:9">
      <c r="A591" s="1">
        <v>0.96778430789094694</v>
      </c>
      <c r="B591" s="1"/>
      <c r="C591">
        <v>18</v>
      </c>
      <c r="D591" t="s">
        <v>4929</v>
      </c>
      <c r="E591" t="s">
        <v>31793</v>
      </c>
      <c r="F591">
        <v>2</v>
      </c>
      <c r="G591" t="s">
        <v>2</v>
      </c>
      <c r="H591" t="s">
        <v>4930</v>
      </c>
      <c r="I591" t="s">
        <v>30540</v>
      </c>
    </row>
    <row r="592" spans="1:9">
      <c r="A592" s="1">
        <v>0.85027818513533704</v>
      </c>
      <c r="B592" s="1"/>
      <c r="C592">
        <v>10</v>
      </c>
      <c r="D592" t="s">
        <v>4917</v>
      </c>
      <c r="E592" t="s">
        <v>31794</v>
      </c>
      <c r="F592">
        <v>3</v>
      </c>
      <c r="G592" t="s">
        <v>0</v>
      </c>
      <c r="H592" t="s">
        <v>4918</v>
      </c>
      <c r="I592" t="s">
        <v>30540</v>
      </c>
    </row>
    <row r="593" spans="1:9">
      <c r="A593" s="1">
        <v>0.72543337039166633</v>
      </c>
      <c r="B593" s="1"/>
      <c r="C593">
        <v>16</v>
      </c>
      <c r="D593" t="s">
        <v>4919</v>
      </c>
      <c r="E593" t="s">
        <v>31794</v>
      </c>
      <c r="F593">
        <v>2</v>
      </c>
      <c r="G593" t="s">
        <v>10</v>
      </c>
      <c r="H593" t="s">
        <v>4920</v>
      </c>
      <c r="I593" t="s">
        <v>30540</v>
      </c>
    </row>
    <row r="594" spans="1:9">
      <c r="A594" s="1">
        <v>0.20701693519585018</v>
      </c>
      <c r="B594" s="1"/>
      <c r="C594">
        <v>19</v>
      </c>
      <c r="D594" t="s">
        <v>4921</v>
      </c>
      <c r="E594" t="s">
        <v>31794</v>
      </c>
      <c r="F594">
        <v>2</v>
      </c>
      <c r="G594" t="s">
        <v>10</v>
      </c>
      <c r="H594" t="s">
        <v>4922</v>
      </c>
      <c r="I594" t="s">
        <v>30540</v>
      </c>
    </row>
    <row r="595" spans="1:9">
      <c r="A595" s="1">
        <v>0.13723945560398165</v>
      </c>
      <c r="B595" s="1"/>
      <c r="C595">
        <v>15</v>
      </c>
      <c r="D595" t="s">
        <v>4913</v>
      </c>
      <c r="E595" t="s">
        <v>31795</v>
      </c>
      <c r="F595">
        <v>3</v>
      </c>
      <c r="G595" t="s">
        <v>10</v>
      </c>
      <c r="H595" t="s">
        <v>4914</v>
      </c>
      <c r="I595" t="s">
        <v>30540</v>
      </c>
    </row>
    <row r="596" spans="1:9">
      <c r="A596" s="1">
        <v>0.7911700480671674</v>
      </c>
      <c r="B596" s="1"/>
      <c r="C596">
        <v>4</v>
      </c>
      <c r="D596" t="s">
        <v>4909</v>
      </c>
      <c r="E596" t="s">
        <v>31795</v>
      </c>
      <c r="F596">
        <v>3</v>
      </c>
      <c r="G596" t="s">
        <v>2</v>
      </c>
      <c r="H596" t="s">
        <v>4910</v>
      </c>
      <c r="I596" t="s">
        <v>30540</v>
      </c>
    </row>
    <row r="597" spans="1:9">
      <c r="A597" s="1">
        <v>0.60677404721702011</v>
      </c>
      <c r="B597" s="1"/>
      <c r="C597">
        <v>1</v>
      </c>
      <c r="D597" t="s">
        <v>4899</v>
      </c>
      <c r="E597" t="s">
        <v>31796</v>
      </c>
      <c r="F597">
        <v>3</v>
      </c>
      <c r="G597" t="s">
        <v>765</v>
      </c>
      <c r="H597" t="s">
        <v>4900</v>
      </c>
      <c r="I597" t="s">
        <v>30540</v>
      </c>
    </row>
    <row r="598" spans="1:9">
      <c r="A598" s="1">
        <v>0.62162076176042935</v>
      </c>
      <c r="B598" s="1"/>
      <c r="C598">
        <v>17</v>
      </c>
      <c r="D598" t="s">
        <v>4901</v>
      </c>
      <c r="E598" t="s">
        <v>31796</v>
      </c>
      <c r="F598">
        <v>3</v>
      </c>
      <c r="G598" t="s">
        <v>10</v>
      </c>
      <c r="H598" t="s">
        <v>4902</v>
      </c>
      <c r="I598" t="s">
        <v>30540</v>
      </c>
    </row>
    <row r="599" spans="1:9">
      <c r="A599" s="1">
        <v>3.2522669591810049E-2</v>
      </c>
      <c r="B599" s="1"/>
      <c r="C599">
        <v>18</v>
      </c>
      <c r="D599" t="s">
        <v>4903</v>
      </c>
      <c r="E599" t="s">
        <v>31796</v>
      </c>
      <c r="F599">
        <v>2</v>
      </c>
      <c r="G599" t="s">
        <v>10</v>
      </c>
      <c r="H599" t="s">
        <v>4904</v>
      </c>
      <c r="I599" t="s">
        <v>30540</v>
      </c>
    </row>
    <row r="600" spans="1:9">
      <c r="A600" s="1">
        <v>0.76638819396011881</v>
      </c>
      <c r="B600" s="1"/>
      <c r="C600">
        <v>12</v>
      </c>
      <c r="D600" t="s">
        <v>4893</v>
      </c>
      <c r="E600" t="s">
        <v>31797</v>
      </c>
      <c r="F600">
        <v>3</v>
      </c>
      <c r="G600" t="s">
        <v>1</v>
      </c>
      <c r="H600" t="s">
        <v>4894</v>
      </c>
      <c r="I600" t="s">
        <v>30540</v>
      </c>
    </row>
    <row r="601" spans="1:9">
      <c r="A601" s="1">
        <v>0.42656343371198657</v>
      </c>
      <c r="B601" s="1"/>
      <c r="C601">
        <v>13</v>
      </c>
      <c r="D601" t="s">
        <v>4895</v>
      </c>
      <c r="E601" t="s">
        <v>31797</v>
      </c>
      <c r="F601">
        <v>3</v>
      </c>
      <c r="G601" t="s">
        <v>10</v>
      </c>
      <c r="H601" t="s">
        <v>4896</v>
      </c>
      <c r="I601" t="s">
        <v>30540</v>
      </c>
    </row>
    <row r="602" spans="1:9">
      <c r="A602" s="1">
        <v>9.1575312469152292E-2</v>
      </c>
      <c r="B602" s="1"/>
      <c r="C602">
        <v>1</v>
      </c>
      <c r="D602" t="s">
        <v>4881</v>
      </c>
      <c r="E602" t="s">
        <v>31797</v>
      </c>
      <c r="F602">
        <v>2</v>
      </c>
      <c r="G602" t="s">
        <v>14</v>
      </c>
      <c r="H602" t="s">
        <v>4882</v>
      </c>
      <c r="I602" t="s">
        <v>30540</v>
      </c>
    </row>
    <row r="603" spans="1:9">
      <c r="A603" s="1">
        <v>0.74122399436662478</v>
      </c>
      <c r="B603" s="1"/>
      <c r="C603">
        <v>16</v>
      </c>
      <c r="D603" t="s">
        <v>4877</v>
      </c>
      <c r="E603" t="s">
        <v>31798</v>
      </c>
      <c r="F603">
        <v>3</v>
      </c>
      <c r="G603" t="s">
        <v>10</v>
      </c>
      <c r="H603" t="s">
        <v>4878</v>
      </c>
      <c r="I603" t="s">
        <v>30540</v>
      </c>
    </row>
    <row r="604" spans="1:9">
      <c r="A604" s="1">
        <v>0.25424426203937645</v>
      </c>
      <c r="B604" s="1"/>
      <c r="C604">
        <v>18</v>
      </c>
      <c r="D604" t="s">
        <v>4879</v>
      </c>
      <c r="E604" t="s">
        <v>31798</v>
      </c>
      <c r="F604">
        <v>3</v>
      </c>
      <c r="G604" t="s">
        <v>10</v>
      </c>
      <c r="H604" t="s">
        <v>4880</v>
      </c>
      <c r="I604" t="s">
        <v>30540</v>
      </c>
    </row>
    <row r="605" spans="1:9">
      <c r="A605" s="1">
        <v>0.75125042837824285</v>
      </c>
      <c r="B605" s="1"/>
      <c r="C605">
        <v>8</v>
      </c>
      <c r="D605" t="s">
        <v>4871</v>
      </c>
      <c r="E605" t="s">
        <v>31798</v>
      </c>
      <c r="F605">
        <v>2</v>
      </c>
      <c r="G605" t="s">
        <v>2</v>
      </c>
      <c r="H605" t="s">
        <v>4872</v>
      </c>
      <c r="I605" t="s">
        <v>30540</v>
      </c>
    </row>
    <row r="606" spans="1:9">
      <c r="A606" s="1">
        <v>0.31759507999609171</v>
      </c>
      <c r="B606" s="1"/>
      <c r="C606">
        <v>12</v>
      </c>
      <c r="D606" t="s">
        <v>4861</v>
      </c>
      <c r="E606" t="s">
        <v>31800</v>
      </c>
      <c r="F606">
        <v>3</v>
      </c>
      <c r="G606" t="s">
        <v>10</v>
      </c>
      <c r="H606" t="s">
        <v>4862</v>
      </c>
      <c r="I606" t="s">
        <v>30540</v>
      </c>
    </row>
    <row r="607" spans="1:9">
      <c r="A607" s="1">
        <v>0.72669849570138256</v>
      </c>
      <c r="B607" s="1"/>
      <c r="C607">
        <v>20</v>
      </c>
      <c r="D607" t="s">
        <v>4865</v>
      </c>
      <c r="E607" t="s">
        <v>31800</v>
      </c>
      <c r="F607">
        <v>1</v>
      </c>
      <c r="G607" t="s">
        <v>15</v>
      </c>
      <c r="H607" t="s">
        <v>4866</v>
      </c>
      <c r="I607" t="s">
        <v>30540</v>
      </c>
    </row>
    <row r="608" spans="1:9">
      <c r="A608" s="1">
        <v>0.8790394524746078</v>
      </c>
      <c r="B608" s="1"/>
      <c r="C608">
        <v>11</v>
      </c>
      <c r="D608" t="s">
        <v>4847</v>
      </c>
      <c r="E608" t="s">
        <v>31802</v>
      </c>
      <c r="F608">
        <v>2</v>
      </c>
      <c r="G608" t="s">
        <v>10</v>
      </c>
      <c r="H608" t="s">
        <v>4848</v>
      </c>
      <c r="I608" t="s">
        <v>30540</v>
      </c>
    </row>
    <row r="609" spans="1:9">
      <c r="A609" s="1">
        <v>0.32670506204529748</v>
      </c>
      <c r="B609" s="1"/>
      <c r="C609">
        <v>14</v>
      </c>
      <c r="D609" t="s">
        <v>4849</v>
      </c>
      <c r="E609" t="s">
        <v>31802</v>
      </c>
      <c r="F609">
        <v>2</v>
      </c>
      <c r="G609" t="s">
        <v>10</v>
      </c>
      <c r="H609" t="s">
        <v>4850</v>
      </c>
      <c r="I609" t="s">
        <v>30540</v>
      </c>
    </row>
    <row r="610" spans="1:9">
      <c r="A610" s="1">
        <v>0.85719318208805895</v>
      </c>
      <c r="B610" s="1"/>
      <c r="C610">
        <v>2</v>
      </c>
      <c r="D610" t="s">
        <v>4825</v>
      </c>
      <c r="E610" t="s">
        <v>31803</v>
      </c>
      <c r="F610">
        <v>3</v>
      </c>
      <c r="G610" t="s">
        <v>769</v>
      </c>
      <c r="H610" t="s">
        <v>4826</v>
      </c>
      <c r="I610" t="s">
        <v>30540</v>
      </c>
    </row>
    <row r="611" spans="1:9">
      <c r="A611" s="1">
        <v>0.8261663525612537</v>
      </c>
      <c r="B611" s="1"/>
      <c r="C611">
        <v>1</v>
      </c>
      <c r="D611" t="s">
        <v>4811</v>
      </c>
      <c r="E611" t="s">
        <v>31804</v>
      </c>
      <c r="F611">
        <v>2</v>
      </c>
      <c r="G611" t="s">
        <v>1295</v>
      </c>
      <c r="H611" t="s">
        <v>4812</v>
      </c>
      <c r="I611" t="s">
        <v>30540</v>
      </c>
    </row>
    <row r="612" spans="1:9">
      <c r="A612" s="1">
        <v>0.65526404601906674</v>
      </c>
      <c r="B612" s="1"/>
      <c r="C612">
        <v>7</v>
      </c>
      <c r="D612" t="s">
        <v>4809</v>
      </c>
      <c r="E612" t="s">
        <v>31805</v>
      </c>
      <c r="F612">
        <v>2</v>
      </c>
      <c r="G612" t="s">
        <v>9</v>
      </c>
      <c r="H612" t="s">
        <v>4810</v>
      </c>
      <c r="I612" t="s">
        <v>30540</v>
      </c>
    </row>
    <row r="613" spans="1:9">
      <c r="A613" s="1">
        <v>0.96513419770633535</v>
      </c>
      <c r="B613" s="1"/>
      <c r="C613">
        <v>3</v>
      </c>
      <c r="D613" t="s">
        <v>4801</v>
      </c>
      <c r="E613" t="s">
        <v>31806</v>
      </c>
      <c r="F613">
        <v>2</v>
      </c>
      <c r="G613" t="s">
        <v>14</v>
      </c>
      <c r="H613" t="s">
        <v>4802</v>
      </c>
      <c r="I613" t="s">
        <v>30540</v>
      </c>
    </row>
    <row r="614" spans="1:9">
      <c r="A614" s="1">
        <v>0.78218896878783495</v>
      </c>
      <c r="B614" s="1"/>
      <c r="C614">
        <v>12</v>
      </c>
      <c r="D614" t="s">
        <v>4793</v>
      </c>
      <c r="E614" t="s">
        <v>31807</v>
      </c>
      <c r="F614">
        <v>3</v>
      </c>
      <c r="G614" t="s">
        <v>9</v>
      </c>
      <c r="H614" t="s">
        <v>4794</v>
      </c>
      <c r="I614" t="s">
        <v>30540</v>
      </c>
    </row>
    <row r="615" spans="1:9">
      <c r="A615" s="1">
        <v>0.63644996586980618</v>
      </c>
      <c r="B615" s="1"/>
      <c r="C615">
        <v>4</v>
      </c>
      <c r="D615" t="s">
        <v>4781</v>
      </c>
      <c r="E615" t="s">
        <v>31808</v>
      </c>
      <c r="F615">
        <v>2</v>
      </c>
      <c r="G615" t="s">
        <v>15</v>
      </c>
      <c r="H615" t="s">
        <v>4782</v>
      </c>
      <c r="I615" t="s">
        <v>30540</v>
      </c>
    </row>
    <row r="616" spans="1:9">
      <c r="A616" s="1">
        <v>0.97219624628972889</v>
      </c>
      <c r="B616" s="1"/>
      <c r="C616">
        <v>14</v>
      </c>
      <c r="D616" t="s">
        <v>4771</v>
      </c>
      <c r="E616" t="s">
        <v>31810</v>
      </c>
      <c r="F616">
        <v>3</v>
      </c>
      <c r="G616" t="s">
        <v>10</v>
      </c>
      <c r="H616" t="s">
        <v>4772</v>
      </c>
      <c r="I616" t="s">
        <v>30540</v>
      </c>
    </row>
    <row r="617" spans="1:9">
      <c r="A617" s="1">
        <v>0.68920820117933956</v>
      </c>
      <c r="B617" s="1"/>
      <c r="C617">
        <v>8</v>
      </c>
      <c r="D617" t="s">
        <v>4769</v>
      </c>
      <c r="E617" t="s">
        <v>31810</v>
      </c>
      <c r="F617">
        <v>2</v>
      </c>
      <c r="G617" t="s">
        <v>10</v>
      </c>
      <c r="H617" t="s">
        <v>4770</v>
      </c>
      <c r="I617" t="s">
        <v>30540</v>
      </c>
    </row>
    <row r="618" spans="1:9">
      <c r="A618" s="1">
        <v>0.82681228359654113</v>
      </c>
      <c r="B618" s="1"/>
      <c r="C618">
        <v>6</v>
      </c>
      <c r="D618" t="s">
        <v>4749</v>
      </c>
      <c r="E618" t="s">
        <v>31812</v>
      </c>
      <c r="F618">
        <v>3</v>
      </c>
      <c r="G618" t="s">
        <v>10</v>
      </c>
      <c r="H618" t="s">
        <v>4750</v>
      </c>
      <c r="I618" t="s">
        <v>30540</v>
      </c>
    </row>
    <row r="619" spans="1:9">
      <c r="A619" s="1">
        <v>0.16634745795323991</v>
      </c>
      <c r="B619" s="1"/>
      <c r="C619">
        <v>18</v>
      </c>
      <c r="D619" t="s">
        <v>4745</v>
      </c>
      <c r="E619" t="s">
        <v>31813</v>
      </c>
      <c r="F619">
        <v>2</v>
      </c>
      <c r="G619" t="s">
        <v>9</v>
      </c>
      <c r="H619" t="s">
        <v>4746</v>
      </c>
      <c r="I619" t="s">
        <v>30540</v>
      </c>
    </row>
    <row r="620" spans="1:9">
      <c r="A620" s="1">
        <v>0.50006456487643225</v>
      </c>
      <c r="B620" s="1"/>
      <c r="C620">
        <v>5</v>
      </c>
      <c r="D620" t="s">
        <v>4735</v>
      </c>
      <c r="E620" t="s">
        <v>31814</v>
      </c>
      <c r="F620">
        <v>1</v>
      </c>
      <c r="G620" t="s">
        <v>9</v>
      </c>
      <c r="H620" t="s">
        <v>4736</v>
      </c>
      <c r="I620" t="s">
        <v>30540</v>
      </c>
    </row>
    <row r="621" spans="1:9">
      <c r="A621" s="1">
        <v>0.71319426057850788</v>
      </c>
      <c r="B621" s="1"/>
      <c r="C621">
        <v>1</v>
      </c>
      <c r="D621" t="s">
        <v>4727</v>
      </c>
      <c r="E621" t="s">
        <v>31815</v>
      </c>
      <c r="F621">
        <v>2</v>
      </c>
      <c r="G621" t="s">
        <v>14</v>
      </c>
      <c r="H621" t="s">
        <v>4728</v>
      </c>
      <c r="I621" t="s">
        <v>30540</v>
      </c>
    </row>
    <row r="622" spans="1:9">
      <c r="A622" s="1">
        <v>0.53330433461463078</v>
      </c>
      <c r="B622" s="1"/>
      <c r="C622">
        <v>12</v>
      </c>
      <c r="D622" t="s">
        <v>4725</v>
      </c>
      <c r="E622" t="s">
        <v>31816</v>
      </c>
      <c r="F622">
        <v>2</v>
      </c>
      <c r="G622" t="s">
        <v>1</v>
      </c>
      <c r="H622" t="s">
        <v>4726</v>
      </c>
      <c r="I622" t="s">
        <v>30540</v>
      </c>
    </row>
    <row r="623" spans="1:9">
      <c r="A623" s="1">
        <v>0.98574995560012202</v>
      </c>
      <c r="B623" s="1"/>
      <c r="C623">
        <v>19</v>
      </c>
      <c r="D623" t="s">
        <v>4719</v>
      </c>
      <c r="E623" t="s">
        <v>31817</v>
      </c>
      <c r="F623">
        <v>2</v>
      </c>
      <c r="G623" t="s">
        <v>10</v>
      </c>
      <c r="H623" t="s">
        <v>4720</v>
      </c>
      <c r="I623" t="s">
        <v>30540</v>
      </c>
    </row>
    <row r="624" spans="1:9">
      <c r="A624" s="1">
        <v>0.59725661854252066</v>
      </c>
      <c r="B624" s="1"/>
      <c r="C624">
        <v>7</v>
      </c>
      <c r="D624" t="s">
        <v>4701</v>
      </c>
      <c r="E624" t="s">
        <v>31818</v>
      </c>
      <c r="F624">
        <v>2</v>
      </c>
      <c r="G624" t="s">
        <v>15</v>
      </c>
      <c r="H624" t="s">
        <v>4702</v>
      </c>
      <c r="I624" t="s">
        <v>30540</v>
      </c>
    </row>
    <row r="625" spans="1:9">
      <c r="A625" s="1">
        <v>0.24303985290226982</v>
      </c>
      <c r="B625" s="1"/>
      <c r="C625">
        <v>11</v>
      </c>
      <c r="D625" t="s">
        <v>4693</v>
      </c>
      <c r="E625" t="s">
        <v>31819</v>
      </c>
      <c r="F625">
        <v>3</v>
      </c>
      <c r="G625" t="s">
        <v>2</v>
      </c>
      <c r="H625" t="s">
        <v>4694</v>
      </c>
      <c r="I625" t="s">
        <v>30540</v>
      </c>
    </row>
    <row r="626" spans="1:9">
      <c r="A626" s="1">
        <v>0.71995674416243871</v>
      </c>
      <c r="B626" s="1"/>
      <c r="C626">
        <v>15</v>
      </c>
      <c r="D626" t="s">
        <v>4695</v>
      </c>
      <c r="E626" t="s">
        <v>31819</v>
      </c>
      <c r="F626">
        <v>2</v>
      </c>
      <c r="G626" t="s">
        <v>10</v>
      </c>
      <c r="H626" t="s">
        <v>4696</v>
      </c>
      <c r="I626" t="s">
        <v>30540</v>
      </c>
    </row>
    <row r="627" spans="1:9">
      <c r="A627" s="1">
        <v>6.2205023894817191E-2</v>
      </c>
      <c r="B627" s="1"/>
      <c r="C627">
        <v>4</v>
      </c>
      <c r="D627" t="s">
        <v>4689</v>
      </c>
      <c r="E627" t="s">
        <v>31819</v>
      </c>
      <c r="F627">
        <v>2</v>
      </c>
      <c r="G627" t="s">
        <v>762</v>
      </c>
      <c r="H627" t="s">
        <v>4690</v>
      </c>
      <c r="I627" t="s">
        <v>30540</v>
      </c>
    </row>
    <row r="628" spans="1:9">
      <c r="A628" s="1">
        <v>0.63606313380989132</v>
      </c>
      <c r="B628" s="1"/>
      <c r="C628">
        <v>12</v>
      </c>
      <c r="D628" t="s">
        <v>4669</v>
      </c>
      <c r="E628" t="s">
        <v>31822</v>
      </c>
      <c r="F628">
        <v>3</v>
      </c>
      <c r="G628" t="s">
        <v>1295</v>
      </c>
      <c r="H628" t="s">
        <v>4670</v>
      </c>
      <c r="I628" t="s">
        <v>30540</v>
      </c>
    </row>
    <row r="629" spans="1:9">
      <c r="A629" s="1">
        <v>1.0216065397918972E-2</v>
      </c>
      <c r="B629" s="1"/>
      <c r="C629">
        <v>14</v>
      </c>
      <c r="D629" t="s">
        <v>4671</v>
      </c>
      <c r="E629" t="s">
        <v>31822</v>
      </c>
      <c r="F629">
        <v>3</v>
      </c>
      <c r="G629" t="s">
        <v>774</v>
      </c>
      <c r="H629" t="s">
        <v>4672</v>
      </c>
      <c r="I629" t="s">
        <v>30540</v>
      </c>
    </row>
    <row r="630" spans="1:9">
      <c r="A630" s="1">
        <v>0.18422395004032632</v>
      </c>
      <c r="B630" s="1"/>
      <c r="C630">
        <v>7</v>
      </c>
      <c r="D630" t="s">
        <v>4667</v>
      </c>
      <c r="E630" t="s">
        <v>31822</v>
      </c>
      <c r="F630">
        <v>2</v>
      </c>
      <c r="G630" t="s">
        <v>774</v>
      </c>
      <c r="H630" t="s">
        <v>4668</v>
      </c>
      <c r="I630" t="s">
        <v>30540</v>
      </c>
    </row>
    <row r="631" spans="1:9">
      <c r="A631" s="1">
        <v>5.9360940942129292E-2</v>
      </c>
      <c r="B631" s="1"/>
      <c r="C631">
        <v>17</v>
      </c>
      <c r="D631" t="s">
        <v>4675</v>
      </c>
      <c r="E631" t="s">
        <v>31822</v>
      </c>
      <c r="F631">
        <v>2</v>
      </c>
      <c r="G631" t="s">
        <v>9</v>
      </c>
      <c r="H631" t="s">
        <v>4676</v>
      </c>
      <c r="I631" t="s">
        <v>30540</v>
      </c>
    </row>
    <row r="632" spans="1:9">
      <c r="A632" s="1">
        <v>0.4063468592848255</v>
      </c>
      <c r="B632" s="1"/>
      <c r="C632">
        <v>4</v>
      </c>
      <c r="D632" t="s">
        <v>4645</v>
      </c>
      <c r="E632" t="s">
        <v>31824</v>
      </c>
      <c r="F632">
        <v>2</v>
      </c>
      <c r="G632" t="s">
        <v>766</v>
      </c>
      <c r="H632" t="s">
        <v>4646</v>
      </c>
      <c r="I632" t="s">
        <v>30540</v>
      </c>
    </row>
    <row r="633" spans="1:9">
      <c r="A633" s="1">
        <v>0.38575808754166929</v>
      </c>
      <c r="B633" s="1"/>
      <c r="C633">
        <v>11</v>
      </c>
      <c r="D633" t="s">
        <v>4635</v>
      </c>
      <c r="E633" t="s">
        <v>31825</v>
      </c>
      <c r="F633">
        <v>3</v>
      </c>
      <c r="G633" t="s">
        <v>10</v>
      </c>
      <c r="H633" t="s">
        <v>4636</v>
      </c>
      <c r="I633" t="s">
        <v>30540</v>
      </c>
    </row>
    <row r="634" spans="1:9">
      <c r="A634" s="1">
        <v>0.88159895011650846</v>
      </c>
      <c r="B634" s="1"/>
      <c r="C634">
        <v>20</v>
      </c>
      <c r="D634" t="s">
        <v>4617</v>
      </c>
      <c r="E634" t="s">
        <v>31827</v>
      </c>
      <c r="F634">
        <v>3</v>
      </c>
      <c r="G634" t="s">
        <v>13</v>
      </c>
      <c r="H634" t="s">
        <v>4618</v>
      </c>
      <c r="I634" t="s">
        <v>30540</v>
      </c>
    </row>
    <row r="635" spans="1:9">
      <c r="A635" s="1">
        <v>0.66995665074015953</v>
      </c>
      <c r="B635" s="1"/>
      <c r="C635">
        <v>4</v>
      </c>
      <c r="D635" t="s">
        <v>4601</v>
      </c>
      <c r="E635" t="s">
        <v>31828</v>
      </c>
      <c r="F635">
        <v>3</v>
      </c>
      <c r="G635" t="s">
        <v>14</v>
      </c>
      <c r="H635" t="s">
        <v>4602</v>
      </c>
      <c r="I635" t="s">
        <v>30540</v>
      </c>
    </row>
    <row r="636" spans="1:9">
      <c r="A636" s="1">
        <v>9.4811495831789272E-2</v>
      </c>
      <c r="B636" s="1"/>
      <c r="C636">
        <v>7</v>
      </c>
      <c r="D636" t="s">
        <v>4603</v>
      </c>
      <c r="E636" t="s">
        <v>31828</v>
      </c>
      <c r="F636">
        <v>3</v>
      </c>
      <c r="G636" t="s">
        <v>2</v>
      </c>
      <c r="H636" t="s">
        <v>4604</v>
      </c>
      <c r="I636" t="s">
        <v>30540</v>
      </c>
    </row>
    <row r="637" spans="1:9">
      <c r="A637" s="1">
        <v>0.47756610478122441</v>
      </c>
      <c r="B637" s="1"/>
      <c r="C637">
        <v>9</v>
      </c>
      <c r="D637" t="s">
        <v>4607</v>
      </c>
      <c r="E637" t="s">
        <v>31828</v>
      </c>
      <c r="F637">
        <v>2</v>
      </c>
      <c r="G637" t="s">
        <v>9</v>
      </c>
      <c r="H637" t="s">
        <v>4608</v>
      </c>
      <c r="I637" t="s">
        <v>30540</v>
      </c>
    </row>
    <row r="638" spans="1:9">
      <c r="A638" s="1">
        <v>0.11670437973443648</v>
      </c>
      <c r="B638" s="1"/>
      <c r="C638">
        <v>15</v>
      </c>
      <c r="D638" t="s">
        <v>4613</v>
      </c>
      <c r="E638" t="s">
        <v>31828</v>
      </c>
      <c r="F638">
        <v>2</v>
      </c>
      <c r="G638" t="s">
        <v>15</v>
      </c>
      <c r="H638" t="s">
        <v>4614</v>
      </c>
      <c r="I638" t="s">
        <v>30540</v>
      </c>
    </row>
    <row r="639" spans="1:9">
      <c r="A639" s="1">
        <v>1.2543095741390564E-2</v>
      </c>
      <c r="B639" s="1"/>
      <c r="C639">
        <v>16</v>
      </c>
      <c r="D639" t="s">
        <v>4591</v>
      </c>
      <c r="E639" t="s">
        <v>31829</v>
      </c>
      <c r="F639">
        <v>3</v>
      </c>
      <c r="G639" t="s">
        <v>10</v>
      </c>
      <c r="H639" t="s">
        <v>4592</v>
      </c>
      <c r="I639" t="s">
        <v>30540</v>
      </c>
    </row>
    <row r="640" spans="1:9">
      <c r="A640" s="1">
        <v>0.32778137245014516</v>
      </c>
      <c r="B640" s="1"/>
      <c r="C640">
        <v>2</v>
      </c>
      <c r="D640" t="s">
        <v>4569</v>
      </c>
      <c r="E640" t="s">
        <v>31830</v>
      </c>
      <c r="F640">
        <v>2</v>
      </c>
      <c r="G640" t="s">
        <v>9</v>
      </c>
      <c r="H640" t="s">
        <v>4570</v>
      </c>
      <c r="I640" t="s">
        <v>30540</v>
      </c>
    </row>
    <row r="641" spans="1:9">
      <c r="A641" s="1">
        <v>0.87854165461512856</v>
      </c>
      <c r="B641" s="1"/>
      <c r="C641">
        <v>9</v>
      </c>
      <c r="D641" t="s">
        <v>4571</v>
      </c>
      <c r="E641" t="s">
        <v>31830</v>
      </c>
      <c r="F641">
        <v>2</v>
      </c>
      <c r="G641" t="s">
        <v>771</v>
      </c>
      <c r="H641" t="s">
        <v>4572</v>
      </c>
      <c r="I641" t="s">
        <v>30540</v>
      </c>
    </row>
    <row r="642" spans="1:9">
      <c r="A642" s="1">
        <v>0.73055225148339642</v>
      </c>
      <c r="B642" s="1"/>
      <c r="C642">
        <v>8</v>
      </c>
      <c r="D642" t="s">
        <v>4553</v>
      </c>
      <c r="E642" t="s">
        <v>31832</v>
      </c>
      <c r="F642">
        <v>3</v>
      </c>
      <c r="G642" t="s">
        <v>1</v>
      </c>
      <c r="H642" t="s">
        <v>4554</v>
      </c>
      <c r="I642" t="s">
        <v>30540</v>
      </c>
    </row>
    <row r="643" spans="1:9">
      <c r="A643" s="1">
        <v>0.3331781133148094</v>
      </c>
      <c r="B643" s="1"/>
      <c r="C643">
        <v>13</v>
      </c>
      <c r="D643" t="s">
        <v>4555</v>
      </c>
      <c r="E643" t="s">
        <v>31832</v>
      </c>
      <c r="F643">
        <v>2</v>
      </c>
      <c r="G643" t="s">
        <v>2</v>
      </c>
      <c r="H643" t="s">
        <v>4556</v>
      </c>
      <c r="I643" t="s">
        <v>30540</v>
      </c>
    </row>
    <row r="644" spans="1:9">
      <c r="A644" s="1">
        <v>0.82748408586513067</v>
      </c>
      <c r="B644" s="1"/>
      <c r="C644">
        <v>11</v>
      </c>
      <c r="D644" t="s">
        <v>4545</v>
      </c>
      <c r="E644" t="s">
        <v>31833</v>
      </c>
      <c r="F644">
        <v>2</v>
      </c>
      <c r="G644" t="s">
        <v>10</v>
      </c>
      <c r="H644" t="s">
        <v>4546</v>
      </c>
      <c r="I644" t="s">
        <v>30540</v>
      </c>
    </row>
    <row r="645" spans="1:9">
      <c r="A645" s="1">
        <v>0.19161540717186032</v>
      </c>
      <c r="B645" s="1"/>
      <c r="C645">
        <v>7</v>
      </c>
      <c r="D645" t="s">
        <v>4531</v>
      </c>
      <c r="E645" t="s">
        <v>31834</v>
      </c>
      <c r="F645">
        <v>2</v>
      </c>
      <c r="G645" t="s">
        <v>9</v>
      </c>
      <c r="H645" t="s">
        <v>4532</v>
      </c>
      <c r="I645" t="s">
        <v>30540</v>
      </c>
    </row>
    <row r="646" spans="1:9">
      <c r="A646" s="1">
        <v>0.86194222456371261</v>
      </c>
      <c r="B646" s="1"/>
      <c r="C646">
        <v>13</v>
      </c>
      <c r="D646" t="s">
        <v>4511</v>
      </c>
      <c r="E646" t="s">
        <v>31836</v>
      </c>
      <c r="F646">
        <v>3</v>
      </c>
      <c r="G646" t="s">
        <v>10</v>
      </c>
      <c r="H646" t="s">
        <v>4512</v>
      </c>
      <c r="I646" t="s">
        <v>30540</v>
      </c>
    </row>
    <row r="647" spans="1:9">
      <c r="A647" s="1">
        <v>0.67537567473478366</v>
      </c>
      <c r="B647" s="1"/>
      <c r="C647">
        <v>7</v>
      </c>
      <c r="D647" t="s">
        <v>4507</v>
      </c>
      <c r="E647" t="s">
        <v>31836</v>
      </c>
      <c r="F647">
        <v>2</v>
      </c>
      <c r="G647" t="s">
        <v>2</v>
      </c>
      <c r="H647" t="s">
        <v>4508</v>
      </c>
      <c r="I647" t="s">
        <v>30540</v>
      </c>
    </row>
    <row r="648" spans="1:9">
      <c r="A648" s="1">
        <v>0.33416369130217105</v>
      </c>
      <c r="B648" s="1"/>
      <c r="C648">
        <v>6</v>
      </c>
      <c r="D648" t="s">
        <v>4499</v>
      </c>
      <c r="E648" t="s">
        <v>31837</v>
      </c>
      <c r="F648">
        <v>2</v>
      </c>
      <c r="G648" t="s">
        <v>13</v>
      </c>
      <c r="H648" t="s">
        <v>4500</v>
      </c>
      <c r="I648" t="s">
        <v>30540</v>
      </c>
    </row>
    <row r="649" spans="1:9">
      <c r="A649" s="1">
        <v>0.42224191755356799</v>
      </c>
      <c r="B649" s="1"/>
      <c r="C649">
        <v>13</v>
      </c>
      <c r="D649" t="s">
        <v>4501</v>
      </c>
      <c r="E649" t="s">
        <v>31837</v>
      </c>
      <c r="F649">
        <v>2</v>
      </c>
      <c r="G649" t="s">
        <v>9</v>
      </c>
      <c r="H649" t="s">
        <v>4502</v>
      </c>
      <c r="I649" t="s">
        <v>30540</v>
      </c>
    </row>
    <row r="650" spans="1:9">
      <c r="A650" s="1">
        <v>0.36113841893850573</v>
      </c>
      <c r="B650" s="1"/>
      <c r="C650">
        <v>1</v>
      </c>
      <c r="D650" t="s">
        <v>4489</v>
      </c>
      <c r="E650" t="s">
        <v>31838</v>
      </c>
      <c r="F650">
        <v>2</v>
      </c>
      <c r="G650" t="s">
        <v>14</v>
      </c>
      <c r="H650" t="s">
        <v>4490</v>
      </c>
      <c r="I650" t="s">
        <v>30540</v>
      </c>
    </row>
    <row r="651" spans="1:9">
      <c r="A651" s="1">
        <v>0.79958527556512116</v>
      </c>
      <c r="B651" s="1"/>
      <c r="C651">
        <v>7</v>
      </c>
      <c r="D651" t="s">
        <v>4477</v>
      </c>
      <c r="E651" t="s">
        <v>31839</v>
      </c>
      <c r="F651">
        <v>2</v>
      </c>
      <c r="G651" t="s">
        <v>15</v>
      </c>
      <c r="H651" t="s">
        <v>4478</v>
      </c>
      <c r="I651" t="s">
        <v>30540</v>
      </c>
    </row>
    <row r="652" spans="1:9">
      <c r="A652" s="1">
        <v>0.42585514511962297</v>
      </c>
      <c r="B652" s="1"/>
      <c r="C652">
        <v>2</v>
      </c>
      <c r="D652" t="s">
        <v>4463</v>
      </c>
      <c r="E652" t="s">
        <v>31840</v>
      </c>
      <c r="F652">
        <v>3</v>
      </c>
      <c r="G652" t="s">
        <v>2</v>
      </c>
      <c r="H652" t="s">
        <v>4464</v>
      </c>
      <c r="I652" t="s">
        <v>30540</v>
      </c>
    </row>
    <row r="653" spans="1:9">
      <c r="A653" s="1">
        <v>0.88606734345682514</v>
      </c>
      <c r="B653" s="1"/>
      <c r="C653">
        <v>5</v>
      </c>
      <c r="D653" t="s">
        <v>4465</v>
      </c>
      <c r="E653" t="s">
        <v>31840</v>
      </c>
      <c r="F653">
        <v>2</v>
      </c>
      <c r="G653" t="s">
        <v>1295</v>
      </c>
      <c r="H653" t="s">
        <v>4466</v>
      </c>
      <c r="I653" t="s">
        <v>30540</v>
      </c>
    </row>
    <row r="654" spans="1:9">
      <c r="A654" s="1">
        <v>0.32831248340683683</v>
      </c>
      <c r="B654" s="1"/>
      <c r="C654">
        <v>10</v>
      </c>
      <c r="D654" t="s">
        <v>4467</v>
      </c>
      <c r="E654" t="s">
        <v>31840</v>
      </c>
      <c r="F654">
        <v>1</v>
      </c>
      <c r="G654" t="s">
        <v>2</v>
      </c>
      <c r="H654" t="s">
        <v>4468</v>
      </c>
      <c r="I654" t="s">
        <v>30540</v>
      </c>
    </row>
    <row r="655" spans="1:9">
      <c r="A655" s="1">
        <v>5.3210725366209077E-2</v>
      </c>
      <c r="B655" s="1"/>
      <c r="C655">
        <v>12</v>
      </c>
      <c r="D655" t="s">
        <v>4427</v>
      </c>
      <c r="E655" t="s">
        <v>31846</v>
      </c>
      <c r="F655">
        <v>3</v>
      </c>
      <c r="G655" t="s">
        <v>1</v>
      </c>
      <c r="H655" t="s">
        <v>4428</v>
      </c>
      <c r="I655" t="s">
        <v>30540</v>
      </c>
    </row>
    <row r="656" spans="1:9">
      <c r="A656" s="1">
        <v>0.3655926719694812</v>
      </c>
      <c r="B656" s="1"/>
      <c r="C656">
        <v>2</v>
      </c>
      <c r="D656" t="s">
        <v>4391</v>
      </c>
      <c r="E656" t="s">
        <v>31850</v>
      </c>
      <c r="F656">
        <v>2</v>
      </c>
      <c r="G656" t="s">
        <v>13</v>
      </c>
      <c r="H656" t="s">
        <v>4392</v>
      </c>
      <c r="I656" t="s">
        <v>30540</v>
      </c>
    </row>
    <row r="657" spans="1:9">
      <c r="A657" s="1">
        <v>0.77621992386102334</v>
      </c>
      <c r="B657" s="1"/>
      <c r="C657">
        <v>15</v>
      </c>
      <c r="D657" t="s">
        <v>4379</v>
      </c>
      <c r="E657" t="s">
        <v>31852</v>
      </c>
      <c r="F657">
        <v>2</v>
      </c>
      <c r="G657" t="s">
        <v>9</v>
      </c>
      <c r="H657" t="s">
        <v>4380</v>
      </c>
      <c r="I657" t="s">
        <v>30540</v>
      </c>
    </row>
    <row r="658" spans="1:9">
      <c r="A658" s="1">
        <v>0.73194965474871942</v>
      </c>
      <c r="B658" s="1"/>
      <c r="C658">
        <v>15</v>
      </c>
      <c r="D658" t="s">
        <v>4353</v>
      </c>
      <c r="E658" t="s">
        <v>31855</v>
      </c>
      <c r="F658">
        <v>2</v>
      </c>
      <c r="G658" t="s">
        <v>14</v>
      </c>
      <c r="H658" t="s">
        <v>4354</v>
      </c>
      <c r="I658" t="s">
        <v>30540</v>
      </c>
    </row>
    <row r="659" spans="1:9">
      <c r="A659" s="1">
        <v>0.55160688677188541</v>
      </c>
      <c r="B659" s="1"/>
      <c r="C659">
        <v>6</v>
      </c>
      <c r="D659" t="s">
        <v>4339</v>
      </c>
      <c r="E659" t="s">
        <v>31856</v>
      </c>
      <c r="F659">
        <v>3</v>
      </c>
      <c r="G659" t="s">
        <v>10</v>
      </c>
      <c r="H659" t="s">
        <v>4340</v>
      </c>
      <c r="I659" t="s">
        <v>30540</v>
      </c>
    </row>
    <row r="660" spans="1:9">
      <c r="A660" s="1">
        <v>0.16882936376147173</v>
      </c>
      <c r="B660" s="1"/>
      <c r="C660">
        <v>4</v>
      </c>
      <c r="D660" t="s">
        <v>4337</v>
      </c>
      <c r="E660" t="s">
        <v>31856</v>
      </c>
      <c r="F660">
        <v>1</v>
      </c>
      <c r="G660" t="s">
        <v>10</v>
      </c>
      <c r="H660" t="s">
        <v>4338</v>
      </c>
      <c r="I660" t="s">
        <v>30540</v>
      </c>
    </row>
    <row r="661" spans="1:9">
      <c r="A661" s="1">
        <v>0.77784323913493558</v>
      </c>
      <c r="B661" s="1"/>
      <c r="C661">
        <v>2</v>
      </c>
      <c r="D661" t="s">
        <v>4325</v>
      </c>
      <c r="E661" t="s">
        <v>31857</v>
      </c>
      <c r="F661">
        <v>2</v>
      </c>
      <c r="G661" t="s">
        <v>2</v>
      </c>
      <c r="H661" t="s">
        <v>4326</v>
      </c>
      <c r="I661" t="s">
        <v>30540</v>
      </c>
    </row>
    <row r="662" spans="1:9">
      <c r="A662" s="1">
        <v>0.39984152674874751</v>
      </c>
      <c r="B662" s="1"/>
      <c r="C662">
        <v>9</v>
      </c>
      <c r="D662" t="s">
        <v>4321</v>
      </c>
      <c r="E662" t="s">
        <v>31858</v>
      </c>
      <c r="F662">
        <v>3</v>
      </c>
      <c r="G662" t="s">
        <v>0</v>
      </c>
      <c r="H662" t="s">
        <v>4322</v>
      </c>
      <c r="I662" t="s">
        <v>30540</v>
      </c>
    </row>
    <row r="663" spans="1:9">
      <c r="A663" s="1">
        <v>0.10184540922652263</v>
      </c>
      <c r="B663" s="1"/>
      <c r="C663">
        <v>14</v>
      </c>
      <c r="D663" t="s">
        <v>4315</v>
      </c>
      <c r="E663" t="s">
        <v>31859</v>
      </c>
      <c r="F663">
        <v>2</v>
      </c>
      <c r="G663" t="s">
        <v>14</v>
      </c>
      <c r="H663" t="s">
        <v>4316</v>
      </c>
      <c r="I663" t="s">
        <v>30540</v>
      </c>
    </row>
    <row r="664" spans="1:9">
      <c r="A664" s="1">
        <v>0.88125204657586687</v>
      </c>
      <c r="B664" s="1"/>
      <c r="C664">
        <v>13</v>
      </c>
      <c r="D664" t="s">
        <v>4299</v>
      </c>
      <c r="E664" t="s">
        <v>31860</v>
      </c>
      <c r="F664">
        <v>3</v>
      </c>
      <c r="G664" t="s">
        <v>10</v>
      </c>
      <c r="H664" t="s">
        <v>4300</v>
      </c>
      <c r="I664" t="s">
        <v>30540</v>
      </c>
    </row>
    <row r="665" spans="1:9">
      <c r="A665" s="1">
        <v>0.26032515212193508</v>
      </c>
      <c r="B665" s="1"/>
      <c r="C665">
        <v>15</v>
      </c>
      <c r="D665" t="s">
        <v>4301</v>
      </c>
      <c r="E665" t="s">
        <v>31860</v>
      </c>
      <c r="F665">
        <v>2</v>
      </c>
      <c r="G665" t="s">
        <v>771</v>
      </c>
      <c r="H665" t="s">
        <v>4302</v>
      </c>
      <c r="I665" t="s">
        <v>30540</v>
      </c>
    </row>
    <row r="666" spans="1:9">
      <c r="A666" s="1">
        <v>0.37742205435247012</v>
      </c>
      <c r="B666" s="1"/>
      <c r="C666">
        <v>11</v>
      </c>
      <c r="D666" t="s">
        <v>4287</v>
      </c>
      <c r="E666" t="s">
        <v>31861</v>
      </c>
      <c r="F666">
        <v>2</v>
      </c>
      <c r="G666" t="s">
        <v>10</v>
      </c>
      <c r="H666" t="s">
        <v>4288</v>
      </c>
      <c r="I666" t="s">
        <v>30540</v>
      </c>
    </row>
    <row r="667" spans="1:9">
      <c r="A667" s="1">
        <v>0.38021435036485018</v>
      </c>
      <c r="B667" s="1"/>
      <c r="C667">
        <v>14</v>
      </c>
      <c r="D667" t="s">
        <v>4273</v>
      </c>
      <c r="E667" t="s">
        <v>31863</v>
      </c>
      <c r="F667">
        <v>3</v>
      </c>
      <c r="G667" t="s">
        <v>10</v>
      </c>
      <c r="H667" t="s">
        <v>4274</v>
      </c>
      <c r="I667" t="s">
        <v>30540</v>
      </c>
    </row>
    <row r="668" spans="1:9">
      <c r="A668" s="1">
        <v>0.80552925895820471</v>
      </c>
      <c r="B668" s="1"/>
      <c r="C668">
        <v>6</v>
      </c>
      <c r="D668" t="s">
        <v>4267</v>
      </c>
      <c r="E668" t="s">
        <v>31864</v>
      </c>
      <c r="F668">
        <v>2</v>
      </c>
      <c r="G668" t="s">
        <v>1295</v>
      </c>
      <c r="H668" t="s">
        <v>4268</v>
      </c>
      <c r="I668" t="s">
        <v>30540</v>
      </c>
    </row>
    <row r="669" spans="1:9">
      <c r="A669" s="1">
        <v>0.8065027616749435</v>
      </c>
      <c r="B669" s="1"/>
      <c r="C669">
        <v>13</v>
      </c>
      <c r="D669" t="s">
        <v>4261</v>
      </c>
      <c r="E669" t="s">
        <v>31865</v>
      </c>
      <c r="F669">
        <v>2</v>
      </c>
      <c r="G669" t="s">
        <v>10</v>
      </c>
      <c r="H669" t="s">
        <v>4262</v>
      </c>
      <c r="I669" t="s">
        <v>30540</v>
      </c>
    </row>
    <row r="670" spans="1:9">
      <c r="A670" s="1">
        <v>0.44236153352758012</v>
      </c>
      <c r="B670" s="1"/>
      <c r="C670">
        <v>7</v>
      </c>
      <c r="D670" t="s">
        <v>4257</v>
      </c>
      <c r="E670" t="s">
        <v>31865</v>
      </c>
      <c r="F670">
        <v>1</v>
      </c>
      <c r="G670" t="s">
        <v>1295</v>
      </c>
      <c r="H670" t="s">
        <v>4258</v>
      </c>
      <c r="I670" t="s">
        <v>30540</v>
      </c>
    </row>
    <row r="671" spans="1:9">
      <c r="A671" s="1">
        <v>0.41674273372177062</v>
      </c>
      <c r="B671" s="1"/>
      <c r="C671">
        <v>3</v>
      </c>
      <c r="D671" t="s">
        <v>4227</v>
      </c>
      <c r="E671" t="s">
        <v>31868</v>
      </c>
      <c r="F671">
        <v>3</v>
      </c>
      <c r="G671" t="s">
        <v>2</v>
      </c>
      <c r="H671" t="s">
        <v>4228</v>
      </c>
      <c r="I671" t="s">
        <v>30540</v>
      </c>
    </row>
    <row r="672" spans="1:9">
      <c r="A672" s="1">
        <v>0.12950786836936223</v>
      </c>
      <c r="B672" s="1"/>
      <c r="C672">
        <v>16</v>
      </c>
      <c r="D672" t="s">
        <v>4233</v>
      </c>
      <c r="E672" t="s">
        <v>31868</v>
      </c>
      <c r="F672">
        <v>3</v>
      </c>
      <c r="G672" t="s">
        <v>10</v>
      </c>
      <c r="H672" t="s">
        <v>4234</v>
      </c>
      <c r="I672" t="s">
        <v>30540</v>
      </c>
    </row>
    <row r="673" spans="1:9">
      <c r="A673" s="1">
        <v>0.46697412421981832</v>
      </c>
      <c r="B673" s="1"/>
      <c r="C673">
        <v>6</v>
      </c>
      <c r="D673" t="s">
        <v>4205</v>
      </c>
      <c r="E673" t="s">
        <v>31872</v>
      </c>
      <c r="F673">
        <v>3</v>
      </c>
      <c r="G673" t="s">
        <v>765</v>
      </c>
      <c r="H673" t="s">
        <v>4206</v>
      </c>
      <c r="I673" t="s">
        <v>30540</v>
      </c>
    </row>
    <row r="674" spans="1:9">
      <c r="A674" s="1">
        <v>0.68754817137602031</v>
      </c>
      <c r="B674" s="1"/>
      <c r="C674">
        <v>16</v>
      </c>
      <c r="D674" t="s">
        <v>4209</v>
      </c>
      <c r="E674" t="s">
        <v>31872</v>
      </c>
      <c r="F674">
        <v>2</v>
      </c>
      <c r="G674" t="s">
        <v>766</v>
      </c>
      <c r="H674" t="s">
        <v>4210</v>
      </c>
      <c r="I674" t="s">
        <v>30540</v>
      </c>
    </row>
    <row r="675" spans="1:9">
      <c r="A675" s="1">
        <v>0.39944163955642897</v>
      </c>
      <c r="B675" s="1"/>
      <c r="C675">
        <v>13</v>
      </c>
      <c r="D675" t="s">
        <v>4199</v>
      </c>
      <c r="E675" t="s">
        <v>31873</v>
      </c>
      <c r="F675">
        <v>3</v>
      </c>
      <c r="G675" t="s">
        <v>10</v>
      </c>
      <c r="H675" t="s">
        <v>4200</v>
      </c>
      <c r="I675" t="s">
        <v>30540</v>
      </c>
    </row>
    <row r="676" spans="1:9">
      <c r="A676" s="1">
        <v>0.29391345489229503</v>
      </c>
      <c r="B676" s="1"/>
      <c r="C676">
        <v>12</v>
      </c>
      <c r="D676" t="s">
        <v>4197</v>
      </c>
      <c r="E676" t="s">
        <v>31873</v>
      </c>
      <c r="F676">
        <v>2</v>
      </c>
      <c r="G676" t="s">
        <v>10</v>
      </c>
      <c r="H676" t="s">
        <v>4198</v>
      </c>
      <c r="I676" t="s">
        <v>30540</v>
      </c>
    </row>
    <row r="677" spans="1:9">
      <c r="A677" s="1">
        <v>0.33206440370651225</v>
      </c>
      <c r="B677" s="1"/>
      <c r="C677">
        <v>2</v>
      </c>
      <c r="D677" t="s">
        <v>8723</v>
      </c>
      <c r="E677" t="s">
        <v>31875</v>
      </c>
      <c r="F677">
        <v>3</v>
      </c>
      <c r="G677" t="s">
        <v>0</v>
      </c>
      <c r="H677" t="s">
        <v>8724</v>
      </c>
      <c r="I677" t="s">
        <v>30540</v>
      </c>
    </row>
    <row r="678" spans="1:9">
      <c r="A678" s="1">
        <v>0.67114665665370798</v>
      </c>
      <c r="B678" s="1"/>
      <c r="C678">
        <v>18</v>
      </c>
      <c r="D678" t="s">
        <v>8719</v>
      </c>
      <c r="E678" t="s">
        <v>31876</v>
      </c>
      <c r="F678">
        <v>2</v>
      </c>
      <c r="G678" t="s">
        <v>0</v>
      </c>
      <c r="H678" t="s">
        <v>8720</v>
      </c>
      <c r="I678" t="s">
        <v>30540</v>
      </c>
    </row>
    <row r="679" spans="1:9">
      <c r="A679" s="1">
        <v>0.22571809601531545</v>
      </c>
      <c r="B679" s="1"/>
      <c r="C679">
        <v>19</v>
      </c>
      <c r="D679" t="s">
        <v>8697</v>
      </c>
      <c r="E679" t="s">
        <v>31880</v>
      </c>
      <c r="F679">
        <v>2</v>
      </c>
      <c r="G679" t="s">
        <v>0</v>
      </c>
      <c r="H679" t="s">
        <v>8698</v>
      </c>
      <c r="I679" t="s">
        <v>30540</v>
      </c>
    </row>
    <row r="680" spans="1:9">
      <c r="A680" s="1">
        <v>0.81631609336577404</v>
      </c>
      <c r="B680" s="1"/>
      <c r="C680">
        <v>18</v>
      </c>
      <c r="D680" t="s">
        <v>8687</v>
      </c>
      <c r="E680" t="s">
        <v>31881</v>
      </c>
      <c r="F680">
        <v>2</v>
      </c>
      <c r="G680" t="s">
        <v>9</v>
      </c>
      <c r="H680" t="s">
        <v>8688</v>
      </c>
      <c r="I680" t="s">
        <v>30540</v>
      </c>
    </row>
    <row r="681" spans="1:9">
      <c r="A681" s="1">
        <v>0.30083067820017806</v>
      </c>
      <c r="B681" s="1"/>
      <c r="C681">
        <v>18</v>
      </c>
      <c r="D681" t="s">
        <v>8675</v>
      </c>
      <c r="E681" t="s">
        <v>31882</v>
      </c>
      <c r="F681">
        <v>2</v>
      </c>
      <c r="G681" t="s">
        <v>0</v>
      </c>
      <c r="H681" t="s">
        <v>8676</v>
      </c>
      <c r="I681" t="s">
        <v>30540</v>
      </c>
    </row>
    <row r="682" spans="1:9">
      <c r="A682" s="1">
        <v>0.12881224350179654</v>
      </c>
      <c r="B682" s="1"/>
      <c r="C682">
        <v>14</v>
      </c>
      <c r="D682" t="s">
        <v>8667</v>
      </c>
      <c r="E682" t="s">
        <v>31883</v>
      </c>
      <c r="F682">
        <v>3</v>
      </c>
      <c r="G682" t="s">
        <v>1</v>
      </c>
      <c r="H682" t="s">
        <v>8668</v>
      </c>
      <c r="I682" t="s">
        <v>30540</v>
      </c>
    </row>
    <row r="683" spans="1:9">
      <c r="A683" s="1">
        <v>0.51668316341662035</v>
      </c>
      <c r="B683" s="1"/>
      <c r="C683">
        <v>5</v>
      </c>
      <c r="D683" t="s">
        <v>8665</v>
      </c>
      <c r="E683" t="s">
        <v>31883</v>
      </c>
      <c r="F683">
        <v>3</v>
      </c>
      <c r="G683" t="s">
        <v>9</v>
      </c>
      <c r="H683" t="s">
        <v>8666</v>
      </c>
      <c r="I683" t="s">
        <v>30540</v>
      </c>
    </row>
    <row r="684" spans="1:9">
      <c r="A684" s="1">
        <v>0.58816185239735308</v>
      </c>
      <c r="B684" s="1"/>
      <c r="C684">
        <v>14</v>
      </c>
      <c r="D684" t="s">
        <v>8661</v>
      </c>
      <c r="E684" t="s">
        <v>31884</v>
      </c>
      <c r="F684">
        <v>1</v>
      </c>
      <c r="G684" t="s">
        <v>9</v>
      </c>
      <c r="H684" t="s">
        <v>8662</v>
      </c>
      <c r="I684" t="s">
        <v>30540</v>
      </c>
    </row>
    <row r="685" spans="1:9">
      <c r="A685" s="1">
        <v>6.5881881339986625E-2</v>
      </c>
      <c r="B685" s="1"/>
      <c r="C685">
        <v>1</v>
      </c>
      <c r="D685" t="s">
        <v>8655</v>
      </c>
      <c r="E685" t="s">
        <v>31885</v>
      </c>
      <c r="F685">
        <v>3</v>
      </c>
      <c r="G685" t="s">
        <v>0</v>
      </c>
      <c r="H685" t="s">
        <v>8656</v>
      </c>
      <c r="I685" t="s">
        <v>30540</v>
      </c>
    </row>
    <row r="686" spans="1:9">
      <c r="A686" s="1">
        <v>0.93627960859909565</v>
      </c>
      <c r="B686" s="1"/>
      <c r="C686">
        <v>18</v>
      </c>
      <c r="D686" t="s">
        <v>8651</v>
      </c>
      <c r="E686" t="s">
        <v>31886</v>
      </c>
      <c r="F686">
        <v>3</v>
      </c>
      <c r="G686" t="s">
        <v>0</v>
      </c>
      <c r="H686" t="s">
        <v>8652</v>
      </c>
      <c r="I686" t="s">
        <v>30540</v>
      </c>
    </row>
    <row r="687" spans="1:9">
      <c r="A687" s="1">
        <v>0.62625955609628392</v>
      </c>
      <c r="B687" s="1"/>
      <c r="C687">
        <v>7</v>
      </c>
      <c r="D687" t="s">
        <v>8636</v>
      </c>
      <c r="E687" t="s">
        <v>31888</v>
      </c>
      <c r="F687">
        <v>3</v>
      </c>
      <c r="G687" t="s">
        <v>0</v>
      </c>
      <c r="H687" t="s">
        <v>8637</v>
      </c>
      <c r="I687" t="s">
        <v>30540</v>
      </c>
    </row>
    <row r="688" spans="1:9">
      <c r="A688" s="1">
        <v>0.51642036964052274</v>
      </c>
      <c r="B688" s="1"/>
      <c r="C688">
        <v>16</v>
      </c>
      <c r="D688" t="s">
        <v>8638</v>
      </c>
      <c r="E688" t="s">
        <v>31888</v>
      </c>
      <c r="F688">
        <v>2</v>
      </c>
      <c r="G688" t="s">
        <v>10</v>
      </c>
      <c r="H688" t="s">
        <v>8639</v>
      </c>
      <c r="I688" t="s">
        <v>30540</v>
      </c>
    </row>
    <row r="689" spans="1:9">
      <c r="A689" s="1">
        <v>0.31652231466857916</v>
      </c>
      <c r="B689" s="1"/>
      <c r="C689">
        <v>1</v>
      </c>
      <c r="D689" t="s">
        <v>8624</v>
      </c>
      <c r="E689" t="s">
        <v>31889</v>
      </c>
      <c r="F689">
        <v>3</v>
      </c>
      <c r="G689" t="s">
        <v>15</v>
      </c>
      <c r="H689" t="s">
        <v>8625</v>
      </c>
      <c r="I689" t="s">
        <v>30540</v>
      </c>
    </row>
    <row r="690" spans="1:9">
      <c r="A690" s="1">
        <v>0.65803114278987174</v>
      </c>
      <c r="B690" s="1"/>
      <c r="C690">
        <v>12</v>
      </c>
      <c r="D690" t="s">
        <v>8618</v>
      </c>
      <c r="E690" t="s">
        <v>31890</v>
      </c>
      <c r="F690">
        <v>1</v>
      </c>
      <c r="G690" t="s">
        <v>769</v>
      </c>
      <c r="H690" t="s">
        <v>8619</v>
      </c>
      <c r="I690" t="s">
        <v>30540</v>
      </c>
    </row>
    <row r="691" spans="1:9">
      <c r="A691" s="1">
        <v>0.29089561629631111</v>
      </c>
      <c r="B691" s="1"/>
      <c r="C691">
        <v>19</v>
      </c>
      <c r="D691" t="s">
        <v>8616</v>
      </c>
      <c r="E691" t="s">
        <v>31891</v>
      </c>
      <c r="F691">
        <v>2</v>
      </c>
      <c r="G691" t="s">
        <v>15</v>
      </c>
      <c r="H691" t="s">
        <v>8617</v>
      </c>
      <c r="I691" t="s">
        <v>30540</v>
      </c>
    </row>
    <row r="692" spans="1:9">
      <c r="A692" s="1">
        <v>0.23900066887604698</v>
      </c>
      <c r="B692" s="1"/>
      <c r="C692">
        <v>16</v>
      </c>
      <c r="D692" t="s">
        <v>8614</v>
      </c>
      <c r="E692" t="s">
        <v>31891</v>
      </c>
      <c r="F692">
        <v>2</v>
      </c>
      <c r="G692" t="s">
        <v>0</v>
      </c>
      <c r="H692" t="s">
        <v>8615</v>
      </c>
      <c r="I692" t="s">
        <v>30540</v>
      </c>
    </row>
    <row r="693" spans="1:9">
      <c r="A693" s="1">
        <v>8.618903021004698E-2</v>
      </c>
      <c r="B693" s="1"/>
      <c r="C693">
        <v>12</v>
      </c>
      <c r="D693" t="s">
        <v>8600</v>
      </c>
      <c r="E693" t="s">
        <v>31892</v>
      </c>
      <c r="F693">
        <v>2</v>
      </c>
      <c r="G693" t="s">
        <v>771</v>
      </c>
      <c r="H693" t="s">
        <v>8601</v>
      </c>
      <c r="I693" t="s">
        <v>30540</v>
      </c>
    </row>
    <row r="694" spans="1:9">
      <c r="A694" s="1">
        <v>0.60678040238099262</v>
      </c>
      <c r="B694" s="1"/>
      <c r="C694">
        <v>13</v>
      </c>
      <c r="D694" t="s">
        <v>8602</v>
      </c>
      <c r="E694" t="s">
        <v>31892</v>
      </c>
      <c r="F694">
        <v>2</v>
      </c>
      <c r="G694" t="s">
        <v>0</v>
      </c>
      <c r="H694" t="s">
        <v>8603</v>
      </c>
      <c r="I694" t="s">
        <v>30540</v>
      </c>
    </row>
    <row r="695" spans="1:9">
      <c r="A695" s="1">
        <v>0.20630988977864884</v>
      </c>
      <c r="B695" s="1"/>
      <c r="C695">
        <v>7</v>
      </c>
      <c r="D695" t="s">
        <v>8588</v>
      </c>
      <c r="E695" t="s">
        <v>31894</v>
      </c>
      <c r="F695">
        <v>2</v>
      </c>
      <c r="G695" t="s">
        <v>10</v>
      </c>
      <c r="H695" t="s">
        <v>8589</v>
      </c>
      <c r="I695" t="s">
        <v>30540</v>
      </c>
    </row>
    <row r="696" spans="1:9">
      <c r="A696" s="1">
        <v>0.65710070742186266</v>
      </c>
      <c r="B696" s="1"/>
      <c r="C696">
        <v>6</v>
      </c>
      <c r="D696" t="s">
        <v>8574</v>
      </c>
      <c r="E696" t="s">
        <v>31896</v>
      </c>
      <c r="F696">
        <v>3</v>
      </c>
      <c r="G696" t="s">
        <v>10</v>
      </c>
      <c r="H696" t="s">
        <v>8575</v>
      </c>
      <c r="I696" t="s">
        <v>30540</v>
      </c>
    </row>
    <row r="697" spans="1:9">
      <c r="A697" s="1">
        <v>0.93389586152314985</v>
      </c>
      <c r="B697" s="1"/>
      <c r="C697">
        <v>14</v>
      </c>
      <c r="D697" t="s">
        <v>8578</v>
      </c>
      <c r="E697" t="s">
        <v>31896</v>
      </c>
      <c r="F697">
        <v>2</v>
      </c>
      <c r="G697" t="s">
        <v>0</v>
      </c>
      <c r="H697" t="s">
        <v>8579</v>
      </c>
      <c r="I697" t="s">
        <v>30540</v>
      </c>
    </row>
    <row r="698" spans="1:9">
      <c r="A698" s="1">
        <v>0.96027291217691368</v>
      </c>
      <c r="B698" s="1"/>
      <c r="C698">
        <v>17</v>
      </c>
      <c r="D698" t="s">
        <v>8570</v>
      </c>
      <c r="E698" t="s">
        <v>31897</v>
      </c>
      <c r="F698">
        <v>3</v>
      </c>
      <c r="G698" t="s">
        <v>0</v>
      </c>
      <c r="H698" t="s">
        <v>8571</v>
      </c>
      <c r="I698" t="s">
        <v>30540</v>
      </c>
    </row>
    <row r="699" spans="1:9">
      <c r="A699" s="1">
        <v>0.81715502507081517</v>
      </c>
      <c r="B699" s="1"/>
      <c r="C699">
        <v>12</v>
      </c>
      <c r="D699" t="s">
        <v>8546</v>
      </c>
      <c r="E699" t="s">
        <v>31898</v>
      </c>
      <c r="F699">
        <v>3</v>
      </c>
      <c r="G699" t="s">
        <v>2</v>
      </c>
      <c r="H699" t="s">
        <v>8547</v>
      </c>
      <c r="I699" t="s">
        <v>30540</v>
      </c>
    </row>
    <row r="700" spans="1:9">
      <c r="A700" s="1">
        <v>0.9773475270655283</v>
      </c>
      <c r="B700" s="1"/>
      <c r="C700">
        <v>2</v>
      </c>
      <c r="D700" t="s">
        <v>8540</v>
      </c>
      <c r="E700" t="s">
        <v>31898</v>
      </c>
      <c r="F700">
        <v>3</v>
      </c>
      <c r="G700" t="s">
        <v>2</v>
      </c>
      <c r="H700" t="s">
        <v>8541</v>
      </c>
      <c r="I700" t="s">
        <v>30540</v>
      </c>
    </row>
    <row r="701" spans="1:9">
      <c r="A701" s="1">
        <v>0.62192576287924473</v>
      </c>
      <c r="B701" s="1"/>
      <c r="C701">
        <v>18</v>
      </c>
      <c r="D701" t="s">
        <v>8550</v>
      </c>
      <c r="E701" t="s">
        <v>31898</v>
      </c>
      <c r="F701">
        <v>2</v>
      </c>
      <c r="G701" t="s">
        <v>2</v>
      </c>
      <c r="H701" t="s">
        <v>8551</v>
      </c>
      <c r="I701" t="s">
        <v>30540</v>
      </c>
    </row>
    <row r="702" spans="1:9">
      <c r="A702" s="1">
        <v>0.26211342057848197</v>
      </c>
      <c r="B702" s="1"/>
      <c r="C702">
        <v>19</v>
      </c>
      <c r="D702" t="s">
        <v>8552</v>
      </c>
      <c r="E702" t="s">
        <v>31898</v>
      </c>
      <c r="F702">
        <v>2</v>
      </c>
      <c r="G702" t="s">
        <v>2</v>
      </c>
      <c r="H702" t="s">
        <v>8553</v>
      </c>
      <c r="I702" t="s">
        <v>30540</v>
      </c>
    </row>
    <row r="703" spans="1:9">
      <c r="A703" s="1">
        <v>0.86791974574247788</v>
      </c>
      <c r="B703" s="1"/>
      <c r="C703">
        <v>15</v>
      </c>
      <c r="D703" t="s">
        <v>8548</v>
      </c>
      <c r="E703" t="s">
        <v>31898</v>
      </c>
      <c r="F703">
        <v>2</v>
      </c>
      <c r="G703" t="s">
        <v>1</v>
      </c>
      <c r="H703" t="s">
        <v>8549</v>
      </c>
      <c r="I703" t="s">
        <v>30540</v>
      </c>
    </row>
    <row r="704" spans="1:9">
      <c r="A704" s="1">
        <v>0.79403291304809787</v>
      </c>
      <c r="B704" s="1"/>
      <c r="C704">
        <v>8</v>
      </c>
      <c r="D704" t="s">
        <v>8534</v>
      </c>
      <c r="E704" t="s">
        <v>31899</v>
      </c>
      <c r="F704">
        <v>3</v>
      </c>
      <c r="G704" t="s">
        <v>0</v>
      </c>
      <c r="H704" t="s">
        <v>8535</v>
      </c>
      <c r="I704" t="s">
        <v>30540</v>
      </c>
    </row>
    <row r="705" spans="1:9">
      <c r="A705" s="1">
        <v>0.21802571965788686</v>
      </c>
      <c r="B705" s="1"/>
      <c r="C705">
        <v>15</v>
      </c>
      <c r="D705" t="s">
        <v>8506</v>
      </c>
      <c r="E705" t="s">
        <v>31902</v>
      </c>
      <c r="F705">
        <v>2</v>
      </c>
      <c r="G705" t="s">
        <v>2</v>
      </c>
      <c r="H705" t="s">
        <v>8507</v>
      </c>
      <c r="I705" t="s">
        <v>30540</v>
      </c>
    </row>
    <row r="706" spans="1:9">
      <c r="A706" s="1">
        <v>5.3847441327951162E-2</v>
      </c>
      <c r="B706" s="1"/>
      <c r="C706">
        <v>19</v>
      </c>
      <c r="D706" t="s">
        <v>8510</v>
      </c>
      <c r="E706" t="s">
        <v>31902</v>
      </c>
      <c r="F706">
        <v>2</v>
      </c>
      <c r="G706" t="s">
        <v>0</v>
      </c>
      <c r="H706" t="s">
        <v>8511</v>
      </c>
      <c r="I706" t="s">
        <v>30540</v>
      </c>
    </row>
    <row r="707" spans="1:9">
      <c r="A707" s="1">
        <v>0.81656634511138126</v>
      </c>
      <c r="B707" s="1"/>
      <c r="C707">
        <v>5</v>
      </c>
      <c r="D707" t="s">
        <v>8488</v>
      </c>
      <c r="E707" t="s">
        <v>31904</v>
      </c>
      <c r="F707">
        <v>2</v>
      </c>
      <c r="G707" t="s">
        <v>0</v>
      </c>
      <c r="H707" t="s">
        <v>8489</v>
      </c>
      <c r="I707" t="s">
        <v>30540</v>
      </c>
    </row>
    <row r="708" spans="1:9">
      <c r="A708" s="1">
        <v>0.49901593985595161</v>
      </c>
      <c r="B708" s="1"/>
      <c r="C708">
        <v>1</v>
      </c>
      <c r="D708" t="s">
        <v>8486</v>
      </c>
      <c r="E708" t="s">
        <v>31904</v>
      </c>
      <c r="F708">
        <v>1</v>
      </c>
      <c r="G708" t="s">
        <v>0</v>
      </c>
      <c r="H708" t="s">
        <v>8487</v>
      </c>
      <c r="I708" t="s">
        <v>30540</v>
      </c>
    </row>
    <row r="709" spans="1:9">
      <c r="A709" s="1">
        <v>0.44765601559705459</v>
      </c>
      <c r="B709" s="1"/>
      <c r="C709">
        <v>1</v>
      </c>
      <c r="D709" t="s">
        <v>8468</v>
      </c>
      <c r="E709" t="s">
        <v>31906</v>
      </c>
      <c r="F709">
        <v>3</v>
      </c>
      <c r="G709" t="s">
        <v>14</v>
      </c>
      <c r="H709" t="s">
        <v>8469</v>
      </c>
      <c r="I709" t="s">
        <v>30540</v>
      </c>
    </row>
    <row r="710" spans="1:9">
      <c r="A710" s="1">
        <v>0.70683273533592694</v>
      </c>
      <c r="B710" s="1"/>
      <c r="C710">
        <v>14</v>
      </c>
      <c r="D710" t="s">
        <v>8480</v>
      </c>
      <c r="E710" t="s">
        <v>31906</v>
      </c>
      <c r="F710">
        <v>2</v>
      </c>
      <c r="G710" t="s">
        <v>9</v>
      </c>
      <c r="H710" t="s">
        <v>8481</v>
      </c>
      <c r="I710" t="s">
        <v>30540</v>
      </c>
    </row>
    <row r="711" spans="1:9">
      <c r="A711" s="1">
        <v>0.63728908928707317</v>
      </c>
      <c r="B711" s="1"/>
      <c r="C711">
        <v>4</v>
      </c>
      <c r="D711" t="s">
        <v>8470</v>
      </c>
      <c r="E711" t="s">
        <v>31906</v>
      </c>
      <c r="F711">
        <v>2</v>
      </c>
      <c r="G711" t="s">
        <v>10</v>
      </c>
      <c r="H711" t="s">
        <v>8471</v>
      </c>
      <c r="I711" t="s">
        <v>30540</v>
      </c>
    </row>
    <row r="712" spans="1:9">
      <c r="A712" s="1">
        <v>0.93543395566867793</v>
      </c>
      <c r="B712" s="1"/>
      <c r="C712">
        <v>14</v>
      </c>
      <c r="D712" t="s">
        <v>8460</v>
      </c>
      <c r="E712" t="s">
        <v>31907</v>
      </c>
      <c r="F712">
        <v>2</v>
      </c>
      <c r="G712" t="s">
        <v>0</v>
      </c>
      <c r="H712" t="s">
        <v>8461</v>
      </c>
      <c r="I712" t="s">
        <v>30540</v>
      </c>
    </row>
    <row r="713" spans="1:9">
      <c r="A713" s="1">
        <v>0.5774251397586696</v>
      </c>
      <c r="B713" s="1"/>
      <c r="C713">
        <v>2</v>
      </c>
      <c r="D713" t="s">
        <v>8452</v>
      </c>
      <c r="E713" t="s">
        <v>31908</v>
      </c>
      <c r="F713">
        <v>2</v>
      </c>
      <c r="G713" t="s">
        <v>0</v>
      </c>
      <c r="H713" t="s">
        <v>8453</v>
      </c>
      <c r="I713" t="s">
        <v>30540</v>
      </c>
    </row>
    <row r="714" spans="1:9">
      <c r="A714" s="1">
        <v>0.58963426943260877</v>
      </c>
      <c r="B714" s="1"/>
      <c r="C714">
        <v>7</v>
      </c>
      <c r="D714" t="s">
        <v>8448</v>
      </c>
      <c r="E714" t="s">
        <v>31909</v>
      </c>
      <c r="F714">
        <v>3</v>
      </c>
      <c r="G714" t="s">
        <v>14</v>
      </c>
      <c r="H714" t="s">
        <v>8449</v>
      </c>
      <c r="I714" t="s">
        <v>30540</v>
      </c>
    </row>
    <row r="715" spans="1:9">
      <c r="A715" s="1">
        <v>0.27915638462636749</v>
      </c>
      <c r="B715" s="1"/>
      <c r="C715">
        <v>6</v>
      </c>
      <c r="D715" t="s">
        <v>8400</v>
      </c>
      <c r="E715" t="s">
        <v>31914</v>
      </c>
      <c r="F715">
        <v>2</v>
      </c>
      <c r="G715" t="s">
        <v>0</v>
      </c>
      <c r="H715" t="s">
        <v>8401</v>
      </c>
      <c r="I715" t="s">
        <v>30540</v>
      </c>
    </row>
    <row r="716" spans="1:9">
      <c r="A716" s="1">
        <v>0.4686125309997321</v>
      </c>
      <c r="B716" s="1"/>
      <c r="C716">
        <v>18</v>
      </c>
      <c r="D716" t="s">
        <v>8402</v>
      </c>
      <c r="E716" t="s">
        <v>31914</v>
      </c>
      <c r="F716">
        <v>1</v>
      </c>
      <c r="G716" t="s">
        <v>0</v>
      </c>
      <c r="H716" t="s">
        <v>8403</v>
      </c>
      <c r="I716" t="s">
        <v>30540</v>
      </c>
    </row>
    <row r="717" spans="1:9">
      <c r="A717" s="1">
        <v>0.53504243474432722</v>
      </c>
      <c r="B717" s="1"/>
      <c r="C717">
        <v>18</v>
      </c>
      <c r="D717" t="s">
        <v>8398</v>
      </c>
      <c r="E717" t="s">
        <v>31915</v>
      </c>
      <c r="F717">
        <v>2</v>
      </c>
      <c r="G717" t="s">
        <v>0</v>
      </c>
      <c r="H717" t="s">
        <v>8399</v>
      </c>
      <c r="I717" t="s">
        <v>30540</v>
      </c>
    </row>
    <row r="718" spans="1:9">
      <c r="A718" s="1">
        <v>0.85563856902638946</v>
      </c>
      <c r="B718" s="1"/>
      <c r="C718">
        <v>5</v>
      </c>
      <c r="D718" t="s">
        <v>8376</v>
      </c>
      <c r="E718" t="s">
        <v>31916</v>
      </c>
      <c r="F718">
        <v>2</v>
      </c>
      <c r="G718" t="s">
        <v>765</v>
      </c>
      <c r="H718" t="s">
        <v>8377</v>
      </c>
      <c r="I718" t="s">
        <v>30540</v>
      </c>
    </row>
    <row r="719" spans="1:9">
      <c r="A719" s="1">
        <v>0.22907023112390668</v>
      </c>
      <c r="B719" s="1"/>
      <c r="C719">
        <v>14</v>
      </c>
      <c r="D719" t="s">
        <v>8372</v>
      </c>
      <c r="E719" t="s">
        <v>31917</v>
      </c>
      <c r="F719">
        <v>2</v>
      </c>
      <c r="G719" t="s">
        <v>0</v>
      </c>
      <c r="H719" t="s">
        <v>8373</v>
      </c>
      <c r="I719" t="s">
        <v>30540</v>
      </c>
    </row>
    <row r="720" spans="1:9">
      <c r="A720" s="1">
        <v>0.45185296278924159</v>
      </c>
      <c r="B720" s="1"/>
      <c r="C720">
        <v>15</v>
      </c>
      <c r="D720" t="s">
        <v>8374</v>
      </c>
      <c r="E720" t="s">
        <v>31917</v>
      </c>
      <c r="F720">
        <v>2</v>
      </c>
      <c r="G720" t="s">
        <v>0</v>
      </c>
      <c r="H720" t="s">
        <v>8375</v>
      </c>
      <c r="I720" t="s">
        <v>30540</v>
      </c>
    </row>
    <row r="721" spans="1:9">
      <c r="A721" s="1">
        <v>0.25423822958507658</v>
      </c>
      <c r="B721" s="1"/>
      <c r="C721">
        <v>7</v>
      </c>
      <c r="D721" t="s">
        <v>8348</v>
      </c>
      <c r="E721" t="s">
        <v>31921</v>
      </c>
      <c r="F721">
        <v>2</v>
      </c>
      <c r="G721" t="s">
        <v>0</v>
      </c>
      <c r="H721" t="s">
        <v>8349</v>
      </c>
      <c r="I721" t="s">
        <v>30540</v>
      </c>
    </row>
    <row r="722" spans="1:9">
      <c r="A722" s="1">
        <v>0.92174113871556218</v>
      </c>
      <c r="B722" s="1"/>
      <c r="C722">
        <v>12</v>
      </c>
      <c r="D722" t="s">
        <v>8346</v>
      </c>
      <c r="E722" t="s">
        <v>31922</v>
      </c>
      <c r="F722">
        <v>2</v>
      </c>
      <c r="G722" t="s">
        <v>774</v>
      </c>
      <c r="H722" t="s">
        <v>8347</v>
      </c>
      <c r="I722" t="s">
        <v>30540</v>
      </c>
    </row>
    <row r="723" spans="1:9">
      <c r="A723" s="1">
        <v>0.56440319952930929</v>
      </c>
      <c r="B723" s="1"/>
      <c r="C723">
        <v>9</v>
      </c>
      <c r="D723" t="s">
        <v>8342</v>
      </c>
      <c r="E723" t="s">
        <v>31922</v>
      </c>
      <c r="F723">
        <v>2</v>
      </c>
      <c r="G723" t="s">
        <v>765</v>
      </c>
      <c r="H723" t="s">
        <v>8343</v>
      </c>
      <c r="I723" t="s">
        <v>30540</v>
      </c>
    </row>
    <row r="724" spans="1:9">
      <c r="A724" s="1">
        <v>0.97655475426922755</v>
      </c>
      <c r="B724" s="1"/>
      <c r="C724">
        <v>1</v>
      </c>
      <c r="D724" t="s">
        <v>8336</v>
      </c>
      <c r="E724" t="s">
        <v>31923</v>
      </c>
      <c r="F724">
        <v>3</v>
      </c>
      <c r="G724" t="s">
        <v>15</v>
      </c>
      <c r="H724" t="s">
        <v>8337</v>
      </c>
      <c r="I724" t="s">
        <v>30540</v>
      </c>
    </row>
    <row r="725" spans="1:9">
      <c r="A725" s="1">
        <v>0.91308319144495564</v>
      </c>
      <c r="B725" s="1"/>
      <c r="C725">
        <v>3</v>
      </c>
      <c r="D725" t="s">
        <v>8328</v>
      </c>
      <c r="E725" t="s">
        <v>31924</v>
      </c>
      <c r="F725">
        <v>3</v>
      </c>
      <c r="G725" t="s">
        <v>0</v>
      </c>
      <c r="H725" t="s">
        <v>8329</v>
      </c>
      <c r="I725" t="s">
        <v>30540</v>
      </c>
    </row>
    <row r="726" spans="1:9">
      <c r="A726" s="1">
        <v>0.63766118721891374</v>
      </c>
      <c r="B726" s="1"/>
      <c r="C726">
        <v>6</v>
      </c>
      <c r="D726" t="s">
        <v>8324</v>
      </c>
      <c r="E726" t="s">
        <v>31925</v>
      </c>
      <c r="F726">
        <v>2</v>
      </c>
      <c r="G726" t="s">
        <v>0</v>
      </c>
      <c r="H726" t="s">
        <v>8325</v>
      </c>
      <c r="I726" t="s">
        <v>30540</v>
      </c>
    </row>
    <row r="727" spans="1:9">
      <c r="A727" s="1">
        <v>1.8568717368921073E-2</v>
      </c>
      <c r="B727" s="1"/>
      <c r="C727">
        <v>20</v>
      </c>
      <c r="D727" t="s">
        <v>8320</v>
      </c>
      <c r="E727" t="s">
        <v>31926</v>
      </c>
      <c r="F727">
        <v>3</v>
      </c>
      <c r="G727" t="s">
        <v>10</v>
      </c>
      <c r="H727" t="s">
        <v>8321</v>
      </c>
      <c r="I727" t="s">
        <v>30540</v>
      </c>
    </row>
    <row r="728" spans="1:9">
      <c r="A728" s="1">
        <v>0.97127585104798542</v>
      </c>
      <c r="B728" s="1"/>
      <c r="C728">
        <v>13</v>
      </c>
      <c r="D728" t="s">
        <v>8290</v>
      </c>
      <c r="E728" t="s">
        <v>31929</v>
      </c>
      <c r="F728">
        <v>2</v>
      </c>
      <c r="G728" t="s">
        <v>0</v>
      </c>
      <c r="H728" t="s">
        <v>8291</v>
      </c>
      <c r="I728" t="s">
        <v>30540</v>
      </c>
    </row>
    <row r="729" spans="1:9">
      <c r="A729" s="1">
        <v>0.37369685295726041</v>
      </c>
      <c r="B729" s="1"/>
      <c r="C729">
        <v>7</v>
      </c>
      <c r="D729" t="s">
        <v>8284</v>
      </c>
      <c r="E729" t="s">
        <v>31929</v>
      </c>
      <c r="F729">
        <v>2</v>
      </c>
      <c r="G729" t="s">
        <v>0</v>
      </c>
      <c r="H729" t="s">
        <v>8285</v>
      </c>
      <c r="I729" t="s">
        <v>30540</v>
      </c>
    </row>
    <row r="730" spans="1:9">
      <c r="A730" s="1">
        <v>4.5936762872035963E-2</v>
      </c>
      <c r="B730" s="1"/>
      <c r="C730">
        <v>19</v>
      </c>
      <c r="D730" t="s">
        <v>8280</v>
      </c>
      <c r="E730" t="s">
        <v>31930</v>
      </c>
      <c r="F730">
        <v>3</v>
      </c>
      <c r="G730" t="s">
        <v>0</v>
      </c>
      <c r="H730" t="s">
        <v>8281</v>
      </c>
      <c r="I730" t="s">
        <v>30540</v>
      </c>
    </row>
    <row r="731" spans="1:9">
      <c r="A731" s="1">
        <v>6.9340289420279255E-2</v>
      </c>
      <c r="B731" s="1"/>
      <c r="C731">
        <v>14</v>
      </c>
      <c r="D731" t="s">
        <v>8274</v>
      </c>
      <c r="E731" t="s">
        <v>31931</v>
      </c>
      <c r="F731">
        <v>3</v>
      </c>
      <c r="G731" t="s">
        <v>769</v>
      </c>
      <c r="H731" t="s">
        <v>8275</v>
      </c>
      <c r="I731" t="s">
        <v>30540</v>
      </c>
    </row>
    <row r="732" spans="1:9">
      <c r="A732" s="1">
        <v>0.64415235413619443</v>
      </c>
      <c r="B732" s="1"/>
      <c r="C732">
        <v>19</v>
      </c>
      <c r="D732" t="s">
        <v>8254</v>
      </c>
      <c r="E732" t="s">
        <v>31933</v>
      </c>
      <c r="F732">
        <v>3</v>
      </c>
      <c r="G732" t="s">
        <v>0</v>
      </c>
      <c r="H732" t="s">
        <v>8255</v>
      </c>
      <c r="I732" t="s">
        <v>30540</v>
      </c>
    </row>
    <row r="733" spans="1:9">
      <c r="A733" s="1">
        <v>4.4568991120055412E-2</v>
      </c>
      <c r="B733" s="1"/>
      <c r="C733">
        <v>9</v>
      </c>
      <c r="D733" t="s">
        <v>8248</v>
      </c>
      <c r="E733" t="s">
        <v>31933</v>
      </c>
      <c r="F733">
        <v>3</v>
      </c>
      <c r="G733" t="s">
        <v>1295</v>
      </c>
      <c r="H733" t="s">
        <v>8249</v>
      </c>
      <c r="I733" t="s">
        <v>30540</v>
      </c>
    </row>
    <row r="734" spans="1:9">
      <c r="A734" s="1">
        <v>0.75538697905781782</v>
      </c>
      <c r="B734" s="1"/>
      <c r="C734">
        <v>11</v>
      </c>
      <c r="D734" t="s">
        <v>8250</v>
      </c>
      <c r="E734" t="s">
        <v>31933</v>
      </c>
      <c r="F734">
        <v>2</v>
      </c>
      <c r="G734" t="s">
        <v>9</v>
      </c>
      <c r="H734" t="s">
        <v>8251</v>
      </c>
      <c r="I734" t="s">
        <v>30540</v>
      </c>
    </row>
    <row r="735" spans="1:9">
      <c r="A735" s="1">
        <v>0.24261566523889266</v>
      </c>
      <c r="B735" s="1"/>
      <c r="C735">
        <v>12</v>
      </c>
      <c r="D735" t="s">
        <v>8242</v>
      </c>
      <c r="E735" t="s">
        <v>31934</v>
      </c>
      <c r="F735">
        <v>2</v>
      </c>
      <c r="G735" t="s">
        <v>0</v>
      </c>
      <c r="H735" t="s">
        <v>8243</v>
      </c>
      <c r="I735" t="s">
        <v>30540</v>
      </c>
    </row>
    <row r="736" spans="1:9">
      <c r="A736" s="1">
        <v>0.96391402653423552</v>
      </c>
      <c r="B736" s="1"/>
      <c r="C736">
        <v>10</v>
      </c>
      <c r="D736" t="s">
        <v>8238</v>
      </c>
      <c r="E736" t="s">
        <v>31934</v>
      </c>
      <c r="F736">
        <v>1</v>
      </c>
      <c r="G736" t="s">
        <v>15</v>
      </c>
      <c r="H736" t="s">
        <v>8239</v>
      </c>
      <c r="I736" t="s">
        <v>30540</v>
      </c>
    </row>
    <row r="737" spans="1:9">
      <c r="A737" s="1">
        <v>0.23190084770735575</v>
      </c>
      <c r="B737" s="1"/>
      <c r="C737">
        <v>6</v>
      </c>
      <c r="D737" t="s">
        <v>8220</v>
      </c>
      <c r="E737" t="s">
        <v>31935</v>
      </c>
      <c r="F737">
        <v>3</v>
      </c>
      <c r="G737" t="s">
        <v>15</v>
      </c>
      <c r="H737" t="s">
        <v>8221</v>
      </c>
      <c r="I737" t="s">
        <v>30540</v>
      </c>
    </row>
    <row r="738" spans="1:9">
      <c r="A738" s="1">
        <v>0.94838963674254273</v>
      </c>
      <c r="B738" s="1"/>
      <c r="C738">
        <v>13</v>
      </c>
      <c r="D738" t="s">
        <v>8224</v>
      </c>
      <c r="E738" t="s">
        <v>31935</v>
      </c>
      <c r="F738">
        <v>2</v>
      </c>
      <c r="G738" t="s">
        <v>0</v>
      </c>
      <c r="H738" t="s">
        <v>8225</v>
      </c>
      <c r="I738" t="s">
        <v>30540</v>
      </c>
    </row>
    <row r="739" spans="1:9">
      <c r="A739" s="1">
        <v>0.95013044649134293</v>
      </c>
      <c r="B739" s="1"/>
      <c r="C739">
        <v>14</v>
      </c>
      <c r="D739" t="s">
        <v>8226</v>
      </c>
      <c r="E739" t="s">
        <v>31935</v>
      </c>
      <c r="F739">
        <v>2</v>
      </c>
      <c r="G739" t="s">
        <v>0</v>
      </c>
      <c r="H739" t="s">
        <v>8227</v>
      </c>
      <c r="I739" t="s">
        <v>30540</v>
      </c>
    </row>
    <row r="740" spans="1:9">
      <c r="A740" s="1">
        <v>0.41368707570849261</v>
      </c>
      <c r="B740" s="1"/>
      <c r="C740">
        <v>3</v>
      </c>
      <c r="D740" t="s">
        <v>8210</v>
      </c>
      <c r="E740" t="s">
        <v>31936</v>
      </c>
      <c r="F740">
        <v>2</v>
      </c>
      <c r="G740" t="s">
        <v>1</v>
      </c>
      <c r="H740" t="s">
        <v>8211</v>
      </c>
      <c r="I740" t="s">
        <v>30540</v>
      </c>
    </row>
    <row r="741" spans="1:9">
      <c r="A741" s="1">
        <v>5.4858796870358995E-2</v>
      </c>
      <c r="B741" s="1"/>
      <c r="C741">
        <v>19</v>
      </c>
      <c r="D741" t="s">
        <v>8216</v>
      </c>
      <c r="E741" t="s">
        <v>31936</v>
      </c>
      <c r="F741">
        <v>2</v>
      </c>
      <c r="G741" t="s">
        <v>10</v>
      </c>
      <c r="H741" t="s">
        <v>8217</v>
      </c>
      <c r="I741" t="s">
        <v>30540</v>
      </c>
    </row>
    <row r="742" spans="1:9">
      <c r="A742" s="1">
        <v>0.82010489557895561</v>
      </c>
      <c r="B742" s="1"/>
      <c r="C742">
        <v>17</v>
      </c>
      <c r="D742" t="s">
        <v>8208</v>
      </c>
      <c r="E742" t="s">
        <v>31937</v>
      </c>
      <c r="F742">
        <v>2</v>
      </c>
      <c r="G742" t="s">
        <v>15</v>
      </c>
      <c r="H742" t="s">
        <v>8209</v>
      </c>
      <c r="I742" t="s">
        <v>30540</v>
      </c>
    </row>
    <row r="743" spans="1:9">
      <c r="A743" s="1">
        <v>0.45282588042299632</v>
      </c>
      <c r="B743" s="1"/>
      <c r="C743">
        <v>8</v>
      </c>
      <c r="D743" t="s">
        <v>8196</v>
      </c>
      <c r="E743" t="s">
        <v>31938</v>
      </c>
      <c r="F743">
        <v>2</v>
      </c>
      <c r="G743" t="s">
        <v>0</v>
      </c>
      <c r="H743" t="s">
        <v>8197</v>
      </c>
      <c r="I743" t="s">
        <v>30540</v>
      </c>
    </row>
    <row r="744" spans="1:9">
      <c r="A744" s="1">
        <v>0.79026968567801947</v>
      </c>
      <c r="B744" s="1"/>
      <c r="C744">
        <v>16</v>
      </c>
      <c r="D744" t="s">
        <v>8192</v>
      </c>
      <c r="E744" t="s">
        <v>31939</v>
      </c>
      <c r="F744">
        <v>3</v>
      </c>
      <c r="G744" t="s">
        <v>0</v>
      </c>
      <c r="H744" t="s">
        <v>8193</v>
      </c>
      <c r="I744" t="s">
        <v>30540</v>
      </c>
    </row>
    <row r="745" spans="1:9">
      <c r="A745" s="1">
        <v>7.0154263109017845E-2</v>
      </c>
      <c r="B745" s="1"/>
      <c r="C745">
        <v>20</v>
      </c>
      <c r="D745" t="s">
        <v>8182</v>
      </c>
      <c r="E745" t="s">
        <v>31940</v>
      </c>
      <c r="F745">
        <v>2</v>
      </c>
      <c r="G745" t="s">
        <v>0</v>
      </c>
      <c r="H745" t="s">
        <v>8183</v>
      </c>
      <c r="I745" t="s">
        <v>30540</v>
      </c>
    </row>
    <row r="746" spans="1:9">
      <c r="A746" s="1">
        <v>0.88584871296142964</v>
      </c>
      <c r="B746" s="1"/>
      <c r="C746">
        <v>16</v>
      </c>
      <c r="D746" t="s">
        <v>8178</v>
      </c>
      <c r="E746" t="s">
        <v>31940</v>
      </c>
      <c r="F746">
        <v>2</v>
      </c>
      <c r="G746" t="s">
        <v>0</v>
      </c>
      <c r="H746" t="s">
        <v>8179</v>
      </c>
      <c r="I746" t="s">
        <v>30540</v>
      </c>
    </row>
    <row r="747" spans="1:9">
      <c r="A747" s="1">
        <v>0.36692136046030277</v>
      </c>
      <c r="B747" s="1"/>
      <c r="C747">
        <v>19</v>
      </c>
      <c r="D747" t="s">
        <v>8174</v>
      </c>
      <c r="E747" t="s">
        <v>31941</v>
      </c>
      <c r="F747">
        <v>3</v>
      </c>
      <c r="G747" t="s">
        <v>762</v>
      </c>
      <c r="H747" t="s">
        <v>8175</v>
      </c>
      <c r="I747" t="s">
        <v>30540</v>
      </c>
    </row>
    <row r="748" spans="1:9">
      <c r="A748" s="1">
        <v>5.8770722793509034E-2</v>
      </c>
      <c r="B748" s="1"/>
      <c r="C748">
        <v>12</v>
      </c>
      <c r="D748" t="s">
        <v>8168</v>
      </c>
      <c r="E748" t="s">
        <v>31942</v>
      </c>
      <c r="F748">
        <v>3</v>
      </c>
      <c r="G748" t="s">
        <v>10</v>
      </c>
      <c r="H748" t="s">
        <v>8169</v>
      </c>
      <c r="I748" t="s">
        <v>30540</v>
      </c>
    </row>
    <row r="749" spans="1:9">
      <c r="A749" s="1">
        <v>0.46239176504942991</v>
      </c>
      <c r="B749" s="1"/>
      <c r="C749">
        <v>9</v>
      </c>
      <c r="D749" t="s">
        <v>8166</v>
      </c>
      <c r="E749" t="s">
        <v>31942</v>
      </c>
      <c r="F749">
        <v>2</v>
      </c>
      <c r="G749" t="s">
        <v>2</v>
      </c>
      <c r="H749" t="s">
        <v>8167</v>
      </c>
      <c r="I749" t="s">
        <v>30540</v>
      </c>
    </row>
    <row r="750" spans="1:9">
      <c r="A750" s="1">
        <v>0.25425145600912558</v>
      </c>
      <c r="B750" s="1"/>
      <c r="C750">
        <v>8</v>
      </c>
      <c r="D750" t="s">
        <v>8164</v>
      </c>
      <c r="E750" t="s">
        <v>31942</v>
      </c>
      <c r="F750">
        <v>1</v>
      </c>
      <c r="G750" t="s">
        <v>0</v>
      </c>
      <c r="H750" t="s">
        <v>8165</v>
      </c>
      <c r="I750" t="s">
        <v>30540</v>
      </c>
    </row>
    <row r="751" spans="1:9">
      <c r="A751" s="1">
        <v>0.78461857120822753</v>
      </c>
      <c r="B751" s="1"/>
      <c r="C751">
        <v>3</v>
      </c>
      <c r="D751" t="s">
        <v>8152</v>
      </c>
      <c r="E751" t="s">
        <v>31943</v>
      </c>
      <c r="F751">
        <v>3</v>
      </c>
      <c r="G751" t="s">
        <v>774</v>
      </c>
      <c r="H751" t="s">
        <v>8153</v>
      </c>
      <c r="I751" t="s">
        <v>30540</v>
      </c>
    </row>
    <row r="752" spans="1:9">
      <c r="A752" s="1">
        <v>0.17790717005578427</v>
      </c>
      <c r="B752" s="1"/>
      <c r="C752">
        <v>4</v>
      </c>
      <c r="D752" t="s">
        <v>8154</v>
      </c>
      <c r="E752" t="s">
        <v>31943</v>
      </c>
      <c r="F752">
        <v>2</v>
      </c>
      <c r="G752" t="s">
        <v>14</v>
      </c>
      <c r="H752" t="s">
        <v>8155</v>
      </c>
      <c r="I752" t="s">
        <v>30540</v>
      </c>
    </row>
    <row r="753" spans="1:9">
      <c r="A753" s="1">
        <v>0.18470052561710315</v>
      </c>
      <c r="B753" s="1"/>
      <c r="C753">
        <v>17</v>
      </c>
      <c r="D753" t="s">
        <v>8150</v>
      </c>
      <c r="E753" t="s">
        <v>31944</v>
      </c>
      <c r="F753">
        <v>1</v>
      </c>
      <c r="G753" t="s">
        <v>0</v>
      </c>
      <c r="H753" t="s">
        <v>8151</v>
      </c>
      <c r="I753" t="s">
        <v>30540</v>
      </c>
    </row>
    <row r="754" spans="1:9">
      <c r="A754" s="1">
        <v>0.70257297119552153</v>
      </c>
      <c r="B754" s="1"/>
      <c r="C754">
        <v>15</v>
      </c>
      <c r="D754" t="s">
        <v>8140</v>
      </c>
      <c r="E754" t="s">
        <v>31945</v>
      </c>
      <c r="F754">
        <v>2</v>
      </c>
      <c r="G754" t="s">
        <v>0</v>
      </c>
      <c r="H754" t="s">
        <v>8141</v>
      </c>
      <c r="I754" t="s">
        <v>30540</v>
      </c>
    </row>
    <row r="755" spans="1:9">
      <c r="A755" s="1">
        <v>0.42898839818268031</v>
      </c>
      <c r="B755" s="1"/>
      <c r="C755">
        <v>3</v>
      </c>
      <c r="D755" t="s">
        <v>8124</v>
      </c>
      <c r="E755" t="s">
        <v>31946</v>
      </c>
      <c r="F755">
        <v>3</v>
      </c>
      <c r="G755" t="s">
        <v>762</v>
      </c>
      <c r="H755" t="s">
        <v>8125</v>
      </c>
      <c r="I755" t="s">
        <v>30540</v>
      </c>
    </row>
    <row r="756" spans="1:9">
      <c r="A756" s="1">
        <v>0.18859397753495</v>
      </c>
      <c r="B756" s="1"/>
      <c r="C756">
        <v>7</v>
      </c>
      <c r="D756" t="s">
        <v>8114</v>
      </c>
      <c r="E756" t="s">
        <v>31947</v>
      </c>
      <c r="F756">
        <v>3</v>
      </c>
      <c r="G756" t="s">
        <v>2</v>
      </c>
      <c r="H756" t="s">
        <v>8115</v>
      </c>
      <c r="I756" t="s">
        <v>30540</v>
      </c>
    </row>
    <row r="757" spans="1:9">
      <c r="A757" s="1">
        <v>0.39622311217614437</v>
      </c>
      <c r="B757" s="1"/>
      <c r="C757">
        <v>11</v>
      </c>
      <c r="D757" t="s">
        <v>8120</v>
      </c>
      <c r="E757" t="s">
        <v>31947</v>
      </c>
      <c r="F757">
        <v>2</v>
      </c>
      <c r="G757" t="s">
        <v>0</v>
      </c>
      <c r="H757" t="s">
        <v>8121</v>
      </c>
      <c r="I757" t="s">
        <v>30540</v>
      </c>
    </row>
    <row r="758" spans="1:9">
      <c r="A758" s="1">
        <v>0.86022149867081055</v>
      </c>
      <c r="B758" s="1"/>
      <c r="C758">
        <v>15</v>
      </c>
      <c r="D758" t="s">
        <v>8122</v>
      </c>
      <c r="E758" t="s">
        <v>31947</v>
      </c>
      <c r="F758">
        <v>2</v>
      </c>
      <c r="G758" t="s">
        <v>0</v>
      </c>
      <c r="H758" t="s">
        <v>8123</v>
      </c>
      <c r="I758" t="s">
        <v>30540</v>
      </c>
    </row>
    <row r="759" spans="1:9">
      <c r="A759" s="1">
        <v>0.47354907783010158</v>
      </c>
      <c r="B759" s="1"/>
      <c r="C759">
        <v>1</v>
      </c>
      <c r="D759" t="s">
        <v>8102</v>
      </c>
      <c r="E759" t="s">
        <v>31949</v>
      </c>
      <c r="F759">
        <v>3</v>
      </c>
      <c r="G759" t="s">
        <v>0</v>
      </c>
      <c r="H759" t="s">
        <v>8103</v>
      </c>
      <c r="I759" t="s">
        <v>30540</v>
      </c>
    </row>
    <row r="760" spans="1:9">
      <c r="A760" s="1">
        <v>0.36794026032681304</v>
      </c>
      <c r="B760" s="1"/>
      <c r="C760">
        <v>1</v>
      </c>
      <c r="D760" t="s">
        <v>8090</v>
      </c>
      <c r="E760" t="s">
        <v>31950</v>
      </c>
      <c r="F760">
        <v>2</v>
      </c>
      <c r="G760" t="s">
        <v>14</v>
      </c>
      <c r="H760" t="s">
        <v>8091</v>
      </c>
      <c r="I760" t="s">
        <v>30540</v>
      </c>
    </row>
    <row r="761" spans="1:9">
      <c r="A761" s="1">
        <v>0.32468603951278663</v>
      </c>
      <c r="B761" s="1"/>
      <c r="C761">
        <v>15</v>
      </c>
      <c r="D761" t="s">
        <v>8080</v>
      </c>
      <c r="E761" t="s">
        <v>31952</v>
      </c>
      <c r="F761">
        <v>3</v>
      </c>
      <c r="G761" t="s">
        <v>771</v>
      </c>
      <c r="H761" t="s">
        <v>8081</v>
      </c>
      <c r="I761" t="s">
        <v>30540</v>
      </c>
    </row>
    <row r="762" spans="1:9">
      <c r="A762" s="1">
        <v>0.53131051379956962</v>
      </c>
      <c r="B762" s="1"/>
      <c r="C762">
        <v>9</v>
      </c>
      <c r="D762" t="s">
        <v>8076</v>
      </c>
      <c r="E762" t="s">
        <v>31952</v>
      </c>
      <c r="F762">
        <v>2</v>
      </c>
      <c r="G762" t="s">
        <v>0</v>
      </c>
      <c r="H762" t="s">
        <v>8077</v>
      </c>
      <c r="I762" t="s">
        <v>30540</v>
      </c>
    </row>
    <row r="763" spans="1:9">
      <c r="A763" s="1">
        <v>0.13084238631481726</v>
      </c>
      <c r="B763" s="1"/>
      <c r="C763">
        <v>14</v>
      </c>
      <c r="D763" t="s">
        <v>8078</v>
      </c>
      <c r="E763" t="s">
        <v>31952</v>
      </c>
      <c r="F763">
        <v>2</v>
      </c>
      <c r="G763" t="s">
        <v>9</v>
      </c>
      <c r="H763" t="s">
        <v>8079</v>
      </c>
      <c r="I763" t="s">
        <v>30540</v>
      </c>
    </row>
    <row r="764" spans="1:9">
      <c r="A764" s="1">
        <v>0.32580631056816767</v>
      </c>
      <c r="B764" s="1"/>
      <c r="C764">
        <v>8</v>
      </c>
      <c r="D764" t="s">
        <v>8050</v>
      </c>
      <c r="E764" t="s">
        <v>31955</v>
      </c>
      <c r="F764">
        <v>3</v>
      </c>
      <c r="G764" t="s">
        <v>0</v>
      </c>
      <c r="H764" t="s">
        <v>8051</v>
      </c>
      <c r="I764" t="s">
        <v>30540</v>
      </c>
    </row>
    <row r="765" spans="1:9">
      <c r="A765" s="1">
        <v>0.69022824078766376</v>
      </c>
      <c r="B765" s="1"/>
      <c r="C765">
        <v>7</v>
      </c>
      <c r="D765" t="s">
        <v>8048</v>
      </c>
      <c r="E765" t="s">
        <v>31956</v>
      </c>
      <c r="F765">
        <v>3</v>
      </c>
      <c r="G765" t="s">
        <v>15</v>
      </c>
      <c r="H765" t="s">
        <v>8049</v>
      </c>
      <c r="I765" t="s">
        <v>30540</v>
      </c>
    </row>
    <row r="766" spans="1:9">
      <c r="A766" s="1">
        <v>0.85200396107548448</v>
      </c>
      <c r="B766" s="1"/>
      <c r="C766">
        <v>13</v>
      </c>
      <c r="D766" t="s">
        <v>8038</v>
      </c>
      <c r="E766" t="s">
        <v>31958</v>
      </c>
      <c r="F766">
        <v>3</v>
      </c>
      <c r="G766" t="s">
        <v>15</v>
      </c>
      <c r="H766" t="s">
        <v>8039</v>
      </c>
      <c r="I766" t="s">
        <v>30540</v>
      </c>
    </row>
    <row r="767" spans="1:9">
      <c r="A767" s="1">
        <v>0.94157391321240524</v>
      </c>
      <c r="B767" s="1"/>
      <c r="C767">
        <v>4</v>
      </c>
      <c r="D767" t="s">
        <v>7998</v>
      </c>
      <c r="E767" t="s">
        <v>31963</v>
      </c>
      <c r="F767">
        <v>2</v>
      </c>
      <c r="G767" t="s">
        <v>1</v>
      </c>
      <c r="H767" t="s">
        <v>7999</v>
      </c>
      <c r="I767" t="s">
        <v>30540</v>
      </c>
    </row>
    <row r="768" spans="1:9">
      <c r="A768" s="1">
        <v>0.13761466284876211</v>
      </c>
      <c r="B768" s="1"/>
      <c r="C768">
        <v>17</v>
      </c>
      <c r="D768" t="s">
        <v>7994</v>
      </c>
      <c r="E768" t="s">
        <v>31964</v>
      </c>
      <c r="F768">
        <v>3</v>
      </c>
      <c r="G768" t="s">
        <v>0</v>
      </c>
      <c r="H768" t="s">
        <v>7995</v>
      </c>
      <c r="I768" t="s">
        <v>30540</v>
      </c>
    </row>
    <row r="769" spans="1:9">
      <c r="A769" s="1">
        <v>0.63266143614594939</v>
      </c>
      <c r="B769" s="1"/>
      <c r="C769">
        <v>14</v>
      </c>
      <c r="D769" t="s">
        <v>7984</v>
      </c>
      <c r="E769" t="s">
        <v>31966</v>
      </c>
      <c r="F769">
        <v>3</v>
      </c>
      <c r="G769" t="s">
        <v>0</v>
      </c>
      <c r="H769" t="s">
        <v>7985</v>
      </c>
      <c r="I769" t="s">
        <v>30540</v>
      </c>
    </row>
    <row r="770" spans="1:9">
      <c r="A770" s="1">
        <v>0.63666332496358047</v>
      </c>
      <c r="B770" s="1"/>
      <c r="C770">
        <v>7</v>
      </c>
      <c r="D770" t="s">
        <v>7980</v>
      </c>
      <c r="E770" t="s">
        <v>31966</v>
      </c>
      <c r="F770">
        <v>2</v>
      </c>
      <c r="G770" t="s">
        <v>0</v>
      </c>
      <c r="H770" t="s">
        <v>7981</v>
      </c>
      <c r="I770" t="s">
        <v>30540</v>
      </c>
    </row>
    <row r="771" spans="1:9">
      <c r="A771" s="1">
        <v>0.60404336673015457</v>
      </c>
      <c r="B771" s="1"/>
      <c r="C771">
        <v>10</v>
      </c>
      <c r="D771" t="s">
        <v>7974</v>
      </c>
      <c r="E771" t="s">
        <v>31967</v>
      </c>
      <c r="F771">
        <v>2</v>
      </c>
      <c r="G771" t="s">
        <v>765</v>
      </c>
      <c r="H771" t="s">
        <v>7975</v>
      </c>
      <c r="I771" t="s">
        <v>30540</v>
      </c>
    </row>
    <row r="772" spans="1:9">
      <c r="A772" s="1">
        <v>0.11969428964339335</v>
      </c>
      <c r="B772" s="1"/>
      <c r="C772">
        <v>2</v>
      </c>
      <c r="D772" t="s">
        <v>7958</v>
      </c>
      <c r="E772" t="s">
        <v>31968</v>
      </c>
      <c r="F772">
        <v>2</v>
      </c>
      <c r="G772" t="s">
        <v>1</v>
      </c>
      <c r="H772" t="s">
        <v>7959</v>
      </c>
      <c r="I772" t="s">
        <v>30540</v>
      </c>
    </row>
    <row r="773" spans="1:9">
      <c r="A773" s="1">
        <v>0.16095699797286356</v>
      </c>
      <c r="B773" s="1"/>
      <c r="C773">
        <v>12</v>
      </c>
      <c r="D773" t="s">
        <v>7964</v>
      </c>
      <c r="E773" t="s">
        <v>31968</v>
      </c>
      <c r="F773">
        <v>1</v>
      </c>
      <c r="G773" t="s">
        <v>2</v>
      </c>
      <c r="H773" t="s">
        <v>7965</v>
      </c>
      <c r="I773" t="s">
        <v>30540</v>
      </c>
    </row>
    <row r="774" spans="1:9">
      <c r="A774" s="1">
        <v>0.91025576402989583</v>
      </c>
      <c r="B774" s="1"/>
      <c r="C774">
        <v>15</v>
      </c>
      <c r="D774" t="s">
        <v>7952</v>
      </c>
      <c r="E774" t="s">
        <v>31969</v>
      </c>
      <c r="F774">
        <v>3</v>
      </c>
      <c r="G774" t="s">
        <v>9</v>
      </c>
      <c r="H774" t="s">
        <v>7953</v>
      </c>
      <c r="I774" t="s">
        <v>30540</v>
      </c>
    </row>
    <row r="775" spans="1:9">
      <c r="A775" s="1">
        <v>0.88852468840789456</v>
      </c>
      <c r="B775" s="1"/>
      <c r="C775">
        <v>19</v>
      </c>
      <c r="D775" t="s">
        <v>7956</v>
      </c>
      <c r="E775" t="s">
        <v>31969</v>
      </c>
      <c r="F775">
        <v>2</v>
      </c>
      <c r="G775" t="s">
        <v>0</v>
      </c>
      <c r="H775" t="s">
        <v>7957</v>
      </c>
      <c r="I775" t="s">
        <v>30540</v>
      </c>
    </row>
    <row r="776" spans="1:9">
      <c r="A776" s="1">
        <v>0.1648731231197722</v>
      </c>
      <c r="B776" s="1"/>
      <c r="C776">
        <v>3</v>
      </c>
      <c r="D776" t="s">
        <v>7936</v>
      </c>
      <c r="E776" t="s">
        <v>31970</v>
      </c>
      <c r="F776">
        <v>2</v>
      </c>
      <c r="G776" t="s">
        <v>774</v>
      </c>
      <c r="H776" t="s">
        <v>7937</v>
      </c>
      <c r="I776" t="s">
        <v>30540</v>
      </c>
    </row>
    <row r="777" spans="1:9">
      <c r="A777" s="1">
        <v>0.48047828645439128</v>
      </c>
      <c r="B777" s="1"/>
      <c r="C777">
        <v>6</v>
      </c>
      <c r="D777" t="s">
        <v>7940</v>
      </c>
      <c r="E777" t="s">
        <v>31970</v>
      </c>
      <c r="F777">
        <v>2</v>
      </c>
      <c r="G777" t="s">
        <v>15</v>
      </c>
      <c r="H777" t="s">
        <v>7941</v>
      </c>
      <c r="I777" t="s">
        <v>30540</v>
      </c>
    </row>
    <row r="778" spans="1:9">
      <c r="A778" s="1">
        <v>0.25667901472058852</v>
      </c>
      <c r="B778" s="1"/>
      <c r="C778">
        <v>2</v>
      </c>
      <c r="D778" t="s">
        <v>7918</v>
      </c>
      <c r="E778" t="s">
        <v>31972</v>
      </c>
      <c r="F778">
        <v>2</v>
      </c>
      <c r="G778" t="s">
        <v>15</v>
      </c>
      <c r="H778" t="s">
        <v>7919</v>
      </c>
      <c r="I778" t="s">
        <v>30540</v>
      </c>
    </row>
    <row r="779" spans="1:9">
      <c r="A779" s="1">
        <v>8.0004217115837717E-2</v>
      </c>
      <c r="B779" s="1"/>
      <c r="C779">
        <v>18</v>
      </c>
      <c r="D779" t="s">
        <v>7914</v>
      </c>
      <c r="E779" t="s">
        <v>31973</v>
      </c>
      <c r="F779">
        <v>3</v>
      </c>
      <c r="G779" t="s">
        <v>0</v>
      </c>
      <c r="H779" t="s">
        <v>7915</v>
      </c>
      <c r="I779" t="s">
        <v>30540</v>
      </c>
    </row>
    <row r="780" spans="1:9">
      <c r="A780" s="1">
        <v>0.8418537124888742</v>
      </c>
      <c r="B780" s="1"/>
      <c r="C780">
        <v>9</v>
      </c>
      <c r="D780" t="s">
        <v>7908</v>
      </c>
      <c r="E780" t="s">
        <v>31973</v>
      </c>
      <c r="F780">
        <v>2</v>
      </c>
      <c r="G780" t="s">
        <v>0</v>
      </c>
      <c r="H780" t="s">
        <v>7909</v>
      </c>
      <c r="I780" t="s">
        <v>30540</v>
      </c>
    </row>
    <row r="781" spans="1:9">
      <c r="A781" s="1">
        <v>0.1968011600055255</v>
      </c>
      <c r="B781" s="1"/>
      <c r="C781">
        <v>3</v>
      </c>
      <c r="D781" t="s">
        <v>7902</v>
      </c>
      <c r="E781" t="s">
        <v>31973</v>
      </c>
      <c r="F781">
        <v>2</v>
      </c>
      <c r="G781" t="s">
        <v>0</v>
      </c>
      <c r="H781" t="s">
        <v>7903</v>
      </c>
      <c r="I781" t="s">
        <v>30540</v>
      </c>
    </row>
    <row r="782" spans="1:9">
      <c r="A782" s="1">
        <v>0.27855158269867875</v>
      </c>
      <c r="B782" s="1"/>
      <c r="C782">
        <v>17</v>
      </c>
      <c r="D782" t="s">
        <v>7912</v>
      </c>
      <c r="E782" t="s">
        <v>31973</v>
      </c>
      <c r="F782">
        <v>1</v>
      </c>
      <c r="G782" t="s">
        <v>1</v>
      </c>
      <c r="H782" t="s">
        <v>7913</v>
      </c>
      <c r="I782" t="s">
        <v>30540</v>
      </c>
    </row>
    <row r="783" spans="1:9">
      <c r="A783" s="1">
        <v>2.1963500151399473E-2</v>
      </c>
      <c r="B783" s="1"/>
      <c r="C783">
        <v>10</v>
      </c>
      <c r="D783" t="s">
        <v>7888</v>
      </c>
      <c r="E783" t="s">
        <v>31975</v>
      </c>
      <c r="F783">
        <v>3</v>
      </c>
      <c r="G783" t="s">
        <v>13</v>
      </c>
      <c r="H783" t="s">
        <v>7889</v>
      </c>
      <c r="I783" t="s">
        <v>30540</v>
      </c>
    </row>
    <row r="784" spans="1:9">
      <c r="A784" s="1">
        <v>0.38695347925245627</v>
      </c>
      <c r="B784" s="1"/>
      <c r="C784">
        <v>10</v>
      </c>
      <c r="D784" t="s">
        <v>7870</v>
      </c>
      <c r="E784" t="s">
        <v>31976</v>
      </c>
      <c r="F784">
        <v>2</v>
      </c>
      <c r="G784" t="s">
        <v>774</v>
      </c>
      <c r="H784" t="s">
        <v>7871</v>
      </c>
      <c r="I784" t="s">
        <v>30540</v>
      </c>
    </row>
    <row r="785" spans="1:9">
      <c r="A785" s="1">
        <v>0.57895504205047887</v>
      </c>
      <c r="B785" s="1"/>
      <c r="C785">
        <v>16</v>
      </c>
      <c r="D785" t="s">
        <v>7866</v>
      </c>
      <c r="E785" t="s">
        <v>31977</v>
      </c>
      <c r="F785">
        <v>3</v>
      </c>
      <c r="G785" t="s">
        <v>10</v>
      </c>
      <c r="H785" t="s">
        <v>7867</v>
      </c>
      <c r="I785" t="s">
        <v>30540</v>
      </c>
    </row>
    <row r="786" spans="1:9">
      <c r="A786" s="1">
        <v>0.81917143214747923</v>
      </c>
      <c r="B786" s="1"/>
      <c r="C786">
        <v>14</v>
      </c>
      <c r="D786" t="s">
        <v>7862</v>
      </c>
      <c r="E786" t="s">
        <v>31977</v>
      </c>
      <c r="F786">
        <v>2</v>
      </c>
      <c r="G786" t="s">
        <v>15</v>
      </c>
      <c r="H786" t="s">
        <v>7863</v>
      </c>
      <c r="I786" t="s">
        <v>30540</v>
      </c>
    </row>
    <row r="787" spans="1:9">
      <c r="A787" s="1">
        <v>0.3781799738839472</v>
      </c>
      <c r="B787" s="1"/>
      <c r="C787">
        <v>5</v>
      </c>
      <c r="D787" t="s">
        <v>7856</v>
      </c>
      <c r="E787" t="s">
        <v>31977</v>
      </c>
      <c r="F787">
        <v>2</v>
      </c>
      <c r="G787" t="s">
        <v>14</v>
      </c>
      <c r="H787" t="s">
        <v>7857</v>
      </c>
      <c r="I787" t="s">
        <v>30540</v>
      </c>
    </row>
    <row r="788" spans="1:9">
      <c r="A788" s="1">
        <v>0.143965250048806</v>
      </c>
      <c r="B788" s="1"/>
      <c r="C788">
        <v>2</v>
      </c>
      <c r="D788" t="s">
        <v>7840</v>
      </c>
      <c r="E788" t="s">
        <v>31978</v>
      </c>
      <c r="F788">
        <v>3</v>
      </c>
      <c r="G788" t="s">
        <v>762</v>
      </c>
      <c r="H788" t="s">
        <v>7841</v>
      </c>
      <c r="I788" t="s">
        <v>30540</v>
      </c>
    </row>
    <row r="789" spans="1:9">
      <c r="A789" s="1">
        <v>0.33927776575457158</v>
      </c>
      <c r="B789" s="1"/>
      <c r="C789">
        <v>16</v>
      </c>
      <c r="D789" t="s">
        <v>7850</v>
      </c>
      <c r="E789" t="s">
        <v>31978</v>
      </c>
      <c r="F789">
        <v>3</v>
      </c>
      <c r="G789" t="s">
        <v>0</v>
      </c>
      <c r="H789" t="s">
        <v>7851</v>
      </c>
      <c r="I789" t="s">
        <v>30540</v>
      </c>
    </row>
    <row r="790" spans="1:9">
      <c r="A790" s="1">
        <v>0.38118757093121203</v>
      </c>
      <c r="B790" s="1"/>
      <c r="C790">
        <v>13</v>
      </c>
      <c r="D790" t="s">
        <v>7846</v>
      </c>
      <c r="E790" t="s">
        <v>31978</v>
      </c>
      <c r="F790">
        <v>2</v>
      </c>
      <c r="G790" t="s">
        <v>0</v>
      </c>
      <c r="H790" t="s">
        <v>7847</v>
      </c>
      <c r="I790" t="s">
        <v>30540</v>
      </c>
    </row>
    <row r="791" spans="1:9">
      <c r="A791" s="1">
        <v>0.97056774309099492</v>
      </c>
      <c r="B791" s="1"/>
      <c r="C791">
        <v>17</v>
      </c>
      <c r="D791" t="s">
        <v>7852</v>
      </c>
      <c r="E791" t="s">
        <v>31978</v>
      </c>
      <c r="F791">
        <v>2</v>
      </c>
      <c r="G791" t="s">
        <v>769</v>
      </c>
      <c r="H791" t="s">
        <v>7853</v>
      </c>
      <c r="I791" t="s">
        <v>30540</v>
      </c>
    </row>
    <row r="792" spans="1:9">
      <c r="A792" s="1">
        <v>0.14877420720549484</v>
      </c>
      <c r="B792" s="1"/>
      <c r="C792">
        <v>9</v>
      </c>
      <c r="D792" t="s">
        <v>7842</v>
      </c>
      <c r="E792" t="s">
        <v>31978</v>
      </c>
      <c r="F792">
        <v>2</v>
      </c>
      <c r="G792" t="s">
        <v>0</v>
      </c>
      <c r="H792" t="s">
        <v>7843</v>
      </c>
      <c r="I792" t="s">
        <v>30540</v>
      </c>
    </row>
    <row r="793" spans="1:9">
      <c r="A793" s="1">
        <v>0.24964842453088032</v>
      </c>
      <c r="B793" s="1"/>
      <c r="C793">
        <v>13</v>
      </c>
      <c r="D793" t="s">
        <v>7826</v>
      </c>
      <c r="E793" t="s">
        <v>31981</v>
      </c>
      <c r="F793">
        <v>3</v>
      </c>
      <c r="G793" t="s">
        <v>10</v>
      </c>
      <c r="H793" t="s">
        <v>7827</v>
      </c>
      <c r="I793" t="s">
        <v>30540</v>
      </c>
    </row>
    <row r="794" spans="1:9">
      <c r="A794" s="1">
        <v>9.2256598928852407E-2</v>
      </c>
      <c r="B794" s="1"/>
      <c r="C794">
        <v>1</v>
      </c>
      <c r="D794" t="s">
        <v>7808</v>
      </c>
      <c r="E794" t="s">
        <v>31982</v>
      </c>
      <c r="F794">
        <v>3</v>
      </c>
      <c r="G794" t="s">
        <v>9</v>
      </c>
      <c r="H794" t="s">
        <v>7809</v>
      </c>
      <c r="I794" t="s">
        <v>30540</v>
      </c>
    </row>
    <row r="795" spans="1:9">
      <c r="A795" s="1">
        <v>0.55305862424995744</v>
      </c>
      <c r="B795" s="1"/>
      <c r="C795">
        <v>2</v>
      </c>
      <c r="D795" t="s">
        <v>7798</v>
      </c>
      <c r="E795" t="s">
        <v>31984</v>
      </c>
      <c r="F795">
        <v>2</v>
      </c>
      <c r="G795" t="s">
        <v>2</v>
      </c>
      <c r="H795" t="s">
        <v>7799</v>
      </c>
      <c r="I795" t="s">
        <v>30540</v>
      </c>
    </row>
    <row r="796" spans="1:9">
      <c r="A796" s="1">
        <v>0.85144802429131139</v>
      </c>
      <c r="B796" s="1"/>
      <c r="C796">
        <v>12</v>
      </c>
      <c r="D796" t="s">
        <v>7772</v>
      </c>
      <c r="E796" t="s">
        <v>31988</v>
      </c>
      <c r="F796">
        <v>2</v>
      </c>
      <c r="G796" t="s">
        <v>0</v>
      </c>
      <c r="H796" t="s">
        <v>7773</v>
      </c>
      <c r="I796" t="s">
        <v>30540</v>
      </c>
    </row>
    <row r="797" spans="1:9">
      <c r="A797" s="1">
        <v>0.67612281582700684</v>
      </c>
      <c r="B797" s="1"/>
      <c r="C797">
        <v>12</v>
      </c>
      <c r="D797" t="s">
        <v>7768</v>
      </c>
      <c r="E797" t="s">
        <v>31989</v>
      </c>
      <c r="F797">
        <v>3</v>
      </c>
      <c r="G797" t="s">
        <v>0</v>
      </c>
      <c r="H797" t="s">
        <v>7769</v>
      </c>
      <c r="I797" t="s">
        <v>30540</v>
      </c>
    </row>
    <row r="798" spans="1:9">
      <c r="A798" s="1">
        <v>0.57952387299811525</v>
      </c>
      <c r="B798" s="1"/>
      <c r="C798">
        <v>13</v>
      </c>
      <c r="D798" t="s">
        <v>7748</v>
      </c>
      <c r="E798" t="s">
        <v>31991</v>
      </c>
      <c r="F798">
        <v>2</v>
      </c>
      <c r="G798" t="s">
        <v>2</v>
      </c>
      <c r="H798" t="s">
        <v>7749</v>
      </c>
      <c r="I798" t="s">
        <v>30540</v>
      </c>
    </row>
    <row r="799" spans="1:9">
      <c r="A799" s="1">
        <v>0.67977743437629201</v>
      </c>
      <c r="B799" s="1"/>
      <c r="C799">
        <v>15</v>
      </c>
      <c r="D799" t="s">
        <v>7750</v>
      </c>
      <c r="E799" t="s">
        <v>31991</v>
      </c>
      <c r="F799">
        <v>2</v>
      </c>
      <c r="G799" t="s">
        <v>774</v>
      </c>
      <c r="H799" t="s">
        <v>7751</v>
      </c>
      <c r="I799" t="s">
        <v>30540</v>
      </c>
    </row>
    <row r="800" spans="1:9">
      <c r="A800" s="1">
        <v>0.79285807580528744</v>
      </c>
      <c r="B800" s="1"/>
      <c r="C800">
        <v>12</v>
      </c>
      <c r="D800" t="s">
        <v>7744</v>
      </c>
      <c r="E800" t="s">
        <v>31992</v>
      </c>
      <c r="F800">
        <v>2</v>
      </c>
      <c r="G800" t="s">
        <v>0</v>
      </c>
      <c r="H800" t="s">
        <v>7745</v>
      </c>
      <c r="I800" t="s">
        <v>30540</v>
      </c>
    </row>
    <row r="801" spans="1:9">
      <c r="A801" s="1">
        <v>0.44518468091039043</v>
      </c>
      <c r="B801" s="1"/>
      <c r="C801">
        <v>4</v>
      </c>
      <c r="D801" t="s">
        <v>7732</v>
      </c>
      <c r="E801" t="s">
        <v>31993</v>
      </c>
      <c r="F801">
        <v>3</v>
      </c>
      <c r="G801" t="s">
        <v>14</v>
      </c>
      <c r="H801" t="s">
        <v>7733</v>
      </c>
      <c r="I801" t="s">
        <v>30540</v>
      </c>
    </row>
    <row r="802" spans="1:9">
      <c r="A802" s="1">
        <v>0.72442976894009159</v>
      </c>
      <c r="B802" s="1"/>
      <c r="C802">
        <v>20</v>
      </c>
      <c r="D802" t="s">
        <v>7738</v>
      </c>
      <c r="E802" t="s">
        <v>31993</v>
      </c>
      <c r="F802">
        <v>2</v>
      </c>
      <c r="G802" t="s">
        <v>9</v>
      </c>
      <c r="H802" t="s">
        <v>7739</v>
      </c>
      <c r="I802" t="s">
        <v>30540</v>
      </c>
    </row>
    <row r="803" spans="1:9">
      <c r="A803" s="1">
        <v>0.98646428219446913</v>
      </c>
      <c r="B803" s="1"/>
      <c r="C803">
        <v>13</v>
      </c>
      <c r="D803" t="s">
        <v>7728</v>
      </c>
      <c r="E803" t="s">
        <v>31994</v>
      </c>
      <c r="F803">
        <v>2</v>
      </c>
      <c r="G803" t="s">
        <v>9</v>
      </c>
      <c r="H803" t="s">
        <v>7729</v>
      </c>
      <c r="I803" t="s">
        <v>30540</v>
      </c>
    </row>
    <row r="804" spans="1:9">
      <c r="A804" s="1">
        <v>0.65733269566966879</v>
      </c>
      <c r="B804" s="1"/>
      <c r="C804">
        <v>19</v>
      </c>
      <c r="D804" t="s">
        <v>7724</v>
      </c>
      <c r="E804" t="s">
        <v>31995</v>
      </c>
      <c r="F804">
        <v>3</v>
      </c>
      <c r="G804" t="s">
        <v>0</v>
      </c>
      <c r="H804" t="s">
        <v>7725</v>
      </c>
      <c r="I804" t="s">
        <v>30540</v>
      </c>
    </row>
    <row r="805" spans="1:9">
      <c r="A805" s="1">
        <v>0.10057381105649121</v>
      </c>
      <c r="B805" s="1"/>
      <c r="C805">
        <v>9</v>
      </c>
      <c r="D805" t="s">
        <v>7714</v>
      </c>
      <c r="E805" t="s">
        <v>31995</v>
      </c>
      <c r="F805">
        <v>3</v>
      </c>
      <c r="G805" t="s">
        <v>0</v>
      </c>
      <c r="H805" t="s">
        <v>7715</v>
      </c>
      <c r="I805" t="s">
        <v>30540</v>
      </c>
    </row>
    <row r="806" spans="1:9">
      <c r="A806" s="1">
        <v>0.85536978365282534</v>
      </c>
      <c r="B806" s="1"/>
      <c r="C806">
        <v>7</v>
      </c>
      <c r="D806" t="s">
        <v>7712</v>
      </c>
      <c r="E806" t="s">
        <v>31995</v>
      </c>
      <c r="F806">
        <v>3</v>
      </c>
      <c r="G806" t="s">
        <v>0</v>
      </c>
      <c r="H806" t="s">
        <v>7713</v>
      </c>
      <c r="I806" t="s">
        <v>30540</v>
      </c>
    </row>
    <row r="807" spans="1:9">
      <c r="A807" s="1">
        <v>0.48809193984572241</v>
      </c>
      <c r="B807" s="1"/>
      <c r="C807">
        <v>15</v>
      </c>
      <c r="D807" t="s">
        <v>7718</v>
      </c>
      <c r="E807" t="s">
        <v>31995</v>
      </c>
      <c r="F807">
        <v>3</v>
      </c>
      <c r="G807" t="s">
        <v>0</v>
      </c>
      <c r="H807" t="s">
        <v>7719</v>
      </c>
      <c r="I807" t="s">
        <v>30540</v>
      </c>
    </row>
    <row r="808" spans="1:9">
      <c r="A808" s="1">
        <v>0.16869421022690922</v>
      </c>
      <c r="B808" s="1"/>
      <c r="C808">
        <v>11</v>
      </c>
      <c r="D808" t="s">
        <v>7716</v>
      </c>
      <c r="E808" t="s">
        <v>31995</v>
      </c>
      <c r="F808">
        <v>2</v>
      </c>
      <c r="G808" t="s">
        <v>9</v>
      </c>
      <c r="H808" t="s">
        <v>7717</v>
      </c>
      <c r="I808" t="s">
        <v>30540</v>
      </c>
    </row>
    <row r="809" spans="1:9">
      <c r="A809" s="1">
        <v>0.23485737140213592</v>
      </c>
      <c r="B809" s="1"/>
      <c r="C809">
        <v>11</v>
      </c>
      <c r="D809" t="s">
        <v>7698</v>
      </c>
      <c r="E809" t="s">
        <v>31996</v>
      </c>
      <c r="F809">
        <v>3</v>
      </c>
      <c r="G809" t="s">
        <v>15</v>
      </c>
      <c r="H809" t="s">
        <v>7699</v>
      </c>
      <c r="I809" t="s">
        <v>30540</v>
      </c>
    </row>
    <row r="810" spans="1:9">
      <c r="A810" s="1">
        <v>0.89512491287635199</v>
      </c>
      <c r="B810" s="1"/>
      <c r="C810">
        <v>18</v>
      </c>
      <c r="D810" t="s">
        <v>7704</v>
      </c>
      <c r="E810" t="s">
        <v>31996</v>
      </c>
      <c r="F810">
        <v>1</v>
      </c>
      <c r="G810" t="s">
        <v>0</v>
      </c>
      <c r="H810" t="s">
        <v>7705</v>
      </c>
      <c r="I810" t="s">
        <v>30540</v>
      </c>
    </row>
    <row r="811" spans="1:9">
      <c r="A811" s="1">
        <v>0.12970404204957042</v>
      </c>
      <c r="B811" s="1"/>
      <c r="C811">
        <v>10</v>
      </c>
      <c r="D811" t="s">
        <v>7690</v>
      </c>
      <c r="E811" t="s">
        <v>31997</v>
      </c>
      <c r="F811">
        <v>2</v>
      </c>
      <c r="G811" t="s">
        <v>0</v>
      </c>
      <c r="H811" t="s">
        <v>7691</v>
      </c>
      <c r="I811" t="s">
        <v>30540</v>
      </c>
    </row>
    <row r="812" spans="1:9">
      <c r="A812" s="1">
        <v>0.32528025274934302</v>
      </c>
      <c r="B812" s="1"/>
      <c r="C812">
        <v>7</v>
      </c>
      <c r="D812" t="s">
        <v>7684</v>
      </c>
      <c r="E812" t="s">
        <v>31998</v>
      </c>
      <c r="F812">
        <v>1</v>
      </c>
      <c r="G812" t="s">
        <v>762</v>
      </c>
      <c r="H812" t="s">
        <v>7685</v>
      </c>
      <c r="I812" t="s">
        <v>30540</v>
      </c>
    </row>
    <row r="813" spans="1:9">
      <c r="A813" s="1">
        <v>3.6973576393306229E-2</v>
      </c>
      <c r="B813" s="1"/>
      <c r="C813">
        <v>5</v>
      </c>
      <c r="D813" t="s">
        <v>7672</v>
      </c>
      <c r="E813" t="s">
        <v>31999</v>
      </c>
      <c r="F813">
        <v>2</v>
      </c>
      <c r="G813" t="s">
        <v>1</v>
      </c>
      <c r="H813" t="s">
        <v>7673</v>
      </c>
      <c r="I813" t="s">
        <v>30540</v>
      </c>
    </row>
    <row r="814" spans="1:9">
      <c r="A814" s="1">
        <v>0.90588628864057941</v>
      </c>
      <c r="B814" s="1"/>
      <c r="C814">
        <v>19</v>
      </c>
      <c r="D814" t="s">
        <v>7678</v>
      </c>
      <c r="E814" t="s">
        <v>31999</v>
      </c>
      <c r="F814">
        <v>2</v>
      </c>
      <c r="G814" t="s">
        <v>0</v>
      </c>
      <c r="H814" t="s">
        <v>7679</v>
      </c>
      <c r="I814" t="s">
        <v>30540</v>
      </c>
    </row>
    <row r="815" spans="1:9">
      <c r="A815" s="1">
        <v>0.70932994757179879</v>
      </c>
      <c r="B815" s="1"/>
      <c r="C815">
        <v>4</v>
      </c>
      <c r="D815" t="s">
        <v>7664</v>
      </c>
      <c r="E815" t="s">
        <v>32001</v>
      </c>
      <c r="F815">
        <v>2</v>
      </c>
      <c r="G815" t="s">
        <v>2</v>
      </c>
      <c r="H815" t="s">
        <v>7665</v>
      </c>
      <c r="I815" t="s">
        <v>30540</v>
      </c>
    </row>
    <row r="816" spans="1:9">
      <c r="A816" s="1">
        <v>0.23934193879663979</v>
      </c>
      <c r="B816" s="1"/>
      <c r="C816">
        <v>8</v>
      </c>
      <c r="D816" t="s">
        <v>7654</v>
      </c>
      <c r="E816" t="s">
        <v>32002</v>
      </c>
      <c r="F816">
        <v>3</v>
      </c>
      <c r="G816" t="s">
        <v>0</v>
      </c>
      <c r="H816" t="s">
        <v>7655</v>
      </c>
      <c r="I816" t="s">
        <v>30540</v>
      </c>
    </row>
    <row r="817" spans="1:9">
      <c r="A817" s="1">
        <v>0.97902657035530105</v>
      </c>
      <c r="B817" s="1"/>
      <c r="C817">
        <v>6</v>
      </c>
      <c r="D817" t="s">
        <v>7646</v>
      </c>
      <c r="E817" t="s">
        <v>32003</v>
      </c>
      <c r="F817">
        <v>3</v>
      </c>
      <c r="G817" t="s">
        <v>14</v>
      </c>
      <c r="H817" t="s">
        <v>7647</v>
      </c>
      <c r="I817" t="s">
        <v>30540</v>
      </c>
    </row>
    <row r="818" spans="1:9">
      <c r="A818" s="1">
        <v>0.71866270942066057</v>
      </c>
      <c r="B818" s="1"/>
      <c r="C818">
        <v>19</v>
      </c>
      <c r="D818" t="s">
        <v>7642</v>
      </c>
      <c r="E818" t="s">
        <v>32004</v>
      </c>
      <c r="F818">
        <v>1</v>
      </c>
      <c r="G818" t="s">
        <v>15</v>
      </c>
      <c r="H818" t="s">
        <v>7643</v>
      </c>
      <c r="I818" t="s">
        <v>30540</v>
      </c>
    </row>
    <row r="819" spans="1:9">
      <c r="A819" s="1">
        <v>0.45371746989525119</v>
      </c>
      <c r="B819" s="1"/>
      <c r="C819">
        <v>9</v>
      </c>
      <c r="D819" t="s">
        <v>7636</v>
      </c>
      <c r="E819" t="s">
        <v>32005</v>
      </c>
      <c r="F819">
        <v>3</v>
      </c>
      <c r="G819" t="s">
        <v>14</v>
      </c>
      <c r="H819" t="s">
        <v>7637</v>
      </c>
      <c r="I819" t="s">
        <v>30540</v>
      </c>
    </row>
    <row r="820" spans="1:9">
      <c r="A820" s="1">
        <v>0.94012223887245461</v>
      </c>
      <c r="B820" s="1"/>
      <c r="C820">
        <v>10</v>
      </c>
      <c r="D820" t="s">
        <v>7638</v>
      </c>
      <c r="E820" t="s">
        <v>32005</v>
      </c>
      <c r="F820">
        <v>1</v>
      </c>
      <c r="G820" t="s">
        <v>0</v>
      </c>
      <c r="H820" t="s">
        <v>7639</v>
      </c>
      <c r="I820" t="s">
        <v>30540</v>
      </c>
    </row>
    <row r="821" spans="1:9">
      <c r="A821" s="1">
        <v>0.8736709764746301</v>
      </c>
      <c r="B821" s="1"/>
      <c r="C821">
        <v>8</v>
      </c>
      <c r="D821" t="s">
        <v>7628</v>
      </c>
      <c r="E821" t="s">
        <v>32006</v>
      </c>
      <c r="F821">
        <v>3</v>
      </c>
      <c r="G821" t="s">
        <v>0</v>
      </c>
      <c r="H821" t="s">
        <v>7629</v>
      </c>
      <c r="I821" t="s">
        <v>30540</v>
      </c>
    </row>
    <row r="822" spans="1:9">
      <c r="A822" s="1">
        <v>0.38977230917246208</v>
      </c>
      <c r="B822" s="1"/>
      <c r="C822">
        <v>3</v>
      </c>
      <c r="D822" t="s">
        <v>7608</v>
      </c>
      <c r="E822" t="s">
        <v>32010</v>
      </c>
      <c r="F822">
        <v>2</v>
      </c>
      <c r="G822" t="s">
        <v>0</v>
      </c>
      <c r="H822" t="s">
        <v>7609</v>
      </c>
      <c r="I822" t="s">
        <v>30540</v>
      </c>
    </row>
    <row r="823" spans="1:9">
      <c r="A823" s="1">
        <v>0.76509113232041881</v>
      </c>
      <c r="B823" s="1"/>
      <c r="C823">
        <v>8</v>
      </c>
      <c r="D823" t="s">
        <v>7598</v>
      </c>
      <c r="E823" t="s">
        <v>32011</v>
      </c>
      <c r="F823">
        <v>2</v>
      </c>
      <c r="G823" t="s">
        <v>15</v>
      </c>
      <c r="H823" t="s">
        <v>7599</v>
      </c>
      <c r="I823" t="s">
        <v>30540</v>
      </c>
    </row>
    <row r="824" spans="1:9">
      <c r="A824" s="1">
        <v>0.47400397323443677</v>
      </c>
      <c r="B824" s="1"/>
      <c r="C824">
        <v>3</v>
      </c>
      <c r="D824" t="s">
        <v>7590</v>
      </c>
      <c r="E824" t="s">
        <v>32013</v>
      </c>
      <c r="F824">
        <v>3</v>
      </c>
      <c r="G824" t="s">
        <v>15</v>
      </c>
      <c r="H824" t="s">
        <v>7591</v>
      </c>
      <c r="I824" t="s">
        <v>30540</v>
      </c>
    </row>
    <row r="825" spans="1:9">
      <c r="A825" s="1">
        <v>0.94928668949692407</v>
      </c>
      <c r="B825" s="1"/>
      <c r="C825">
        <v>20</v>
      </c>
      <c r="D825" t="s">
        <v>7588</v>
      </c>
      <c r="E825" t="s">
        <v>32014</v>
      </c>
      <c r="F825">
        <v>3</v>
      </c>
      <c r="G825" t="s">
        <v>10</v>
      </c>
      <c r="H825" t="s">
        <v>7589</v>
      </c>
      <c r="I825" t="s">
        <v>30540</v>
      </c>
    </row>
    <row r="826" spans="1:9">
      <c r="A826" s="1">
        <v>0.57809798846237059</v>
      </c>
      <c r="B826" s="1"/>
      <c r="C826">
        <v>8</v>
      </c>
      <c r="D826" t="s">
        <v>7569</v>
      </c>
      <c r="E826" t="s">
        <v>32015</v>
      </c>
      <c r="F826">
        <v>3</v>
      </c>
      <c r="G826" t="s">
        <v>0</v>
      </c>
      <c r="H826" t="s">
        <v>7570</v>
      </c>
      <c r="I826" t="s">
        <v>30540</v>
      </c>
    </row>
    <row r="827" spans="1:9">
      <c r="A827" s="1">
        <v>0.13892083159619317</v>
      </c>
      <c r="B827" s="1"/>
      <c r="C827">
        <v>3</v>
      </c>
      <c r="D827" t="s">
        <v>7559</v>
      </c>
      <c r="E827" t="s">
        <v>32016</v>
      </c>
      <c r="F827">
        <v>2</v>
      </c>
      <c r="G827" t="s">
        <v>766</v>
      </c>
      <c r="H827" t="s">
        <v>7560</v>
      </c>
      <c r="I827" t="s">
        <v>30540</v>
      </c>
    </row>
    <row r="828" spans="1:9">
      <c r="A828" s="1">
        <v>9.108849310991074E-2</v>
      </c>
      <c r="B828" s="1"/>
      <c r="C828">
        <v>9</v>
      </c>
      <c r="D828" t="s">
        <v>7561</v>
      </c>
      <c r="E828" t="s">
        <v>32016</v>
      </c>
      <c r="F828">
        <v>1</v>
      </c>
      <c r="G828" t="s">
        <v>770</v>
      </c>
      <c r="H828" t="s">
        <v>7562</v>
      </c>
      <c r="I828" t="s">
        <v>30540</v>
      </c>
    </row>
    <row r="829" spans="1:9">
      <c r="A829" s="1">
        <v>0.32005516816767809</v>
      </c>
      <c r="B829" s="1"/>
      <c r="C829">
        <v>4</v>
      </c>
      <c r="D829" t="s">
        <v>7539</v>
      </c>
      <c r="E829" t="s">
        <v>32018</v>
      </c>
      <c r="F829">
        <v>3</v>
      </c>
      <c r="G829" t="s">
        <v>0</v>
      </c>
      <c r="H829" t="s">
        <v>7540</v>
      </c>
      <c r="I829" t="s">
        <v>30540</v>
      </c>
    </row>
    <row r="830" spans="1:9">
      <c r="A830" s="1">
        <v>0.15929981463876497</v>
      </c>
      <c r="B830" s="1"/>
      <c r="C830">
        <v>11</v>
      </c>
      <c r="D830" t="s">
        <v>7529</v>
      </c>
      <c r="E830" t="s">
        <v>32020</v>
      </c>
      <c r="F830">
        <v>2</v>
      </c>
      <c r="G830" t="s">
        <v>9</v>
      </c>
      <c r="H830" t="s">
        <v>7530</v>
      </c>
      <c r="I830" t="s">
        <v>30540</v>
      </c>
    </row>
    <row r="831" spans="1:9">
      <c r="A831" s="1">
        <v>0.75153481421267787</v>
      </c>
      <c r="B831" s="1"/>
      <c r="C831">
        <v>2</v>
      </c>
      <c r="D831" t="s">
        <v>7509</v>
      </c>
      <c r="E831" t="s">
        <v>32022</v>
      </c>
      <c r="F831">
        <v>2</v>
      </c>
      <c r="G831" t="s">
        <v>2</v>
      </c>
      <c r="H831" t="s">
        <v>7510</v>
      </c>
      <c r="I831" t="s">
        <v>30540</v>
      </c>
    </row>
    <row r="832" spans="1:9">
      <c r="A832" s="1">
        <v>0.77750195516832732</v>
      </c>
      <c r="B832" s="1"/>
      <c r="C832">
        <v>20</v>
      </c>
      <c r="D832" t="s">
        <v>7519</v>
      </c>
      <c r="E832" t="s">
        <v>32022</v>
      </c>
      <c r="F832">
        <v>2</v>
      </c>
      <c r="G832" t="s">
        <v>9</v>
      </c>
      <c r="H832" t="s">
        <v>7520</v>
      </c>
      <c r="I832" t="s">
        <v>30540</v>
      </c>
    </row>
    <row r="833" spans="1:9">
      <c r="A833" s="1">
        <v>0.35451099642955231</v>
      </c>
      <c r="B833" s="1"/>
      <c r="C833">
        <v>1</v>
      </c>
      <c r="D833" t="s">
        <v>7501</v>
      </c>
      <c r="E833" t="s">
        <v>32023</v>
      </c>
      <c r="F833">
        <v>3</v>
      </c>
      <c r="G833" t="s">
        <v>14</v>
      </c>
      <c r="H833" t="s">
        <v>7502</v>
      </c>
      <c r="I833" t="s">
        <v>30540</v>
      </c>
    </row>
    <row r="834" spans="1:9">
      <c r="A834" s="1">
        <v>0.61470127016138876</v>
      </c>
      <c r="B834" s="1"/>
      <c r="C834">
        <v>7</v>
      </c>
      <c r="D834" t="s">
        <v>7495</v>
      </c>
      <c r="E834" t="s">
        <v>32024</v>
      </c>
      <c r="F834">
        <v>2</v>
      </c>
      <c r="G834" t="s">
        <v>9</v>
      </c>
      <c r="H834" t="s">
        <v>7496</v>
      </c>
      <c r="I834" t="s">
        <v>30540</v>
      </c>
    </row>
    <row r="835" spans="1:9">
      <c r="A835" s="1">
        <v>0.41024037884228126</v>
      </c>
      <c r="B835" s="1"/>
      <c r="C835">
        <v>1</v>
      </c>
      <c r="D835" t="s">
        <v>7489</v>
      </c>
      <c r="E835" t="s">
        <v>32024</v>
      </c>
      <c r="F835">
        <v>2</v>
      </c>
      <c r="G835" t="s">
        <v>0</v>
      </c>
      <c r="H835" t="s">
        <v>7490</v>
      </c>
      <c r="I835" t="s">
        <v>30540</v>
      </c>
    </row>
    <row r="836" spans="1:9">
      <c r="A836" s="1">
        <v>0.82817957210627346</v>
      </c>
      <c r="B836" s="1"/>
      <c r="C836">
        <v>5</v>
      </c>
      <c r="D836" t="s">
        <v>7493</v>
      </c>
      <c r="E836" t="s">
        <v>32024</v>
      </c>
      <c r="F836">
        <v>2</v>
      </c>
      <c r="G836" t="s">
        <v>13</v>
      </c>
      <c r="H836" t="s">
        <v>7494</v>
      </c>
      <c r="I836" t="s">
        <v>30540</v>
      </c>
    </row>
    <row r="837" spans="1:9">
      <c r="A837" s="1">
        <v>9.9095848963999478E-2</v>
      </c>
      <c r="B837" s="1"/>
      <c r="C837">
        <v>14</v>
      </c>
      <c r="D837" t="s">
        <v>7497</v>
      </c>
      <c r="E837" t="s">
        <v>32024</v>
      </c>
      <c r="F837">
        <v>1</v>
      </c>
      <c r="G837" t="s">
        <v>770</v>
      </c>
      <c r="H837" t="s">
        <v>7498</v>
      </c>
      <c r="I837" t="s">
        <v>30540</v>
      </c>
    </row>
    <row r="838" spans="1:9">
      <c r="A838" s="1">
        <v>0.26723134231474444</v>
      </c>
      <c r="B838" s="1"/>
      <c r="C838">
        <v>4</v>
      </c>
      <c r="D838" t="s">
        <v>7479</v>
      </c>
      <c r="E838" t="s">
        <v>32025</v>
      </c>
      <c r="F838">
        <v>3</v>
      </c>
      <c r="G838" t="s">
        <v>0</v>
      </c>
      <c r="H838" t="s">
        <v>7480</v>
      </c>
      <c r="I838" t="s">
        <v>30540</v>
      </c>
    </row>
    <row r="839" spans="1:9">
      <c r="A839" s="1">
        <v>0.64047136217418488</v>
      </c>
      <c r="B839" s="1"/>
      <c r="C839">
        <v>19</v>
      </c>
      <c r="D839" t="s">
        <v>7445</v>
      </c>
      <c r="E839" t="s">
        <v>32029</v>
      </c>
      <c r="F839">
        <v>3</v>
      </c>
      <c r="G839" t="s">
        <v>0</v>
      </c>
      <c r="H839" t="s">
        <v>7446</v>
      </c>
      <c r="I839" t="s">
        <v>30540</v>
      </c>
    </row>
    <row r="840" spans="1:9">
      <c r="A840" s="1">
        <v>3.5681015730696708E-2</v>
      </c>
      <c r="B840" s="1"/>
      <c r="C840">
        <v>13</v>
      </c>
      <c r="D840" t="s">
        <v>7437</v>
      </c>
      <c r="E840" t="s">
        <v>32029</v>
      </c>
      <c r="F840">
        <v>2</v>
      </c>
      <c r="G840" t="s">
        <v>9</v>
      </c>
      <c r="H840" t="s">
        <v>7438</v>
      </c>
      <c r="I840" t="s">
        <v>30540</v>
      </c>
    </row>
    <row r="841" spans="1:9">
      <c r="A841" s="1">
        <v>0.77549145637656347</v>
      </c>
      <c r="B841" s="1"/>
      <c r="C841">
        <v>19</v>
      </c>
      <c r="D841" t="s">
        <v>7425</v>
      </c>
      <c r="E841" t="s">
        <v>32030</v>
      </c>
      <c r="F841">
        <v>2</v>
      </c>
      <c r="G841" t="s">
        <v>0</v>
      </c>
      <c r="H841" t="s">
        <v>7426</v>
      </c>
      <c r="I841" t="s">
        <v>30540</v>
      </c>
    </row>
    <row r="842" spans="1:9">
      <c r="A842" s="1">
        <v>0.24555891475077474</v>
      </c>
      <c r="B842" s="1"/>
      <c r="C842">
        <v>3</v>
      </c>
      <c r="D842" t="s">
        <v>7417</v>
      </c>
      <c r="E842" t="s">
        <v>32031</v>
      </c>
      <c r="F842">
        <v>3</v>
      </c>
      <c r="G842" t="s">
        <v>0</v>
      </c>
      <c r="H842" t="s">
        <v>7418</v>
      </c>
      <c r="I842" t="s">
        <v>30540</v>
      </c>
    </row>
    <row r="843" spans="1:9">
      <c r="A843" s="1">
        <v>0.40577573027371794</v>
      </c>
      <c r="B843" s="1"/>
      <c r="C843">
        <v>3</v>
      </c>
      <c r="D843" t="s">
        <v>7411</v>
      </c>
      <c r="E843" t="s">
        <v>32032</v>
      </c>
      <c r="F843">
        <v>2</v>
      </c>
      <c r="G843" t="s">
        <v>2</v>
      </c>
      <c r="H843" t="s">
        <v>7412</v>
      </c>
      <c r="I843" t="s">
        <v>30540</v>
      </c>
    </row>
    <row r="844" spans="1:9">
      <c r="A844" s="1">
        <v>0.4533857857118917</v>
      </c>
      <c r="B844" s="1"/>
      <c r="C844">
        <v>13</v>
      </c>
      <c r="D844" t="s">
        <v>7405</v>
      </c>
      <c r="E844" t="s">
        <v>32033</v>
      </c>
      <c r="F844">
        <v>3</v>
      </c>
      <c r="G844" t="s">
        <v>770</v>
      </c>
      <c r="H844" t="s">
        <v>7406</v>
      </c>
      <c r="I844" t="s">
        <v>30540</v>
      </c>
    </row>
    <row r="845" spans="1:9">
      <c r="A845" s="1">
        <v>0.41529410135766387</v>
      </c>
      <c r="B845" s="1"/>
      <c r="C845">
        <v>7</v>
      </c>
      <c r="D845" t="s">
        <v>7399</v>
      </c>
      <c r="E845" t="s">
        <v>32034</v>
      </c>
      <c r="F845">
        <v>2</v>
      </c>
      <c r="G845" t="s">
        <v>2</v>
      </c>
      <c r="H845" t="s">
        <v>7400</v>
      </c>
      <c r="I845" t="s">
        <v>30540</v>
      </c>
    </row>
    <row r="846" spans="1:9">
      <c r="A846" s="1">
        <v>0.94394151168764573</v>
      </c>
      <c r="B846" s="1"/>
      <c r="C846">
        <v>19</v>
      </c>
      <c r="D846" t="s">
        <v>7383</v>
      </c>
      <c r="E846" t="s">
        <v>32037</v>
      </c>
      <c r="F846">
        <v>3</v>
      </c>
      <c r="G846" t="s">
        <v>765</v>
      </c>
      <c r="H846" t="s">
        <v>7384</v>
      </c>
      <c r="I846" t="s">
        <v>30540</v>
      </c>
    </row>
    <row r="847" spans="1:9">
      <c r="A847" s="1">
        <v>0.98989701976820688</v>
      </c>
      <c r="B847" s="1"/>
      <c r="C847">
        <v>14</v>
      </c>
      <c r="D847" t="s">
        <v>7371</v>
      </c>
      <c r="E847" t="s">
        <v>32038</v>
      </c>
      <c r="F847">
        <v>3</v>
      </c>
      <c r="G847" t="s">
        <v>2</v>
      </c>
      <c r="H847" t="s">
        <v>7372</v>
      </c>
      <c r="I847" t="s">
        <v>30540</v>
      </c>
    </row>
    <row r="848" spans="1:9">
      <c r="A848" s="1">
        <v>0.6874145133259556</v>
      </c>
      <c r="B848" s="1"/>
      <c r="C848">
        <v>15</v>
      </c>
      <c r="D848" t="s">
        <v>7367</v>
      </c>
      <c r="E848" t="s">
        <v>32039</v>
      </c>
      <c r="F848">
        <v>3</v>
      </c>
      <c r="G848" t="s">
        <v>0</v>
      </c>
      <c r="H848" t="s">
        <v>7368</v>
      </c>
      <c r="I848" t="s">
        <v>30540</v>
      </c>
    </row>
    <row r="849" spans="1:9">
      <c r="A849" s="1">
        <v>0.58127596664320469</v>
      </c>
      <c r="B849" s="1"/>
      <c r="C849">
        <v>12</v>
      </c>
      <c r="D849" t="s">
        <v>7355</v>
      </c>
      <c r="E849" t="s">
        <v>32040</v>
      </c>
      <c r="F849">
        <v>2</v>
      </c>
      <c r="G849" t="s">
        <v>769</v>
      </c>
      <c r="H849" t="s">
        <v>7356</v>
      </c>
      <c r="I849" t="s">
        <v>30540</v>
      </c>
    </row>
    <row r="850" spans="1:9">
      <c r="A850" s="1">
        <v>0.69153043339769826</v>
      </c>
      <c r="B850" s="1"/>
      <c r="C850">
        <v>3</v>
      </c>
      <c r="D850" t="s">
        <v>7339</v>
      </c>
      <c r="E850" t="s">
        <v>32042</v>
      </c>
      <c r="F850">
        <v>3</v>
      </c>
      <c r="G850" t="s">
        <v>774</v>
      </c>
      <c r="H850" t="s">
        <v>7340</v>
      </c>
      <c r="I850" t="s">
        <v>30540</v>
      </c>
    </row>
    <row r="851" spans="1:9">
      <c r="A851" s="1">
        <v>0.77393270676166015</v>
      </c>
      <c r="B851" s="1"/>
      <c r="C851">
        <v>15</v>
      </c>
      <c r="D851" t="s">
        <v>7343</v>
      </c>
      <c r="E851" t="s">
        <v>32042</v>
      </c>
      <c r="F851">
        <v>3</v>
      </c>
      <c r="G851" t="s">
        <v>0</v>
      </c>
      <c r="H851" t="s">
        <v>7344</v>
      </c>
      <c r="I851" t="s">
        <v>30540</v>
      </c>
    </row>
    <row r="852" spans="1:9">
      <c r="A852" s="1">
        <v>0.98879631643320443</v>
      </c>
      <c r="B852" s="1"/>
      <c r="C852">
        <v>1</v>
      </c>
      <c r="D852" t="s">
        <v>7317</v>
      </c>
      <c r="E852" t="s">
        <v>32045</v>
      </c>
      <c r="F852">
        <v>2</v>
      </c>
      <c r="G852" t="s">
        <v>0</v>
      </c>
      <c r="H852" t="s">
        <v>7318</v>
      </c>
      <c r="I852" t="s">
        <v>30540</v>
      </c>
    </row>
    <row r="853" spans="1:9">
      <c r="A853" s="1">
        <v>0.41528879409559238</v>
      </c>
      <c r="B853" s="1"/>
      <c r="C853">
        <v>16</v>
      </c>
      <c r="D853" t="s">
        <v>7323</v>
      </c>
      <c r="E853" t="s">
        <v>32045</v>
      </c>
      <c r="F853">
        <v>2</v>
      </c>
      <c r="G853" t="s">
        <v>0</v>
      </c>
      <c r="H853" t="s">
        <v>7324</v>
      </c>
      <c r="I853" t="s">
        <v>30540</v>
      </c>
    </row>
    <row r="854" spans="1:9">
      <c r="A854" s="1">
        <v>9.6135402078261434E-2</v>
      </c>
      <c r="B854" s="1"/>
      <c r="C854">
        <v>14</v>
      </c>
      <c r="D854" t="s">
        <v>7319</v>
      </c>
      <c r="E854" t="s">
        <v>32045</v>
      </c>
      <c r="F854">
        <v>1</v>
      </c>
      <c r="G854" t="s">
        <v>2</v>
      </c>
      <c r="H854" t="s">
        <v>7320</v>
      </c>
      <c r="I854" t="s">
        <v>30540</v>
      </c>
    </row>
    <row r="855" spans="1:9">
      <c r="A855" s="1">
        <v>0.20395300338409528</v>
      </c>
      <c r="B855" s="1"/>
      <c r="C855">
        <v>5</v>
      </c>
      <c r="D855" t="s">
        <v>7305</v>
      </c>
      <c r="E855" t="s">
        <v>32046</v>
      </c>
      <c r="F855">
        <v>2</v>
      </c>
      <c r="G855" t="s">
        <v>14</v>
      </c>
      <c r="H855" t="s">
        <v>7306</v>
      </c>
      <c r="I855" t="s">
        <v>30540</v>
      </c>
    </row>
    <row r="856" spans="1:9">
      <c r="A856" s="1">
        <v>0.83173170481701231</v>
      </c>
      <c r="B856" s="1"/>
      <c r="C856">
        <v>8</v>
      </c>
      <c r="D856" t="s">
        <v>7307</v>
      </c>
      <c r="E856" t="s">
        <v>32046</v>
      </c>
      <c r="F856">
        <v>1</v>
      </c>
      <c r="G856" t="s">
        <v>1</v>
      </c>
      <c r="H856" t="s">
        <v>7308</v>
      </c>
      <c r="I856" t="s">
        <v>30540</v>
      </c>
    </row>
    <row r="857" spans="1:9">
      <c r="A857" s="1">
        <v>0.92123772962527328</v>
      </c>
      <c r="B857" s="1"/>
      <c r="C857">
        <v>19</v>
      </c>
      <c r="D857" t="s">
        <v>7303</v>
      </c>
      <c r="E857" t="s">
        <v>32047</v>
      </c>
      <c r="F857">
        <v>3</v>
      </c>
      <c r="G857" t="s">
        <v>0</v>
      </c>
      <c r="H857" t="s">
        <v>7304</v>
      </c>
      <c r="I857" t="s">
        <v>30540</v>
      </c>
    </row>
    <row r="858" spans="1:9">
      <c r="A858" s="1">
        <v>0.82304314734167683</v>
      </c>
      <c r="B858" s="1"/>
      <c r="C858">
        <v>9</v>
      </c>
      <c r="D858" t="s">
        <v>7297</v>
      </c>
      <c r="E858" t="s">
        <v>32047</v>
      </c>
      <c r="F858">
        <v>3</v>
      </c>
      <c r="G858" t="s">
        <v>774</v>
      </c>
      <c r="H858" t="s">
        <v>7298</v>
      </c>
      <c r="I858" t="s">
        <v>30540</v>
      </c>
    </row>
    <row r="859" spans="1:9">
      <c r="A859" s="1">
        <v>0.91943167951775573</v>
      </c>
      <c r="B859" s="1"/>
      <c r="C859">
        <v>14</v>
      </c>
      <c r="D859" t="s">
        <v>7285</v>
      </c>
      <c r="E859" t="s">
        <v>32049</v>
      </c>
      <c r="F859">
        <v>3</v>
      </c>
      <c r="G859" t="s">
        <v>0</v>
      </c>
      <c r="H859" t="s">
        <v>7286</v>
      </c>
      <c r="I859" t="s">
        <v>30540</v>
      </c>
    </row>
    <row r="860" spans="1:9">
      <c r="A860" s="1">
        <v>0.49483695511962078</v>
      </c>
      <c r="B860" s="1"/>
      <c r="C860">
        <v>20</v>
      </c>
      <c r="D860" t="s">
        <v>7281</v>
      </c>
      <c r="E860" t="s">
        <v>32050</v>
      </c>
      <c r="F860">
        <v>3</v>
      </c>
      <c r="G860" t="s">
        <v>15</v>
      </c>
      <c r="H860" t="s">
        <v>7282</v>
      </c>
      <c r="I860" t="s">
        <v>30540</v>
      </c>
    </row>
    <row r="861" spans="1:9">
      <c r="A861" s="1">
        <v>0.97985058354247845</v>
      </c>
      <c r="B861" s="1"/>
      <c r="C861">
        <v>17</v>
      </c>
      <c r="D861" t="s">
        <v>7279</v>
      </c>
      <c r="E861" t="s">
        <v>32050</v>
      </c>
      <c r="F861">
        <v>3</v>
      </c>
      <c r="G861" t="s">
        <v>0</v>
      </c>
      <c r="H861" t="s">
        <v>7280</v>
      </c>
      <c r="I861" t="s">
        <v>30540</v>
      </c>
    </row>
    <row r="862" spans="1:9">
      <c r="A862" s="1">
        <v>0.72304538609563851</v>
      </c>
      <c r="B862" s="1"/>
      <c r="C862">
        <v>1</v>
      </c>
      <c r="D862" t="s">
        <v>7257</v>
      </c>
      <c r="E862" t="s">
        <v>32051</v>
      </c>
      <c r="F862">
        <v>3</v>
      </c>
      <c r="G862" t="s">
        <v>9</v>
      </c>
      <c r="H862" t="s">
        <v>7258</v>
      </c>
      <c r="I862" t="s">
        <v>30540</v>
      </c>
    </row>
    <row r="863" spans="1:9">
      <c r="A863" s="1">
        <v>0.19991555785646387</v>
      </c>
      <c r="B863" s="1"/>
      <c r="C863">
        <v>12</v>
      </c>
      <c r="D863" t="s">
        <v>7267</v>
      </c>
      <c r="E863" t="s">
        <v>32051</v>
      </c>
      <c r="F863">
        <v>3</v>
      </c>
      <c r="G863" t="s">
        <v>0</v>
      </c>
      <c r="H863" t="s">
        <v>7268</v>
      </c>
      <c r="I863" t="s">
        <v>30540</v>
      </c>
    </row>
    <row r="864" spans="1:9">
      <c r="A864" s="1">
        <v>5.5555979785381737E-2</v>
      </c>
      <c r="B864" s="1"/>
      <c r="C864">
        <v>2</v>
      </c>
      <c r="D864" t="s">
        <v>7247</v>
      </c>
      <c r="E864" t="s">
        <v>32052</v>
      </c>
      <c r="F864">
        <v>2</v>
      </c>
      <c r="G864" t="s">
        <v>770</v>
      </c>
      <c r="H864" t="s">
        <v>7248</v>
      </c>
      <c r="I864" t="s">
        <v>30540</v>
      </c>
    </row>
    <row r="865" spans="1:9">
      <c r="A865" s="1">
        <v>0.11993160425237959</v>
      </c>
      <c r="B865" s="1"/>
      <c r="C865">
        <v>15</v>
      </c>
      <c r="D865" t="s">
        <v>7241</v>
      </c>
      <c r="E865" t="s">
        <v>32053</v>
      </c>
      <c r="F865">
        <v>2</v>
      </c>
      <c r="G865" t="s">
        <v>1</v>
      </c>
      <c r="H865" t="s">
        <v>7242</v>
      </c>
      <c r="I865" t="s">
        <v>30540</v>
      </c>
    </row>
    <row r="866" spans="1:9">
      <c r="A866" s="1">
        <v>0.20898453601779543</v>
      </c>
      <c r="B866" s="1"/>
      <c r="C866">
        <v>18</v>
      </c>
      <c r="D866" t="s">
        <v>7237</v>
      </c>
      <c r="E866" t="s">
        <v>32055</v>
      </c>
      <c r="F866">
        <v>3</v>
      </c>
      <c r="G866" t="s">
        <v>2</v>
      </c>
      <c r="H866" t="s">
        <v>7238</v>
      </c>
      <c r="I866" t="s">
        <v>30540</v>
      </c>
    </row>
    <row r="867" spans="1:9">
      <c r="A867" s="1">
        <v>0.93548626442578098</v>
      </c>
      <c r="B867" s="1"/>
      <c r="C867">
        <v>16</v>
      </c>
      <c r="D867" t="s">
        <v>7235</v>
      </c>
      <c r="E867" t="s">
        <v>32055</v>
      </c>
      <c r="F867">
        <v>3</v>
      </c>
      <c r="G867" t="s">
        <v>0</v>
      </c>
      <c r="H867" t="s">
        <v>7236</v>
      </c>
      <c r="I867" t="s">
        <v>30540</v>
      </c>
    </row>
    <row r="868" spans="1:9">
      <c r="A868" s="1">
        <v>0.5859339164191868</v>
      </c>
      <c r="B868" s="1"/>
      <c r="C868">
        <v>17</v>
      </c>
      <c r="D868" t="s">
        <v>7223</v>
      </c>
      <c r="E868" t="s">
        <v>32057</v>
      </c>
      <c r="F868">
        <v>3</v>
      </c>
      <c r="G868" t="s">
        <v>0</v>
      </c>
      <c r="H868" t="s">
        <v>7224</v>
      </c>
      <c r="I868" t="s">
        <v>30540</v>
      </c>
    </row>
    <row r="869" spans="1:9">
      <c r="A869" s="1">
        <v>0.93430944531322435</v>
      </c>
      <c r="B869" s="1"/>
      <c r="C869">
        <v>14</v>
      </c>
      <c r="D869" t="s">
        <v>7221</v>
      </c>
      <c r="E869" t="s">
        <v>32057</v>
      </c>
      <c r="F869">
        <v>2</v>
      </c>
      <c r="G869" t="s">
        <v>0</v>
      </c>
      <c r="H869" t="s">
        <v>7222</v>
      </c>
      <c r="I869" t="s">
        <v>30540</v>
      </c>
    </row>
    <row r="870" spans="1:9">
      <c r="A870" s="1">
        <v>7.7944542726715582E-2</v>
      </c>
      <c r="B870" s="1"/>
      <c r="C870">
        <v>3</v>
      </c>
      <c r="D870" t="s">
        <v>7215</v>
      </c>
      <c r="E870" t="s">
        <v>32057</v>
      </c>
      <c r="F870">
        <v>2</v>
      </c>
      <c r="G870" t="s">
        <v>774</v>
      </c>
      <c r="H870" t="s">
        <v>7216</v>
      </c>
      <c r="I870" t="s">
        <v>30540</v>
      </c>
    </row>
    <row r="871" spans="1:9">
      <c r="A871" s="1">
        <v>0.86730807554364775</v>
      </c>
      <c r="B871" s="1"/>
      <c r="C871">
        <v>19</v>
      </c>
      <c r="D871" t="s">
        <v>7211</v>
      </c>
      <c r="E871" t="s">
        <v>32058</v>
      </c>
      <c r="F871">
        <v>3</v>
      </c>
      <c r="G871" t="s">
        <v>15</v>
      </c>
      <c r="H871" t="s">
        <v>7212</v>
      </c>
      <c r="I871" t="s">
        <v>30540</v>
      </c>
    </row>
    <row r="872" spans="1:9">
      <c r="A872" s="1">
        <v>0.22475572353099549</v>
      </c>
      <c r="B872" s="1"/>
      <c r="C872">
        <v>9</v>
      </c>
      <c r="D872" t="s">
        <v>7205</v>
      </c>
      <c r="E872" t="s">
        <v>32058</v>
      </c>
      <c r="F872">
        <v>2</v>
      </c>
      <c r="G872" t="s">
        <v>0</v>
      </c>
      <c r="H872" t="s">
        <v>7206</v>
      </c>
      <c r="I872" t="s">
        <v>30540</v>
      </c>
    </row>
    <row r="873" spans="1:9">
      <c r="A873" s="1">
        <v>0.61614447652861981</v>
      </c>
      <c r="B873" s="1"/>
      <c r="C873">
        <v>15</v>
      </c>
      <c r="D873" t="s">
        <v>7191</v>
      </c>
      <c r="E873" t="s">
        <v>32060</v>
      </c>
      <c r="F873">
        <v>2</v>
      </c>
      <c r="G873" t="s">
        <v>0</v>
      </c>
      <c r="H873" t="s">
        <v>7192</v>
      </c>
      <c r="I873" t="s">
        <v>30540</v>
      </c>
    </row>
    <row r="874" spans="1:9">
      <c r="A874" s="1">
        <v>0.37322623887670903</v>
      </c>
      <c r="B874" s="1"/>
      <c r="C874">
        <v>13</v>
      </c>
      <c r="D874" t="s">
        <v>7169</v>
      </c>
      <c r="E874" t="s">
        <v>32063</v>
      </c>
      <c r="F874">
        <v>2</v>
      </c>
      <c r="G874" t="s">
        <v>1295</v>
      </c>
      <c r="H874" t="s">
        <v>7170</v>
      </c>
      <c r="I874" t="s">
        <v>30540</v>
      </c>
    </row>
    <row r="875" spans="1:9">
      <c r="A875" s="1">
        <v>0.76117905595653246</v>
      </c>
      <c r="B875" s="1"/>
      <c r="C875">
        <v>20</v>
      </c>
      <c r="D875" t="s">
        <v>7157</v>
      </c>
      <c r="E875" t="s">
        <v>32065</v>
      </c>
      <c r="F875">
        <v>3</v>
      </c>
      <c r="G875" t="s">
        <v>0</v>
      </c>
      <c r="H875" t="s">
        <v>7158</v>
      </c>
      <c r="I875" t="s">
        <v>30540</v>
      </c>
    </row>
    <row r="876" spans="1:9">
      <c r="A876" s="1">
        <v>8.9070523821012215E-2</v>
      </c>
      <c r="B876" s="1"/>
      <c r="C876">
        <v>18</v>
      </c>
      <c r="D876" t="s">
        <v>7153</v>
      </c>
      <c r="E876" t="s">
        <v>32065</v>
      </c>
      <c r="F876">
        <v>2</v>
      </c>
      <c r="G876" t="s">
        <v>0</v>
      </c>
      <c r="H876" t="s">
        <v>7154</v>
      </c>
      <c r="I876" t="s">
        <v>30540</v>
      </c>
    </row>
    <row r="877" spans="1:9">
      <c r="A877" s="1">
        <v>0.65377846640103965</v>
      </c>
      <c r="B877" s="1"/>
      <c r="C877">
        <v>14</v>
      </c>
      <c r="D877" t="s">
        <v>7125</v>
      </c>
      <c r="E877" t="s">
        <v>32067</v>
      </c>
      <c r="F877">
        <v>3</v>
      </c>
      <c r="G877" t="s">
        <v>774</v>
      </c>
      <c r="H877" t="s">
        <v>7126</v>
      </c>
      <c r="I877" t="s">
        <v>30540</v>
      </c>
    </row>
    <row r="878" spans="1:9">
      <c r="A878" s="1">
        <v>0.63147898306583838</v>
      </c>
      <c r="B878" s="1"/>
      <c r="C878">
        <v>9</v>
      </c>
      <c r="D878" t="s">
        <v>7123</v>
      </c>
      <c r="E878" t="s">
        <v>32067</v>
      </c>
      <c r="F878">
        <v>2</v>
      </c>
      <c r="G878" t="s">
        <v>9</v>
      </c>
      <c r="H878" t="s">
        <v>7124</v>
      </c>
      <c r="I878" t="s">
        <v>30540</v>
      </c>
    </row>
    <row r="879" spans="1:9">
      <c r="A879" s="1">
        <v>0.4967419233351249</v>
      </c>
      <c r="B879" s="1"/>
      <c r="C879">
        <v>7</v>
      </c>
      <c r="D879" t="s">
        <v>7113</v>
      </c>
      <c r="E879" t="s">
        <v>32068</v>
      </c>
      <c r="F879">
        <v>3</v>
      </c>
      <c r="G879" t="s">
        <v>10</v>
      </c>
      <c r="H879" t="s">
        <v>7114</v>
      </c>
      <c r="I879" t="s">
        <v>30540</v>
      </c>
    </row>
    <row r="880" spans="1:9">
      <c r="A880" s="1">
        <v>0.31226617943292279</v>
      </c>
      <c r="B880" s="1"/>
      <c r="C880">
        <v>8</v>
      </c>
      <c r="D880" t="s">
        <v>7101</v>
      </c>
      <c r="E880" t="s">
        <v>32071</v>
      </c>
      <c r="F880">
        <v>2</v>
      </c>
      <c r="G880" t="s">
        <v>15</v>
      </c>
      <c r="H880" t="s">
        <v>7102</v>
      </c>
      <c r="I880" t="s">
        <v>30540</v>
      </c>
    </row>
    <row r="881" spans="1:9">
      <c r="A881" s="1">
        <v>0.4649087221498035</v>
      </c>
      <c r="B881" s="1"/>
      <c r="C881">
        <v>4</v>
      </c>
      <c r="D881" t="s">
        <v>7099</v>
      </c>
      <c r="E881" t="s">
        <v>32071</v>
      </c>
      <c r="F881">
        <v>2</v>
      </c>
      <c r="G881" t="s">
        <v>9</v>
      </c>
      <c r="H881" t="s">
        <v>7100</v>
      </c>
      <c r="I881" t="s">
        <v>30540</v>
      </c>
    </row>
    <row r="882" spans="1:9">
      <c r="A882" s="1">
        <v>0.85120537461504331</v>
      </c>
      <c r="B882" s="1"/>
      <c r="C882">
        <v>3</v>
      </c>
      <c r="D882" t="s">
        <v>7087</v>
      </c>
      <c r="E882" t="s">
        <v>32074</v>
      </c>
      <c r="F882">
        <v>3</v>
      </c>
      <c r="G882" t="s">
        <v>2</v>
      </c>
      <c r="H882" t="s">
        <v>7088</v>
      </c>
      <c r="I882" t="s">
        <v>30540</v>
      </c>
    </row>
    <row r="883" spans="1:9">
      <c r="A883" s="1">
        <v>0.39308837181871825</v>
      </c>
      <c r="B883" s="1"/>
      <c r="C883">
        <v>8</v>
      </c>
      <c r="D883" t="s">
        <v>7077</v>
      </c>
      <c r="E883" t="s">
        <v>32075</v>
      </c>
      <c r="F883">
        <v>2</v>
      </c>
      <c r="G883" t="s">
        <v>14</v>
      </c>
      <c r="H883" t="s">
        <v>7078</v>
      </c>
      <c r="I883" t="s">
        <v>30540</v>
      </c>
    </row>
    <row r="884" spans="1:9">
      <c r="A884" s="1">
        <v>0.15337081804573893</v>
      </c>
      <c r="B884" s="1"/>
      <c r="C884">
        <v>16</v>
      </c>
      <c r="D884" t="s">
        <v>7083</v>
      </c>
      <c r="E884" t="s">
        <v>32075</v>
      </c>
      <c r="F884">
        <v>2</v>
      </c>
      <c r="G884" t="s">
        <v>0</v>
      </c>
      <c r="H884" t="s">
        <v>7084</v>
      </c>
      <c r="I884" t="s">
        <v>30540</v>
      </c>
    </row>
    <row r="885" spans="1:9">
      <c r="A885" s="1">
        <v>9.8176492135931048E-2</v>
      </c>
      <c r="B885" s="1"/>
      <c r="C885">
        <v>13</v>
      </c>
      <c r="D885" t="s">
        <v>7079</v>
      </c>
      <c r="E885" t="s">
        <v>32075</v>
      </c>
      <c r="F885">
        <v>2</v>
      </c>
      <c r="G885" t="s">
        <v>14</v>
      </c>
      <c r="H885" t="s">
        <v>7080</v>
      </c>
      <c r="I885" t="s">
        <v>30540</v>
      </c>
    </row>
    <row r="886" spans="1:9">
      <c r="A886" s="1">
        <v>0.56048542125219525</v>
      </c>
      <c r="B886" s="1"/>
      <c r="C886">
        <v>6</v>
      </c>
      <c r="D886" t="s">
        <v>7061</v>
      </c>
      <c r="E886" t="s">
        <v>32077</v>
      </c>
      <c r="F886">
        <v>2</v>
      </c>
      <c r="G886" t="s">
        <v>15</v>
      </c>
      <c r="H886" t="s">
        <v>7062</v>
      </c>
      <c r="I886" t="s">
        <v>30540</v>
      </c>
    </row>
    <row r="887" spans="1:9">
      <c r="A887" s="1">
        <v>0.5467846772676167</v>
      </c>
      <c r="B887" s="1"/>
      <c r="C887">
        <v>3</v>
      </c>
      <c r="D887" t="s">
        <v>7055</v>
      </c>
      <c r="E887" t="s">
        <v>32078</v>
      </c>
      <c r="F887">
        <v>2</v>
      </c>
      <c r="G887" t="s">
        <v>770</v>
      </c>
      <c r="H887" t="s">
        <v>7056</v>
      </c>
      <c r="I887" t="s">
        <v>30540</v>
      </c>
    </row>
    <row r="888" spans="1:9">
      <c r="A888" s="1">
        <v>0.79815674616317722</v>
      </c>
      <c r="B888" s="1"/>
      <c r="C888">
        <v>1</v>
      </c>
      <c r="D888" t="s">
        <v>7047</v>
      </c>
      <c r="E888" t="s">
        <v>32079</v>
      </c>
      <c r="F888">
        <v>3</v>
      </c>
      <c r="G888" t="s">
        <v>2</v>
      </c>
      <c r="H888" t="s">
        <v>7048</v>
      </c>
      <c r="I888" t="s">
        <v>30540</v>
      </c>
    </row>
    <row r="889" spans="1:9">
      <c r="A889" s="1">
        <v>0.64356548959712956</v>
      </c>
      <c r="B889" s="1"/>
      <c r="C889">
        <v>3</v>
      </c>
      <c r="D889" t="s">
        <v>7035</v>
      </c>
      <c r="E889" t="s">
        <v>32080</v>
      </c>
      <c r="F889">
        <v>3</v>
      </c>
      <c r="G889" t="s">
        <v>9</v>
      </c>
      <c r="H889" t="s">
        <v>7036</v>
      </c>
      <c r="I889" t="s">
        <v>30540</v>
      </c>
    </row>
    <row r="890" spans="1:9">
      <c r="A890" s="1">
        <v>0.33134841966947159</v>
      </c>
      <c r="B890" s="1"/>
      <c r="C890">
        <v>14</v>
      </c>
      <c r="D890" t="s">
        <v>7021</v>
      </c>
      <c r="E890" t="s">
        <v>32082</v>
      </c>
      <c r="F890">
        <v>2</v>
      </c>
      <c r="G890" t="s">
        <v>0</v>
      </c>
      <c r="H890" t="s">
        <v>7022</v>
      </c>
      <c r="I890" t="s">
        <v>30540</v>
      </c>
    </row>
    <row r="891" spans="1:9">
      <c r="A891" s="1">
        <v>0.25915052231061997</v>
      </c>
      <c r="B891" s="1"/>
      <c r="C891">
        <v>3</v>
      </c>
      <c r="D891" t="s">
        <v>7017</v>
      </c>
      <c r="E891" t="s">
        <v>32082</v>
      </c>
      <c r="F891">
        <v>1</v>
      </c>
      <c r="G891" t="s">
        <v>770</v>
      </c>
      <c r="H891" t="s">
        <v>7018</v>
      </c>
      <c r="I891" t="s">
        <v>30540</v>
      </c>
    </row>
    <row r="892" spans="1:9">
      <c r="A892" s="1">
        <v>0.74812477369401686</v>
      </c>
      <c r="B892" s="1"/>
      <c r="C892">
        <v>2</v>
      </c>
      <c r="D892" t="s">
        <v>7005</v>
      </c>
      <c r="E892" t="s">
        <v>32083</v>
      </c>
      <c r="F892">
        <v>2</v>
      </c>
      <c r="G892" t="s">
        <v>14</v>
      </c>
      <c r="H892" t="s">
        <v>7006</v>
      </c>
      <c r="I892" t="s">
        <v>30540</v>
      </c>
    </row>
    <row r="893" spans="1:9">
      <c r="A893" s="1">
        <v>0.59735619522827588</v>
      </c>
      <c r="B893" s="1"/>
      <c r="C893">
        <v>9</v>
      </c>
      <c r="D893" t="s">
        <v>6972</v>
      </c>
      <c r="E893" t="s">
        <v>32087</v>
      </c>
      <c r="F893">
        <v>3</v>
      </c>
      <c r="G893" t="s">
        <v>0</v>
      </c>
      <c r="H893" t="s">
        <v>6973</v>
      </c>
      <c r="I893" t="s">
        <v>30540</v>
      </c>
    </row>
    <row r="894" spans="1:9">
      <c r="A894" s="1">
        <v>0.90217125387311636</v>
      </c>
      <c r="B894" s="1"/>
      <c r="C894">
        <v>20</v>
      </c>
      <c r="D894" t="s">
        <v>6982</v>
      </c>
      <c r="E894" t="s">
        <v>32087</v>
      </c>
      <c r="F894">
        <v>3</v>
      </c>
      <c r="G894" t="s">
        <v>762</v>
      </c>
      <c r="H894" t="s">
        <v>6983</v>
      </c>
      <c r="I894" t="s">
        <v>30540</v>
      </c>
    </row>
    <row r="895" spans="1:9">
      <c r="A895" s="1">
        <v>0.63325570483605431</v>
      </c>
      <c r="B895" s="1"/>
      <c r="C895">
        <v>1</v>
      </c>
      <c r="D895" t="s">
        <v>6948</v>
      </c>
      <c r="E895" t="s">
        <v>32090</v>
      </c>
      <c r="F895">
        <v>2</v>
      </c>
      <c r="G895" t="s">
        <v>765</v>
      </c>
      <c r="H895" t="s">
        <v>6949</v>
      </c>
      <c r="I895" t="s">
        <v>30540</v>
      </c>
    </row>
    <row r="896" spans="1:9">
      <c r="A896" s="1">
        <v>0.74999948255466609</v>
      </c>
      <c r="B896" s="1"/>
      <c r="C896">
        <v>13</v>
      </c>
      <c r="D896" t="s">
        <v>6944</v>
      </c>
      <c r="E896" t="s">
        <v>32091</v>
      </c>
      <c r="F896">
        <v>2</v>
      </c>
      <c r="G896" t="s">
        <v>9</v>
      </c>
      <c r="H896" t="s">
        <v>6945</v>
      </c>
      <c r="I896" t="s">
        <v>30540</v>
      </c>
    </row>
    <row r="897" spans="1:9">
      <c r="A897" s="1">
        <v>0.13917059745579641</v>
      </c>
      <c r="B897" s="1"/>
      <c r="C897">
        <v>1</v>
      </c>
      <c r="D897" t="s">
        <v>6904</v>
      </c>
      <c r="E897" t="s">
        <v>32096</v>
      </c>
      <c r="F897">
        <v>3</v>
      </c>
      <c r="G897" t="s">
        <v>0</v>
      </c>
      <c r="H897" t="s">
        <v>6905</v>
      </c>
      <c r="I897" t="s">
        <v>30540</v>
      </c>
    </row>
    <row r="898" spans="1:9">
      <c r="A898" s="1">
        <v>0.62811977661105012</v>
      </c>
      <c r="B898" s="1"/>
      <c r="C898">
        <v>5</v>
      </c>
      <c r="D898" t="s">
        <v>6906</v>
      </c>
      <c r="E898" t="s">
        <v>32096</v>
      </c>
      <c r="F898">
        <v>3</v>
      </c>
      <c r="G898" t="s">
        <v>0</v>
      </c>
      <c r="H898" t="s">
        <v>6907</v>
      </c>
      <c r="I898" t="s">
        <v>30540</v>
      </c>
    </row>
    <row r="899" spans="1:9">
      <c r="A899" s="1">
        <v>0.75589851753520176</v>
      </c>
      <c r="B899" s="1"/>
      <c r="C899">
        <v>3</v>
      </c>
      <c r="D899" t="s">
        <v>6896</v>
      </c>
      <c r="E899" t="s">
        <v>32098</v>
      </c>
      <c r="F899">
        <v>2</v>
      </c>
      <c r="G899" t="s">
        <v>0</v>
      </c>
      <c r="H899" t="s">
        <v>6897</v>
      </c>
      <c r="I899" t="s">
        <v>30540</v>
      </c>
    </row>
    <row r="900" spans="1:9">
      <c r="A900" s="1">
        <v>0.30501297201676292</v>
      </c>
      <c r="B900" s="1"/>
      <c r="C900">
        <v>7</v>
      </c>
      <c r="D900" t="s">
        <v>6890</v>
      </c>
      <c r="E900" t="s">
        <v>32099</v>
      </c>
      <c r="F900">
        <v>3</v>
      </c>
      <c r="G900" t="s">
        <v>0</v>
      </c>
      <c r="H900" t="s">
        <v>6891</v>
      </c>
      <c r="I900" t="s">
        <v>30540</v>
      </c>
    </row>
    <row r="901" spans="1:9">
      <c r="A901" s="1">
        <v>0.75741625437674986</v>
      </c>
      <c r="B901" s="1"/>
      <c r="C901">
        <v>2</v>
      </c>
      <c r="D901" t="s">
        <v>6874</v>
      </c>
      <c r="E901" t="s">
        <v>32100</v>
      </c>
      <c r="F901">
        <v>3</v>
      </c>
      <c r="G901" t="s">
        <v>774</v>
      </c>
      <c r="H901" t="s">
        <v>6875</v>
      </c>
      <c r="I901" t="s">
        <v>30540</v>
      </c>
    </row>
    <row r="902" spans="1:9">
      <c r="A902" s="1">
        <v>0.4871629999298478</v>
      </c>
      <c r="B902" s="1"/>
      <c r="C902">
        <v>16</v>
      </c>
      <c r="D902" t="s">
        <v>6880</v>
      </c>
      <c r="E902" t="s">
        <v>32100</v>
      </c>
      <c r="F902">
        <v>2</v>
      </c>
      <c r="G902" t="s">
        <v>0</v>
      </c>
      <c r="H902" t="s">
        <v>6881</v>
      </c>
      <c r="I902" t="s">
        <v>30540</v>
      </c>
    </row>
    <row r="903" spans="1:9">
      <c r="A903" s="1">
        <v>0.1341101340980535</v>
      </c>
      <c r="B903" s="1"/>
      <c r="C903">
        <v>9</v>
      </c>
      <c r="D903" t="s">
        <v>6878</v>
      </c>
      <c r="E903" t="s">
        <v>32100</v>
      </c>
      <c r="F903">
        <v>2</v>
      </c>
      <c r="G903" t="s">
        <v>9</v>
      </c>
      <c r="H903" t="s">
        <v>6879</v>
      </c>
      <c r="I903" t="s">
        <v>30540</v>
      </c>
    </row>
    <row r="904" spans="1:9">
      <c r="A904" s="1">
        <v>0.77442739995830123</v>
      </c>
      <c r="B904" s="1"/>
      <c r="C904">
        <v>19</v>
      </c>
      <c r="D904" t="s">
        <v>6884</v>
      </c>
      <c r="E904" t="s">
        <v>32100</v>
      </c>
      <c r="F904">
        <v>2</v>
      </c>
      <c r="G904" t="s">
        <v>0</v>
      </c>
      <c r="H904" t="s">
        <v>6885</v>
      </c>
      <c r="I904" t="s">
        <v>30540</v>
      </c>
    </row>
    <row r="905" spans="1:9">
      <c r="A905" s="1">
        <v>0.32984197619061728</v>
      </c>
      <c r="B905" s="1"/>
      <c r="C905">
        <v>18</v>
      </c>
      <c r="D905" t="s">
        <v>6882</v>
      </c>
      <c r="E905" t="s">
        <v>32100</v>
      </c>
      <c r="F905">
        <v>2</v>
      </c>
      <c r="G905" t="s">
        <v>0</v>
      </c>
      <c r="H905" t="s">
        <v>6883</v>
      </c>
      <c r="I905" t="s">
        <v>30540</v>
      </c>
    </row>
    <row r="906" spans="1:9">
      <c r="A906" s="1">
        <v>8.2575708993228081E-2</v>
      </c>
      <c r="B906" s="1"/>
      <c r="C906">
        <v>16</v>
      </c>
      <c r="D906" t="s">
        <v>6860</v>
      </c>
      <c r="E906" t="s">
        <v>32102</v>
      </c>
      <c r="F906">
        <v>0</v>
      </c>
      <c r="G906" t="s">
        <v>0</v>
      </c>
      <c r="H906" t="s">
        <v>6861</v>
      </c>
      <c r="I906" t="s">
        <v>30540</v>
      </c>
    </row>
    <row r="907" spans="1:9">
      <c r="A907" s="1">
        <v>2.7576984695007689E-2</v>
      </c>
      <c r="B907" s="1"/>
      <c r="C907">
        <v>1</v>
      </c>
      <c r="D907" t="s">
        <v>6846</v>
      </c>
      <c r="E907" t="s">
        <v>32103</v>
      </c>
      <c r="F907">
        <v>2</v>
      </c>
      <c r="G907" t="s">
        <v>9</v>
      </c>
      <c r="H907" t="s">
        <v>6847</v>
      </c>
      <c r="I907" t="s">
        <v>30540</v>
      </c>
    </row>
    <row r="908" spans="1:9">
      <c r="A908" s="1">
        <v>0.2865376434186393</v>
      </c>
      <c r="B908" s="1"/>
      <c r="C908">
        <v>10</v>
      </c>
      <c r="D908" t="s">
        <v>6842</v>
      </c>
      <c r="E908" t="s">
        <v>32104</v>
      </c>
      <c r="F908">
        <v>2</v>
      </c>
      <c r="G908" t="s">
        <v>10</v>
      </c>
      <c r="H908" t="s">
        <v>6843</v>
      </c>
      <c r="I908" t="s">
        <v>30540</v>
      </c>
    </row>
    <row r="909" spans="1:9">
      <c r="A909" s="1">
        <v>0.61117529048628094</v>
      </c>
      <c r="B909" s="1"/>
      <c r="C909">
        <v>8</v>
      </c>
      <c r="D909" t="s">
        <v>6840</v>
      </c>
      <c r="E909" t="s">
        <v>32104</v>
      </c>
      <c r="F909">
        <v>2</v>
      </c>
      <c r="G909" t="s">
        <v>0</v>
      </c>
      <c r="H909" t="s">
        <v>6841</v>
      </c>
      <c r="I909" t="s">
        <v>30540</v>
      </c>
    </row>
    <row r="910" spans="1:9">
      <c r="A910" s="1">
        <v>0.82265004686092014</v>
      </c>
      <c r="B910" s="1"/>
      <c r="C910">
        <v>11</v>
      </c>
      <c r="D910" t="s">
        <v>6832</v>
      </c>
      <c r="E910" t="s">
        <v>32105</v>
      </c>
      <c r="F910">
        <v>1</v>
      </c>
      <c r="G910" t="s">
        <v>15</v>
      </c>
      <c r="H910" t="s">
        <v>6833</v>
      </c>
      <c r="I910" t="s">
        <v>30540</v>
      </c>
    </row>
    <row r="911" spans="1:9">
      <c r="A911" s="1">
        <v>0.69712740972801612</v>
      </c>
      <c r="B911" s="1"/>
      <c r="C911">
        <v>19</v>
      </c>
      <c r="D911" t="s">
        <v>6830</v>
      </c>
      <c r="E911" t="s">
        <v>32106</v>
      </c>
      <c r="F911">
        <v>3</v>
      </c>
      <c r="G911" t="s">
        <v>0</v>
      </c>
      <c r="H911" t="s">
        <v>6831</v>
      </c>
      <c r="I911" t="s">
        <v>30540</v>
      </c>
    </row>
    <row r="912" spans="1:9">
      <c r="A912" s="1">
        <v>0.9675217903946749</v>
      </c>
      <c r="B912" s="1"/>
      <c r="C912">
        <v>18</v>
      </c>
      <c r="D912" t="s">
        <v>6816</v>
      </c>
      <c r="E912" t="s">
        <v>32107</v>
      </c>
      <c r="F912">
        <v>2</v>
      </c>
      <c r="G912" t="s">
        <v>0</v>
      </c>
      <c r="H912" t="s">
        <v>6817</v>
      </c>
      <c r="I912" t="s">
        <v>30540</v>
      </c>
    </row>
    <row r="913" spans="1:9">
      <c r="A913" s="1">
        <v>7.5634060049332041E-2</v>
      </c>
      <c r="B913" s="1"/>
      <c r="C913">
        <v>7</v>
      </c>
      <c r="D913" t="s">
        <v>6800</v>
      </c>
      <c r="E913" t="s">
        <v>32109</v>
      </c>
      <c r="F913">
        <v>3</v>
      </c>
      <c r="G913" t="s">
        <v>2</v>
      </c>
      <c r="H913" t="s">
        <v>6801</v>
      </c>
      <c r="I913" t="s">
        <v>30540</v>
      </c>
    </row>
    <row r="914" spans="1:9">
      <c r="A914" s="1">
        <v>0.68649973477183712</v>
      </c>
      <c r="B914" s="1"/>
      <c r="C914">
        <v>14</v>
      </c>
      <c r="D914" t="s">
        <v>6784</v>
      </c>
      <c r="E914" t="s">
        <v>32111</v>
      </c>
      <c r="F914">
        <v>3</v>
      </c>
      <c r="G914" t="s">
        <v>10</v>
      </c>
      <c r="H914" t="s">
        <v>6785</v>
      </c>
      <c r="I914" t="s">
        <v>30540</v>
      </c>
    </row>
    <row r="915" spans="1:9">
      <c r="A915" s="1">
        <v>0.50449217677335922</v>
      </c>
      <c r="B915" s="1"/>
      <c r="C915">
        <v>14</v>
      </c>
      <c r="D915" t="s">
        <v>6776</v>
      </c>
      <c r="E915" t="s">
        <v>32112</v>
      </c>
      <c r="F915">
        <v>3</v>
      </c>
      <c r="G915" t="s">
        <v>0</v>
      </c>
      <c r="H915" t="s">
        <v>6777</v>
      </c>
      <c r="I915" t="s">
        <v>30540</v>
      </c>
    </row>
    <row r="916" spans="1:9">
      <c r="A916" s="1">
        <v>0.59633222460040647</v>
      </c>
      <c r="B916" s="1"/>
      <c r="C916">
        <v>16</v>
      </c>
      <c r="D916" t="s">
        <v>6774</v>
      </c>
      <c r="E916" t="s">
        <v>32113</v>
      </c>
      <c r="F916">
        <v>2</v>
      </c>
      <c r="G916" t="s">
        <v>770</v>
      </c>
      <c r="H916" t="s">
        <v>6775</v>
      </c>
      <c r="I916" t="s">
        <v>30540</v>
      </c>
    </row>
    <row r="917" spans="1:9">
      <c r="A917" s="1">
        <v>0.61847004328336042</v>
      </c>
      <c r="B917" s="1"/>
      <c r="C917">
        <v>10</v>
      </c>
      <c r="D917" t="s">
        <v>6756</v>
      </c>
      <c r="E917" t="s">
        <v>32114</v>
      </c>
      <c r="F917">
        <v>3</v>
      </c>
      <c r="G917" t="s">
        <v>0</v>
      </c>
      <c r="H917" t="s">
        <v>6757</v>
      </c>
      <c r="I917" t="s">
        <v>30540</v>
      </c>
    </row>
    <row r="918" spans="1:9">
      <c r="A918" s="1">
        <v>0.35122303665150723</v>
      </c>
      <c r="B918" s="1"/>
      <c r="C918">
        <v>6</v>
      </c>
      <c r="D918" t="s">
        <v>6754</v>
      </c>
      <c r="E918" t="s">
        <v>32114</v>
      </c>
      <c r="F918">
        <v>2</v>
      </c>
      <c r="G918" t="s">
        <v>0</v>
      </c>
      <c r="H918" t="s">
        <v>6755</v>
      </c>
      <c r="I918" t="s">
        <v>30540</v>
      </c>
    </row>
    <row r="919" spans="1:9">
      <c r="A919" s="1">
        <v>2.197762866205466E-2</v>
      </c>
      <c r="B919" s="1"/>
      <c r="C919">
        <v>15</v>
      </c>
      <c r="D919" t="s">
        <v>6750</v>
      </c>
      <c r="E919" t="s">
        <v>32115</v>
      </c>
      <c r="F919">
        <v>1</v>
      </c>
      <c r="G919" t="s">
        <v>10</v>
      </c>
      <c r="H919" t="s">
        <v>6751</v>
      </c>
      <c r="I919" t="s">
        <v>30540</v>
      </c>
    </row>
    <row r="920" spans="1:9">
      <c r="A920" s="1">
        <v>0.90990307145535443</v>
      </c>
      <c r="B920" s="1"/>
      <c r="C920">
        <v>10</v>
      </c>
      <c r="D920" t="s">
        <v>6736</v>
      </c>
      <c r="E920" t="s">
        <v>32116</v>
      </c>
      <c r="F920">
        <v>3</v>
      </c>
      <c r="G920" t="s">
        <v>9</v>
      </c>
      <c r="H920" t="s">
        <v>6737</v>
      </c>
      <c r="I920" t="s">
        <v>30540</v>
      </c>
    </row>
    <row r="921" spans="1:9">
      <c r="A921" s="1">
        <v>0.59420755191636976</v>
      </c>
      <c r="B921" s="1"/>
      <c r="C921">
        <v>17</v>
      </c>
      <c r="D921" t="s">
        <v>6742</v>
      </c>
      <c r="E921" t="s">
        <v>32116</v>
      </c>
      <c r="F921">
        <v>2</v>
      </c>
      <c r="G921" t="s">
        <v>0</v>
      </c>
      <c r="H921" t="s">
        <v>6743</v>
      </c>
      <c r="I921" t="s">
        <v>30540</v>
      </c>
    </row>
    <row r="922" spans="1:9">
      <c r="A922" s="1">
        <v>1.3236081554799717E-2</v>
      </c>
      <c r="B922" s="1"/>
      <c r="C922">
        <v>18</v>
      </c>
      <c r="D922" t="s">
        <v>6744</v>
      </c>
      <c r="E922" t="s">
        <v>32116</v>
      </c>
      <c r="F922">
        <v>2</v>
      </c>
      <c r="G922" t="s">
        <v>0</v>
      </c>
      <c r="H922" t="s">
        <v>6745</v>
      </c>
      <c r="I922" t="s">
        <v>30540</v>
      </c>
    </row>
    <row r="923" spans="1:9">
      <c r="A923" s="1">
        <v>0.68760139471850623</v>
      </c>
      <c r="B923" s="1"/>
      <c r="C923">
        <v>19</v>
      </c>
      <c r="D923" t="s">
        <v>6746</v>
      </c>
      <c r="E923" t="s">
        <v>32116</v>
      </c>
      <c r="F923">
        <v>1</v>
      </c>
      <c r="G923" t="s">
        <v>0</v>
      </c>
      <c r="H923" t="s">
        <v>6747</v>
      </c>
      <c r="I923" t="s">
        <v>30540</v>
      </c>
    </row>
    <row r="924" spans="1:9">
      <c r="A924" s="1">
        <v>0.82435476913807826</v>
      </c>
      <c r="B924" s="1"/>
      <c r="C924">
        <v>15</v>
      </c>
      <c r="D924" t="s">
        <v>10946</v>
      </c>
      <c r="E924" t="s">
        <v>32119</v>
      </c>
      <c r="F924">
        <v>1</v>
      </c>
      <c r="G924" t="s">
        <v>0</v>
      </c>
      <c r="H924" t="s">
        <v>10947</v>
      </c>
      <c r="I924" t="s">
        <v>30540</v>
      </c>
    </row>
    <row r="925" spans="1:9">
      <c r="A925" s="1">
        <v>0.55632777123802801</v>
      </c>
      <c r="B925" s="1"/>
      <c r="C925">
        <v>13</v>
      </c>
      <c r="D925" t="s">
        <v>10930</v>
      </c>
      <c r="E925" t="s">
        <v>32121</v>
      </c>
      <c r="F925">
        <v>3</v>
      </c>
      <c r="G925" t="s">
        <v>0</v>
      </c>
      <c r="H925" t="s">
        <v>10931</v>
      </c>
      <c r="I925" t="s">
        <v>30540</v>
      </c>
    </row>
    <row r="926" spans="1:9">
      <c r="A926" s="1">
        <v>0.92378573877014514</v>
      </c>
      <c r="B926" s="1"/>
      <c r="C926">
        <v>3</v>
      </c>
      <c r="D926" t="s">
        <v>10928</v>
      </c>
      <c r="E926" t="s">
        <v>32121</v>
      </c>
      <c r="F926">
        <v>1</v>
      </c>
      <c r="G926" t="s">
        <v>770</v>
      </c>
      <c r="H926" t="s">
        <v>10929</v>
      </c>
      <c r="I926" t="s">
        <v>30540</v>
      </c>
    </row>
    <row r="927" spans="1:9">
      <c r="A927" s="1">
        <v>9.8170271408225096E-2</v>
      </c>
      <c r="B927" s="1"/>
      <c r="C927">
        <v>19</v>
      </c>
      <c r="D927" t="s">
        <v>10924</v>
      </c>
      <c r="E927" t="s">
        <v>32122</v>
      </c>
      <c r="F927">
        <v>3</v>
      </c>
      <c r="G927" t="s">
        <v>0</v>
      </c>
      <c r="H927" t="s">
        <v>10925</v>
      </c>
      <c r="I927" t="s">
        <v>30540</v>
      </c>
    </row>
    <row r="928" spans="1:9">
      <c r="A928" s="1">
        <v>3.2292387274326373E-2</v>
      </c>
      <c r="B928" s="1"/>
      <c r="C928">
        <v>12</v>
      </c>
      <c r="D928" t="s">
        <v>10916</v>
      </c>
      <c r="E928" t="s">
        <v>32122</v>
      </c>
      <c r="F928">
        <v>2</v>
      </c>
      <c r="G928" t="s">
        <v>15</v>
      </c>
      <c r="H928" t="s">
        <v>10917</v>
      </c>
      <c r="I928" t="s">
        <v>30540</v>
      </c>
    </row>
    <row r="929" spans="1:9">
      <c r="A929" s="1">
        <v>0.55730681564466067</v>
      </c>
      <c r="B929" s="1"/>
      <c r="C929">
        <v>16</v>
      </c>
      <c r="D929" t="s">
        <v>10872</v>
      </c>
      <c r="E929" t="s">
        <v>32126</v>
      </c>
      <c r="F929">
        <v>2</v>
      </c>
      <c r="G929" t="s">
        <v>0</v>
      </c>
      <c r="H929" t="s">
        <v>10873</v>
      </c>
      <c r="I929" t="s">
        <v>30540</v>
      </c>
    </row>
    <row r="930" spans="1:9">
      <c r="A930" s="1">
        <v>0.46896336045380527</v>
      </c>
      <c r="B930" s="1"/>
      <c r="C930">
        <v>12</v>
      </c>
      <c r="D930" t="s">
        <v>10868</v>
      </c>
      <c r="E930" t="s">
        <v>32127</v>
      </c>
      <c r="F930">
        <v>3</v>
      </c>
      <c r="G930" t="s">
        <v>10</v>
      </c>
      <c r="H930" t="s">
        <v>10869</v>
      </c>
      <c r="I930" t="s">
        <v>30540</v>
      </c>
    </row>
    <row r="931" spans="1:9">
      <c r="A931" s="1">
        <v>0.65527189602160152</v>
      </c>
      <c r="B931" s="1"/>
      <c r="C931">
        <v>20</v>
      </c>
      <c r="D931" t="s">
        <v>10860</v>
      </c>
      <c r="E931" t="s">
        <v>32128</v>
      </c>
      <c r="F931">
        <v>3</v>
      </c>
      <c r="G931" t="s">
        <v>0</v>
      </c>
      <c r="H931" t="s">
        <v>10861</v>
      </c>
      <c r="I931" t="s">
        <v>30540</v>
      </c>
    </row>
    <row r="932" spans="1:9">
      <c r="A932" s="1">
        <v>0.52196251273139738</v>
      </c>
      <c r="B932" s="1"/>
      <c r="C932">
        <v>5</v>
      </c>
      <c r="D932" t="s">
        <v>10854</v>
      </c>
      <c r="E932" t="s">
        <v>32129</v>
      </c>
      <c r="F932">
        <v>2</v>
      </c>
      <c r="G932" t="s">
        <v>0</v>
      </c>
      <c r="H932" t="s">
        <v>10855</v>
      </c>
      <c r="I932" t="s">
        <v>30540</v>
      </c>
    </row>
    <row r="933" spans="1:9">
      <c r="A933" s="1">
        <v>0.27524782201167297</v>
      </c>
      <c r="B933" s="1"/>
      <c r="C933">
        <v>13</v>
      </c>
      <c r="D933" t="s">
        <v>10830</v>
      </c>
      <c r="E933" t="s">
        <v>32132</v>
      </c>
      <c r="F933">
        <v>3</v>
      </c>
      <c r="G933" t="s">
        <v>0</v>
      </c>
      <c r="H933" t="s">
        <v>10831</v>
      </c>
      <c r="I933" t="s">
        <v>30540</v>
      </c>
    </row>
    <row r="934" spans="1:9">
      <c r="A934" s="1">
        <v>0.59488931789365163</v>
      </c>
      <c r="B934" s="1"/>
      <c r="C934">
        <v>18</v>
      </c>
      <c r="D934" t="s">
        <v>10822</v>
      </c>
      <c r="E934" t="s">
        <v>32133</v>
      </c>
      <c r="F934">
        <v>1</v>
      </c>
      <c r="G934" t="s">
        <v>2</v>
      </c>
      <c r="H934" t="s">
        <v>10823</v>
      </c>
      <c r="I934" t="s">
        <v>30540</v>
      </c>
    </row>
    <row r="935" spans="1:9">
      <c r="A935" s="1">
        <v>0.91101038280972702</v>
      </c>
      <c r="B935" s="1"/>
      <c r="C935">
        <v>7</v>
      </c>
      <c r="D935" t="s">
        <v>10806</v>
      </c>
      <c r="E935" t="s">
        <v>32134</v>
      </c>
      <c r="F935">
        <v>2</v>
      </c>
      <c r="G935" t="s">
        <v>2</v>
      </c>
      <c r="H935" t="s">
        <v>10807</v>
      </c>
      <c r="I935" t="s">
        <v>30540</v>
      </c>
    </row>
    <row r="936" spans="1:9">
      <c r="A936" s="1">
        <v>0.54640398921411726</v>
      </c>
      <c r="B936" s="1"/>
      <c r="C936">
        <v>13</v>
      </c>
      <c r="D936" t="s">
        <v>10802</v>
      </c>
      <c r="E936" t="s">
        <v>32135</v>
      </c>
      <c r="F936">
        <v>2</v>
      </c>
      <c r="G936" t="s">
        <v>765</v>
      </c>
      <c r="H936" t="s">
        <v>10803</v>
      </c>
      <c r="I936" t="s">
        <v>30540</v>
      </c>
    </row>
    <row r="937" spans="1:9">
      <c r="A937" s="1">
        <v>0.53748807105199459</v>
      </c>
      <c r="B937" s="1"/>
      <c r="C937">
        <v>13</v>
      </c>
      <c r="D937" t="s">
        <v>10782</v>
      </c>
      <c r="E937" t="s">
        <v>32136</v>
      </c>
      <c r="F937">
        <v>2</v>
      </c>
      <c r="G937" t="s">
        <v>0</v>
      </c>
      <c r="H937" t="s">
        <v>10783</v>
      </c>
      <c r="I937" t="s">
        <v>30540</v>
      </c>
    </row>
    <row r="938" spans="1:9">
      <c r="A938" s="1">
        <v>0.66239649219440022</v>
      </c>
      <c r="B938" s="1"/>
      <c r="C938">
        <v>18</v>
      </c>
      <c r="D938" t="s">
        <v>10776</v>
      </c>
      <c r="E938" t="s">
        <v>32137</v>
      </c>
      <c r="F938">
        <v>3</v>
      </c>
      <c r="G938" t="s">
        <v>15</v>
      </c>
      <c r="H938" t="s">
        <v>10777</v>
      </c>
      <c r="I938" t="s">
        <v>30540</v>
      </c>
    </row>
    <row r="939" spans="1:9">
      <c r="A939" s="1">
        <v>0.91178891462899281</v>
      </c>
      <c r="B939" s="1"/>
      <c r="C939">
        <v>11</v>
      </c>
      <c r="D939" t="s">
        <v>10758</v>
      </c>
      <c r="E939" t="s">
        <v>32138</v>
      </c>
      <c r="F939">
        <v>3</v>
      </c>
      <c r="G939" t="s">
        <v>15</v>
      </c>
      <c r="H939" t="s">
        <v>10759</v>
      </c>
      <c r="I939" t="s">
        <v>30540</v>
      </c>
    </row>
    <row r="940" spans="1:9">
      <c r="A940" s="1">
        <v>0.93581458064282741</v>
      </c>
      <c r="B940" s="1"/>
      <c r="C940">
        <v>15</v>
      </c>
      <c r="D940" t="s">
        <v>10760</v>
      </c>
      <c r="E940" t="s">
        <v>32138</v>
      </c>
      <c r="F940">
        <v>2</v>
      </c>
      <c r="G940" t="s">
        <v>0</v>
      </c>
      <c r="H940" t="s">
        <v>10761</v>
      </c>
      <c r="I940" t="s">
        <v>30540</v>
      </c>
    </row>
    <row r="941" spans="1:9">
      <c r="A941" s="1">
        <v>0.11904411984899455</v>
      </c>
      <c r="B941" s="1"/>
      <c r="C941">
        <v>9</v>
      </c>
      <c r="D941" t="s">
        <v>10730</v>
      </c>
      <c r="E941" t="s">
        <v>32141</v>
      </c>
      <c r="F941">
        <v>1</v>
      </c>
      <c r="G941" t="s">
        <v>15</v>
      </c>
      <c r="H941" t="s">
        <v>10731</v>
      </c>
      <c r="I941" t="s">
        <v>30540</v>
      </c>
    </row>
    <row r="942" spans="1:9">
      <c r="A942" s="1">
        <v>0.71312787229666175</v>
      </c>
      <c r="B942" s="1"/>
      <c r="C942">
        <v>2</v>
      </c>
      <c r="D942" t="s">
        <v>10715</v>
      </c>
      <c r="E942" t="s">
        <v>32142</v>
      </c>
      <c r="F942">
        <v>3</v>
      </c>
      <c r="G942" t="s">
        <v>13</v>
      </c>
      <c r="H942" t="s">
        <v>10716</v>
      </c>
      <c r="I942" t="s">
        <v>30540</v>
      </c>
    </row>
    <row r="943" spans="1:9">
      <c r="A943" s="1">
        <v>0.49859386789144877</v>
      </c>
      <c r="B943" s="1"/>
      <c r="C943">
        <v>11</v>
      </c>
      <c r="D943" t="s">
        <v>10703</v>
      </c>
      <c r="E943" t="s">
        <v>32143</v>
      </c>
      <c r="F943">
        <v>3</v>
      </c>
      <c r="G943" t="s">
        <v>774</v>
      </c>
      <c r="H943" t="s">
        <v>10704</v>
      </c>
      <c r="I943" t="s">
        <v>30540</v>
      </c>
    </row>
    <row r="944" spans="1:9">
      <c r="A944" s="1">
        <v>0.54276506287783233</v>
      </c>
      <c r="B944" s="1"/>
      <c r="C944">
        <v>17</v>
      </c>
      <c r="D944" t="s">
        <v>10709</v>
      </c>
      <c r="E944" t="s">
        <v>32143</v>
      </c>
      <c r="F944">
        <v>3</v>
      </c>
      <c r="G944" t="s">
        <v>2</v>
      </c>
      <c r="H944" t="s">
        <v>10710</v>
      </c>
      <c r="I944" t="s">
        <v>30540</v>
      </c>
    </row>
    <row r="945" spans="1:9">
      <c r="A945" s="1">
        <v>0.55189869598160513</v>
      </c>
      <c r="B945" s="1"/>
      <c r="C945">
        <v>14</v>
      </c>
      <c r="D945" t="s">
        <v>10707</v>
      </c>
      <c r="E945" t="s">
        <v>32143</v>
      </c>
      <c r="F945">
        <v>2</v>
      </c>
      <c r="G945" t="s">
        <v>0</v>
      </c>
      <c r="H945" t="s">
        <v>10708</v>
      </c>
      <c r="I945" t="s">
        <v>30540</v>
      </c>
    </row>
    <row r="946" spans="1:9">
      <c r="A946" s="1">
        <v>3.6409664065103153E-2</v>
      </c>
      <c r="B946" s="1"/>
      <c r="C946">
        <v>19</v>
      </c>
      <c r="D946" t="s">
        <v>10697</v>
      </c>
      <c r="E946" t="s">
        <v>32144</v>
      </c>
      <c r="F946">
        <v>2</v>
      </c>
      <c r="G946" t="s">
        <v>765</v>
      </c>
      <c r="H946" t="s">
        <v>10698</v>
      </c>
      <c r="I946" t="s">
        <v>30540</v>
      </c>
    </row>
    <row r="947" spans="1:9">
      <c r="A947" s="1">
        <v>0.522809884788351</v>
      </c>
      <c r="B947" s="1"/>
      <c r="C947">
        <v>2</v>
      </c>
      <c r="D947" t="s">
        <v>10695</v>
      </c>
      <c r="E947" t="s">
        <v>32144</v>
      </c>
      <c r="F947">
        <v>2</v>
      </c>
      <c r="G947" t="s">
        <v>0</v>
      </c>
      <c r="H947" t="s">
        <v>10696</v>
      </c>
      <c r="I947" t="s">
        <v>30540</v>
      </c>
    </row>
    <row r="948" spans="1:9">
      <c r="A948" s="1">
        <v>0.24488114096426628</v>
      </c>
      <c r="B948" s="1"/>
      <c r="C948">
        <v>6</v>
      </c>
      <c r="D948" t="s">
        <v>10687</v>
      </c>
      <c r="E948" t="s">
        <v>32145</v>
      </c>
      <c r="F948">
        <v>2</v>
      </c>
      <c r="G948" t="s">
        <v>0</v>
      </c>
      <c r="H948" t="s">
        <v>10688</v>
      </c>
      <c r="I948" t="s">
        <v>30540</v>
      </c>
    </row>
    <row r="949" spans="1:9">
      <c r="A949" s="1">
        <v>0.71607259480569585</v>
      </c>
      <c r="B949" s="1"/>
      <c r="C949">
        <v>18</v>
      </c>
      <c r="D949" t="s">
        <v>10683</v>
      </c>
      <c r="E949" t="s">
        <v>32146</v>
      </c>
      <c r="F949">
        <v>3</v>
      </c>
      <c r="G949" t="s">
        <v>0</v>
      </c>
      <c r="H949" t="s">
        <v>10684</v>
      </c>
      <c r="I949" t="s">
        <v>30540</v>
      </c>
    </row>
    <row r="950" spans="1:9">
      <c r="A950" s="1">
        <v>0.24371678941970509</v>
      </c>
      <c r="B950" s="1"/>
      <c r="C950">
        <v>17</v>
      </c>
      <c r="D950" t="s">
        <v>10663</v>
      </c>
      <c r="E950" t="s">
        <v>32148</v>
      </c>
      <c r="F950">
        <v>2</v>
      </c>
      <c r="G950" t="s">
        <v>771</v>
      </c>
      <c r="H950" t="s">
        <v>10664</v>
      </c>
      <c r="I950" t="s">
        <v>30540</v>
      </c>
    </row>
    <row r="951" spans="1:9">
      <c r="A951" s="1">
        <v>0.90009205201951459</v>
      </c>
      <c r="B951" s="1"/>
      <c r="C951">
        <v>20</v>
      </c>
      <c r="D951" t="s">
        <v>10665</v>
      </c>
      <c r="E951" t="s">
        <v>32148</v>
      </c>
      <c r="F951">
        <v>1</v>
      </c>
      <c r="G951" t="s">
        <v>0</v>
      </c>
      <c r="H951" t="s">
        <v>10666</v>
      </c>
      <c r="I951" t="s">
        <v>30540</v>
      </c>
    </row>
    <row r="952" spans="1:9">
      <c r="A952" s="1">
        <v>0.52927938082717385</v>
      </c>
      <c r="B952" s="1"/>
      <c r="C952">
        <v>17</v>
      </c>
      <c r="D952" t="s">
        <v>10657</v>
      </c>
      <c r="E952" t="s">
        <v>32149</v>
      </c>
      <c r="F952">
        <v>3</v>
      </c>
      <c r="G952" t="s">
        <v>9</v>
      </c>
      <c r="H952" t="s">
        <v>10658</v>
      </c>
      <c r="I952" t="s">
        <v>30540</v>
      </c>
    </row>
    <row r="953" spans="1:9">
      <c r="A953" s="1">
        <v>0.18813477404772183</v>
      </c>
      <c r="B953" s="1"/>
      <c r="C953">
        <v>9</v>
      </c>
      <c r="D953" t="s">
        <v>10653</v>
      </c>
      <c r="E953" t="s">
        <v>32149</v>
      </c>
      <c r="F953">
        <v>2</v>
      </c>
      <c r="G953" t="s">
        <v>762</v>
      </c>
      <c r="H953" t="s">
        <v>10654</v>
      </c>
      <c r="I953" t="s">
        <v>30540</v>
      </c>
    </row>
    <row r="954" spans="1:9">
      <c r="A954" s="1">
        <v>0.94189655036262943</v>
      </c>
      <c r="B954" s="1"/>
      <c r="C954">
        <v>13</v>
      </c>
      <c r="D954" t="s">
        <v>10641</v>
      </c>
      <c r="E954" t="s">
        <v>32150</v>
      </c>
      <c r="F954">
        <v>1</v>
      </c>
      <c r="G954" t="s">
        <v>0</v>
      </c>
      <c r="H954" t="s">
        <v>10642</v>
      </c>
      <c r="I954" t="s">
        <v>30540</v>
      </c>
    </row>
    <row r="955" spans="1:9">
      <c r="A955" s="1">
        <v>0.95419772477906406</v>
      </c>
      <c r="B955" s="1"/>
      <c r="C955">
        <v>9</v>
      </c>
      <c r="D955" t="s">
        <v>10627</v>
      </c>
      <c r="E955" t="s">
        <v>32151</v>
      </c>
      <c r="F955">
        <v>2</v>
      </c>
      <c r="G955" t="s">
        <v>1295</v>
      </c>
      <c r="H955" t="s">
        <v>10628</v>
      </c>
      <c r="I955" t="s">
        <v>30540</v>
      </c>
    </row>
    <row r="956" spans="1:9">
      <c r="A956" s="1">
        <v>0.67033891850963889</v>
      </c>
      <c r="B956" s="1"/>
      <c r="C956">
        <v>17</v>
      </c>
      <c r="D956" t="s">
        <v>10633</v>
      </c>
      <c r="E956" t="s">
        <v>32151</v>
      </c>
      <c r="F956">
        <v>2</v>
      </c>
      <c r="G956" t="s">
        <v>2</v>
      </c>
      <c r="H956" t="s">
        <v>10634</v>
      </c>
      <c r="I956" t="s">
        <v>30540</v>
      </c>
    </row>
    <row r="957" spans="1:9">
      <c r="A957" s="1">
        <v>0.69065021220727052</v>
      </c>
      <c r="B957" s="1"/>
      <c r="C957">
        <v>6</v>
      </c>
      <c r="D957" t="s">
        <v>10625</v>
      </c>
      <c r="E957" t="s">
        <v>32151</v>
      </c>
      <c r="F957">
        <v>1</v>
      </c>
      <c r="G957" t="s">
        <v>0</v>
      </c>
      <c r="H957" t="s">
        <v>10626</v>
      </c>
      <c r="I957" t="s">
        <v>30540</v>
      </c>
    </row>
    <row r="958" spans="1:9">
      <c r="A958" s="1">
        <v>0.7603844519772458</v>
      </c>
      <c r="B958" s="1"/>
      <c r="C958">
        <v>16</v>
      </c>
      <c r="D958" t="s">
        <v>10623</v>
      </c>
      <c r="E958" t="s">
        <v>32152</v>
      </c>
      <c r="F958">
        <v>3</v>
      </c>
      <c r="G958" t="s">
        <v>0</v>
      </c>
      <c r="H958" t="s">
        <v>10624</v>
      </c>
      <c r="I958" t="s">
        <v>30540</v>
      </c>
    </row>
    <row r="959" spans="1:9">
      <c r="A959" s="1">
        <v>0.86873431888227493</v>
      </c>
      <c r="B959" s="1"/>
      <c r="C959">
        <v>13</v>
      </c>
      <c r="D959" t="s">
        <v>10611</v>
      </c>
      <c r="E959" t="s">
        <v>32153</v>
      </c>
      <c r="F959">
        <v>3</v>
      </c>
      <c r="G959" t="s">
        <v>1295</v>
      </c>
      <c r="H959" t="s">
        <v>10612</v>
      </c>
      <c r="I959" t="s">
        <v>30540</v>
      </c>
    </row>
    <row r="960" spans="1:9">
      <c r="A960" s="1">
        <v>0.45901557594652376</v>
      </c>
      <c r="B960" s="1"/>
      <c r="C960">
        <v>6</v>
      </c>
      <c r="D960" t="s">
        <v>10585</v>
      </c>
      <c r="E960" t="s">
        <v>32155</v>
      </c>
      <c r="F960">
        <v>3</v>
      </c>
      <c r="G960" t="s">
        <v>13</v>
      </c>
      <c r="H960" t="s">
        <v>10586</v>
      </c>
      <c r="I960" t="s">
        <v>30540</v>
      </c>
    </row>
    <row r="961" spans="1:9">
      <c r="A961" s="1">
        <v>0.71708146929063232</v>
      </c>
      <c r="B961" s="1"/>
      <c r="C961">
        <v>10</v>
      </c>
      <c r="D961" t="s">
        <v>10565</v>
      </c>
      <c r="E961" t="s">
        <v>32157</v>
      </c>
      <c r="F961">
        <v>3</v>
      </c>
      <c r="G961" t="s">
        <v>0</v>
      </c>
      <c r="H961" t="s">
        <v>10566</v>
      </c>
      <c r="I961" t="s">
        <v>30540</v>
      </c>
    </row>
    <row r="962" spans="1:9">
      <c r="A962" s="1">
        <v>0.87014483097991269</v>
      </c>
      <c r="B962" s="1"/>
      <c r="C962">
        <v>14</v>
      </c>
      <c r="D962" t="s">
        <v>10537</v>
      </c>
      <c r="E962" t="s">
        <v>32160</v>
      </c>
      <c r="F962">
        <v>2</v>
      </c>
      <c r="G962" t="s">
        <v>13</v>
      </c>
      <c r="H962" t="s">
        <v>10538</v>
      </c>
      <c r="I962" t="s">
        <v>30540</v>
      </c>
    </row>
    <row r="963" spans="1:9">
      <c r="A963" s="1">
        <v>0.37079981429911335</v>
      </c>
      <c r="B963" s="1"/>
      <c r="C963">
        <v>19</v>
      </c>
      <c r="D963" t="s">
        <v>10519</v>
      </c>
      <c r="E963" t="s">
        <v>32162</v>
      </c>
      <c r="F963">
        <v>2</v>
      </c>
      <c r="G963" t="s">
        <v>0</v>
      </c>
      <c r="H963" t="s">
        <v>10520</v>
      </c>
      <c r="I963" t="s">
        <v>30540</v>
      </c>
    </row>
    <row r="964" spans="1:9">
      <c r="A964" s="1">
        <v>0.93580345703633194</v>
      </c>
      <c r="B964" s="1"/>
      <c r="C964">
        <v>19</v>
      </c>
      <c r="D964" t="s">
        <v>10507</v>
      </c>
      <c r="E964" t="s">
        <v>32164</v>
      </c>
      <c r="F964">
        <v>3</v>
      </c>
      <c r="G964" t="s">
        <v>0</v>
      </c>
      <c r="H964" t="s">
        <v>10508</v>
      </c>
      <c r="I964" t="s">
        <v>30540</v>
      </c>
    </row>
    <row r="965" spans="1:9">
      <c r="A965" s="1">
        <v>0.37129173541830185</v>
      </c>
      <c r="B965" s="1"/>
      <c r="C965">
        <v>14</v>
      </c>
      <c r="D965" t="s">
        <v>10501</v>
      </c>
      <c r="E965" t="s">
        <v>32164</v>
      </c>
      <c r="F965">
        <v>2</v>
      </c>
      <c r="G965" t="s">
        <v>0</v>
      </c>
      <c r="H965" t="s">
        <v>10502</v>
      </c>
      <c r="I965" t="s">
        <v>30540</v>
      </c>
    </row>
    <row r="966" spans="1:9">
      <c r="A966" s="1">
        <v>0.43530807214026168</v>
      </c>
      <c r="B966" s="1"/>
      <c r="C966">
        <v>12</v>
      </c>
      <c r="D966" t="s">
        <v>10497</v>
      </c>
      <c r="E966" t="s">
        <v>32165</v>
      </c>
      <c r="F966">
        <v>3</v>
      </c>
      <c r="G966" t="s">
        <v>13</v>
      </c>
      <c r="H966" t="s">
        <v>10498</v>
      </c>
      <c r="I966" t="s">
        <v>30540</v>
      </c>
    </row>
    <row r="967" spans="1:9">
      <c r="A967" s="1">
        <v>0.49815481203578993</v>
      </c>
      <c r="B967" s="1"/>
      <c r="C967">
        <v>6</v>
      </c>
      <c r="D967" t="s">
        <v>10489</v>
      </c>
      <c r="E967" t="s">
        <v>32165</v>
      </c>
      <c r="F967">
        <v>2</v>
      </c>
      <c r="G967" t="s">
        <v>0</v>
      </c>
      <c r="H967" t="s">
        <v>10490</v>
      </c>
      <c r="I967" t="s">
        <v>30540</v>
      </c>
    </row>
    <row r="968" spans="1:9">
      <c r="A968" s="1">
        <v>0.10700742263737939</v>
      </c>
      <c r="B968" s="1"/>
      <c r="C968">
        <v>18</v>
      </c>
      <c r="D968" t="s">
        <v>10471</v>
      </c>
      <c r="E968" t="s">
        <v>32169</v>
      </c>
      <c r="F968">
        <v>2</v>
      </c>
      <c r="G968" t="s">
        <v>0</v>
      </c>
      <c r="H968" t="s">
        <v>10472</v>
      </c>
      <c r="I968" t="s">
        <v>30540</v>
      </c>
    </row>
    <row r="969" spans="1:9">
      <c r="A969" s="1">
        <v>5.167510643874007E-2</v>
      </c>
      <c r="B969" s="1"/>
      <c r="C969">
        <v>11</v>
      </c>
      <c r="D969" t="s">
        <v>10457</v>
      </c>
      <c r="E969" t="s">
        <v>32170</v>
      </c>
      <c r="F969">
        <v>3</v>
      </c>
      <c r="G969" t="s">
        <v>9</v>
      </c>
      <c r="H969" t="s">
        <v>10458</v>
      </c>
      <c r="I969" t="s">
        <v>30540</v>
      </c>
    </row>
    <row r="970" spans="1:9">
      <c r="A970" s="1">
        <v>0.63367606549022559</v>
      </c>
      <c r="B970" s="1"/>
      <c r="C970">
        <v>7</v>
      </c>
      <c r="D970" t="s">
        <v>10455</v>
      </c>
      <c r="E970" t="s">
        <v>32170</v>
      </c>
      <c r="F970">
        <v>2</v>
      </c>
      <c r="G970" t="s">
        <v>771</v>
      </c>
      <c r="H970" t="s">
        <v>10456</v>
      </c>
      <c r="I970" t="s">
        <v>30540</v>
      </c>
    </row>
    <row r="971" spans="1:9">
      <c r="A971" s="1">
        <v>0.18676437153964864</v>
      </c>
      <c r="B971" s="1"/>
      <c r="C971">
        <v>14</v>
      </c>
      <c r="D971" t="s">
        <v>10461</v>
      </c>
      <c r="E971" t="s">
        <v>32170</v>
      </c>
      <c r="F971">
        <v>1</v>
      </c>
      <c r="G971" t="s">
        <v>0</v>
      </c>
      <c r="H971" t="s">
        <v>10462</v>
      </c>
      <c r="I971" t="s">
        <v>30540</v>
      </c>
    </row>
    <row r="972" spans="1:9">
      <c r="A972" s="1">
        <v>1.7231071043804502E-2</v>
      </c>
      <c r="B972" s="1"/>
      <c r="C972">
        <v>15</v>
      </c>
      <c r="D972" t="s">
        <v>10463</v>
      </c>
      <c r="E972" t="s">
        <v>32170</v>
      </c>
      <c r="F972">
        <v>1</v>
      </c>
      <c r="G972" t="s">
        <v>0</v>
      </c>
      <c r="H972" t="s">
        <v>10464</v>
      </c>
      <c r="I972" t="s">
        <v>30540</v>
      </c>
    </row>
    <row r="973" spans="1:9">
      <c r="A973" s="1">
        <v>0.31925642176340963</v>
      </c>
      <c r="B973" s="1"/>
      <c r="C973">
        <v>20</v>
      </c>
      <c r="D973" t="s">
        <v>10453</v>
      </c>
      <c r="E973" t="s">
        <v>32171</v>
      </c>
      <c r="F973">
        <v>3</v>
      </c>
      <c r="G973" t="s">
        <v>0</v>
      </c>
      <c r="H973" t="s">
        <v>10454</v>
      </c>
      <c r="I973" t="s">
        <v>30540</v>
      </c>
    </row>
    <row r="974" spans="1:9">
      <c r="A974" s="1">
        <v>0.34508668619400495</v>
      </c>
      <c r="B974" s="1"/>
      <c r="C974">
        <v>14</v>
      </c>
      <c r="D974" t="s">
        <v>10445</v>
      </c>
      <c r="E974" t="s">
        <v>32171</v>
      </c>
      <c r="F974">
        <v>2</v>
      </c>
      <c r="G974" t="s">
        <v>0</v>
      </c>
      <c r="H974" t="s">
        <v>10446</v>
      </c>
      <c r="I974" t="s">
        <v>30540</v>
      </c>
    </row>
    <row r="975" spans="1:9">
      <c r="A975" s="1">
        <v>0.1323341611255674</v>
      </c>
      <c r="B975" s="1"/>
      <c r="C975">
        <v>19</v>
      </c>
      <c r="D975" t="s">
        <v>10451</v>
      </c>
      <c r="E975" t="s">
        <v>32171</v>
      </c>
      <c r="F975">
        <v>1</v>
      </c>
      <c r="G975" t="s">
        <v>10</v>
      </c>
      <c r="H975" t="s">
        <v>10452</v>
      </c>
      <c r="I975" t="s">
        <v>30540</v>
      </c>
    </row>
    <row r="976" spans="1:9">
      <c r="A976" s="1">
        <v>0.95577383484551137</v>
      </c>
      <c r="B976" s="1"/>
      <c r="C976">
        <v>10</v>
      </c>
      <c r="D976" t="s">
        <v>10382</v>
      </c>
      <c r="E976" t="s">
        <v>32178</v>
      </c>
      <c r="F976">
        <v>3</v>
      </c>
      <c r="G976" t="s">
        <v>0</v>
      </c>
      <c r="H976" t="s">
        <v>10383</v>
      </c>
      <c r="I976" t="s">
        <v>30540</v>
      </c>
    </row>
    <row r="977" spans="1:9">
      <c r="A977" s="1">
        <v>0.57989571259435446</v>
      </c>
      <c r="B977" s="1"/>
      <c r="C977">
        <v>11</v>
      </c>
      <c r="D977" t="s">
        <v>10384</v>
      </c>
      <c r="E977" t="s">
        <v>32178</v>
      </c>
      <c r="F977">
        <v>2</v>
      </c>
      <c r="G977" t="s">
        <v>0</v>
      </c>
      <c r="H977" t="s">
        <v>10385</v>
      </c>
      <c r="I977" t="s">
        <v>30540</v>
      </c>
    </row>
    <row r="978" spans="1:9">
      <c r="A978" s="1">
        <v>0.64273372152185382</v>
      </c>
      <c r="B978" s="1"/>
      <c r="C978">
        <v>19</v>
      </c>
      <c r="D978" t="s">
        <v>10390</v>
      </c>
      <c r="E978" t="s">
        <v>32178</v>
      </c>
      <c r="F978">
        <v>2</v>
      </c>
      <c r="G978" t="s">
        <v>0</v>
      </c>
      <c r="H978" t="s">
        <v>10391</v>
      </c>
      <c r="I978" t="s">
        <v>30540</v>
      </c>
    </row>
    <row r="979" spans="1:9">
      <c r="A979" s="1">
        <v>0.80327433262916847</v>
      </c>
      <c r="B979" s="1"/>
      <c r="C979">
        <v>12</v>
      </c>
      <c r="D979" t="s">
        <v>10386</v>
      </c>
      <c r="E979" t="s">
        <v>32178</v>
      </c>
      <c r="F979">
        <v>2</v>
      </c>
      <c r="G979" t="s">
        <v>0</v>
      </c>
      <c r="H979" t="s">
        <v>10387</v>
      </c>
      <c r="I979" t="s">
        <v>30540</v>
      </c>
    </row>
    <row r="980" spans="1:9">
      <c r="A980" s="1">
        <v>7.3240034228971851E-3</v>
      </c>
      <c r="B980" s="1"/>
      <c r="C980">
        <v>1</v>
      </c>
      <c r="D980" t="s">
        <v>10374</v>
      </c>
      <c r="E980" t="s">
        <v>32179</v>
      </c>
      <c r="F980">
        <v>1</v>
      </c>
      <c r="G980" t="s">
        <v>771</v>
      </c>
      <c r="H980" t="s">
        <v>10375</v>
      </c>
      <c r="I980" t="s">
        <v>30540</v>
      </c>
    </row>
    <row r="981" spans="1:9">
      <c r="A981" s="1">
        <v>3.0982265399172149E-2</v>
      </c>
      <c r="B981" s="1"/>
      <c r="C981">
        <v>15</v>
      </c>
      <c r="D981" t="s">
        <v>10368</v>
      </c>
      <c r="E981" t="s">
        <v>32180</v>
      </c>
      <c r="F981">
        <v>3</v>
      </c>
      <c r="G981" t="s">
        <v>0</v>
      </c>
      <c r="H981" t="s">
        <v>10369</v>
      </c>
      <c r="I981" t="s">
        <v>30540</v>
      </c>
    </row>
    <row r="982" spans="1:9">
      <c r="A982" s="1">
        <v>0.58810767479337067</v>
      </c>
      <c r="B982" s="1"/>
      <c r="C982">
        <v>20</v>
      </c>
      <c r="D982" t="s">
        <v>10372</v>
      </c>
      <c r="E982" t="s">
        <v>32180</v>
      </c>
      <c r="F982">
        <v>3</v>
      </c>
      <c r="G982" t="s">
        <v>0</v>
      </c>
      <c r="H982" t="s">
        <v>10373</v>
      </c>
      <c r="I982" t="s">
        <v>30540</v>
      </c>
    </row>
    <row r="983" spans="1:9">
      <c r="A983" s="1">
        <v>0.16128555953870338</v>
      </c>
      <c r="B983" s="1"/>
      <c r="C983">
        <v>2</v>
      </c>
      <c r="D983" t="s">
        <v>10316</v>
      </c>
      <c r="E983" t="s">
        <v>32183</v>
      </c>
      <c r="F983">
        <v>3</v>
      </c>
      <c r="G983" t="s">
        <v>13</v>
      </c>
      <c r="H983" t="s">
        <v>10317</v>
      </c>
      <c r="I983" t="s">
        <v>30540</v>
      </c>
    </row>
    <row r="984" spans="1:9">
      <c r="A984" s="1">
        <v>1.6069003737412491E-2</v>
      </c>
      <c r="B984" s="1"/>
      <c r="C984">
        <v>1</v>
      </c>
      <c r="D984" t="s">
        <v>10296</v>
      </c>
      <c r="E984" t="s">
        <v>32184</v>
      </c>
      <c r="F984">
        <v>2</v>
      </c>
      <c r="G984" t="s">
        <v>0</v>
      </c>
      <c r="H984" t="s">
        <v>10297</v>
      </c>
      <c r="I984" t="s">
        <v>30540</v>
      </c>
    </row>
    <row r="985" spans="1:9">
      <c r="A985" s="1">
        <v>4.4455535152861936E-3</v>
      </c>
      <c r="B985" s="1"/>
      <c r="C985">
        <v>17</v>
      </c>
      <c r="D985" t="s">
        <v>10310</v>
      </c>
      <c r="E985" t="s">
        <v>32184</v>
      </c>
      <c r="F985">
        <v>2</v>
      </c>
      <c r="G985" t="s">
        <v>0</v>
      </c>
      <c r="H985" t="s">
        <v>10311</v>
      </c>
      <c r="I985" t="s">
        <v>30540</v>
      </c>
    </row>
    <row r="986" spans="1:9">
      <c r="A986" s="1">
        <v>0.68454688704927702</v>
      </c>
      <c r="B986" s="1"/>
      <c r="C986">
        <v>20</v>
      </c>
      <c r="D986" t="s">
        <v>10280</v>
      </c>
      <c r="E986" t="s">
        <v>32187</v>
      </c>
      <c r="F986">
        <v>3</v>
      </c>
      <c r="G986" t="s">
        <v>0</v>
      </c>
      <c r="H986" t="s">
        <v>10281</v>
      </c>
      <c r="I986" t="s">
        <v>30540</v>
      </c>
    </row>
    <row r="987" spans="1:9">
      <c r="A987" s="1">
        <v>0.99517787124175638</v>
      </c>
      <c r="B987" s="1"/>
      <c r="C987">
        <v>3</v>
      </c>
      <c r="D987" t="s">
        <v>10234</v>
      </c>
      <c r="E987" t="s">
        <v>32190</v>
      </c>
      <c r="F987">
        <v>3</v>
      </c>
      <c r="G987" t="s">
        <v>0</v>
      </c>
      <c r="H987" t="s">
        <v>10235</v>
      </c>
      <c r="I987" t="s">
        <v>30540</v>
      </c>
    </row>
    <row r="988" spans="1:9">
      <c r="A988" s="1">
        <v>0.67001407236456378</v>
      </c>
      <c r="B988" s="1"/>
      <c r="C988">
        <v>10</v>
      </c>
      <c r="D988" t="s">
        <v>10226</v>
      </c>
      <c r="E988" t="s">
        <v>32191</v>
      </c>
      <c r="F988">
        <v>2</v>
      </c>
      <c r="G988" t="s">
        <v>13</v>
      </c>
      <c r="H988" t="s">
        <v>10227</v>
      </c>
      <c r="I988" t="s">
        <v>30540</v>
      </c>
    </row>
    <row r="989" spans="1:9">
      <c r="A989" s="1">
        <v>0.43501409875011465</v>
      </c>
      <c r="B989" s="1"/>
      <c r="C989">
        <v>7</v>
      </c>
      <c r="D989" t="s">
        <v>10214</v>
      </c>
      <c r="E989" t="s">
        <v>32193</v>
      </c>
      <c r="F989">
        <v>3</v>
      </c>
      <c r="G989" t="s">
        <v>0</v>
      </c>
      <c r="H989" t="s">
        <v>10215</v>
      </c>
      <c r="I989" t="s">
        <v>30540</v>
      </c>
    </row>
    <row r="990" spans="1:9">
      <c r="A990" s="1">
        <v>3.5481067883438522E-2</v>
      </c>
      <c r="B990" s="1"/>
      <c r="C990">
        <v>5</v>
      </c>
      <c r="D990" t="s">
        <v>10212</v>
      </c>
      <c r="E990" t="s">
        <v>32193</v>
      </c>
      <c r="F990">
        <v>2</v>
      </c>
      <c r="G990" t="s">
        <v>9</v>
      </c>
      <c r="H990" t="s">
        <v>10213</v>
      </c>
      <c r="I990" t="s">
        <v>30540</v>
      </c>
    </row>
    <row r="991" spans="1:9">
      <c r="A991" s="1">
        <v>0.83462776471272604</v>
      </c>
      <c r="B991" s="1"/>
      <c r="C991">
        <v>19</v>
      </c>
      <c r="D991" t="s">
        <v>10198</v>
      </c>
      <c r="E991" t="s">
        <v>32196</v>
      </c>
      <c r="F991">
        <v>2</v>
      </c>
      <c r="G991" t="s">
        <v>0</v>
      </c>
      <c r="H991" t="s">
        <v>10199</v>
      </c>
      <c r="I991" t="s">
        <v>30540</v>
      </c>
    </row>
    <row r="992" spans="1:9">
      <c r="A992" s="1">
        <v>0.8523740241917942</v>
      </c>
      <c r="B992" s="1"/>
      <c r="C992">
        <v>12</v>
      </c>
      <c r="D992" t="s">
        <v>10178</v>
      </c>
      <c r="E992" t="s">
        <v>32197</v>
      </c>
      <c r="F992">
        <v>2</v>
      </c>
      <c r="G992" t="s">
        <v>0</v>
      </c>
      <c r="H992" t="s">
        <v>10179</v>
      </c>
      <c r="I992" t="s">
        <v>30540</v>
      </c>
    </row>
    <row r="993" spans="1:9">
      <c r="A993" s="1">
        <v>0.67540526564044234</v>
      </c>
      <c r="B993" s="1"/>
      <c r="C993">
        <v>6</v>
      </c>
      <c r="D993" t="s">
        <v>10160</v>
      </c>
      <c r="E993" t="s">
        <v>32198</v>
      </c>
      <c r="F993">
        <v>2</v>
      </c>
      <c r="G993" t="s">
        <v>0</v>
      </c>
      <c r="H993" t="s">
        <v>10161</v>
      </c>
      <c r="I993" t="s">
        <v>30540</v>
      </c>
    </row>
    <row r="994" spans="1:9">
      <c r="A994" s="1">
        <v>0.36555294654007242</v>
      </c>
      <c r="B994" s="1"/>
      <c r="C994">
        <v>20</v>
      </c>
      <c r="D994" t="s">
        <v>10134</v>
      </c>
      <c r="E994" t="s">
        <v>32201</v>
      </c>
      <c r="F994">
        <v>2</v>
      </c>
      <c r="G994" t="s">
        <v>10</v>
      </c>
      <c r="H994" t="s">
        <v>10135</v>
      </c>
      <c r="I994" t="s">
        <v>30540</v>
      </c>
    </row>
    <row r="995" spans="1:9">
      <c r="A995" s="1">
        <v>0.77035904421796442</v>
      </c>
      <c r="B995" s="1"/>
      <c r="C995">
        <v>6</v>
      </c>
      <c r="D995" t="s">
        <v>10084</v>
      </c>
      <c r="E995" t="s">
        <v>32204</v>
      </c>
      <c r="F995">
        <v>3</v>
      </c>
      <c r="G995" t="s">
        <v>14</v>
      </c>
      <c r="H995" t="s">
        <v>10085</v>
      </c>
      <c r="I995" t="s">
        <v>30540</v>
      </c>
    </row>
    <row r="996" spans="1:9">
      <c r="A996" s="1">
        <v>0.37662012575033599</v>
      </c>
      <c r="B996" s="1"/>
      <c r="C996">
        <v>11</v>
      </c>
      <c r="D996" t="s">
        <v>10072</v>
      </c>
      <c r="E996" t="s">
        <v>32205</v>
      </c>
      <c r="F996">
        <v>3</v>
      </c>
      <c r="G996" t="s">
        <v>0</v>
      </c>
      <c r="H996" t="s">
        <v>10073</v>
      </c>
      <c r="I996" t="s">
        <v>30540</v>
      </c>
    </row>
    <row r="997" spans="1:9">
      <c r="A997" s="1">
        <v>0.47827156551470706</v>
      </c>
      <c r="B997" s="1"/>
      <c r="C997">
        <v>9</v>
      </c>
      <c r="D997" t="s">
        <v>10046</v>
      </c>
      <c r="E997" t="s">
        <v>32207</v>
      </c>
      <c r="F997">
        <v>2</v>
      </c>
      <c r="G997" t="s">
        <v>15</v>
      </c>
      <c r="H997" t="s">
        <v>10047</v>
      </c>
      <c r="I997" t="s">
        <v>30540</v>
      </c>
    </row>
    <row r="998" spans="1:9">
      <c r="A998" s="1">
        <v>0.50687163068293462</v>
      </c>
      <c r="B998" s="1"/>
      <c r="C998">
        <v>3</v>
      </c>
      <c r="D998" t="s">
        <v>10040</v>
      </c>
      <c r="E998" t="s">
        <v>32207</v>
      </c>
      <c r="F998">
        <v>1</v>
      </c>
      <c r="G998" t="s">
        <v>766</v>
      </c>
      <c r="H998" t="s">
        <v>10041</v>
      </c>
      <c r="I998" t="s">
        <v>30540</v>
      </c>
    </row>
    <row r="999" spans="1:9">
      <c r="A999" s="1">
        <v>0.72287853342723174</v>
      </c>
      <c r="B999" s="1"/>
      <c r="C999">
        <v>5</v>
      </c>
      <c r="D999" t="s">
        <v>10030</v>
      </c>
      <c r="E999" t="s">
        <v>32208</v>
      </c>
      <c r="F999">
        <v>3</v>
      </c>
      <c r="G999" t="s">
        <v>0</v>
      </c>
      <c r="H999" t="s">
        <v>10031</v>
      </c>
      <c r="I999" t="s">
        <v>30540</v>
      </c>
    </row>
    <row r="1000" spans="1:9">
      <c r="A1000" s="1">
        <v>0.63242318300023415</v>
      </c>
      <c r="B1000" s="1"/>
      <c r="C1000">
        <v>1</v>
      </c>
      <c r="D1000" t="s">
        <v>10028</v>
      </c>
      <c r="E1000" t="s">
        <v>32208</v>
      </c>
      <c r="F1000">
        <v>1</v>
      </c>
      <c r="G1000" t="s">
        <v>0</v>
      </c>
      <c r="H1000" t="s">
        <v>10029</v>
      </c>
      <c r="I1000" t="s">
        <v>30540</v>
      </c>
    </row>
    <row r="1001" spans="1:9">
      <c r="A1001" s="1">
        <v>0.67765179626405625</v>
      </c>
      <c r="B1001" s="1"/>
      <c r="C1001">
        <v>14</v>
      </c>
      <c r="D1001" t="s">
        <v>10014</v>
      </c>
      <c r="E1001" t="s">
        <v>32210</v>
      </c>
      <c r="F1001">
        <v>3</v>
      </c>
      <c r="G1001" t="s">
        <v>2</v>
      </c>
      <c r="H1001" t="s">
        <v>10015</v>
      </c>
      <c r="I1001" t="s">
        <v>30540</v>
      </c>
    </row>
    <row r="1002" spans="1:9">
      <c r="A1002" s="1">
        <v>0.60456312777054955</v>
      </c>
      <c r="B1002" s="1"/>
      <c r="C1002">
        <v>17</v>
      </c>
      <c r="D1002" t="s">
        <v>9994</v>
      </c>
      <c r="E1002" t="s">
        <v>32212</v>
      </c>
      <c r="F1002">
        <v>3</v>
      </c>
      <c r="G1002" t="s">
        <v>2</v>
      </c>
      <c r="H1002" t="s">
        <v>9995</v>
      </c>
      <c r="I1002" t="s">
        <v>30540</v>
      </c>
    </row>
    <row r="1003" spans="1:9">
      <c r="A1003" s="1">
        <v>0.1981531221831857</v>
      </c>
      <c r="B1003" s="1"/>
      <c r="C1003">
        <v>8</v>
      </c>
      <c r="D1003" t="s">
        <v>9980</v>
      </c>
      <c r="E1003" t="s">
        <v>32212</v>
      </c>
      <c r="F1003">
        <v>2</v>
      </c>
      <c r="G1003" t="s">
        <v>766</v>
      </c>
      <c r="H1003" t="s">
        <v>9981</v>
      </c>
      <c r="I1003" t="s">
        <v>30540</v>
      </c>
    </row>
    <row r="1004" spans="1:9">
      <c r="A1004" s="1">
        <v>0.78705559818005755</v>
      </c>
      <c r="B1004" s="1"/>
      <c r="C1004">
        <v>20</v>
      </c>
      <c r="D1004" t="s">
        <v>9998</v>
      </c>
      <c r="E1004" t="s">
        <v>32212</v>
      </c>
      <c r="F1004">
        <v>2</v>
      </c>
      <c r="G1004" t="s">
        <v>766</v>
      </c>
      <c r="H1004" t="s">
        <v>9999</v>
      </c>
      <c r="I1004" t="s">
        <v>30540</v>
      </c>
    </row>
    <row r="1005" spans="1:9">
      <c r="A1005" s="1">
        <v>0.65889894870773913</v>
      </c>
      <c r="B1005" s="1"/>
      <c r="C1005">
        <v>14</v>
      </c>
      <c r="D1005" t="s">
        <v>9972</v>
      </c>
      <c r="E1005" t="s">
        <v>32213</v>
      </c>
      <c r="F1005">
        <v>2</v>
      </c>
      <c r="G1005" t="s">
        <v>0</v>
      </c>
      <c r="H1005" t="s">
        <v>9973</v>
      </c>
      <c r="I1005" t="s">
        <v>30540</v>
      </c>
    </row>
    <row r="1006" spans="1:9">
      <c r="A1006" s="1">
        <v>0.1844912844621962</v>
      </c>
      <c r="B1006" s="1"/>
      <c r="C1006">
        <v>13</v>
      </c>
      <c r="D1006" t="s">
        <v>9964</v>
      </c>
      <c r="E1006" t="s">
        <v>32214</v>
      </c>
      <c r="F1006">
        <v>3</v>
      </c>
      <c r="G1006" t="s">
        <v>774</v>
      </c>
      <c r="H1006" t="s">
        <v>9965</v>
      </c>
      <c r="I1006" t="s">
        <v>30540</v>
      </c>
    </row>
    <row r="1007" spans="1:9">
      <c r="A1007" s="1">
        <v>0.36733674619608603</v>
      </c>
      <c r="B1007" s="1"/>
      <c r="C1007">
        <v>7</v>
      </c>
      <c r="D1007" t="s">
        <v>9958</v>
      </c>
      <c r="E1007" t="s">
        <v>32214</v>
      </c>
      <c r="F1007">
        <v>2</v>
      </c>
      <c r="G1007" t="s">
        <v>9</v>
      </c>
      <c r="H1007" t="s">
        <v>9959</v>
      </c>
      <c r="I1007" t="s">
        <v>30540</v>
      </c>
    </row>
    <row r="1008" spans="1:9">
      <c r="A1008" s="1">
        <v>0.91518282107205873</v>
      </c>
      <c r="B1008" s="1"/>
      <c r="C1008">
        <v>7</v>
      </c>
      <c r="D1008" t="s">
        <v>9928</v>
      </c>
      <c r="E1008" t="s">
        <v>32217</v>
      </c>
      <c r="F1008">
        <v>3</v>
      </c>
      <c r="G1008" t="s">
        <v>14</v>
      </c>
      <c r="H1008" t="s">
        <v>9929</v>
      </c>
      <c r="I1008" t="s">
        <v>30540</v>
      </c>
    </row>
    <row r="1009" spans="1:9">
      <c r="A1009" s="1">
        <v>0.19583024940269422</v>
      </c>
      <c r="B1009" s="1"/>
      <c r="C1009">
        <v>4</v>
      </c>
      <c r="D1009" t="s">
        <v>9912</v>
      </c>
      <c r="E1009" t="s">
        <v>32218</v>
      </c>
      <c r="F1009">
        <v>3</v>
      </c>
      <c r="G1009" t="s">
        <v>0</v>
      </c>
      <c r="H1009" t="s">
        <v>9913</v>
      </c>
      <c r="I1009" t="s">
        <v>30540</v>
      </c>
    </row>
    <row r="1010" spans="1:9">
      <c r="A1010" s="1">
        <v>0.41141852303039017</v>
      </c>
      <c r="B1010" s="1"/>
      <c r="C1010">
        <v>1</v>
      </c>
      <c r="D1010" t="s">
        <v>9910</v>
      </c>
      <c r="E1010" t="s">
        <v>32218</v>
      </c>
      <c r="F1010">
        <v>2</v>
      </c>
      <c r="G1010" t="s">
        <v>14</v>
      </c>
      <c r="H1010" t="s">
        <v>9911</v>
      </c>
      <c r="I1010" t="s">
        <v>30540</v>
      </c>
    </row>
    <row r="1011" spans="1:9">
      <c r="A1011" s="1">
        <v>0.85285316223912278</v>
      </c>
      <c r="B1011" s="1"/>
      <c r="C1011">
        <v>15</v>
      </c>
      <c r="D1011" t="s">
        <v>9906</v>
      </c>
      <c r="E1011" t="s">
        <v>32219</v>
      </c>
      <c r="F1011">
        <v>3</v>
      </c>
      <c r="G1011" t="s">
        <v>2</v>
      </c>
      <c r="H1011" t="s">
        <v>9907</v>
      </c>
      <c r="I1011" t="s">
        <v>30540</v>
      </c>
    </row>
    <row r="1012" spans="1:9">
      <c r="A1012" s="1">
        <v>0.15820414067103306</v>
      </c>
      <c r="B1012" s="1"/>
      <c r="C1012">
        <v>11</v>
      </c>
      <c r="D1012" t="s">
        <v>9902</v>
      </c>
      <c r="E1012" t="s">
        <v>32219</v>
      </c>
      <c r="F1012">
        <v>3</v>
      </c>
      <c r="G1012" t="s">
        <v>765</v>
      </c>
      <c r="H1012" t="s">
        <v>9903</v>
      </c>
      <c r="I1012" t="s">
        <v>30540</v>
      </c>
    </row>
    <row r="1013" spans="1:9">
      <c r="A1013" s="1">
        <v>0.67559479151572921</v>
      </c>
      <c r="B1013" s="1"/>
      <c r="C1013">
        <v>13</v>
      </c>
      <c r="D1013" t="s">
        <v>9904</v>
      </c>
      <c r="E1013" t="s">
        <v>32219</v>
      </c>
      <c r="F1013">
        <v>2</v>
      </c>
      <c r="G1013" t="s">
        <v>1295</v>
      </c>
      <c r="H1013" t="s">
        <v>9905</v>
      </c>
      <c r="I1013" t="s">
        <v>30540</v>
      </c>
    </row>
    <row r="1014" spans="1:9">
      <c r="A1014" s="1">
        <v>0.87696248610921845</v>
      </c>
      <c r="B1014" s="1"/>
      <c r="C1014">
        <v>11</v>
      </c>
      <c r="D1014" t="s">
        <v>9892</v>
      </c>
      <c r="E1014" t="s">
        <v>32220</v>
      </c>
      <c r="F1014">
        <v>3</v>
      </c>
      <c r="G1014" t="s">
        <v>0</v>
      </c>
      <c r="H1014" t="s">
        <v>9893</v>
      </c>
      <c r="I1014" t="s">
        <v>30540</v>
      </c>
    </row>
    <row r="1015" spans="1:9">
      <c r="A1015" s="1">
        <v>0.41918661142938674</v>
      </c>
      <c r="B1015" s="1"/>
      <c r="C1015">
        <v>14</v>
      </c>
      <c r="D1015" t="s">
        <v>9878</v>
      </c>
      <c r="E1015" t="s">
        <v>32222</v>
      </c>
      <c r="F1015">
        <v>1</v>
      </c>
      <c r="G1015" t="s">
        <v>0</v>
      </c>
      <c r="H1015" t="s">
        <v>9879</v>
      </c>
      <c r="I1015" t="s">
        <v>30540</v>
      </c>
    </row>
    <row r="1016" spans="1:9">
      <c r="A1016" s="1">
        <v>0.21260864412373126</v>
      </c>
      <c r="B1016" s="1"/>
      <c r="C1016">
        <v>7</v>
      </c>
      <c r="D1016" t="s">
        <v>9858</v>
      </c>
      <c r="E1016" t="s">
        <v>32224</v>
      </c>
      <c r="F1016">
        <v>2</v>
      </c>
      <c r="G1016" t="s">
        <v>0</v>
      </c>
      <c r="H1016" t="s">
        <v>9859</v>
      </c>
      <c r="I1016" t="s">
        <v>30540</v>
      </c>
    </row>
    <row r="1017" spans="1:9">
      <c r="A1017" s="1">
        <v>0.26494752629909024</v>
      </c>
      <c r="B1017" s="1"/>
      <c r="C1017">
        <v>11</v>
      </c>
      <c r="D1017" t="s">
        <v>9862</v>
      </c>
      <c r="E1017" t="s">
        <v>32224</v>
      </c>
      <c r="F1017">
        <v>2</v>
      </c>
      <c r="G1017" t="s">
        <v>0</v>
      </c>
      <c r="H1017" t="s">
        <v>9863</v>
      </c>
      <c r="I1017" t="s">
        <v>30540</v>
      </c>
    </row>
    <row r="1018" spans="1:9">
      <c r="A1018" s="1">
        <v>0.73482026974238079</v>
      </c>
      <c r="B1018" s="1"/>
      <c r="C1018">
        <v>9</v>
      </c>
      <c r="D1018" t="s">
        <v>9852</v>
      </c>
      <c r="E1018" t="s">
        <v>32225</v>
      </c>
      <c r="F1018">
        <v>3</v>
      </c>
      <c r="G1018" t="s">
        <v>2</v>
      </c>
      <c r="H1018" t="s">
        <v>9853</v>
      </c>
      <c r="I1018" t="s">
        <v>30540</v>
      </c>
    </row>
    <row r="1019" spans="1:9">
      <c r="A1019" s="1">
        <v>9.1417454044374291E-2</v>
      </c>
      <c r="B1019" s="1"/>
      <c r="C1019">
        <v>12</v>
      </c>
      <c r="D1019" t="s">
        <v>9854</v>
      </c>
      <c r="E1019" t="s">
        <v>32225</v>
      </c>
      <c r="F1019">
        <v>2</v>
      </c>
      <c r="G1019" t="s">
        <v>0</v>
      </c>
      <c r="H1019" t="s">
        <v>9855</v>
      </c>
      <c r="I1019" t="s">
        <v>30540</v>
      </c>
    </row>
    <row r="1020" spans="1:9">
      <c r="A1020" s="1">
        <v>0.66282464560301868</v>
      </c>
      <c r="B1020" s="1"/>
      <c r="C1020">
        <v>2</v>
      </c>
      <c r="D1020" t="s">
        <v>9844</v>
      </c>
      <c r="E1020" t="s">
        <v>32226</v>
      </c>
      <c r="F1020">
        <v>2</v>
      </c>
      <c r="G1020" t="s">
        <v>0</v>
      </c>
      <c r="H1020" t="s">
        <v>9845</v>
      </c>
      <c r="I1020" t="s">
        <v>30540</v>
      </c>
    </row>
    <row r="1021" spans="1:9">
      <c r="A1021" s="1">
        <v>0.87805869350067867</v>
      </c>
      <c r="B1021" s="1"/>
      <c r="C1021">
        <v>3</v>
      </c>
      <c r="D1021" t="s">
        <v>9812</v>
      </c>
      <c r="E1021" t="s">
        <v>32231</v>
      </c>
      <c r="F1021">
        <v>3</v>
      </c>
      <c r="G1021" t="s">
        <v>0</v>
      </c>
      <c r="H1021" t="s">
        <v>9813</v>
      </c>
      <c r="I1021" t="s">
        <v>30540</v>
      </c>
    </row>
    <row r="1022" spans="1:9">
      <c r="A1022" s="1">
        <v>0.99500863873325418</v>
      </c>
      <c r="B1022" s="1"/>
      <c r="C1022">
        <v>13</v>
      </c>
      <c r="D1022" t="s">
        <v>9816</v>
      </c>
      <c r="E1022" t="s">
        <v>32231</v>
      </c>
      <c r="F1022">
        <v>2</v>
      </c>
      <c r="G1022" t="s">
        <v>0</v>
      </c>
      <c r="H1022" t="s">
        <v>9817</v>
      </c>
      <c r="I1022" t="s">
        <v>30540</v>
      </c>
    </row>
    <row r="1023" spans="1:9">
      <c r="A1023" s="1">
        <v>0.51454256306281632</v>
      </c>
      <c r="B1023" s="1"/>
      <c r="C1023">
        <v>2</v>
      </c>
      <c r="D1023" t="s">
        <v>9798</v>
      </c>
      <c r="E1023" t="s">
        <v>32232</v>
      </c>
      <c r="F1023">
        <v>3</v>
      </c>
      <c r="G1023" t="s">
        <v>1295</v>
      </c>
      <c r="H1023" t="s">
        <v>9799</v>
      </c>
      <c r="I1023" t="s">
        <v>30540</v>
      </c>
    </row>
    <row r="1024" spans="1:9">
      <c r="A1024" s="1">
        <v>0.17794955259247414</v>
      </c>
      <c r="B1024" s="1"/>
      <c r="C1024">
        <v>10</v>
      </c>
      <c r="D1024" t="s">
        <v>9800</v>
      </c>
      <c r="E1024" t="s">
        <v>32232</v>
      </c>
      <c r="F1024">
        <v>2</v>
      </c>
      <c r="G1024" t="s">
        <v>770</v>
      </c>
      <c r="H1024" t="s">
        <v>9801</v>
      </c>
      <c r="I1024" t="s">
        <v>30540</v>
      </c>
    </row>
    <row r="1025" spans="1:9">
      <c r="A1025" s="1">
        <v>0.50556035678097055</v>
      </c>
      <c r="B1025" s="1"/>
      <c r="C1025">
        <v>1</v>
      </c>
      <c r="D1025" t="s">
        <v>9796</v>
      </c>
      <c r="E1025" t="s">
        <v>32232</v>
      </c>
      <c r="F1025">
        <v>2</v>
      </c>
      <c r="G1025" t="s">
        <v>1295</v>
      </c>
      <c r="H1025" t="s">
        <v>9797</v>
      </c>
      <c r="I1025" t="s">
        <v>30540</v>
      </c>
    </row>
    <row r="1026" spans="1:9">
      <c r="A1026" s="1">
        <v>0.41235512168046629</v>
      </c>
      <c r="B1026" s="1"/>
      <c r="C1026">
        <v>17</v>
      </c>
      <c r="D1026" t="s">
        <v>9804</v>
      </c>
      <c r="E1026" t="s">
        <v>32232</v>
      </c>
      <c r="F1026">
        <v>1</v>
      </c>
      <c r="G1026" t="s">
        <v>765</v>
      </c>
      <c r="H1026" t="s">
        <v>9805</v>
      </c>
      <c r="I1026" t="s">
        <v>30540</v>
      </c>
    </row>
    <row r="1027" spans="1:9">
      <c r="A1027" s="1">
        <v>0.81631497929201624</v>
      </c>
      <c r="B1027" s="1"/>
      <c r="C1027">
        <v>19</v>
      </c>
      <c r="D1027" t="s">
        <v>9808</v>
      </c>
      <c r="E1027" t="s">
        <v>32232</v>
      </c>
      <c r="F1027">
        <v>1</v>
      </c>
      <c r="G1027" t="s">
        <v>0</v>
      </c>
      <c r="H1027" t="s">
        <v>9809</v>
      </c>
      <c r="I1027" t="s">
        <v>30540</v>
      </c>
    </row>
    <row r="1028" spans="1:9">
      <c r="A1028" s="1">
        <v>0.86630919753975932</v>
      </c>
      <c r="B1028" s="1"/>
      <c r="C1028">
        <v>7</v>
      </c>
      <c r="D1028" t="s">
        <v>9786</v>
      </c>
      <c r="E1028" t="s">
        <v>32234</v>
      </c>
      <c r="F1028">
        <v>2</v>
      </c>
      <c r="G1028" t="s">
        <v>0</v>
      </c>
      <c r="H1028" t="s">
        <v>9787</v>
      </c>
      <c r="I1028" t="s">
        <v>30540</v>
      </c>
    </row>
    <row r="1029" spans="1:9">
      <c r="A1029" s="1">
        <v>7.188176955160841E-2</v>
      </c>
      <c r="B1029" s="1"/>
      <c r="C1029">
        <v>1</v>
      </c>
      <c r="D1029" t="s">
        <v>9784</v>
      </c>
      <c r="E1029" t="s">
        <v>32234</v>
      </c>
      <c r="F1029">
        <v>2</v>
      </c>
      <c r="G1029" t="s">
        <v>0</v>
      </c>
      <c r="H1029" t="s">
        <v>9785</v>
      </c>
      <c r="I1029" t="s">
        <v>30540</v>
      </c>
    </row>
    <row r="1030" spans="1:9">
      <c r="A1030" s="1">
        <v>0.89369821684178929</v>
      </c>
      <c r="B1030" s="1"/>
      <c r="C1030">
        <v>8</v>
      </c>
      <c r="D1030" t="s">
        <v>9742</v>
      </c>
      <c r="E1030" t="s">
        <v>32239</v>
      </c>
      <c r="F1030">
        <v>2</v>
      </c>
      <c r="G1030" t="s">
        <v>0</v>
      </c>
      <c r="H1030" t="s">
        <v>9743</v>
      </c>
      <c r="I1030" t="s">
        <v>30540</v>
      </c>
    </row>
    <row r="1031" spans="1:9">
      <c r="A1031" s="1">
        <v>0.33544698512433657</v>
      </c>
      <c r="B1031" s="1"/>
      <c r="C1031">
        <v>5</v>
      </c>
      <c r="D1031" t="s">
        <v>9718</v>
      </c>
      <c r="E1031" t="s">
        <v>32240</v>
      </c>
      <c r="F1031">
        <v>3</v>
      </c>
      <c r="G1031" t="s">
        <v>13</v>
      </c>
      <c r="H1031" t="s">
        <v>9719</v>
      </c>
      <c r="I1031" t="s">
        <v>30540</v>
      </c>
    </row>
    <row r="1032" spans="1:9">
      <c r="A1032" s="1">
        <v>0.23197363590040454</v>
      </c>
      <c r="B1032" s="1"/>
      <c r="C1032">
        <v>8</v>
      </c>
      <c r="D1032" t="s">
        <v>9714</v>
      </c>
      <c r="E1032" t="s">
        <v>32241</v>
      </c>
      <c r="F1032">
        <v>3</v>
      </c>
      <c r="G1032" t="s">
        <v>0</v>
      </c>
      <c r="H1032" t="s">
        <v>9715</v>
      </c>
      <c r="I1032" t="s">
        <v>30540</v>
      </c>
    </row>
    <row r="1033" spans="1:9">
      <c r="A1033" s="1">
        <v>0.14557441597037046</v>
      </c>
      <c r="B1033" s="1"/>
      <c r="C1033">
        <v>3</v>
      </c>
      <c r="D1033" t="s">
        <v>9708</v>
      </c>
      <c r="E1033" t="s">
        <v>32241</v>
      </c>
      <c r="F1033">
        <v>2</v>
      </c>
      <c r="G1033" t="s">
        <v>0</v>
      </c>
      <c r="H1033" t="s">
        <v>9709</v>
      </c>
      <c r="I1033" t="s">
        <v>30540</v>
      </c>
    </row>
    <row r="1034" spans="1:9">
      <c r="A1034" s="1">
        <v>0.39761151945692508</v>
      </c>
      <c r="B1034" s="1"/>
      <c r="C1034">
        <v>7</v>
      </c>
      <c r="D1034" t="s">
        <v>9712</v>
      </c>
      <c r="E1034" t="s">
        <v>32241</v>
      </c>
      <c r="F1034">
        <v>1</v>
      </c>
      <c r="G1034" t="s">
        <v>0</v>
      </c>
      <c r="H1034" t="s">
        <v>9713</v>
      </c>
      <c r="I1034" t="s">
        <v>30540</v>
      </c>
    </row>
    <row r="1035" spans="1:9">
      <c r="A1035" s="1">
        <v>0.49732796194134687</v>
      </c>
      <c r="B1035" s="1"/>
      <c r="C1035">
        <v>2</v>
      </c>
      <c r="D1035" t="s">
        <v>9696</v>
      </c>
      <c r="E1035" t="s">
        <v>32243</v>
      </c>
      <c r="F1035">
        <v>2</v>
      </c>
      <c r="G1035" t="s">
        <v>770</v>
      </c>
      <c r="H1035" t="s">
        <v>9697</v>
      </c>
      <c r="I1035" t="s">
        <v>30540</v>
      </c>
    </row>
    <row r="1036" spans="1:9">
      <c r="A1036" s="1">
        <v>4.8754931915681587E-2</v>
      </c>
      <c r="B1036" s="1"/>
      <c r="C1036">
        <v>2</v>
      </c>
      <c r="D1036" t="s">
        <v>9680</v>
      </c>
      <c r="E1036" t="s">
        <v>32245</v>
      </c>
      <c r="F1036">
        <v>3</v>
      </c>
      <c r="G1036" t="s">
        <v>774</v>
      </c>
      <c r="H1036" t="s">
        <v>9681</v>
      </c>
      <c r="I1036" t="s">
        <v>30540</v>
      </c>
    </row>
    <row r="1037" spans="1:9">
      <c r="A1037" s="1">
        <v>0.8766072685756382</v>
      </c>
      <c r="B1037" s="1"/>
      <c r="C1037">
        <v>11</v>
      </c>
      <c r="D1037" t="s">
        <v>9688</v>
      </c>
      <c r="E1037" t="s">
        <v>32245</v>
      </c>
      <c r="F1037">
        <v>2</v>
      </c>
      <c r="G1037" t="s">
        <v>0</v>
      </c>
      <c r="H1037" t="s">
        <v>9689</v>
      </c>
      <c r="I1037" t="s">
        <v>30540</v>
      </c>
    </row>
    <row r="1038" spans="1:9">
      <c r="A1038" s="1">
        <v>0.14450163282241391</v>
      </c>
      <c r="B1038" s="1"/>
      <c r="C1038">
        <v>5</v>
      </c>
      <c r="D1038" t="s">
        <v>9682</v>
      </c>
      <c r="E1038" t="s">
        <v>32245</v>
      </c>
      <c r="F1038">
        <v>2</v>
      </c>
      <c r="G1038" t="s">
        <v>0</v>
      </c>
      <c r="H1038" t="s">
        <v>9683</v>
      </c>
      <c r="I1038" t="s">
        <v>30540</v>
      </c>
    </row>
    <row r="1039" spans="1:9">
      <c r="A1039" s="1">
        <v>0.6540290193904218</v>
      </c>
      <c r="B1039" s="1"/>
      <c r="C1039">
        <v>9</v>
      </c>
      <c r="D1039" t="s">
        <v>9666</v>
      </c>
      <c r="E1039" t="s">
        <v>32247</v>
      </c>
      <c r="F1039">
        <v>2</v>
      </c>
      <c r="G1039" t="s">
        <v>0</v>
      </c>
      <c r="H1039" t="s">
        <v>9667</v>
      </c>
      <c r="I1039" t="s">
        <v>30540</v>
      </c>
    </row>
    <row r="1040" spans="1:9">
      <c r="A1040" s="1">
        <v>6.7541118535941136E-2</v>
      </c>
      <c r="B1040" s="1"/>
      <c r="C1040">
        <v>9</v>
      </c>
      <c r="D1040" t="s">
        <v>9664</v>
      </c>
      <c r="E1040" t="s">
        <v>32248</v>
      </c>
      <c r="F1040">
        <v>2</v>
      </c>
      <c r="G1040" t="s">
        <v>0</v>
      </c>
      <c r="H1040" t="s">
        <v>9665</v>
      </c>
      <c r="I1040" t="s">
        <v>30540</v>
      </c>
    </row>
    <row r="1041" spans="1:9">
      <c r="A1041" s="1">
        <v>2.1241596433429821E-2</v>
      </c>
      <c r="B1041" s="1"/>
      <c r="C1041">
        <v>9</v>
      </c>
      <c r="D1041" t="s">
        <v>9630</v>
      </c>
      <c r="E1041" t="s">
        <v>32252</v>
      </c>
      <c r="F1041">
        <v>2</v>
      </c>
      <c r="G1041" t="s">
        <v>762</v>
      </c>
      <c r="H1041" t="s">
        <v>9631</v>
      </c>
      <c r="I1041" t="s">
        <v>30540</v>
      </c>
    </row>
    <row r="1042" spans="1:9">
      <c r="A1042" s="1">
        <v>0.77846995550359843</v>
      </c>
      <c r="B1042" s="1"/>
      <c r="C1042">
        <v>8</v>
      </c>
      <c r="D1042" t="s">
        <v>9628</v>
      </c>
      <c r="E1042" t="s">
        <v>32252</v>
      </c>
      <c r="F1042">
        <v>2</v>
      </c>
      <c r="G1042" t="s">
        <v>765</v>
      </c>
      <c r="H1042" t="s">
        <v>9629</v>
      </c>
      <c r="I1042" t="s">
        <v>30540</v>
      </c>
    </row>
    <row r="1043" spans="1:9">
      <c r="A1043" s="1">
        <v>0.62445473695684983</v>
      </c>
      <c r="B1043" s="1"/>
      <c r="C1043">
        <v>10</v>
      </c>
      <c r="D1043" t="s">
        <v>9632</v>
      </c>
      <c r="E1043" t="s">
        <v>32252</v>
      </c>
      <c r="F1043">
        <v>2</v>
      </c>
      <c r="G1043" t="s">
        <v>771</v>
      </c>
      <c r="H1043" t="s">
        <v>9633</v>
      </c>
      <c r="I1043" t="s">
        <v>30540</v>
      </c>
    </row>
    <row r="1044" spans="1:9">
      <c r="A1044" s="1">
        <v>0.39409274291644958</v>
      </c>
      <c r="B1044" s="1"/>
      <c r="C1044">
        <v>7</v>
      </c>
      <c r="D1044" t="s">
        <v>9622</v>
      </c>
      <c r="E1044" t="s">
        <v>32253</v>
      </c>
      <c r="F1044">
        <v>3</v>
      </c>
      <c r="G1044" t="s">
        <v>0</v>
      </c>
      <c r="H1044" t="s">
        <v>9623</v>
      </c>
      <c r="I1044" t="s">
        <v>30540</v>
      </c>
    </row>
    <row r="1045" spans="1:9">
      <c r="A1045" s="1">
        <v>0.19976877947397553</v>
      </c>
      <c r="B1045" s="1"/>
      <c r="C1045">
        <v>2</v>
      </c>
      <c r="D1045" t="s">
        <v>9610</v>
      </c>
      <c r="E1045" t="s">
        <v>32254</v>
      </c>
      <c r="F1045">
        <v>3</v>
      </c>
      <c r="G1045" t="s">
        <v>0</v>
      </c>
      <c r="H1045" t="s">
        <v>9611</v>
      </c>
      <c r="I1045" t="s">
        <v>30540</v>
      </c>
    </row>
    <row r="1046" spans="1:9">
      <c r="A1046" s="1">
        <v>0.68127110042839012</v>
      </c>
      <c r="B1046" s="1"/>
      <c r="C1046">
        <v>20</v>
      </c>
      <c r="D1046" t="s">
        <v>9606</v>
      </c>
      <c r="E1046" t="s">
        <v>32256</v>
      </c>
      <c r="F1046">
        <v>2</v>
      </c>
      <c r="G1046" t="s">
        <v>0</v>
      </c>
      <c r="H1046" t="s">
        <v>9607</v>
      </c>
      <c r="I1046" t="s">
        <v>30540</v>
      </c>
    </row>
    <row r="1047" spans="1:9">
      <c r="A1047" s="1">
        <v>0.21753153248920132</v>
      </c>
      <c r="B1047" s="1"/>
      <c r="C1047">
        <v>5</v>
      </c>
      <c r="D1047" t="s">
        <v>9588</v>
      </c>
      <c r="E1047" t="s">
        <v>32258</v>
      </c>
      <c r="F1047">
        <v>3</v>
      </c>
      <c r="G1047" t="s">
        <v>1</v>
      </c>
      <c r="H1047" t="s">
        <v>9589</v>
      </c>
      <c r="I1047" t="s">
        <v>30540</v>
      </c>
    </row>
    <row r="1048" spans="1:9">
      <c r="A1048" s="1">
        <v>0.97534380946742993</v>
      </c>
      <c r="B1048" s="1"/>
      <c r="C1048">
        <v>9</v>
      </c>
      <c r="D1048" t="s">
        <v>9576</v>
      </c>
      <c r="E1048" t="s">
        <v>32260</v>
      </c>
      <c r="F1048">
        <v>3</v>
      </c>
      <c r="G1048" t="s">
        <v>0</v>
      </c>
      <c r="H1048" t="s">
        <v>9577</v>
      </c>
      <c r="I1048" t="s">
        <v>30540</v>
      </c>
    </row>
    <row r="1049" spans="1:9">
      <c r="A1049" s="1">
        <v>0.76934140820333352</v>
      </c>
      <c r="B1049" s="1"/>
      <c r="C1049">
        <v>8</v>
      </c>
      <c r="D1049" t="s">
        <v>9566</v>
      </c>
      <c r="E1049" t="s">
        <v>32261</v>
      </c>
      <c r="F1049">
        <v>3</v>
      </c>
      <c r="G1049" t="s">
        <v>0</v>
      </c>
      <c r="H1049" t="s">
        <v>9567</v>
      </c>
      <c r="I1049" t="s">
        <v>30540</v>
      </c>
    </row>
    <row r="1050" spans="1:9">
      <c r="A1050" s="1">
        <v>0.4022075554916914</v>
      </c>
      <c r="B1050" s="1"/>
      <c r="C1050">
        <v>1</v>
      </c>
      <c r="D1050" t="s">
        <v>9552</v>
      </c>
      <c r="E1050" t="s">
        <v>32262</v>
      </c>
      <c r="F1050">
        <v>2</v>
      </c>
      <c r="G1050" t="s">
        <v>14</v>
      </c>
      <c r="H1050" t="s">
        <v>9553</v>
      </c>
      <c r="I1050" t="s">
        <v>30540</v>
      </c>
    </row>
    <row r="1051" spans="1:9">
      <c r="A1051" s="1">
        <v>0.11090501898661576</v>
      </c>
      <c r="B1051" s="1"/>
      <c r="C1051">
        <v>6</v>
      </c>
      <c r="D1051" t="s">
        <v>9560</v>
      </c>
      <c r="E1051" t="s">
        <v>32262</v>
      </c>
      <c r="F1051">
        <v>2</v>
      </c>
      <c r="G1051" t="s">
        <v>0</v>
      </c>
      <c r="H1051" t="s">
        <v>9561</v>
      </c>
      <c r="I1051" t="s">
        <v>30540</v>
      </c>
    </row>
    <row r="1052" spans="1:9">
      <c r="A1052" s="1">
        <v>0.18161063562262048</v>
      </c>
      <c r="B1052" s="1"/>
      <c r="C1052">
        <v>3</v>
      </c>
      <c r="D1052" t="s">
        <v>9538</v>
      </c>
      <c r="E1052" t="s">
        <v>32263</v>
      </c>
      <c r="F1052">
        <v>3</v>
      </c>
      <c r="G1052" t="s">
        <v>0</v>
      </c>
      <c r="H1052" t="s">
        <v>9539</v>
      </c>
      <c r="I1052" t="s">
        <v>30540</v>
      </c>
    </row>
    <row r="1053" spans="1:9">
      <c r="A1053" s="1">
        <v>0.95241810468223753</v>
      </c>
      <c r="B1053" s="1"/>
      <c r="C1053">
        <v>5</v>
      </c>
      <c r="D1053" t="s">
        <v>9542</v>
      </c>
      <c r="E1053" t="s">
        <v>32263</v>
      </c>
      <c r="F1053">
        <v>2</v>
      </c>
      <c r="G1053" t="s">
        <v>0</v>
      </c>
      <c r="H1053" t="s">
        <v>9543</v>
      </c>
      <c r="I1053" t="s">
        <v>30540</v>
      </c>
    </row>
    <row r="1054" spans="1:9">
      <c r="A1054" s="1">
        <v>0.82283118339807959</v>
      </c>
      <c r="B1054" s="1"/>
      <c r="C1054">
        <v>4</v>
      </c>
      <c r="D1054" t="s">
        <v>9528</v>
      </c>
      <c r="E1054" t="s">
        <v>32264</v>
      </c>
      <c r="F1054">
        <v>1</v>
      </c>
      <c r="G1054" t="s">
        <v>0</v>
      </c>
      <c r="H1054" t="s">
        <v>9529</v>
      </c>
      <c r="I1054" t="s">
        <v>30540</v>
      </c>
    </row>
    <row r="1055" spans="1:9">
      <c r="A1055" s="1">
        <v>0.29944060988610988</v>
      </c>
      <c r="B1055" s="1"/>
      <c r="C1055">
        <v>20</v>
      </c>
      <c r="D1055" t="s">
        <v>9510</v>
      </c>
      <c r="E1055" t="s">
        <v>32266</v>
      </c>
      <c r="F1055">
        <v>2</v>
      </c>
      <c r="G1055" t="s">
        <v>765</v>
      </c>
      <c r="H1055" t="s">
        <v>9511</v>
      </c>
      <c r="I1055" t="s">
        <v>30540</v>
      </c>
    </row>
    <row r="1056" spans="1:9">
      <c r="A1056" s="1">
        <v>0.35607426646892759</v>
      </c>
      <c r="B1056" s="1"/>
      <c r="C1056">
        <v>3</v>
      </c>
      <c r="D1056" t="s">
        <v>9496</v>
      </c>
      <c r="E1056" t="s">
        <v>32267</v>
      </c>
      <c r="F1056">
        <v>3</v>
      </c>
      <c r="G1056" t="s">
        <v>0</v>
      </c>
      <c r="H1056" t="s">
        <v>9497</v>
      </c>
      <c r="I1056" t="s">
        <v>30540</v>
      </c>
    </row>
    <row r="1057" spans="1:9">
      <c r="A1057" s="1">
        <v>0.35292851647645573</v>
      </c>
      <c r="B1057" s="1"/>
      <c r="C1057">
        <v>4</v>
      </c>
      <c r="D1057" t="s">
        <v>9498</v>
      </c>
      <c r="E1057" t="s">
        <v>32267</v>
      </c>
      <c r="F1057">
        <v>2</v>
      </c>
      <c r="G1057" t="s">
        <v>0</v>
      </c>
      <c r="H1057" t="s">
        <v>9499</v>
      </c>
      <c r="I1057" t="s">
        <v>30540</v>
      </c>
    </row>
    <row r="1058" spans="1:9">
      <c r="A1058" s="1">
        <v>0.55682187018194174</v>
      </c>
      <c r="B1058" s="1"/>
      <c r="C1058">
        <v>6</v>
      </c>
      <c r="D1058" t="s">
        <v>9480</v>
      </c>
      <c r="E1058" t="s">
        <v>32269</v>
      </c>
      <c r="F1058">
        <v>3</v>
      </c>
      <c r="G1058" t="s">
        <v>0</v>
      </c>
      <c r="H1058" t="s">
        <v>9481</v>
      </c>
      <c r="I1058" t="s">
        <v>30540</v>
      </c>
    </row>
    <row r="1059" spans="1:9">
      <c r="A1059" s="1">
        <v>0.78247288317566921</v>
      </c>
      <c r="B1059" s="1"/>
      <c r="C1059">
        <v>7</v>
      </c>
      <c r="D1059" t="s">
        <v>9482</v>
      </c>
      <c r="E1059" t="s">
        <v>32269</v>
      </c>
      <c r="F1059">
        <v>3</v>
      </c>
      <c r="G1059" t="s">
        <v>0</v>
      </c>
      <c r="H1059" t="s">
        <v>9483</v>
      </c>
      <c r="I1059" t="s">
        <v>30540</v>
      </c>
    </row>
    <row r="1060" spans="1:9">
      <c r="A1060" s="1">
        <v>0.2763826061888488</v>
      </c>
      <c r="B1060" s="1"/>
      <c r="C1060">
        <v>7</v>
      </c>
      <c r="D1060" t="s">
        <v>9472</v>
      </c>
      <c r="E1060" t="s">
        <v>32270</v>
      </c>
      <c r="F1060">
        <v>3</v>
      </c>
      <c r="G1060" t="s">
        <v>0</v>
      </c>
      <c r="H1060" t="s">
        <v>9473</v>
      </c>
      <c r="I1060" t="s">
        <v>30540</v>
      </c>
    </row>
    <row r="1061" spans="1:9">
      <c r="A1061" s="1">
        <v>0.49796728389153755</v>
      </c>
      <c r="B1061" s="1"/>
      <c r="C1061">
        <v>11</v>
      </c>
      <c r="D1061" t="s">
        <v>9454</v>
      </c>
      <c r="E1061" t="s">
        <v>32272</v>
      </c>
      <c r="F1061">
        <v>3</v>
      </c>
      <c r="G1061" t="s">
        <v>0</v>
      </c>
      <c r="H1061" t="s">
        <v>9455</v>
      </c>
      <c r="I1061" t="s">
        <v>30540</v>
      </c>
    </row>
    <row r="1062" spans="1:9">
      <c r="A1062" s="1">
        <v>0.94979230246535051</v>
      </c>
      <c r="B1062" s="1"/>
      <c r="C1062">
        <v>6</v>
      </c>
      <c r="D1062" t="s">
        <v>9440</v>
      </c>
      <c r="E1062" t="s">
        <v>32273</v>
      </c>
      <c r="F1062">
        <v>3</v>
      </c>
      <c r="G1062" t="s">
        <v>1</v>
      </c>
      <c r="H1062" t="s">
        <v>9441</v>
      </c>
      <c r="I1062" t="s">
        <v>30540</v>
      </c>
    </row>
    <row r="1063" spans="1:9">
      <c r="A1063" s="1">
        <v>0.31900201875650713</v>
      </c>
      <c r="B1063" s="1"/>
      <c r="C1063">
        <v>10</v>
      </c>
      <c r="D1063" t="s">
        <v>9416</v>
      </c>
      <c r="E1063" t="s">
        <v>32274</v>
      </c>
      <c r="F1063">
        <v>3</v>
      </c>
      <c r="G1063" t="s">
        <v>0</v>
      </c>
      <c r="H1063" t="s">
        <v>9417</v>
      </c>
      <c r="I1063" t="s">
        <v>30540</v>
      </c>
    </row>
    <row r="1064" spans="1:9">
      <c r="A1064" s="1">
        <v>8.6582714210534206E-2</v>
      </c>
      <c r="B1064" s="1"/>
      <c r="C1064">
        <v>5</v>
      </c>
      <c r="D1064" t="s">
        <v>9406</v>
      </c>
      <c r="E1064" t="s">
        <v>32275</v>
      </c>
      <c r="F1064">
        <v>2</v>
      </c>
      <c r="G1064" t="s">
        <v>0</v>
      </c>
      <c r="H1064" t="s">
        <v>9407</v>
      </c>
      <c r="I1064" t="s">
        <v>30540</v>
      </c>
    </row>
    <row r="1065" spans="1:9">
      <c r="A1065" s="1">
        <v>0.6963578922828193</v>
      </c>
      <c r="B1065" s="1"/>
      <c r="C1065">
        <v>4</v>
      </c>
      <c r="D1065" t="s">
        <v>9388</v>
      </c>
      <c r="E1065" t="s">
        <v>32278</v>
      </c>
      <c r="F1065">
        <v>3</v>
      </c>
      <c r="G1065" t="s">
        <v>0</v>
      </c>
      <c r="H1065" t="s">
        <v>9389</v>
      </c>
      <c r="I1065" t="s">
        <v>30540</v>
      </c>
    </row>
    <row r="1066" spans="1:9">
      <c r="A1066" s="1">
        <v>0.11051785340530951</v>
      </c>
      <c r="B1066" s="1"/>
      <c r="C1066">
        <v>8</v>
      </c>
      <c r="D1066" t="s">
        <v>9380</v>
      </c>
      <c r="E1066" t="s">
        <v>32279</v>
      </c>
      <c r="F1066">
        <v>2</v>
      </c>
      <c r="G1066" t="s">
        <v>0</v>
      </c>
      <c r="H1066" t="s">
        <v>9381</v>
      </c>
      <c r="I1066" t="s">
        <v>30540</v>
      </c>
    </row>
    <row r="1067" spans="1:9">
      <c r="A1067" s="1">
        <v>0.82084299000711791</v>
      </c>
      <c r="B1067" s="1"/>
      <c r="C1067">
        <v>5</v>
      </c>
      <c r="D1067" t="s">
        <v>9358</v>
      </c>
      <c r="E1067" t="s">
        <v>32282</v>
      </c>
      <c r="F1067">
        <v>3</v>
      </c>
      <c r="G1067" t="s">
        <v>762</v>
      </c>
      <c r="H1067" t="s">
        <v>9359</v>
      </c>
      <c r="I1067" t="s">
        <v>30540</v>
      </c>
    </row>
    <row r="1068" spans="1:9">
      <c r="A1068" s="1">
        <v>0.68180905461305086</v>
      </c>
      <c r="B1068" s="1"/>
      <c r="C1068">
        <v>5</v>
      </c>
      <c r="D1068" t="s">
        <v>9354</v>
      </c>
      <c r="E1068" t="s">
        <v>32283</v>
      </c>
      <c r="F1068">
        <v>3</v>
      </c>
      <c r="G1068" t="s">
        <v>0</v>
      </c>
      <c r="H1068" t="s">
        <v>9355</v>
      </c>
      <c r="I1068" t="s">
        <v>30540</v>
      </c>
    </row>
    <row r="1069" spans="1:9">
      <c r="A1069" s="1">
        <v>0.14471846965929902</v>
      </c>
      <c r="B1069" s="1"/>
      <c r="C1069">
        <v>1</v>
      </c>
      <c r="D1069" t="s">
        <v>9350</v>
      </c>
      <c r="E1069" t="s">
        <v>32283</v>
      </c>
      <c r="F1069">
        <v>3</v>
      </c>
      <c r="G1069" t="s">
        <v>15</v>
      </c>
      <c r="H1069" t="s">
        <v>9351</v>
      </c>
      <c r="I1069" t="s">
        <v>30540</v>
      </c>
    </row>
    <row r="1070" spans="1:9">
      <c r="A1070" s="1">
        <v>0.68218140569926411</v>
      </c>
      <c r="B1070" s="1"/>
      <c r="C1070">
        <v>8</v>
      </c>
      <c r="D1070" t="s">
        <v>9356</v>
      </c>
      <c r="E1070" t="s">
        <v>32283</v>
      </c>
      <c r="F1070">
        <v>1</v>
      </c>
      <c r="G1070" t="s">
        <v>0</v>
      </c>
      <c r="H1070" t="s">
        <v>9357</v>
      </c>
      <c r="I1070" t="s">
        <v>30540</v>
      </c>
    </row>
    <row r="1071" spans="1:9">
      <c r="A1071" s="1">
        <v>0.24617594768851636</v>
      </c>
      <c r="B1071" s="1"/>
      <c r="C1071">
        <v>18</v>
      </c>
      <c r="D1071" t="s">
        <v>9344</v>
      </c>
      <c r="E1071" t="s">
        <v>32284</v>
      </c>
      <c r="F1071">
        <v>3</v>
      </c>
      <c r="G1071" t="s">
        <v>0</v>
      </c>
      <c r="H1071" t="s">
        <v>9345</v>
      </c>
      <c r="I1071" t="s">
        <v>30540</v>
      </c>
    </row>
    <row r="1072" spans="1:9">
      <c r="A1072" s="1">
        <v>0.14351115483744925</v>
      </c>
      <c r="B1072" s="1"/>
      <c r="C1072">
        <v>17</v>
      </c>
      <c r="D1072" t="s">
        <v>9342</v>
      </c>
      <c r="E1072" t="s">
        <v>32284</v>
      </c>
      <c r="F1072">
        <v>3</v>
      </c>
      <c r="G1072" t="s">
        <v>0</v>
      </c>
      <c r="H1072" t="s">
        <v>9343</v>
      </c>
      <c r="I1072" t="s">
        <v>30540</v>
      </c>
    </row>
    <row r="1073" spans="1:9">
      <c r="A1073" s="1">
        <v>0.39361111515484215</v>
      </c>
      <c r="B1073" s="1"/>
      <c r="C1073">
        <v>11</v>
      </c>
      <c r="D1073" t="s">
        <v>9330</v>
      </c>
      <c r="E1073" t="s">
        <v>32285</v>
      </c>
      <c r="F1073">
        <v>3</v>
      </c>
      <c r="G1073" t="s">
        <v>0</v>
      </c>
      <c r="H1073" t="s">
        <v>9331</v>
      </c>
      <c r="I1073" t="s">
        <v>30540</v>
      </c>
    </row>
    <row r="1074" spans="1:9">
      <c r="A1074" s="1">
        <v>0.50925403159900318</v>
      </c>
      <c r="B1074" s="1"/>
      <c r="C1074">
        <v>1</v>
      </c>
      <c r="D1074" t="s">
        <v>9310</v>
      </c>
      <c r="E1074" t="s">
        <v>32287</v>
      </c>
      <c r="F1074">
        <v>2</v>
      </c>
      <c r="G1074" t="s">
        <v>15</v>
      </c>
      <c r="H1074" t="s">
        <v>9311</v>
      </c>
      <c r="I1074" t="s">
        <v>30540</v>
      </c>
    </row>
    <row r="1075" spans="1:9">
      <c r="A1075" s="1">
        <v>1.7830097598346084E-2</v>
      </c>
      <c r="B1075" s="1"/>
      <c r="C1075">
        <v>17</v>
      </c>
      <c r="D1075" t="s">
        <v>9308</v>
      </c>
      <c r="E1075" t="s">
        <v>32288</v>
      </c>
      <c r="F1075">
        <v>1</v>
      </c>
      <c r="G1075" t="s">
        <v>0</v>
      </c>
      <c r="H1075" t="s">
        <v>9309</v>
      </c>
      <c r="I1075" t="s">
        <v>30540</v>
      </c>
    </row>
    <row r="1076" spans="1:9">
      <c r="A1076" s="1">
        <v>0.84959170162150488</v>
      </c>
      <c r="B1076" s="1"/>
      <c r="C1076">
        <v>7</v>
      </c>
      <c r="D1076" t="s">
        <v>9292</v>
      </c>
      <c r="E1076" t="s">
        <v>32289</v>
      </c>
      <c r="F1076">
        <v>3</v>
      </c>
      <c r="G1076" t="s">
        <v>0</v>
      </c>
      <c r="H1076" t="s">
        <v>9293</v>
      </c>
      <c r="I1076" t="s">
        <v>30540</v>
      </c>
    </row>
    <row r="1077" spans="1:9">
      <c r="A1077" s="1">
        <v>0.76596584898968134</v>
      </c>
      <c r="B1077" s="1"/>
      <c r="C1077">
        <v>16</v>
      </c>
      <c r="D1077" t="s">
        <v>9272</v>
      </c>
      <c r="E1077" t="s">
        <v>32291</v>
      </c>
      <c r="F1077">
        <v>2</v>
      </c>
      <c r="G1077" t="s">
        <v>0</v>
      </c>
      <c r="H1077" t="s">
        <v>9273</v>
      </c>
      <c r="I1077" t="s">
        <v>30540</v>
      </c>
    </row>
    <row r="1078" spans="1:9">
      <c r="A1078" s="1">
        <v>0.38724897185612572</v>
      </c>
      <c r="B1078" s="1"/>
      <c r="C1078">
        <v>10</v>
      </c>
      <c r="D1078" t="s">
        <v>9244</v>
      </c>
      <c r="E1078" t="s">
        <v>32293</v>
      </c>
      <c r="F1078">
        <v>3</v>
      </c>
      <c r="G1078" t="s">
        <v>0</v>
      </c>
      <c r="H1078" t="s">
        <v>9245</v>
      </c>
      <c r="I1078" t="s">
        <v>30540</v>
      </c>
    </row>
    <row r="1079" spans="1:9">
      <c r="A1079" s="1">
        <v>0.40972086921539086</v>
      </c>
      <c r="B1079" s="1"/>
      <c r="C1079">
        <v>2</v>
      </c>
      <c r="D1079" t="s">
        <v>9232</v>
      </c>
      <c r="E1079" t="s">
        <v>32294</v>
      </c>
      <c r="F1079">
        <v>2</v>
      </c>
      <c r="G1079" t="s">
        <v>10</v>
      </c>
      <c r="H1079" t="s">
        <v>9233</v>
      </c>
      <c r="I1079" t="s">
        <v>30540</v>
      </c>
    </row>
    <row r="1080" spans="1:9">
      <c r="A1080" s="1">
        <v>0.93966451411139651</v>
      </c>
      <c r="B1080" s="1"/>
      <c r="C1080">
        <v>8</v>
      </c>
      <c r="D1080" t="s">
        <v>9222</v>
      </c>
      <c r="E1080" t="s">
        <v>32295</v>
      </c>
      <c r="F1080">
        <v>3</v>
      </c>
      <c r="G1080" t="s">
        <v>1295</v>
      </c>
      <c r="H1080" t="s">
        <v>9223</v>
      </c>
      <c r="I1080" t="s">
        <v>30540</v>
      </c>
    </row>
    <row r="1081" spans="1:9">
      <c r="A1081" s="1">
        <v>0.6998376592987835</v>
      </c>
      <c r="B1081" s="1"/>
      <c r="C1081">
        <v>5</v>
      </c>
      <c r="D1081" t="s">
        <v>9218</v>
      </c>
      <c r="E1081" t="s">
        <v>32295</v>
      </c>
      <c r="F1081">
        <v>1</v>
      </c>
      <c r="G1081" t="s">
        <v>771</v>
      </c>
      <c r="H1081" t="s">
        <v>9219</v>
      </c>
      <c r="I1081" t="s">
        <v>30540</v>
      </c>
    </row>
    <row r="1082" spans="1:9">
      <c r="A1082" s="1">
        <v>0.69354985234988686</v>
      </c>
      <c r="B1082" s="1"/>
      <c r="C1082">
        <v>8</v>
      </c>
      <c r="D1082" t="s">
        <v>9208</v>
      </c>
      <c r="E1082" t="s">
        <v>32297</v>
      </c>
      <c r="F1082">
        <v>3</v>
      </c>
      <c r="G1082" t="s">
        <v>2</v>
      </c>
      <c r="H1082" t="s">
        <v>9209</v>
      </c>
      <c r="I1082" t="s">
        <v>30540</v>
      </c>
    </row>
    <row r="1083" spans="1:9">
      <c r="A1083" s="1">
        <v>0.14056290270630856</v>
      </c>
      <c r="B1083" s="1"/>
      <c r="C1083">
        <v>9</v>
      </c>
      <c r="D1083" t="s">
        <v>9188</v>
      </c>
      <c r="E1083" t="s">
        <v>32299</v>
      </c>
      <c r="F1083">
        <v>2</v>
      </c>
      <c r="G1083" t="s">
        <v>9</v>
      </c>
      <c r="H1083" t="s">
        <v>9189</v>
      </c>
      <c r="I1083" t="s">
        <v>30540</v>
      </c>
    </row>
    <row r="1084" spans="1:9">
      <c r="A1084" s="1">
        <v>0.97776095824315379</v>
      </c>
      <c r="B1084" s="1"/>
      <c r="C1084">
        <v>13</v>
      </c>
      <c r="D1084" t="s">
        <v>9194</v>
      </c>
      <c r="E1084" t="s">
        <v>32299</v>
      </c>
      <c r="F1084">
        <v>1</v>
      </c>
      <c r="G1084" t="s">
        <v>0</v>
      </c>
      <c r="H1084" t="s">
        <v>9195</v>
      </c>
      <c r="I1084" t="s">
        <v>30540</v>
      </c>
    </row>
    <row r="1085" spans="1:9">
      <c r="A1085" s="1">
        <v>2.9533348051027919E-2</v>
      </c>
      <c r="B1085" s="1"/>
      <c r="C1085">
        <v>2</v>
      </c>
      <c r="D1085" t="s">
        <v>9170</v>
      </c>
      <c r="E1085" t="s">
        <v>32300</v>
      </c>
      <c r="F1085">
        <v>2</v>
      </c>
      <c r="G1085" t="s">
        <v>1295</v>
      </c>
      <c r="H1085" t="s">
        <v>9171</v>
      </c>
      <c r="I1085" t="s">
        <v>30540</v>
      </c>
    </row>
    <row r="1086" spans="1:9">
      <c r="A1086" s="1">
        <v>0.63689336343339864</v>
      </c>
      <c r="B1086" s="1"/>
      <c r="C1086">
        <v>10</v>
      </c>
      <c r="D1086" t="s">
        <v>9162</v>
      </c>
      <c r="E1086" t="s">
        <v>32302</v>
      </c>
      <c r="F1086">
        <v>2</v>
      </c>
      <c r="G1086" t="s">
        <v>2</v>
      </c>
      <c r="H1086" t="s">
        <v>9163</v>
      </c>
      <c r="I1086" t="s">
        <v>30540</v>
      </c>
    </row>
    <row r="1087" spans="1:9">
      <c r="A1087" s="1">
        <v>0.81940169716418587</v>
      </c>
      <c r="B1087" s="1"/>
      <c r="C1087">
        <v>8</v>
      </c>
      <c r="D1087" t="s">
        <v>9152</v>
      </c>
      <c r="E1087" t="s">
        <v>32303</v>
      </c>
      <c r="F1087">
        <v>3</v>
      </c>
      <c r="G1087" t="s">
        <v>0</v>
      </c>
      <c r="H1087" t="s">
        <v>9153</v>
      </c>
      <c r="I1087" t="s">
        <v>30540</v>
      </c>
    </row>
    <row r="1088" spans="1:9">
      <c r="A1088" s="1">
        <v>0.19154859127405099</v>
      </c>
      <c r="B1088" s="1"/>
      <c r="C1088">
        <v>9</v>
      </c>
      <c r="D1088" t="s">
        <v>9142</v>
      </c>
      <c r="E1088" t="s">
        <v>32304</v>
      </c>
      <c r="F1088">
        <v>2</v>
      </c>
      <c r="G1088" t="s">
        <v>15</v>
      </c>
      <c r="H1088" t="s">
        <v>9143</v>
      </c>
      <c r="I1088" t="s">
        <v>30540</v>
      </c>
    </row>
    <row r="1089" spans="1:9">
      <c r="A1089" s="1">
        <v>0.91563325903963744</v>
      </c>
      <c r="B1089" s="1"/>
      <c r="C1089">
        <v>12</v>
      </c>
      <c r="D1089" t="s">
        <v>9146</v>
      </c>
      <c r="E1089" t="s">
        <v>32304</v>
      </c>
      <c r="F1089">
        <v>2</v>
      </c>
      <c r="G1089" t="s">
        <v>0</v>
      </c>
      <c r="H1089" t="s">
        <v>9147</v>
      </c>
      <c r="I1089" t="s">
        <v>30540</v>
      </c>
    </row>
    <row r="1090" spans="1:9">
      <c r="A1090" s="1">
        <v>0.25841417016028512</v>
      </c>
      <c r="B1090" s="1"/>
      <c r="C1090">
        <v>13</v>
      </c>
      <c r="D1090" t="s">
        <v>9132</v>
      </c>
      <c r="E1090" t="s">
        <v>32305</v>
      </c>
      <c r="F1090">
        <v>3</v>
      </c>
      <c r="G1090" t="s">
        <v>0</v>
      </c>
      <c r="H1090" t="s">
        <v>9133</v>
      </c>
      <c r="I1090" t="s">
        <v>30540</v>
      </c>
    </row>
    <row r="1091" spans="1:9">
      <c r="A1091" s="1">
        <v>0.6604598401837708</v>
      </c>
      <c r="B1091" s="1"/>
      <c r="C1091">
        <v>12</v>
      </c>
      <c r="D1091" t="s">
        <v>9130</v>
      </c>
      <c r="E1091" t="s">
        <v>32305</v>
      </c>
      <c r="F1091">
        <v>2</v>
      </c>
      <c r="G1091" t="s">
        <v>9</v>
      </c>
      <c r="H1091" t="s">
        <v>9131</v>
      </c>
      <c r="I1091" t="s">
        <v>30540</v>
      </c>
    </row>
    <row r="1092" spans="1:9">
      <c r="A1092" s="1">
        <v>0.58720850233475774</v>
      </c>
      <c r="B1092" s="1"/>
      <c r="C1092">
        <v>9</v>
      </c>
      <c r="D1092" t="s">
        <v>9116</v>
      </c>
      <c r="E1092" t="s">
        <v>32307</v>
      </c>
      <c r="F1092">
        <v>2</v>
      </c>
      <c r="G1092" t="s">
        <v>0</v>
      </c>
      <c r="H1092" t="s">
        <v>9117</v>
      </c>
      <c r="I1092" t="s">
        <v>30540</v>
      </c>
    </row>
    <row r="1093" spans="1:9">
      <c r="A1093" s="1">
        <v>0.92335400122309041</v>
      </c>
      <c r="B1093" s="1"/>
      <c r="C1093">
        <v>8</v>
      </c>
      <c r="D1093" t="s">
        <v>9104</v>
      </c>
      <c r="E1093" t="s">
        <v>32308</v>
      </c>
      <c r="F1093">
        <v>2</v>
      </c>
      <c r="G1093" t="s">
        <v>0</v>
      </c>
      <c r="H1093" t="s">
        <v>9105</v>
      </c>
      <c r="I1093" t="s">
        <v>30540</v>
      </c>
    </row>
    <row r="1094" spans="1:9">
      <c r="A1094" s="1">
        <v>0.75163182044690369</v>
      </c>
      <c r="B1094" s="1"/>
      <c r="C1094">
        <v>1</v>
      </c>
      <c r="D1094" t="s">
        <v>9074</v>
      </c>
      <c r="E1094" t="s">
        <v>32312</v>
      </c>
      <c r="F1094">
        <v>2</v>
      </c>
      <c r="G1094" t="s">
        <v>769</v>
      </c>
      <c r="H1094" t="s">
        <v>9075</v>
      </c>
      <c r="I1094" t="s">
        <v>30540</v>
      </c>
    </row>
    <row r="1095" spans="1:9">
      <c r="A1095" s="1">
        <v>0.18892826323793688</v>
      </c>
      <c r="B1095" s="1"/>
      <c r="C1095">
        <v>5</v>
      </c>
      <c r="D1095" t="s">
        <v>9070</v>
      </c>
      <c r="E1095" t="s">
        <v>32313</v>
      </c>
      <c r="F1095">
        <v>3</v>
      </c>
      <c r="G1095" t="s">
        <v>0</v>
      </c>
      <c r="H1095" t="s">
        <v>9071</v>
      </c>
      <c r="I1095" t="s">
        <v>30540</v>
      </c>
    </row>
    <row r="1096" spans="1:9">
      <c r="A1096" s="1">
        <v>0.66320880445178476</v>
      </c>
      <c r="B1096" s="1"/>
      <c r="C1096">
        <v>15</v>
      </c>
      <c r="D1096" t="s">
        <v>9058</v>
      </c>
      <c r="E1096" t="s">
        <v>32315</v>
      </c>
      <c r="F1096">
        <v>3</v>
      </c>
      <c r="G1096" t="s">
        <v>0</v>
      </c>
      <c r="H1096" t="s">
        <v>9059</v>
      </c>
      <c r="I1096" t="s">
        <v>30540</v>
      </c>
    </row>
    <row r="1097" spans="1:9">
      <c r="A1097" s="1">
        <v>0.68642149481428405</v>
      </c>
      <c r="B1097" s="1"/>
      <c r="C1097">
        <v>9</v>
      </c>
      <c r="D1097" t="s">
        <v>9052</v>
      </c>
      <c r="E1097" t="s">
        <v>32316</v>
      </c>
      <c r="F1097">
        <v>3</v>
      </c>
      <c r="G1097" t="s">
        <v>0</v>
      </c>
      <c r="H1097" t="s">
        <v>9053</v>
      </c>
      <c r="I1097" t="s">
        <v>30540</v>
      </c>
    </row>
    <row r="1098" spans="1:9">
      <c r="A1098" s="1">
        <v>0.28122701708560793</v>
      </c>
      <c r="B1098" s="1"/>
      <c r="C1098">
        <v>1</v>
      </c>
      <c r="D1098" t="s">
        <v>9030</v>
      </c>
      <c r="E1098" t="s">
        <v>32318</v>
      </c>
      <c r="F1098">
        <v>3</v>
      </c>
      <c r="G1098" t="s">
        <v>1</v>
      </c>
      <c r="H1098" t="s">
        <v>9031</v>
      </c>
      <c r="I1098" t="s">
        <v>30540</v>
      </c>
    </row>
    <row r="1099" spans="1:9">
      <c r="A1099" s="1">
        <v>0.39296552717752253</v>
      </c>
      <c r="B1099" s="1"/>
      <c r="C1099">
        <v>10</v>
      </c>
      <c r="D1099" t="s">
        <v>9032</v>
      </c>
      <c r="E1099" t="s">
        <v>32318</v>
      </c>
      <c r="F1099">
        <v>3</v>
      </c>
      <c r="G1099" t="s">
        <v>0</v>
      </c>
      <c r="H1099" t="s">
        <v>9033</v>
      </c>
      <c r="I1099" t="s">
        <v>30540</v>
      </c>
    </row>
    <row r="1100" spans="1:9">
      <c r="A1100" s="1">
        <v>0.33626533207062337</v>
      </c>
      <c r="B1100" s="1"/>
      <c r="C1100">
        <v>11</v>
      </c>
      <c r="D1100" t="s">
        <v>9034</v>
      </c>
      <c r="E1100" t="s">
        <v>32318</v>
      </c>
      <c r="F1100">
        <v>3</v>
      </c>
      <c r="G1100" t="s">
        <v>9</v>
      </c>
      <c r="H1100" t="s">
        <v>9035</v>
      </c>
      <c r="I1100" t="s">
        <v>30540</v>
      </c>
    </row>
    <row r="1101" spans="1:9">
      <c r="A1101" s="1">
        <v>0.40064827717869345</v>
      </c>
      <c r="B1101" s="1"/>
      <c r="C1101">
        <v>9</v>
      </c>
      <c r="D1101" t="s">
        <v>9028</v>
      </c>
      <c r="E1101" t="s">
        <v>32319</v>
      </c>
      <c r="F1101">
        <v>2</v>
      </c>
      <c r="G1101" t="s">
        <v>762</v>
      </c>
      <c r="H1101" t="s">
        <v>9029</v>
      </c>
      <c r="I1101" t="s">
        <v>30540</v>
      </c>
    </row>
    <row r="1102" spans="1:9">
      <c r="A1102" s="1">
        <v>0.41425687531105504</v>
      </c>
      <c r="B1102" s="1"/>
      <c r="C1102">
        <v>1</v>
      </c>
      <c r="D1102" t="s">
        <v>8998</v>
      </c>
      <c r="E1102" t="s">
        <v>32323</v>
      </c>
      <c r="F1102">
        <v>2</v>
      </c>
      <c r="G1102" t="s">
        <v>14</v>
      </c>
      <c r="H1102" t="s">
        <v>8999</v>
      </c>
      <c r="I1102" t="s">
        <v>30540</v>
      </c>
    </row>
    <row r="1103" spans="1:9">
      <c r="A1103" s="1">
        <v>0.33881703034076383</v>
      </c>
      <c r="B1103" s="1"/>
      <c r="C1103">
        <v>18</v>
      </c>
      <c r="D1103" t="s">
        <v>8996</v>
      </c>
      <c r="E1103" t="s">
        <v>32324</v>
      </c>
      <c r="F1103">
        <v>3</v>
      </c>
      <c r="G1103" t="s">
        <v>771</v>
      </c>
      <c r="H1103" t="s">
        <v>8997</v>
      </c>
      <c r="I1103" t="s">
        <v>30540</v>
      </c>
    </row>
    <row r="1104" spans="1:9">
      <c r="A1104" s="1">
        <v>0.48060759583737844</v>
      </c>
      <c r="B1104" s="1"/>
      <c r="C1104">
        <v>10</v>
      </c>
      <c r="D1104" t="s">
        <v>8988</v>
      </c>
      <c r="E1104" t="s">
        <v>32324</v>
      </c>
      <c r="F1104">
        <v>3</v>
      </c>
      <c r="G1104" t="s">
        <v>762</v>
      </c>
      <c r="H1104" t="s">
        <v>8989</v>
      </c>
      <c r="I1104" t="s">
        <v>30540</v>
      </c>
    </row>
    <row r="1105" spans="1:9">
      <c r="A1105" s="1">
        <v>0.5017331432888269</v>
      </c>
      <c r="B1105" s="1"/>
      <c r="C1105">
        <v>16</v>
      </c>
      <c r="D1105" t="s">
        <v>8992</v>
      </c>
      <c r="E1105" t="s">
        <v>32324</v>
      </c>
      <c r="F1105">
        <v>3</v>
      </c>
      <c r="G1105" t="s">
        <v>0</v>
      </c>
      <c r="H1105" t="s">
        <v>8993</v>
      </c>
      <c r="I1105" t="s">
        <v>30540</v>
      </c>
    </row>
    <row r="1106" spans="1:9">
      <c r="A1106" s="1">
        <v>0.71975739423969365</v>
      </c>
      <c r="B1106" s="1"/>
      <c r="C1106">
        <v>19</v>
      </c>
      <c r="D1106" t="s">
        <v>8982</v>
      </c>
      <c r="E1106" t="s">
        <v>32325</v>
      </c>
      <c r="F1106">
        <v>3</v>
      </c>
      <c r="G1106" t="s">
        <v>0</v>
      </c>
      <c r="H1106" t="s">
        <v>8983</v>
      </c>
      <c r="I1106" t="s">
        <v>30540</v>
      </c>
    </row>
    <row r="1107" spans="1:9">
      <c r="A1107" s="1">
        <v>0.20137231518851439</v>
      </c>
      <c r="B1107" s="1"/>
      <c r="C1107">
        <v>20</v>
      </c>
      <c r="D1107" t="s">
        <v>8984</v>
      </c>
      <c r="E1107" t="s">
        <v>32325</v>
      </c>
      <c r="F1107">
        <v>2</v>
      </c>
      <c r="G1107" t="s">
        <v>774</v>
      </c>
      <c r="H1107" t="s">
        <v>8985</v>
      </c>
      <c r="I1107" t="s">
        <v>30540</v>
      </c>
    </row>
    <row r="1108" spans="1:9">
      <c r="A1108" s="1">
        <v>0.74144210353717166</v>
      </c>
      <c r="B1108" s="1"/>
      <c r="C1108">
        <v>5</v>
      </c>
      <c r="D1108" t="s">
        <v>8960</v>
      </c>
      <c r="E1108" t="s">
        <v>32328</v>
      </c>
      <c r="F1108">
        <v>2</v>
      </c>
      <c r="G1108" t="s">
        <v>0</v>
      </c>
      <c r="H1108" t="s">
        <v>8961</v>
      </c>
      <c r="I1108" t="s">
        <v>30540</v>
      </c>
    </row>
    <row r="1109" spans="1:9">
      <c r="A1109" s="1">
        <v>0.43869647864338768</v>
      </c>
      <c r="B1109" s="1"/>
      <c r="C1109">
        <v>6</v>
      </c>
      <c r="D1109" t="s">
        <v>8956</v>
      </c>
      <c r="E1109" t="s">
        <v>32329</v>
      </c>
      <c r="F1109">
        <v>2</v>
      </c>
      <c r="G1109" t="s">
        <v>9</v>
      </c>
      <c r="H1109" t="s">
        <v>8957</v>
      </c>
      <c r="I1109" t="s">
        <v>30540</v>
      </c>
    </row>
    <row r="1110" spans="1:9">
      <c r="A1110" s="1">
        <v>0.70364610497041835</v>
      </c>
      <c r="B1110" s="1"/>
      <c r="C1110">
        <v>19</v>
      </c>
      <c r="D1110" t="s">
        <v>8949</v>
      </c>
      <c r="E1110" t="s">
        <v>32330</v>
      </c>
      <c r="F1110">
        <v>3</v>
      </c>
      <c r="G1110" t="s">
        <v>0</v>
      </c>
      <c r="H1110" t="s">
        <v>8950</v>
      </c>
      <c r="I1110" t="s">
        <v>30540</v>
      </c>
    </row>
    <row r="1111" spans="1:9">
      <c r="A1111" s="1">
        <v>0.57055689066302606</v>
      </c>
      <c r="B1111" s="1"/>
      <c r="C1111">
        <v>7</v>
      </c>
      <c r="D1111" t="s">
        <v>8925</v>
      </c>
      <c r="E1111" t="s">
        <v>32334</v>
      </c>
      <c r="F1111">
        <v>3</v>
      </c>
      <c r="G1111" t="s">
        <v>14</v>
      </c>
      <c r="H1111" t="s">
        <v>8926</v>
      </c>
      <c r="I1111" t="s">
        <v>30540</v>
      </c>
    </row>
    <row r="1112" spans="1:9">
      <c r="A1112" s="1">
        <v>0.10058028571965061</v>
      </c>
      <c r="B1112" s="1"/>
      <c r="C1112">
        <v>12</v>
      </c>
      <c r="D1112" t="s">
        <v>8899</v>
      </c>
      <c r="E1112" t="s">
        <v>32337</v>
      </c>
      <c r="F1112">
        <v>3</v>
      </c>
      <c r="G1112" t="s">
        <v>2</v>
      </c>
      <c r="H1112" t="s">
        <v>8900</v>
      </c>
      <c r="I1112" t="s">
        <v>30540</v>
      </c>
    </row>
    <row r="1113" spans="1:9">
      <c r="A1113" s="1">
        <v>0.4676447122727001</v>
      </c>
      <c r="B1113" s="1"/>
      <c r="C1113">
        <v>17</v>
      </c>
      <c r="D1113" t="s">
        <v>8903</v>
      </c>
      <c r="E1113" t="s">
        <v>32337</v>
      </c>
      <c r="F1113">
        <v>3</v>
      </c>
      <c r="G1113" t="s">
        <v>2</v>
      </c>
      <c r="H1113" t="s">
        <v>8904</v>
      </c>
      <c r="I1113" t="s">
        <v>30540</v>
      </c>
    </row>
    <row r="1114" spans="1:9">
      <c r="A1114" s="1">
        <v>0.482836163286395</v>
      </c>
      <c r="B1114" s="1"/>
      <c r="C1114">
        <v>19</v>
      </c>
      <c r="D1114" t="s">
        <v>8905</v>
      </c>
      <c r="E1114" t="s">
        <v>32337</v>
      </c>
      <c r="F1114">
        <v>2</v>
      </c>
      <c r="G1114" t="s">
        <v>0</v>
      </c>
      <c r="H1114" t="s">
        <v>8906</v>
      </c>
      <c r="I1114" t="s">
        <v>30540</v>
      </c>
    </row>
    <row r="1115" spans="1:9">
      <c r="A1115" s="1">
        <v>0.64152838474709073</v>
      </c>
      <c r="B1115" s="1"/>
      <c r="C1115">
        <v>2</v>
      </c>
      <c r="D1115" t="s">
        <v>8875</v>
      </c>
      <c r="E1115" t="s">
        <v>32339</v>
      </c>
      <c r="F1115">
        <v>3</v>
      </c>
      <c r="G1115" t="s">
        <v>762</v>
      </c>
      <c r="H1115" t="s">
        <v>8876</v>
      </c>
      <c r="I1115" t="s">
        <v>30540</v>
      </c>
    </row>
    <row r="1116" spans="1:9">
      <c r="A1116" s="1">
        <v>0.94920604038272693</v>
      </c>
      <c r="B1116" s="1"/>
      <c r="C1116">
        <v>14</v>
      </c>
      <c r="D1116" t="s">
        <v>8865</v>
      </c>
      <c r="E1116" t="s">
        <v>32341</v>
      </c>
      <c r="F1116">
        <v>3</v>
      </c>
      <c r="G1116" t="s">
        <v>0</v>
      </c>
      <c r="H1116" t="s">
        <v>8866</v>
      </c>
      <c r="I1116" t="s">
        <v>30540</v>
      </c>
    </row>
    <row r="1117" spans="1:9">
      <c r="A1117" s="1">
        <v>0.62783040617667418</v>
      </c>
      <c r="B1117" s="1"/>
      <c r="C1117">
        <v>11</v>
      </c>
      <c r="D1117" t="s">
        <v>8863</v>
      </c>
      <c r="E1117" t="s">
        <v>32341</v>
      </c>
      <c r="F1117">
        <v>2</v>
      </c>
      <c r="G1117" t="s">
        <v>0</v>
      </c>
      <c r="H1117" t="s">
        <v>8864</v>
      </c>
      <c r="I1117" t="s">
        <v>30540</v>
      </c>
    </row>
    <row r="1118" spans="1:9">
      <c r="A1118" s="1">
        <v>7.7745802302937372E-2</v>
      </c>
      <c r="B1118" s="1"/>
      <c r="C1118">
        <v>4</v>
      </c>
      <c r="D1118" t="s">
        <v>8845</v>
      </c>
      <c r="E1118" t="s">
        <v>32342</v>
      </c>
      <c r="F1118">
        <v>2</v>
      </c>
      <c r="G1118" t="s">
        <v>0</v>
      </c>
      <c r="H1118" t="s">
        <v>8846</v>
      </c>
      <c r="I1118" t="s">
        <v>30540</v>
      </c>
    </row>
    <row r="1119" spans="1:9">
      <c r="A1119" s="1">
        <v>0.23556260182434818</v>
      </c>
      <c r="B1119" s="1"/>
      <c r="C1119">
        <v>20</v>
      </c>
      <c r="D1119" t="s">
        <v>8809</v>
      </c>
      <c r="E1119" t="s">
        <v>32347</v>
      </c>
      <c r="F1119">
        <v>3</v>
      </c>
      <c r="G1119" t="s">
        <v>769</v>
      </c>
      <c r="H1119" t="s">
        <v>8810</v>
      </c>
      <c r="I1119" t="s">
        <v>30540</v>
      </c>
    </row>
    <row r="1120" spans="1:9">
      <c r="A1120" s="1">
        <v>0.98833191497715689</v>
      </c>
      <c r="B1120" s="1"/>
      <c r="C1120">
        <v>3</v>
      </c>
      <c r="D1120" t="s">
        <v>8803</v>
      </c>
      <c r="E1120" t="s">
        <v>32347</v>
      </c>
      <c r="F1120">
        <v>3</v>
      </c>
      <c r="G1120" t="s">
        <v>774</v>
      </c>
      <c r="H1120" t="s">
        <v>8804</v>
      </c>
      <c r="I1120" t="s">
        <v>30540</v>
      </c>
    </row>
    <row r="1121" spans="1:9">
      <c r="A1121" s="1">
        <v>0.63368460738184496</v>
      </c>
      <c r="B1121" s="1"/>
      <c r="C1121">
        <v>1</v>
      </c>
      <c r="D1121" t="s">
        <v>8795</v>
      </c>
      <c r="E1121" t="s">
        <v>32348</v>
      </c>
      <c r="F1121">
        <v>3</v>
      </c>
      <c r="G1121" t="s">
        <v>1</v>
      </c>
      <c r="H1121" t="s">
        <v>8796</v>
      </c>
      <c r="I1121" t="s">
        <v>30540</v>
      </c>
    </row>
    <row r="1122" spans="1:9">
      <c r="A1122" s="1">
        <v>0.13246603510289379</v>
      </c>
      <c r="B1122" s="1"/>
      <c r="C1122">
        <v>8</v>
      </c>
      <c r="D1122" t="s">
        <v>8799</v>
      </c>
      <c r="E1122" t="s">
        <v>32348</v>
      </c>
      <c r="F1122">
        <v>2</v>
      </c>
      <c r="G1122" t="s">
        <v>0</v>
      </c>
      <c r="H1122" t="s">
        <v>8800</v>
      </c>
      <c r="I1122" t="s">
        <v>30540</v>
      </c>
    </row>
    <row r="1123" spans="1:9">
      <c r="A1123" s="1">
        <v>0.59356140792895584</v>
      </c>
      <c r="B1123" s="1"/>
      <c r="C1123">
        <v>7</v>
      </c>
      <c r="D1123" t="s">
        <v>8797</v>
      </c>
      <c r="E1123" t="s">
        <v>32348</v>
      </c>
      <c r="F1123">
        <v>2</v>
      </c>
      <c r="G1123" t="s">
        <v>0</v>
      </c>
      <c r="H1123" t="s">
        <v>8798</v>
      </c>
      <c r="I1123" t="s">
        <v>30540</v>
      </c>
    </row>
    <row r="1124" spans="1:9">
      <c r="A1124" s="1">
        <v>0.97150846387774226</v>
      </c>
      <c r="B1124" s="1"/>
      <c r="C1124">
        <v>2</v>
      </c>
      <c r="D1124" t="s">
        <v>8785</v>
      </c>
      <c r="E1124" t="s">
        <v>32350</v>
      </c>
      <c r="F1124">
        <v>2</v>
      </c>
      <c r="G1124" t="s">
        <v>771</v>
      </c>
      <c r="H1124" t="s">
        <v>8786</v>
      </c>
      <c r="I1124" t="s">
        <v>30540</v>
      </c>
    </row>
    <row r="1125" spans="1:9">
      <c r="A1125" s="1">
        <v>0.4196359877458814</v>
      </c>
      <c r="B1125" s="1"/>
      <c r="C1125">
        <v>18</v>
      </c>
      <c r="D1125" t="s">
        <v>8777</v>
      </c>
      <c r="E1125" t="s">
        <v>32352</v>
      </c>
      <c r="F1125">
        <v>2</v>
      </c>
      <c r="G1125" t="s">
        <v>0</v>
      </c>
      <c r="H1125" t="s">
        <v>8778</v>
      </c>
      <c r="I1125" t="s">
        <v>30540</v>
      </c>
    </row>
    <row r="1126" spans="1:9">
      <c r="A1126" s="1">
        <v>0.48064608357017014</v>
      </c>
      <c r="B1126" s="1"/>
      <c r="C1126">
        <v>13</v>
      </c>
      <c r="D1126" t="s">
        <v>8757</v>
      </c>
      <c r="E1126" t="s">
        <v>32354</v>
      </c>
      <c r="F1126">
        <v>3</v>
      </c>
      <c r="G1126" t="s">
        <v>0</v>
      </c>
      <c r="H1126" t="s">
        <v>8758</v>
      </c>
      <c r="I1126" t="s">
        <v>30540</v>
      </c>
    </row>
    <row r="1127" spans="1:9">
      <c r="A1127" s="1">
        <v>9.9971419213103374E-2</v>
      </c>
      <c r="B1127" s="1"/>
      <c r="C1127">
        <v>4</v>
      </c>
      <c r="D1127" t="s">
        <v>8739</v>
      </c>
      <c r="E1127" t="s">
        <v>32356</v>
      </c>
      <c r="F1127">
        <v>2</v>
      </c>
      <c r="G1127" t="s">
        <v>0</v>
      </c>
      <c r="H1127" t="s">
        <v>8740</v>
      </c>
      <c r="I1127" t="s">
        <v>30540</v>
      </c>
    </row>
    <row r="1128" spans="1:9">
      <c r="A1128" s="1">
        <v>0.8532926820825838</v>
      </c>
      <c r="B1128" s="1"/>
      <c r="C1128">
        <v>7</v>
      </c>
      <c r="D1128" t="s">
        <v>12585</v>
      </c>
      <c r="E1128" t="s">
        <v>32359</v>
      </c>
      <c r="F1128">
        <v>3</v>
      </c>
      <c r="G1128" t="s">
        <v>15</v>
      </c>
      <c r="H1128" t="s">
        <v>12586</v>
      </c>
      <c r="I1128" t="s">
        <v>30540</v>
      </c>
    </row>
    <row r="1129" spans="1:9">
      <c r="A1129" s="1">
        <v>6.6926807481199835E-2</v>
      </c>
      <c r="B1129" s="1"/>
      <c r="C1129">
        <v>6</v>
      </c>
      <c r="D1129" t="s">
        <v>12573</v>
      </c>
      <c r="E1129" t="s">
        <v>32360</v>
      </c>
      <c r="F1129">
        <v>3</v>
      </c>
      <c r="G1129" t="s">
        <v>0</v>
      </c>
      <c r="H1129" t="s">
        <v>12574</v>
      </c>
      <c r="I1129" t="s">
        <v>30540</v>
      </c>
    </row>
    <row r="1130" spans="1:9">
      <c r="A1130" s="1">
        <v>0.55700096299984725</v>
      </c>
      <c r="B1130" s="1"/>
      <c r="C1130">
        <v>16</v>
      </c>
      <c r="D1130" t="s">
        <v>12567</v>
      </c>
      <c r="E1130" t="s">
        <v>32361</v>
      </c>
      <c r="F1130">
        <v>3</v>
      </c>
      <c r="G1130" t="s">
        <v>0</v>
      </c>
      <c r="H1130" t="s">
        <v>12568</v>
      </c>
      <c r="I1130" t="s">
        <v>30540</v>
      </c>
    </row>
    <row r="1131" spans="1:9">
      <c r="A1131" s="1">
        <v>0.65928159824110832</v>
      </c>
      <c r="B1131" s="1"/>
      <c r="C1131">
        <v>10</v>
      </c>
      <c r="D1131" t="s">
        <v>12561</v>
      </c>
      <c r="E1131" t="s">
        <v>32361</v>
      </c>
      <c r="F1131">
        <v>2</v>
      </c>
      <c r="G1131" t="s">
        <v>0</v>
      </c>
      <c r="H1131" t="s">
        <v>12562</v>
      </c>
      <c r="I1131" t="s">
        <v>30540</v>
      </c>
    </row>
    <row r="1132" spans="1:9">
      <c r="A1132" s="1">
        <v>0.65357306638019752</v>
      </c>
      <c r="B1132" s="1"/>
      <c r="C1132">
        <v>13</v>
      </c>
      <c r="D1132" t="s">
        <v>12563</v>
      </c>
      <c r="E1132" t="s">
        <v>32361</v>
      </c>
      <c r="F1132">
        <v>2</v>
      </c>
      <c r="G1132" t="s">
        <v>15</v>
      </c>
      <c r="H1132" t="s">
        <v>12564</v>
      </c>
      <c r="I1132" t="s">
        <v>30540</v>
      </c>
    </row>
    <row r="1133" spans="1:9">
      <c r="A1133" s="1">
        <v>0.52211137810843911</v>
      </c>
      <c r="B1133" s="1"/>
      <c r="C1133">
        <v>14</v>
      </c>
      <c r="D1133" t="s">
        <v>12565</v>
      </c>
      <c r="E1133" t="s">
        <v>32361</v>
      </c>
      <c r="F1133">
        <v>2</v>
      </c>
      <c r="G1133" t="s">
        <v>15</v>
      </c>
      <c r="H1133" t="s">
        <v>12566</v>
      </c>
      <c r="I1133" t="s">
        <v>30540</v>
      </c>
    </row>
    <row r="1134" spans="1:9">
      <c r="A1134" s="1">
        <v>0.38819982293714017</v>
      </c>
      <c r="B1134" s="1"/>
      <c r="C1134">
        <v>12</v>
      </c>
      <c r="D1134" t="s">
        <v>12555</v>
      </c>
      <c r="E1134" t="s">
        <v>32362</v>
      </c>
      <c r="F1134">
        <v>3</v>
      </c>
      <c r="G1134" t="s">
        <v>762</v>
      </c>
      <c r="H1134" t="s">
        <v>12556</v>
      </c>
      <c r="I1134" t="s">
        <v>30540</v>
      </c>
    </row>
    <row r="1135" spans="1:9">
      <c r="A1135" s="1">
        <v>0.15889304899148382</v>
      </c>
      <c r="B1135" s="1"/>
      <c r="C1135">
        <v>11</v>
      </c>
      <c r="D1135" t="s">
        <v>12523</v>
      </c>
      <c r="E1135" t="s">
        <v>32368</v>
      </c>
      <c r="F1135">
        <v>3</v>
      </c>
      <c r="G1135" t="s">
        <v>0</v>
      </c>
      <c r="H1135" t="s">
        <v>12524</v>
      </c>
      <c r="I1135" t="s">
        <v>30540</v>
      </c>
    </row>
    <row r="1136" spans="1:9">
      <c r="A1136" s="1">
        <v>0.8867007483819116</v>
      </c>
      <c r="B1136" s="1"/>
      <c r="C1136">
        <v>13</v>
      </c>
      <c r="D1136" t="s">
        <v>12527</v>
      </c>
      <c r="E1136" t="s">
        <v>32368</v>
      </c>
      <c r="F1136">
        <v>2</v>
      </c>
      <c r="G1136" t="s">
        <v>1</v>
      </c>
      <c r="H1136" t="s">
        <v>12528</v>
      </c>
      <c r="I1136" t="s">
        <v>30540</v>
      </c>
    </row>
    <row r="1137" spans="1:9">
      <c r="A1137" s="1">
        <v>0.66927965786088972</v>
      </c>
      <c r="B1137" s="1"/>
      <c r="C1137">
        <v>2</v>
      </c>
      <c r="D1137" t="s">
        <v>12519</v>
      </c>
      <c r="E1137" t="s">
        <v>32368</v>
      </c>
      <c r="F1137">
        <v>2</v>
      </c>
      <c r="G1137" t="s">
        <v>13</v>
      </c>
      <c r="H1137" t="s">
        <v>12520</v>
      </c>
      <c r="I1137" t="s">
        <v>30540</v>
      </c>
    </row>
    <row r="1138" spans="1:9">
      <c r="A1138" s="1">
        <v>0.9278653431882623</v>
      </c>
      <c r="B1138" s="1"/>
      <c r="C1138">
        <v>11</v>
      </c>
      <c r="D1138" t="s">
        <v>12515</v>
      </c>
      <c r="E1138" t="s">
        <v>32369</v>
      </c>
      <c r="F1138">
        <v>2</v>
      </c>
      <c r="G1138" t="s">
        <v>0</v>
      </c>
      <c r="H1138" t="s">
        <v>12516</v>
      </c>
      <c r="I1138" t="s">
        <v>30540</v>
      </c>
    </row>
    <row r="1139" spans="1:9">
      <c r="A1139" s="1">
        <v>0.14798676365415642</v>
      </c>
      <c r="B1139" s="1"/>
      <c r="C1139">
        <v>8</v>
      </c>
      <c r="D1139" t="s">
        <v>12499</v>
      </c>
      <c r="E1139" t="s">
        <v>32370</v>
      </c>
      <c r="F1139">
        <v>2</v>
      </c>
      <c r="G1139" t="s">
        <v>0</v>
      </c>
      <c r="H1139" t="s">
        <v>12500</v>
      </c>
      <c r="I1139" t="s">
        <v>30540</v>
      </c>
    </row>
    <row r="1140" spans="1:9">
      <c r="A1140" s="1">
        <v>0.1619699198333705</v>
      </c>
      <c r="B1140" s="1"/>
      <c r="C1140">
        <v>12</v>
      </c>
      <c r="D1140" t="s">
        <v>12505</v>
      </c>
      <c r="E1140" t="s">
        <v>32370</v>
      </c>
      <c r="F1140">
        <v>2</v>
      </c>
      <c r="G1140" t="s">
        <v>15</v>
      </c>
      <c r="H1140" t="s">
        <v>12506</v>
      </c>
      <c r="I1140" t="s">
        <v>30540</v>
      </c>
    </row>
    <row r="1141" spans="1:9">
      <c r="A1141" s="1">
        <v>0.89980910860948726</v>
      </c>
      <c r="B1141" s="1"/>
      <c r="C1141">
        <v>7</v>
      </c>
      <c r="D1141" t="s">
        <v>12479</v>
      </c>
      <c r="E1141" t="s">
        <v>32374</v>
      </c>
      <c r="F1141">
        <v>2</v>
      </c>
      <c r="G1141" t="s">
        <v>14</v>
      </c>
      <c r="H1141" t="s">
        <v>12480</v>
      </c>
      <c r="I1141" t="s">
        <v>30540</v>
      </c>
    </row>
    <row r="1142" spans="1:9">
      <c r="A1142" s="1">
        <v>0.76602759897120931</v>
      </c>
      <c r="B1142" s="1"/>
      <c r="C1142">
        <v>8</v>
      </c>
      <c r="D1142" t="s">
        <v>12471</v>
      </c>
      <c r="E1142" t="s">
        <v>32375</v>
      </c>
      <c r="F1142">
        <v>3</v>
      </c>
      <c r="G1142" t="s">
        <v>15</v>
      </c>
      <c r="H1142" t="s">
        <v>12472</v>
      </c>
      <c r="I1142" t="s">
        <v>30540</v>
      </c>
    </row>
    <row r="1143" spans="1:9">
      <c r="A1143" s="1">
        <v>0.48515763380768628</v>
      </c>
      <c r="B1143" s="1"/>
      <c r="C1143">
        <v>13</v>
      </c>
      <c r="D1143" t="s">
        <v>12473</v>
      </c>
      <c r="E1143" t="s">
        <v>32375</v>
      </c>
      <c r="F1143">
        <v>2</v>
      </c>
      <c r="G1143" t="s">
        <v>0</v>
      </c>
      <c r="H1143" t="s">
        <v>12474</v>
      </c>
      <c r="I1143" t="s">
        <v>30540</v>
      </c>
    </row>
    <row r="1144" spans="1:9">
      <c r="A1144" s="1">
        <v>0.69947445287997301</v>
      </c>
      <c r="B1144" s="1"/>
      <c r="C1144">
        <v>4</v>
      </c>
      <c r="D1144" t="s">
        <v>12461</v>
      </c>
      <c r="E1144" t="s">
        <v>32376</v>
      </c>
      <c r="F1144">
        <v>3</v>
      </c>
      <c r="G1144" t="s">
        <v>770</v>
      </c>
      <c r="H1144" t="s">
        <v>12462</v>
      </c>
      <c r="I1144" t="s">
        <v>30540</v>
      </c>
    </row>
    <row r="1145" spans="1:9">
      <c r="A1145" s="1">
        <v>0.45181862923358795</v>
      </c>
      <c r="B1145" s="1"/>
      <c r="C1145">
        <v>4</v>
      </c>
      <c r="D1145" t="s">
        <v>12453</v>
      </c>
      <c r="E1145" t="s">
        <v>32379</v>
      </c>
      <c r="F1145">
        <v>3</v>
      </c>
      <c r="G1145" t="s">
        <v>9</v>
      </c>
      <c r="H1145" t="s">
        <v>12454</v>
      </c>
      <c r="I1145" t="s">
        <v>30540</v>
      </c>
    </row>
    <row r="1146" spans="1:9">
      <c r="A1146" s="1">
        <v>0.2091231965403858</v>
      </c>
      <c r="B1146" s="1"/>
      <c r="C1146">
        <v>11</v>
      </c>
      <c r="D1146" t="s">
        <v>12449</v>
      </c>
      <c r="E1146" t="s">
        <v>32380</v>
      </c>
      <c r="F1146">
        <v>3</v>
      </c>
      <c r="G1146" t="s">
        <v>0</v>
      </c>
      <c r="H1146" t="s">
        <v>12450</v>
      </c>
      <c r="I1146" t="s">
        <v>30540</v>
      </c>
    </row>
    <row r="1147" spans="1:9">
      <c r="A1147" s="1">
        <v>0.64082082215723901</v>
      </c>
      <c r="B1147" s="1"/>
      <c r="C1147">
        <v>20</v>
      </c>
      <c r="D1147" t="s">
        <v>12445</v>
      </c>
      <c r="E1147" t="s">
        <v>32381</v>
      </c>
      <c r="F1147">
        <v>3</v>
      </c>
      <c r="G1147" t="s">
        <v>2</v>
      </c>
      <c r="H1147" t="s">
        <v>12446</v>
      </c>
      <c r="I1147" t="s">
        <v>30540</v>
      </c>
    </row>
    <row r="1148" spans="1:9">
      <c r="A1148" s="1">
        <v>0.70570098838571149</v>
      </c>
      <c r="B1148" s="1"/>
      <c r="C1148">
        <v>12</v>
      </c>
      <c r="D1148" t="s">
        <v>12443</v>
      </c>
      <c r="E1148" t="s">
        <v>32381</v>
      </c>
      <c r="F1148">
        <v>3</v>
      </c>
      <c r="G1148" t="s">
        <v>14</v>
      </c>
      <c r="H1148" t="s">
        <v>12444</v>
      </c>
      <c r="I1148" t="s">
        <v>30540</v>
      </c>
    </row>
    <row r="1149" spans="1:9">
      <c r="A1149" s="1">
        <v>0.55199796993524619</v>
      </c>
      <c r="B1149" s="1"/>
      <c r="C1149">
        <v>6</v>
      </c>
      <c r="D1149" t="s">
        <v>12405</v>
      </c>
      <c r="E1149" t="s">
        <v>32385</v>
      </c>
      <c r="F1149">
        <v>1</v>
      </c>
      <c r="G1149" t="s">
        <v>15</v>
      </c>
      <c r="H1149" t="s">
        <v>12406</v>
      </c>
      <c r="I1149" t="s">
        <v>30540</v>
      </c>
    </row>
    <row r="1150" spans="1:9">
      <c r="A1150" s="1">
        <v>0.73614971254676775</v>
      </c>
      <c r="B1150" s="1"/>
      <c r="C1150">
        <v>7</v>
      </c>
      <c r="D1150" t="s">
        <v>12395</v>
      </c>
      <c r="E1150" t="s">
        <v>32386</v>
      </c>
      <c r="F1150">
        <v>3</v>
      </c>
      <c r="G1150" t="s">
        <v>0</v>
      </c>
      <c r="H1150" t="s">
        <v>12396</v>
      </c>
      <c r="I1150" t="s">
        <v>30540</v>
      </c>
    </row>
    <row r="1151" spans="1:9">
      <c r="A1151" s="1">
        <v>0.86961488988931046</v>
      </c>
      <c r="B1151" s="1"/>
      <c r="C1151">
        <v>4</v>
      </c>
      <c r="D1151" t="s">
        <v>12373</v>
      </c>
      <c r="E1151" t="s">
        <v>32389</v>
      </c>
      <c r="F1151">
        <v>2</v>
      </c>
      <c r="G1151" t="s">
        <v>2</v>
      </c>
      <c r="H1151" t="s">
        <v>12374</v>
      </c>
      <c r="I1151" t="s">
        <v>30540</v>
      </c>
    </row>
    <row r="1152" spans="1:9">
      <c r="A1152" s="1">
        <v>0.11615321670445977</v>
      </c>
      <c r="B1152" s="1"/>
      <c r="C1152">
        <v>10</v>
      </c>
      <c r="D1152" t="s">
        <v>12359</v>
      </c>
      <c r="E1152" t="s">
        <v>32392</v>
      </c>
      <c r="F1152">
        <v>3</v>
      </c>
      <c r="G1152" t="s">
        <v>14</v>
      </c>
      <c r="H1152" t="s">
        <v>12360</v>
      </c>
      <c r="I1152" t="s">
        <v>30540</v>
      </c>
    </row>
    <row r="1153" spans="1:9">
      <c r="A1153" s="1">
        <v>0.97509213680533779</v>
      </c>
      <c r="B1153" s="1"/>
      <c r="C1153">
        <v>17</v>
      </c>
      <c r="D1153" t="s">
        <v>12363</v>
      </c>
      <c r="E1153" t="s">
        <v>32392</v>
      </c>
      <c r="F1153">
        <v>2</v>
      </c>
      <c r="G1153" t="s">
        <v>771</v>
      </c>
      <c r="H1153" t="s">
        <v>12364</v>
      </c>
      <c r="I1153" t="s">
        <v>30540</v>
      </c>
    </row>
    <row r="1154" spans="1:9">
      <c r="A1154" s="1">
        <v>0.46943658994548465</v>
      </c>
      <c r="B1154" s="1"/>
      <c r="C1154">
        <v>2</v>
      </c>
      <c r="D1154" t="s">
        <v>12323</v>
      </c>
      <c r="E1154" t="s">
        <v>32396</v>
      </c>
      <c r="F1154">
        <v>2</v>
      </c>
      <c r="G1154" t="s">
        <v>771</v>
      </c>
      <c r="H1154" t="s">
        <v>12324</v>
      </c>
      <c r="I1154" t="s">
        <v>30540</v>
      </c>
    </row>
    <row r="1155" spans="1:9">
      <c r="A1155" s="1">
        <v>0.77847655436272423</v>
      </c>
      <c r="B1155" s="1"/>
      <c r="C1155">
        <v>12</v>
      </c>
      <c r="D1155" t="s">
        <v>12329</v>
      </c>
      <c r="E1155" t="s">
        <v>32396</v>
      </c>
      <c r="F1155">
        <v>2</v>
      </c>
      <c r="G1155" t="s">
        <v>0</v>
      </c>
      <c r="H1155" t="s">
        <v>12330</v>
      </c>
      <c r="I1155" t="s">
        <v>30540</v>
      </c>
    </row>
    <row r="1156" spans="1:9">
      <c r="A1156" s="1">
        <v>0.97870705192967766</v>
      </c>
      <c r="B1156" s="1"/>
      <c r="C1156">
        <v>9</v>
      </c>
      <c r="D1156" t="s">
        <v>12309</v>
      </c>
      <c r="E1156" t="s">
        <v>32400</v>
      </c>
      <c r="F1156">
        <v>2</v>
      </c>
      <c r="G1156" t="s">
        <v>9</v>
      </c>
      <c r="H1156" t="s">
        <v>12310</v>
      </c>
      <c r="I1156" t="s">
        <v>30540</v>
      </c>
    </row>
    <row r="1157" spans="1:9">
      <c r="A1157" s="1">
        <v>0.13083895659420253</v>
      </c>
      <c r="B1157" s="1"/>
      <c r="C1157">
        <v>3</v>
      </c>
      <c r="D1157" t="s">
        <v>12289</v>
      </c>
      <c r="E1157" t="s">
        <v>32402</v>
      </c>
      <c r="F1157">
        <v>3</v>
      </c>
      <c r="G1157" t="s">
        <v>769</v>
      </c>
      <c r="H1157" t="s">
        <v>12290</v>
      </c>
      <c r="I1157" t="s">
        <v>30540</v>
      </c>
    </row>
    <row r="1158" spans="1:9">
      <c r="A1158" s="1">
        <v>0.26757151456703809</v>
      </c>
      <c r="B1158" s="1"/>
      <c r="C1158">
        <v>16</v>
      </c>
      <c r="D1158" t="s">
        <v>12293</v>
      </c>
      <c r="E1158" t="s">
        <v>32402</v>
      </c>
      <c r="F1158">
        <v>3</v>
      </c>
      <c r="G1158" t="s">
        <v>0</v>
      </c>
      <c r="H1158" t="s">
        <v>12294</v>
      </c>
      <c r="I1158" t="s">
        <v>30540</v>
      </c>
    </row>
    <row r="1159" spans="1:9">
      <c r="A1159" s="1">
        <v>0.9191184498740208</v>
      </c>
      <c r="B1159" s="1"/>
      <c r="C1159">
        <v>14</v>
      </c>
      <c r="D1159" t="s">
        <v>12251</v>
      </c>
      <c r="E1159" t="s">
        <v>32410</v>
      </c>
      <c r="F1159">
        <v>2</v>
      </c>
      <c r="G1159" t="s">
        <v>2</v>
      </c>
      <c r="H1159" t="s">
        <v>12252</v>
      </c>
      <c r="I1159" t="s">
        <v>30540</v>
      </c>
    </row>
    <row r="1160" spans="1:9">
      <c r="A1160" s="1">
        <v>9.9180915315740359E-2</v>
      </c>
      <c r="B1160" s="1"/>
      <c r="C1160">
        <v>5</v>
      </c>
      <c r="D1160" t="s">
        <v>12227</v>
      </c>
      <c r="E1160" t="s">
        <v>32413</v>
      </c>
      <c r="F1160">
        <v>2</v>
      </c>
      <c r="G1160" t="s">
        <v>14</v>
      </c>
      <c r="H1160" t="s">
        <v>12228</v>
      </c>
      <c r="I1160" t="s">
        <v>30540</v>
      </c>
    </row>
    <row r="1161" spans="1:9">
      <c r="A1161" s="1">
        <v>0.91765537566534783</v>
      </c>
      <c r="B1161" s="1"/>
      <c r="C1161">
        <v>14</v>
      </c>
      <c r="D1161" t="s">
        <v>12229</v>
      </c>
      <c r="E1161" t="s">
        <v>32413</v>
      </c>
      <c r="F1161">
        <v>2</v>
      </c>
      <c r="G1161" t="s">
        <v>14</v>
      </c>
      <c r="H1161" t="s">
        <v>12230</v>
      </c>
      <c r="I1161" t="s">
        <v>30540</v>
      </c>
    </row>
    <row r="1162" spans="1:9">
      <c r="A1162" s="1">
        <v>0.58931857382039476</v>
      </c>
      <c r="B1162" s="1"/>
      <c r="C1162">
        <v>11</v>
      </c>
      <c r="D1162" t="s">
        <v>12195</v>
      </c>
      <c r="E1162" t="s">
        <v>32420</v>
      </c>
      <c r="F1162">
        <v>2</v>
      </c>
      <c r="G1162" t="s">
        <v>14</v>
      </c>
      <c r="H1162" t="s">
        <v>12196</v>
      </c>
      <c r="I1162" t="s">
        <v>30540</v>
      </c>
    </row>
    <row r="1163" spans="1:9">
      <c r="A1163" s="1">
        <v>0.40917107042971212</v>
      </c>
      <c r="B1163" s="1"/>
      <c r="C1163">
        <v>6</v>
      </c>
      <c r="D1163" t="s">
        <v>12187</v>
      </c>
      <c r="E1163" t="s">
        <v>32421</v>
      </c>
      <c r="F1163">
        <v>3</v>
      </c>
      <c r="G1163" t="s">
        <v>10</v>
      </c>
      <c r="H1163" t="s">
        <v>12188</v>
      </c>
      <c r="I1163" t="s">
        <v>30540</v>
      </c>
    </row>
    <row r="1164" spans="1:9">
      <c r="A1164" s="1">
        <v>7.608902123918726E-2</v>
      </c>
      <c r="B1164" s="1"/>
      <c r="C1164">
        <v>7</v>
      </c>
      <c r="D1164" t="s">
        <v>12183</v>
      </c>
      <c r="E1164" t="s">
        <v>32422</v>
      </c>
      <c r="F1164">
        <v>3</v>
      </c>
      <c r="G1164" t="s">
        <v>14</v>
      </c>
      <c r="H1164" t="s">
        <v>12184</v>
      </c>
      <c r="I1164" t="s">
        <v>30540</v>
      </c>
    </row>
    <row r="1165" spans="1:9">
      <c r="A1165" s="1">
        <v>0.4506108885380401</v>
      </c>
      <c r="B1165" s="1"/>
      <c r="C1165">
        <v>2</v>
      </c>
      <c r="D1165" t="s">
        <v>12175</v>
      </c>
      <c r="E1165" t="s">
        <v>32423</v>
      </c>
      <c r="F1165">
        <v>2</v>
      </c>
      <c r="G1165" t="s">
        <v>1295</v>
      </c>
      <c r="H1165" t="s">
        <v>12176</v>
      </c>
      <c r="I1165" t="s">
        <v>30540</v>
      </c>
    </row>
    <row r="1166" spans="1:9">
      <c r="A1166" s="1">
        <v>0.83659042957115326</v>
      </c>
      <c r="B1166" s="1"/>
      <c r="C1166">
        <v>3</v>
      </c>
      <c r="D1166" t="s">
        <v>12169</v>
      </c>
      <c r="E1166" t="s">
        <v>32424</v>
      </c>
      <c r="F1166">
        <v>3</v>
      </c>
      <c r="G1166" t="s">
        <v>14</v>
      </c>
      <c r="H1166" t="s">
        <v>12170</v>
      </c>
      <c r="I1166" t="s">
        <v>30540</v>
      </c>
    </row>
    <row r="1167" spans="1:9">
      <c r="A1167" s="1">
        <v>2.9444136353637074E-2</v>
      </c>
      <c r="B1167" s="1"/>
      <c r="C1167">
        <v>1</v>
      </c>
      <c r="D1167" t="s">
        <v>12159</v>
      </c>
      <c r="E1167" t="s">
        <v>32425</v>
      </c>
      <c r="F1167">
        <v>3</v>
      </c>
      <c r="G1167" t="s">
        <v>11302</v>
      </c>
      <c r="H1167" t="s">
        <v>12160</v>
      </c>
      <c r="I1167" t="s">
        <v>30540</v>
      </c>
    </row>
    <row r="1168" spans="1:9">
      <c r="A1168" s="1">
        <v>0.12151518223110125</v>
      </c>
      <c r="B1168" s="1"/>
      <c r="C1168">
        <v>14</v>
      </c>
      <c r="D1168" t="s">
        <v>12157</v>
      </c>
      <c r="E1168" t="s">
        <v>32426</v>
      </c>
      <c r="F1168">
        <v>2</v>
      </c>
      <c r="G1168" t="s">
        <v>9</v>
      </c>
      <c r="H1168" t="s">
        <v>12158</v>
      </c>
      <c r="I1168" t="s">
        <v>30540</v>
      </c>
    </row>
    <row r="1169" spans="1:9">
      <c r="A1169" s="1">
        <v>0.52226808454292262</v>
      </c>
      <c r="B1169" s="1"/>
      <c r="C1169">
        <v>13</v>
      </c>
      <c r="D1169" t="s">
        <v>12149</v>
      </c>
      <c r="E1169" t="s">
        <v>32427</v>
      </c>
      <c r="F1169">
        <v>2</v>
      </c>
      <c r="G1169" t="s">
        <v>0</v>
      </c>
      <c r="H1169" t="s">
        <v>12150</v>
      </c>
      <c r="I1169" t="s">
        <v>30540</v>
      </c>
    </row>
    <row r="1170" spans="1:9">
      <c r="A1170" s="1">
        <v>0.21408875932632787</v>
      </c>
      <c r="B1170" s="1"/>
      <c r="C1170">
        <v>11</v>
      </c>
      <c r="D1170" t="s">
        <v>12129</v>
      </c>
      <c r="E1170" t="s">
        <v>32429</v>
      </c>
      <c r="F1170">
        <v>2</v>
      </c>
      <c r="G1170" t="s">
        <v>0</v>
      </c>
      <c r="H1170" t="s">
        <v>12130</v>
      </c>
      <c r="I1170" t="s">
        <v>30540</v>
      </c>
    </row>
    <row r="1171" spans="1:9">
      <c r="A1171" s="1">
        <v>0.70226505543654605</v>
      </c>
      <c r="B1171" s="1"/>
      <c r="C1171">
        <v>8</v>
      </c>
      <c r="D1171" t="s">
        <v>12125</v>
      </c>
      <c r="E1171" t="s">
        <v>32431</v>
      </c>
      <c r="F1171">
        <v>2</v>
      </c>
      <c r="G1171" t="s">
        <v>9</v>
      </c>
      <c r="H1171" t="s">
        <v>12126</v>
      </c>
      <c r="I1171" t="s">
        <v>30540</v>
      </c>
    </row>
    <row r="1172" spans="1:9">
      <c r="A1172" s="1">
        <v>0.3139731783704347</v>
      </c>
      <c r="B1172" s="1"/>
      <c r="C1172">
        <v>3</v>
      </c>
      <c r="D1172" t="s">
        <v>12113</v>
      </c>
      <c r="E1172" t="s">
        <v>32432</v>
      </c>
      <c r="F1172">
        <v>3</v>
      </c>
      <c r="G1172" t="s">
        <v>13</v>
      </c>
      <c r="H1172" t="s">
        <v>12114</v>
      </c>
      <c r="I1172" t="s">
        <v>30540</v>
      </c>
    </row>
    <row r="1173" spans="1:9">
      <c r="A1173" s="1">
        <v>0.69708811174111662</v>
      </c>
      <c r="B1173" s="1"/>
      <c r="C1173">
        <v>12</v>
      </c>
      <c r="D1173" t="s">
        <v>12119</v>
      </c>
      <c r="E1173" t="s">
        <v>32432</v>
      </c>
      <c r="F1173">
        <v>2</v>
      </c>
      <c r="G1173" t="s">
        <v>9</v>
      </c>
      <c r="H1173" t="s">
        <v>12120</v>
      </c>
      <c r="I1173" t="s">
        <v>30540</v>
      </c>
    </row>
    <row r="1174" spans="1:9">
      <c r="A1174" s="1">
        <v>0.13239432288292619</v>
      </c>
      <c r="B1174" s="1"/>
      <c r="C1174">
        <v>5</v>
      </c>
      <c r="D1174" t="s">
        <v>12099</v>
      </c>
      <c r="E1174" t="s">
        <v>32434</v>
      </c>
      <c r="F1174">
        <v>2</v>
      </c>
      <c r="G1174" t="s">
        <v>14</v>
      </c>
      <c r="H1174" t="s">
        <v>12100</v>
      </c>
      <c r="I1174" t="s">
        <v>30540</v>
      </c>
    </row>
    <row r="1175" spans="1:9">
      <c r="A1175" s="1">
        <v>0.68129385199739623</v>
      </c>
      <c r="B1175" s="1"/>
      <c r="C1175">
        <v>6</v>
      </c>
      <c r="D1175" t="s">
        <v>12089</v>
      </c>
      <c r="E1175" t="s">
        <v>32436</v>
      </c>
      <c r="F1175">
        <v>3</v>
      </c>
      <c r="G1175" t="s">
        <v>14</v>
      </c>
      <c r="H1175" t="s">
        <v>12090</v>
      </c>
      <c r="I1175" t="s">
        <v>30540</v>
      </c>
    </row>
    <row r="1176" spans="1:9">
      <c r="A1176" s="1">
        <v>0.34057741075828829</v>
      </c>
      <c r="B1176" s="1"/>
      <c r="C1176">
        <v>8</v>
      </c>
      <c r="D1176" t="s">
        <v>12091</v>
      </c>
      <c r="E1176" t="s">
        <v>32436</v>
      </c>
      <c r="F1176">
        <v>2</v>
      </c>
      <c r="G1176" t="s">
        <v>14</v>
      </c>
      <c r="H1176" t="s">
        <v>12092</v>
      </c>
      <c r="I1176" t="s">
        <v>30540</v>
      </c>
    </row>
    <row r="1177" spans="1:9">
      <c r="A1177" s="1">
        <v>2.3901377064835083E-2</v>
      </c>
      <c r="B1177" s="1"/>
      <c r="C1177">
        <v>3</v>
      </c>
      <c r="D1177" t="s">
        <v>12069</v>
      </c>
      <c r="E1177" t="s">
        <v>32438</v>
      </c>
      <c r="F1177">
        <v>2</v>
      </c>
      <c r="G1177" t="s">
        <v>14</v>
      </c>
      <c r="H1177" t="s">
        <v>12070</v>
      </c>
      <c r="I1177" t="s">
        <v>30540</v>
      </c>
    </row>
    <row r="1178" spans="1:9">
      <c r="A1178" s="1">
        <v>0.30351325888801295</v>
      </c>
      <c r="B1178" s="1"/>
      <c r="C1178">
        <v>18</v>
      </c>
      <c r="D1178" t="s">
        <v>12065</v>
      </c>
      <c r="E1178" t="s">
        <v>32439</v>
      </c>
      <c r="F1178">
        <v>2</v>
      </c>
      <c r="G1178" t="s">
        <v>2</v>
      </c>
      <c r="H1178" t="s">
        <v>12066</v>
      </c>
      <c r="I1178" t="s">
        <v>30540</v>
      </c>
    </row>
    <row r="1179" spans="1:9">
      <c r="A1179" s="1">
        <v>0.55704934968356234</v>
      </c>
      <c r="B1179" s="1"/>
      <c r="C1179">
        <v>3</v>
      </c>
      <c r="D1179" t="s">
        <v>12045</v>
      </c>
      <c r="E1179" t="s">
        <v>32441</v>
      </c>
      <c r="F1179">
        <v>2</v>
      </c>
      <c r="G1179" t="s">
        <v>14</v>
      </c>
      <c r="H1179" t="s">
        <v>12046</v>
      </c>
      <c r="I1179" t="s">
        <v>30540</v>
      </c>
    </row>
    <row r="1180" spans="1:9">
      <c r="A1180" s="1">
        <v>0.67117974875802588</v>
      </c>
      <c r="B1180" s="1"/>
      <c r="C1180">
        <v>4</v>
      </c>
      <c r="D1180" t="s">
        <v>12043</v>
      </c>
      <c r="E1180" t="s">
        <v>32442</v>
      </c>
      <c r="F1180">
        <v>2</v>
      </c>
      <c r="G1180" t="s">
        <v>14</v>
      </c>
      <c r="H1180" t="s">
        <v>12044</v>
      </c>
      <c r="I1180" t="s">
        <v>30540</v>
      </c>
    </row>
    <row r="1181" spans="1:9">
      <c r="A1181" s="1">
        <v>0.70741405319408457</v>
      </c>
      <c r="B1181" s="1"/>
      <c r="C1181">
        <v>2</v>
      </c>
      <c r="D1181" t="s">
        <v>12025</v>
      </c>
      <c r="E1181" t="s">
        <v>32444</v>
      </c>
      <c r="F1181">
        <v>3</v>
      </c>
      <c r="G1181" t="s">
        <v>2</v>
      </c>
      <c r="H1181" t="s">
        <v>12026</v>
      </c>
      <c r="I1181" t="s">
        <v>30540</v>
      </c>
    </row>
    <row r="1182" spans="1:9">
      <c r="A1182" s="1">
        <v>0.25663453449340101</v>
      </c>
      <c r="B1182" s="1"/>
      <c r="C1182">
        <v>6</v>
      </c>
      <c r="D1182" t="s">
        <v>12021</v>
      </c>
      <c r="E1182" t="s">
        <v>32445</v>
      </c>
      <c r="F1182">
        <v>2</v>
      </c>
      <c r="G1182" t="s">
        <v>9</v>
      </c>
      <c r="H1182" t="s">
        <v>12022</v>
      </c>
      <c r="I1182" t="s">
        <v>30540</v>
      </c>
    </row>
    <row r="1183" spans="1:9">
      <c r="A1183" s="1">
        <v>0.96541782779454899</v>
      </c>
      <c r="B1183" s="1"/>
      <c r="C1183">
        <v>7</v>
      </c>
      <c r="D1183" t="s">
        <v>12023</v>
      </c>
      <c r="E1183" t="s">
        <v>32445</v>
      </c>
      <c r="F1183">
        <v>1</v>
      </c>
      <c r="G1183" t="s">
        <v>0</v>
      </c>
      <c r="H1183" t="s">
        <v>12024</v>
      </c>
      <c r="I1183" t="s">
        <v>30540</v>
      </c>
    </row>
    <row r="1184" spans="1:9">
      <c r="A1184" s="1">
        <v>0.29502644837994851</v>
      </c>
      <c r="B1184" s="1"/>
      <c r="C1184">
        <v>2</v>
      </c>
      <c r="D1184" t="s">
        <v>12005</v>
      </c>
      <c r="E1184" t="s">
        <v>32447</v>
      </c>
      <c r="F1184">
        <v>2</v>
      </c>
      <c r="G1184" t="s">
        <v>765</v>
      </c>
      <c r="H1184" t="s">
        <v>12006</v>
      </c>
      <c r="I1184" t="s">
        <v>30540</v>
      </c>
    </row>
    <row r="1185" spans="1:9">
      <c r="A1185" s="1">
        <v>0.80496037464954706</v>
      </c>
      <c r="B1185" s="1"/>
      <c r="C1185">
        <v>8</v>
      </c>
      <c r="D1185" t="s">
        <v>11991</v>
      </c>
      <c r="E1185" t="s">
        <v>32450</v>
      </c>
      <c r="F1185">
        <v>1</v>
      </c>
      <c r="G1185" t="s">
        <v>14</v>
      </c>
      <c r="H1185" t="s">
        <v>11992</v>
      </c>
      <c r="I1185" t="s">
        <v>30540</v>
      </c>
    </row>
    <row r="1186" spans="1:9">
      <c r="A1186" s="1">
        <v>0.77642996540490961</v>
      </c>
      <c r="B1186" s="1"/>
      <c r="C1186">
        <v>1</v>
      </c>
      <c r="D1186" t="s">
        <v>11967</v>
      </c>
      <c r="E1186" t="s">
        <v>32454</v>
      </c>
      <c r="F1186">
        <v>1</v>
      </c>
      <c r="G1186" t="s">
        <v>2</v>
      </c>
      <c r="H1186" t="s">
        <v>11968</v>
      </c>
      <c r="I1186" t="s">
        <v>30540</v>
      </c>
    </row>
    <row r="1187" spans="1:9">
      <c r="A1187" s="1">
        <v>0.56061334931544138</v>
      </c>
      <c r="B1187" s="1"/>
      <c r="C1187">
        <v>5</v>
      </c>
      <c r="D1187" t="s">
        <v>11961</v>
      </c>
      <c r="E1187" t="s">
        <v>32455</v>
      </c>
      <c r="F1187">
        <v>2</v>
      </c>
      <c r="G1187" t="s">
        <v>14</v>
      </c>
      <c r="H1187" t="s">
        <v>11962</v>
      </c>
      <c r="I1187" t="s">
        <v>30540</v>
      </c>
    </row>
    <row r="1188" spans="1:9">
      <c r="A1188" s="1">
        <v>0.54090915665259232</v>
      </c>
      <c r="B1188" s="1"/>
      <c r="C1188">
        <v>3</v>
      </c>
      <c r="D1188" t="s">
        <v>11949</v>
      </c>
      <c r="E1188" t="s">
        <v>32456</v>
      </c>
      <c r="F1188">
        <v>3</v>
      </c>
      <c r="G1188" t="s">
        <v>15</v>
      </c>
      <c r="H1188" t="s">
        <v>11950</v>
      </c>
      <c r="I1188" t="s">
        <v>30540</v>
      </c>
    </row>
    <row r="1189" spans="1:9">
      <c r="A1189" s="1">
        <v>0.96611405806924244</v>
      </c>
      <c r="B1189" s="1"/>
      <c r="C1189">
        <v>5</v>
      </c>
      <c r="D1189" t="s">
        <v>11927</v>
      </c>
      <c r="E1189" t="s">
        <v>32458</v>
      </c>
      <c r="F1189">
        <v>2</v>
      </c>
      <c r="G1189" t="s">
        <v>2</v>
      </c>
      <c r="H1189" t="s">
        <v>11928</v>
      </c>
      <c r="I1189" t="s">
        <v>30540</v>
      </c>
    </row>
    <row r="1190" spans="1:9">
      <c r="A1190" s="1">
        <v>1.0118611829049162E-2</v>
      </c>
      <c r="B1190" s="1"/>
      <c r="C1190">
        <v>15</v>
      </c>
      <c r="D1190" t="s">
        <v>11911</v>
      </c>
      <c r="E1190" t="s">
        <v>32460</v>
      </c>
      <c r="F1190">
        <v>2</v>
      </c>
      <c r="G1190" t="s">
        <v>14</v>
      </c>
      <c r="H1190" t="s">
        <v>11912</v>
      </c>
      <c r="I1190" t="s">
        <v>30540</v>
      </c>
    </row>
    <row r="1191" spans="1:9">
      <c r="A1191" s="1">
        <v>0.83667045442871024</v>
      </c>
      <c r="B1191" s="1"/>
      <c r="C1191">
        <v>3</v>
      </c>
      <c r="D1191" t="s">
        <v>11885</v>
      </c>
      <c r="E1191" t="s">
        <v>32465</v>
      </c>
      <c r="F1191">
        <v>3</v>
      </c>
      <c r="G1191" t="s">
        <v>14</v>
      </c>
      <c r="H1191" t="s">
        <v>11886</v>
      </c>
      <c r="I1191" t="s">
        <v>30540</v>
      </c>
    </row>
    <row r="1192" spans="1:9">
      <c r="A1192" s="1">
        <v>0.56240438473163068</v>
      </c>
      <c r="B1192" s="1"/>
      <c r="C1192">
        <v>13</v>
      </c>
      <c r="D1192" t="s">
        <v>11883</v>
      </c>
      <c r="E1192" t="s">
        <v>32466</v>
      </c>
      <c r="F1192">
        <v>3</v>
      </c>
      <c r="G1192" t="s">
        <v>14</v>
      </c>
      <c r="H1192" t="s">
        <v>11884</v>
      </c>
      <c r="I1192" t="s">
        <v>30540</v>
      </c>
    </row>
    <row r="1193" spans="1:9">
      <c r="A1193" s="1">
        <v>0.72416621646373414</v>
      </c>
      <c r="B1193" s="1"/>
      <c r="C1193">
        <v>2</v>
      </c>
      <c r="D1193" t="s">
        <v>11857</v>
      </c>
      <c r="E1193" t="s">
        <v>32468</v>
      </c>
      <c r="F1193">
        <v>3</v>
      </c>
      <c r="G1193" t="s">
        <v>2</v>
      </c>
      <c r="H1193" t="s">
        <v>11858</v>
      </c>
      <c r="I1193" t="s">
        <v>30540</v>
      </c>
    </row>
    <row r="1194" spans="1:9">
      <c r="A1194" s="1">
        <v>0.72818559035728703</v>
      </c>
      <c r="B1194" s="1"/>
      <c r="C1194">
        <v>18</v>
      </c>
      <c r="D1194" t="s">
        <v>11829</v>
      </c>
      <c r="E1194" t="s">
        <v>32474</v>
      </c>
      <c r="F1194">
        <v>3</v>
      </c>
      <c r="G1194" t="s">
        <v>14</v>
      </c>
      <c r="H1194" t="s">
        <v>11830</v>
      </c>
      <c r="I1194" t="s">
        <v>30540</v>
      </c>
    </row>
    <row r="1195" spans="1:9">
      <c r="A1195" s="1">
        <v>0.48333350210176074</v>
      </c>
      <c r="B1195" s="1"/>
      <c r="C1195">
        <v>9</v>
      </c>
      <c r="D1195" t="s">
        <v>11827</v>
      </c>
      <c r="E1195" t="s">
        <v>32474</v>
      </c>
      <c r="F1195">
        <v>3</v>
      </c>
      <c r="G1195" t="s">
        <v>2</v>
      </c>
      <c r="H1195" t="s">
        <v>11828</v>
      </c>
      <c r="I1195" t="s">
        <v>30540</v>
      </c>
    </row>
    <row r="1196" spans="1:9">
      <c r="A1196" s="1">
        <v>0.45705135555930665</v>
      </c>
      <c r="B1196" s="1"/>
      <c r="C1196">
        <v>4</v>
      </c>
      <c r="D1196" t="s">
        <v>11817</v>
      </c>
      <c r="E1196" t="s">
        <v>32476</v>
      </c>
      <c r="F1196">
        <v>2</v>
      </c>
      <c r="G1196" t="s">
        <v>9</v>
      </c>
      <c r="H1196" t="s">
        <v>11818</v>
      </c>
      <c r="I1196" t="s">
        <v>30540</v>
      </c>
    </row>
    <row r="1197" spans="1:9">
      <c r="A1197" s="1">
        <v>0.31502339135828861</v>
      </c>
      <c r="B1197" s="1"/>
      <c r="C1197">
        <v>1</v>
      </c>
      <c r="D1197" t="s">
        <v>11809</v>
      </c>
      <c r="E1197" t="s">
        <v>32477</v>
      </c>
      <c r="F1197">
        <v>3</v>
      </c>
      <c r="G1197" t="s">
        <v>13</v>
      </c>
      <c r="H1197" t="s">
        <v>11810</v>
      </c>
      <c r="I1197" t="s">
        <v>30540</v>
      </c>
    </row>
    <row r="1198" spans="1:9">
      <c r="A1198" s="1">
        <v>0.5532611339646909</v>
      </c>
      <c r="B1198" s="1"/>
      <c r="C1198">
        <v>7</v>
      </c>
      <c r="D1198" t="s">
        <v>11795</v>
      </c>
      <c r="E1198" t="s">
        <v>32480</v>
      </c>
      <c r="F1198">
        <v>2</v>
      </c>
      <c r="G1198" t="s">
        <v>14</v>
      </c>
      <c r="H1198" t="s">
        <v>11796</v>
      </c>
      <c r="I1198" t="s">
        <v>30540</v>
      </c>
    </row>
    <row r="1199" spans="1:9">
      <c r="A1199" s="1">
        <v>0.75713371681317299</v>
      </c>
      <c r="B1199" s="1"/>
      <c r="C1199">
        <v>11</v>
      </c>
      <c r="D1199" t="s">
        <v>11789</v>
      </c>
      <c r="E1199" t="s">
        <v>32481</v>
      </c>
      <c r="F1199">
        <v>2</v>
      </c>
      <c r="G1199" t="s">
        <v>9</v>
      </c>
      <c r="H1199" t="s">
        <v>11790</v>
      </c>
      <c r="I1199" t="s">
        <v>30540</v>
      </c>
    </row>
    <row r="1200" spans="1:9">
      <c r="A1200" s="1">
        <v>0.47539815925858664</v>
      </c>
      <c r="B1200" s="1"/>
      <c r="C1200">
        <v>12</v>
      </c>
      <c r="D1200" t="s">
        <v>11773</v>
      </c>
      <c r="E1200" t="s">
        <v>32484</v>
      </c>
      <c r="F1200">
        <v>3</v>
      </c>
      <c r="G1200" t="s">
        <v>0</v>
      </c>
      <c r="H1200" t="s">
        <v>11774</v>
      </c>
      <c r="I1200" t="s">
        <v>30540</v>
      </c>
    </row>
    <row r="1201" spans="1:9">
      <c r="A1201" s="1">
        <v>0.94543522464996044</v>
      </c>
      <c r="B1201" s="1"/>
      <c r="C1201">
        <v>8</v>
      </c>
      <c r="D1201" t="s">
        <v>11769</v>
      </c>
      <c r="E1201" t="s">
        <v>32484</v>
      </c>
      <c r="F1201">
        <v>3</v>
      </c>
      <c r="G1201" t="s">
        <v>1</v>
      </c>
      <c r="H1201" t="s">
        <v>11770</v>
      </c>
      <c r="I1201" t="s">
        <v>30540</v>
      </c>
    </row>
    <row r="1202" spans="1:9">
      <c r="A1202" s="1">
        <v>0.61522180088741729</v>
      </c>
      <c r="B1202" s="1"/>
      <c r="C1202">
        <v>11</v>
      </c>
      <c r="D1202" t="s">
        <v>11771</v>
      </c>
      <c r="E1202" t="s">
        <v>32484</v>
      </c>
      <c r="F1202">
        <v>2</v>
      </c>
      <c r="G1202" t="s">
        <v>2</v>
      </c>
      <c r="H1202" t="s">
        <v>11772</v>
      </c>
      <c r="I1202" t="s">
        <v>30540</v>
      </c>
    </row>
    <row r="1203" spans="1:9">
      <c r="A1203" s="1">
        <v>6.5335133166284143E-2</v>
      </c>
      <c r="B1203" s="1"/>
      <c r="C1203">
        <v>9</v>
      </c>
      <c r="D1203" t="s">
        <v>11759</v>
      </c>
      <c r="E1203" t="s">
        <v>32485</v>
      </c>
      <c r="F1203">
        <v>3</v>
      </c>
      <c r="G1203" t="s">
        <v>9</v>
      </c>
      <c r="H1203" t="s">
        <v>11760</v>
      </c>
      <c r="I1203" t="s">
        <v>30540</v>
      </c>
    </row>
    <row r="1204" spans="1:9">
      <c r="A1204" s="1">
        <v>0.40082726004973401</v>
      </c>
      <c r="B1204" s="1"/>
      <c r="C1204">
        <v>11</v>
      </c>
      <c r="D1204" t="s">
        <v>11761</v>
      </c>
      <c r="E1204" t="s">
        <v>32485</v>
      </c>
      <c r="F1204">
        <v>2</v>
      </c>
      <c r="G1204" t="s">
        <v>9</v>
      </c>
      <c r="H1204" t="s">
        <v>11762</v>
      </c>
      <c r="I1204" t="s">
        <v>30540</v>
      </c>
    </row>
    <row r="1205" spans="1:9">
      <c r="A1205" s="1">
        <v>0.20987677896474111</v>
      </c>
      <c r="B1205" s="1"/>
      <c r="C1205">
        <v>6</v>
      </c>
      <c r="D1205" t="s">
        <v>11731</v>
      </c>
      <c r="E1205" t="s">
        <v>32490</v>
      </c>
      <c r="F1205">
        <v>2</v>
      </c>
      <c r="G1205" t="s">
        <v>0</v>
      </c>
      <c r="H1205" t="s">
        <v>11732</v>
      </c>
      <c r="I1205" t="s">
        <v>30540</v>
      </c>
    </row>
    <row r="1206" spans="1:9">
      <c r="A1206" s="1">
        <v>0.4235179092891459</v>
      </c>
      <c r="B1206" s="1"/>
      <c r="C1206">
        <v>11</v>
      </c>
      <c r="D1206" t="s">
        <v>11725</v>
      </c>
      <c r="E1206" t="s">
        <v>32491</v>
      </c>
      <c r="F1206">
        <v>3</v>
      </c>
      <c r="G1206" t="s">
        <v>14</v>
      </c>
      <c r="H1206" t="s">
        <v>11726</v>
      </c>
      <c r="I1206" t="s">
        <v>30540</v>
      </c>
    </row>
    <row r="1207" spans="1:9">
      <c r="A1207" s="1">
        <v>0.39491832564248641</v>
      </c>
      <c r="B1207" s="1"/>
      <c r="C1207">
        <v>9</v>
      </c>
      <c r="D1207" t="s">
        <v>11723</v>
      </c>
      <c r="E1207" t="s">
        <v>32491</v>
      </c>
      <c r="F1207">
        <v>3</v>
      </c>
      <c r="G1207" t="s">
        <v>13</v>
      </c>
      <c r="H1207" t="s">
        <v>11724</v>
      </c>
      <c r="I1207" t="s">
        <v>30540</v>
      </c>
    </row>
    <row r="1208" spans="1:9">
      <c r="A1208" s="1">
        <v>0.40472224285996461</v>
      </c>
      <c r="B1208" s="1"/>
      <c r="C1208">
        <v>16</v>
      </c>
      <c r="D1208" t="s">
        <v>11729</v>
      </c>
      <c r="E1208" t="s">
        <v>32491</v>
      </c>
      <c r="F1208">
        <v>2</v>
      </c>
      <c r="G1208" t="s">
        <v>11518</v>
      </c>
      <c r="H1208" t="s">
        <v>11730</v>
      </c>
      <c r="I1208" t="s">
        <v>30540</v>
      </c>
    </row>
    <row r="1209" spans="1:9">
      <c r="A1209" s="1">
        <v>4.1921994700367393E-2</v>
      </c>
      <c r="B1209" s="1"/>
      <c r="C1209">
        <v>2</v>
      </c>
      <c r="D1209" t="s">
        <v>11719</v>
      </c>
      <c r="E1209" t="s">
        <v>32492</v>
      </c>
      <c r="F1209">
        <v>3</v>
      </c>
      <c r="G1209" t="s">
        <v>2</v>
      </c>
      <c r="H1209" t="s">
        <v>11720</v>
      </c>
      <c r="I1209" t="s">
        <v>30540</v>
      </c>
    </row>
    <row r="1210" spans="1:9">
      <c r="A1210" s="1">
        <v>0.38822028307854595</v>
      </c>
      <c r="B1210" s="1"/>
      <c r="C1210">
        <v>17</v>
      </c>
      <c r="D1210" t="s">
        <v>11721</v>
      </c>
      <c r="E1210" t="s">
        <v>32492</v>
      </c>
      <c r="F1210">
        <v>2</v>
      </c>
      <c r="G1210" t="s">
        <v>14</v>
      </c>
      <c r="H1210" t="s">
        <v>11722</v>
      </c>
      <c r="I1210" t="s">
        <v>30540</v>
      </c>
    </row>
    <row r="1211" spans="1:9">
      <c r="A1211" s="1">
        <v>0.69228389517658129</v>
      </c>
      <c r="B1211" s="1"/>
      <c r="C1211">
        <v>8</v>
      </c>
      <c r="D1211" t="s">
        <v>11713</v>
      </c>
      <c r="E1211" t="s">
        <v>32493</v>
      </c>
      <c r="F1211">
        <v>3</v>
      </c>
      <c r="G1211" t="s">
        <v>14</v>
      </c>
      <c r="H1211" t="s">
        <v>11714</v>
      </c>
      <c r="I1211" t="s">
        <v>30540</v>
      </c>
    </row>
    <row r="1212" spans="1:9">
      <c r="A1212" s="1">
        <v>0.5054684753082016</v>
      </c>
      <c r="B1212" s="1"/>
      <c r="C1212">
        <v>5</v>
      </c>
      <c r="D1212" t="s">
        <v>11711</v>
      </c>
      <c r="E1212" t="s">
        <v>32493</v>
      </c>
      <c r="F1212">
        <v>2</v>
      </c>
      <c r="G1212" t="s">
        <v>13</v>
      </c>
      <c r="H1212" t="s">
        <v>11712</v>
      </c>
      <c r="I1212" t="s">
        <v>30540</v>
      </c>
    </row>
    <row r="1213" spans="1:9">
      <c r="A1213" s="1">
        <v>0.38727371631840668</v>
      </c>
      <c r="B1213" s="1"/>
      <c r="C1213">
        <v>4</v>
      </c>
      <c r="D1213" t="s">
        <v>11705</v>
      </c>
      <c r="E1213" t="s">
        <v>32494</v>
      </c>
      <c r="F1213">
        <v>3</v>
      </c>
      <c r="G1213" t="s">
        <v>11426</v>
      </c>
      <c r="H1213" t="s">
        <v>11706</v>
      </c>
      <c r="I1213" t="s">
        <v>30540</v>
      </c>
    </row>
    <row r="1214" spans="1:9">
      <c r="A1214" s="1">
        <v>0.39834728523101581</v>
      </c>
      <c r="B1214" s="1"/>
      <c r="C1214">
        <v>14</v>
      </c>
      <c r="D1214" t="s">
        <v>11709</v>
      </c>
      <c r="E1214" t="s">
        <v>32494</v>
      </c>
      <c r="F1214">
        <v>2</v>
      </c>
      <c r="G1214" t="s">
        <v>14</v>
      </c>
      <c r="H1214" t="s">
        <v>11710</v>
      </c>
      <c r="I1214" t="s">
        <v>30540</v>
      </c>
    </row>
    <row r="1215" spans="1:9">
      <c r="A1215" s="1">
        <v>0.69651761730799044</v>
      </c>
      <c r="B1215" s="1"/>
      <c r="C1215">
        <v>10</v>
      </c>
      <c r="D1215" t="s">
        <v>11693</v>
      </c>
      <c r="E1215" t="s">
        <v>32496</v>
      </c>
      <c r="F1215">
        <v>3</v>
      </c>
      <c r="G1215" t="s">
        <v>14</v>
      </c>
      <c r="H1215" t="s">
        <v>11694</v>
      </c>
      <c r="I1215" t="s">
        <v>30540</v>
      </c>
    </row>
    <row r="1216" spans="1:9">
      <c r="A1216" s="1">
        <v>0.10781898752361618</v>
      </c>
      <c r="B1216" s="1"/>
      <c r="C1216">
        <v>1</v>
      </c>
      <c r="D1216" t="s">
        <v>11669</v>
      </c>
      <c r="E1216" t="s">
        <v>32498</v>
      </c>
      <c r="F1216">
        <v>2</v>
      </c>
      <c r="G1216" t="s">
        <v>0</v>
      </c>
      <c r="H1216" t="s">
        <v>11670</v>
      </c>
      <c r="I1216" t="s">
        <v>30540</v>
      </c>
    </row>
    <row r="1217" spans="1:9">
      <c r="A1217" s="1">
        <v>0.76958952793463486</v>
      </c>
      <c r="B1217" s="1"/>
      <c r="C1217">
        <v>6</v>
      </c>
      <c r="D1217" t="s">
        <v>11659</v>
      </c>
      <c r="E1217" t="s">
        <v>32500</v>
      </c>
      <c r="F1217">
        <v>2</v>
      </c>
      <c r="G1217" t="s">
        <v>14</v>
      </c>
      <c r="H1217" t="s">
        <v>11660</v>
      </c>
      <c r="I1217" t="s">
        <v>30540</v>
      </c>
    </row>
    <row r="1218" spans="1:9">
      <c r="A1218" s="1">
        <v>0.83405571299905901</v>
      </c>
      <c r="B1218" s="1"/>
      <c r="C1218">
        <v>2</v>
      </c>
      <c r="D1218" t="s">
        <v>11655</v>
      </c>
      <c r="E1218" t="s">
        <v>32501</v>
      </c>
      <c r="F1218">
        <v>2</v>
      </c>
      <c r="G1218" t="s">
        <v>14</v>
      </c>
      <c r="H1218" t="s">
        <v>11656</v>
      </c>
      <c r="I1218" t="s">
        <v>30540</v>
      </c>
    </row>
    <row r="1219" spans="1:9">
      <c r="A1219" s="1">
        <v>7.4276000982680612E-2</v>
      </c>
      <c r="B1219" s="1"/>
      <c r="C1219">
        <v>1</v>
      </c>
      <c r="D1219" t="s">
        <v>11635</v>
      </c>
      <c r="E1219" t="s">
        <v>32505</v>
      </c>
      <c r="F1219">
        <v>3</v>
      </c>
      <c r="G1219" t="s">
        <v>14</v>
      </c>
      <c r="H1219" t="s">
        <v>11636</v>
      </c>
      <c r="I1219" t="s">
        <v>30540</v>
      </c>
    </row>
    <row r="1220" spans="1:9">
      <c r="A1220" s="1">
        <v>8.4531979740065655E-2</v>
      </c>
      <c r="B1220" s="1"/>
      <c r="C1220">
        <v>2</v>
      </c>
      <c r="D1220" t="s">
        <v>11629</v>
      </c>
      <c r="E1220" t="s">
        <v>32506</v>
      </c>
      <c r="F1220">
        <v>3</v>
      </c>
      <c r="G1220" t="s">
        <v>13</v>
      </c>
      <c r="H1220" t="s">
        <v>11630</v>
      </c>
      <c r="I1220" t="s">
        <v>30540</v>
      </c>
    </row>
    <row r="1221" spans="1:9">
      <c r="A1221" s="1">
        <v>0.39554893021177628</v>
      </c>
      <c r="B1221" s="1"/>
      <c r="C1221">
        <v>14</v>
      </c>
      <c r="D1221" t="s">
        <v>11633</v>
      </c>
      <c r="E1221" t="s">
        <v>32506</v>
      </c>
      <c r="F1221">
        <v>2</v>
      </c>
      <c r="G1221" t="s">
        <v>0</v>
      </c>
      <c r="H1221" t="s">
        <v>11634</v>
      </c>
      <c r="I1221" t="s">
        <v>30540</v>
      </c>
    </row>
    <row r="1222" spans="1:9">
      <c r="A1222" s="1">
        <v>0.63212852713444012</v>
      </c>
      <c r="B1222" s="1"/>
      <c r="C1222">
        <v>2</v>
      </c>
      <c r="D1222" t="s">
        <v>11609</v>
      </c>
      <c r="E1222" t="s">
        <v>32509</v>
      </c>
      <c r="F1222">
        <v>2</v>
      </c>
      <c r="G1222" t="s">
        <v>11300</v>
      </c>
      <c r="H1222" t="s">
        <v>11610</v>
      </c>
      <c r="I1222" t="s">
        <v>30540</v>
      </c>
    </row>
    <row r="1223" spans="1:9">
      <c r="A1223" s="1">
        <v>0.11742966240116159</v>
      </c>
      <c r="B1223" s="1"/>
      <c r="C1223">
        <v>6</v>
      </c>
      <c r="D1223" t="s">
        <v>11607</v>
      </c>
      <c r="E1223" t="s">
        <v>32510</v>
      </c>
      <c r="F1223">
        <v>2</v>
      </c>
      <c r="G1223" t="s">
        <v>14</v>
      </c>
      <c r="H1223" t="s">
        <v>11608</v>
      </c>
      <c r="I1223" t="s">
        <v>30540</v>
      </c>
    </row>
    <row r="1224" spans="1:9">
      <c r="A1224" s="1">
        <v>4.2684391373115638E-4</v>
      </c>
      <c r="B1224" s="1"/>
      <c r="C1224">
        <v>11</v>
      </c>
      <c r="D1224" t="s">
        <v>11589</v>
      </c>
      <c r="E1224" t="s">
        <v>32513</v>
      </c>
      <c r="F1224">
        <v>2</v>
      </c>
      <c r="G1224" t="s">
        <v>14</v>
      </c>
      <c r="H1224" t="s">
        <v>11590</v>
      </c>
      <c r="I1224" t="s">
        <v>30540</v>
      </c>
    </row>
    <row r="1225" spans="1:9">
      <c r="A1225" s="1">
        <v>0.83300906392815666</v>
      </c>
      <c r="B1225" s="1"/>
      <c r="C1225">
        <v>4</v>
      </c>
      <c r="D1225" t="s">
        <v>11587</v>
      </c>
      <c r="E1225" t="s">
        <v>32513</v>
      </c>
      <c r="F1225">
        <v>1</v>
      </c>
      <c r="G1225" t="s">
        <v>15</v>
      </c>
      <c r="H1225" t="s">
        <v>11588</v>
      </c>
      <c r="I1225" t="s">
        <v>30540</v>
      </c>
    </row>
    <row r="1226" spans="1:9">
      <c r="A1226" s="1">
        <v>0.97789266839538336</v>
      </c>
      <c r="B1226" s="1"/>
      <c r="C1226">
        <v>13</v>
      </c>
      <c r="D1226" t="s">
        <v>11579</v>
      </c>
      <c r="E1226" t="s">
        <v>32514</v>
      </c>
      <c r="F1226">
        <v>2</v>
      </c>
      <c r="G1226" t="s">
        <v>14</v>
      </c>
      <c r="H1226" t="s">
        <v>11580</v>
      </c>
      <c r="I1226" t="s">
        <v>30540</v>
      </c>
    </row>
    <row r="1227" spans="1:9">
      <c r="A1227" s="1">
        <v>0.13028228317298984</v>
      </c>
      <c r="B1227" s="1"/>
      <c r="C1227">
        <v>15</v>
      </c>
      <c r="D1227" t="s">
        <v>11581</v>
      </c>
      <c r="E1227" t="s">
        <v>32514</v>
      </c>
      <c r="F1227">
        <v>2</v>
      </c>
      <c r="G1227" t="s">
        <v>14</v>
      </c>
      <c r="H1227" t="s">
        <v>11582</v>
      </c>
      <c r="I1227" t="s">
        <v>30540</v>
      </c>
    </row>
    <row r="1228" spans="1:9">
      <c r="A1228" s="1">
        <v>0.93343985206162294</v>
      </c>
      <c r="B1228" s="1"/>
      <c r="C1228">
        <v>17</v>
      </c>
      <c r="D1228" t="s">
        <v>11557</v>
      </c>
      <c r="E1228" t="s">
        <v>32517</v>
      </c>
      <c r="F1228">
        <v>3</v>
      </c>
      <c r="G1228" t="s">
        <v>10</v>
      </c>
      <c r="H1228" t="s">
        <v>11558</v>
      </c>
      <c r="I1228" t="s">
        <v>30540</v>
      </c>
    </row>
    <row r="1229" spans="1:9">
      <c r="A1229" s="1">
        <v>0.39423394990293592</v>
      </c>
      <c r="B1229" s="1"/>
      <c r="C1229">
        <v>10</v>
      </c>
      <c r="D1229" t="s">
        <v>11555</v>
      </c>
      <c r="E1229" t="s">
        <v>32517</v>
      </c>
      <c r="F1229">
        <v>2</v>
      </c>
      <c r="G1229" t="s">
        <v>766</v>
      </c>
      <c r="H1229" t="s">
        <v>11556</v>
      </c>
      <c r="I1229" t="s">
        <v>30540</v>
      </c>
    </row>
    <row r="1230" spans="1:9">
      <c r="A1230" s="1">
        <v>0.46139475008074771</v>
      </c>
      <c r="B1230" s="1"/>
      <c r="C1230">
        <v>13</v>
      </c>
      <c r="D1230" t="s">
        <v>11549</v>
      </c>
      <c r="E1230" t="s">
        <v>32518</v>
      </c>
      <c r="F1230">
        <v>2</v>
      </c>
      <c r="G1230" t="s">
        <v>14</v>
      </c>
      <c r="H1230" t="s">
        <v>11550</v>
      </c>
      <c r="I1230" t="s">
        <v>30540</v>
      </c>
    </row>
    <row r="1231" spans="1:9">
      <c r="A1231" s="1">
        <v>0.69140829598710274</v>
      </c>
      <c r="B1231" s="1"/>
      <c r="C1231">
        <v>10</v>
      </c>
      <c r="D1231" t="s">
        <v>11539</v>
      </c>
      <c r="E1231" t="s">
        <v>32519</v>
      </c>
      <c r="F1231">
        <v>2</v>
      </c>
      <c r="G1231" t="s">
        <v>2</v>
      </c>
      <c r="H1231" t="s">
        <v>11540</v>
      </c>
      <c r="I1231" t="s">
        <v>30540</v>
      </c>
    </row>
    <row r="1232" spans="1:9">
      <c r="A1232" s="1">
        <v>0.34288203354910418</v>
      </c>
      <c r="B1232" s="1"/>
      <c r="C1232">
        <v>10</v>
      </c>
      <c r="D1232" t="s">
        <v>11497</v>
      </c>
      <c r="E1232" t="s">
        <v>32526</v>
      </c>
      <c r="F1232">
        <v>3</v>
      </c>
      <c r="G1232" t="s">
        <v>14</v>
      </c>
      <c r="H1232" t="s">
        <v>11498</v>
      </c>
      <c r="I1232" t="s">
        <v>30540</v>
      </c>
    </row>
    <row r="1233" spans="1:9">
      <c r="A1233" s="1">
        <v>0.41088718278103076</v>
      </c>
      <c r="B1233" s="1"/>
      <c r="C1233">
        <v>15</v>
      </c>
      <c r="D1233" t="s">
        <v>11493</v>
      </c>
      <c r="E1233" t="s">
        <v>32527</v>
      </c>
      <c r="F1233">
        <v>3</v>
      </c>
      <c r="G1233" t="s">
        <v>14</v>
      </c>
      <c r="H1233" t="s">
        <v>11494</v>
      </c>
      <c r="I1233" t="s">
        <v>30540</v>
      </c>
    </row>
    <row r="1234" spans="1:9">
      <c r="A1234" s="1">
        <v>0.70499346881616032</v>
      </c>
      <c r="B1234" s="1"/>
      <c r="C1234">
        <v>7</v>
      </c>
      <c r="D1234" t="s">
        <v>11489</v>
      </c>
      <c r="E1234" t="s">
        <v>32528</v>
      </c>
      <c r="F1234">
        <v>3</v>
      </c>
      <c r="G1234" t="s">
        <v>13</v>
      </c>
      <c r="H1234" t="s">
        <v>11490</v>
      </c>
      <c r="I1234" t="s">
        <v>30540</v>
      </c>
    </row>
    <row r="1235" spans="1:9">
      <c r="A1235" s="1">
        <v>0.81692113855290283</v>
      </c>
      <c r="B1235" s="1"/>
      <c r="C1235">
        <v>11</v>
      </c>
      <c r="D1235" t="s">
        <v>11479</v>
      </c>
      <c r="E1235" t="s">
        <v>32529</v>
      </c>
      <c r="F1235">
        <v>3</v>
      </c>
      <c r="G1235" t="s">
        <v>2</v>
      </c>
      <c r="H1235" t="s">
        <v>11480</v>
      </c>
      <c r="I1235" t="s">
        <v>30540</v>
      </c>
    </row>
    <row r="1236" spans="1:9">
      <c r="A1236" s="1">
        <v>4.951320811791593E-2</v>
      </c>
      <c r="B1236" s="1"/>
      <c r="C1236">
        <v>19</v>
      </c>
      <c r="D1236" t="s">
        <v>11483</v>
      </c>
      <c r="E1236" t="s">
        <v>32529</v>
      </c>
      <c r="F1236">
        <v>3</v>
      </c>
      <c r="G1236" t="s">
        <v>2</v>
      </c>
      <c r="H1236" t="s">
        <v>11484</v>
      </c>
      <c r="I1236" t="s">
        <v>30540</v>
      </c>
    </row>
    <row r="1237" spans="1:9">
      <c r="A1237" s="1">
        <v>0.24262616457151598</v>
      </c>
      <c r="B1237" s="1"/>
      <c r="C1237">
        <v>2</v>
      </c>
      <c r="D1237" t="s">
        <v>11469</v>
      </c>
      <c r="E1237" t="s">
        <v>32530</v>
      </c>
      <c r="F1237">
        <v>3</v>
      </c>
      <c r="G1237" t="s">
        <v>0</v>
      </c>
      <c r="H1237" t="s">
        <v>11470</v>
      </c>
      <c r="I1237" t="s">
        <v>30540</v>
      </c>
    </row>
    <row r="1238" spans="1:9">
      <c r="A1238" s="1">
        <v>0.78729261274988482</v>
      </c>
      <c r="B1238" s="1"/>
      <c r="C1238">
        <v>3</v>
      </c>
      <c r="D1238" t="s">
        <v>11465</v>
      </c>
      <c r="E1238" t="s">
        <v>32531</v>
      </c>
      <c r="F1238">
        <v>2</v>
      </c>
      <c r="G1238" t="s">
        <v>13</v>
      </c>
      <c r="H1238" t="s">
        <v>11466</v>
      </c>
      <c r="I1238" t="s">
        <v>30540</v>
      </c>
    </row>
    <row r="1239" spans="1:9">
      <c r="A1239" s="1">
        <v>0.61690216659340558</v>
      </c>
      <c r="B1239" s="1"/>
      <c r="C1239">
        <v>15</v>
      </c>
      <c r="D1239" t="s">
        <v>11461</v>
      </c>
      <c r="E1239" t="s">
        <v>32532</v>
      </c>
      <c r="F1239">
        <v>2</v>
      </c>
      <c r="G1239" t="s">
        <v>14</v>
      </c>
      <c r="H1239" t="s">
        <v>11462</v>
      </c>
      <c r="I1239" t="s">
        <v>30540</v>
      </c>
    </row>
    <row r="1240" spans="1:9">
      <c r="A1240" s="1">
        <v>0.23697741871232936</v>
      </c>
      <c r="B1240" s="1"/>
      <c r="C1240">
        <v>12</v>
      </c>
      <c r="D1240" t="s">
        <v>11455</v>
      </c>
      <c r="E1240" t="s">
        <v>32533</v>
      </c>
      <c r="F1240">
        <v>3</v>
      </c>
      <c r="G1240" t="s">
        <v>9</v>
      </c>
      <c r="H1240" t="s">
        <v>11456</v>
      </c>
      <c r="I1240" t="s">
        <v>30540</v>
      </c>
    </row>
    <row r="1241" spans="1:9">
      <c r="A1241" s="1">
        <v>0.82975106985901381</v>
      </c>
      <c r="B1241" s="1"/>
      <c r="C1241">
        <v>4</v>
      </c>
      <c r="D1241" t="s">
        <v>11447</v>
      </c>
      <c r="E1241" t="s">
        <v>32533</v>
      </c>
      <c r="F1241">
        <v>2</v>
      </c>
      <c r="G1241" t="s">
        <v>14</v>
      </c>
      <c r="H1241" t="s">
        <v>11448</v>
      </c>
      <c r="I1241" t="s">
        <v>30540</v>
      </c>
    </row>
    <row r="1242" spans="1:9">
      <c r="A1242" s="1">
        <v>0.1202426235707208</v>
      </c>
      <c r="B1242" s="1"/>
      <c r="C1242">
        <v>3</v>
      </c>
      <c r="D1242" t="s">
        <v>11445</v>
      </c>
      <c r="E1242" t="s">
        <v>32534</v>
      </c>
      <c r="F1242">
        <v>2</v>
      </c>
      <c r="G1242" t="s">
        <v>2</v>
      </c>
      <c r="H1242" t="s">
        <v>11446</v>
      </c>
      <c r="I1242" t="s">
        <v>30540</v>
      </c>
    </row>
    <row r="1243" spans="1:9">
      <c r="A1243" s="1">
        <v>1.3085848323786342E-2</v>
      </c>
      <c r="B1243" s="1"/>
      <c r="C1243">
        <v>1</v>
      </c>
      <c r="D1243" t="s">
        <v>11420</v>
      </c>
      <c r="E1243" t="s">
        <v>32537</v>
      </c>
      <c r="F1243">
        <v>2</v>
      </c>
      <c r="G1243" t="s">
        <v>2</v>
      </c>
      <c r="H1243" t="s">
        <v>11421</v>
      </c>
      <c r="I1243" t="s">
        <v>30540</v>
      </c>
    </row>
    <row r="1244" spans="1:9">
      <c r="A1244" s="1">
        <v>0.85399285381498202</v>
      </c>
      <c r="B1244" s="1"/>
      <c r="C1244">
        <v>6</v>
      </c>
      <c r="D1244" t="s">
        <v>11398</v>
      </c>
      <c r="E1244" t="s">
        <v>32541</v>
      </c>
      <c r="F1244">
        <v>2</v>
      </c>
      <c r="G1244" t="s">
        <v>14</v>
      </c>
      <c r="H1244" t="s">
        <v>11399</v>
      </c>
      <c r="I1244" t="s">
        <v>30540</v>
      </c>
    </row>
    <row r="1245" spans="1:9">
      <c r="A1245" s="1">
        <v>0.78145244627893962</v>
      </c>
      <c r="B1245" s="1"/>
      <c r="C1245">
        <v>15</v>
      </c>
      <c r="D1245" t="s">
        <v>11392</v>
      </c>
      <c r="E1245" t="s">
        <v>32542</v>
      </c>
      <c r="F1245">
        <v>2</v>
      </c>
      <c r="G1245" t="s">
        <v>14</v>
      </c>
      <c r="H1245" t="s">
        <v>11393</v>
      </c>
      <c r="I1245" t="s">
        <v>30540</v>
      </c>
    </row>
    <row r="1246" spans="1:9">
      <c r="A1246" s="1">
        <v>0.82377017543509368</v>
      </c>
      <c r="B1246" s="1"/>
      <c r="C1246">
        <v>1</v>
      </c>
      <c r="D1246" t="s">
        <v>11378</v>
      </c>
      <c r="E1246" t="s">
        <v>32542</v>
      </c>
      <c r="F1246">
        <v>2</v>
      </c>
      <c r="G1246" t="s">
        <v>9</v>
      </c>
      <c r="H1246" t="s">
        <v>11379</v>
      </c>
      <c r="I1246" t="s">
        <v>30540</v>
      </c>
    </row>
    <row r="1247" spans="1:9">
      <c r="A1247" s="1">
        <v>0.75900483924083317</v>
      </c>
      <c r="B1247" s="1"/>
      <c r="C1247">
        <v>7</v>
      </c>
      <c r="D1247" t="s">
        <v>11376</v>
      </c>
      <c r="E1247" t="s">
        <v>32543</v>
      </c>
      <c r="F1247">
        <v>2</v>
      </c>
      <c r="G1247" t="s">
        <v>1</v>
      </c>
      <c r="H1247" t="s">
        <v>11377</v>
      </c>
      <c r="I1247" t="s">
        <v>30540</v>
      </c>
    </row>
    <row r="1248" spans="1:9">
      <c r="A1248" s="1">
        <v>0.35298294057700164</v>
      </c>
      <c r="B1248" s="1"/>
      <c r="C1248">
        <v>4</v>
      </c>
      <c r="D1248" t="s">
        <v>11374</v>
      </c>
      <c r="E1248" t="s">
        <v>32543</v>
      </c>
      <c r="F1248">
        <v>1</v>
      </c>
      <c r="G1248" t="s">
        <v>0</v>
      </c>
      <c r="H1248" t="s">
        <v>11375</v>
      </c>
      <c r="I1248" t="s">
        <v>30540</v>
      </c>
    </row>
    <row r="1249" spans="1:9">
      <c r="A1249" s="1">
        <v>0.71781249972120775</v>
      </c>
      <c r="B1249" s="1"/>
      <c r="C1249">
        <v>4</v>
      </c>
      <c r="D1249" t="s">
        <v>11366</v>
      </c>
      <c r="E1249" t="s">
        <v>32544</v>
      </c>
      <c r="F1249">
        <v>2</v>
      </c>
      <c r="G1249" t="s">
        <v>771</v>
      </c>
      <c r="H1249" t="s">
        <v>11367</v>
      </c>
      <c r="I1249" t="s">
        <v>30540</v>
      </c>
    </row>
    <row r="1250" spans="1:9">
      <c r="A1250" s="1">
        <v>0.39653036466867564</v>
      </c>
      <c r="B1250" s="1"/>
      <c r="C1250">
        <v>1</v>
      </c>
      <c r="D1250" t="s">
        <v>11362</v>
      </c>
      <c r="E1250" t="s">
        <v>32544</v>
      </c>
      <c r="F1250">
        <v>2</v>
      </c>
      <c r="G1250" t="s">
        <v>0</v>
      </c>
      <c r="H1250" t="s">
        <v>11363</v>
      </c>
      <c r="I1250" t="s">
        <v>30540</v>
      </c>
    </row>
    <row r="1251" spans="1:9">
      <c r="A1251" s="1">
        <v>0.93609363881628249</v>
      </c>
      <c r="B1251" s="1"/>
      <c r="C1251">
        <v>11</v>
      </c>
      <c r="D1251" t="s">
        <v>11368</v>
      </c>
      <c r="E1251" t="s">
        <v>32544</v>
      </c>
      <c r="F1251">
        <v>2</v>
      </c>
      <c r="G1251" t="s">
        <v>770</v>
      </c>
      <c r="H1251" t="s">
        <v>11369</v>
      </c>
      <c r="I1251" t="s">
        <v>30540</v>
      </c>
    </row>
    <row r="1252" spans="1:9">
      <c r="A1252" s="1">
        <v>0.1068995118930699</v>
      </c>
      <c r="B1252" s="1"/>
      <c r="C1252">
        <v>6</v>
      </c>
      <c r="D1252" t="s">
        <v>11358</v>
      </c>
      <c r="E1252" t="s">
        <v>32545</v>
      </c>
      <c r="F1252">
        <v>3</v>
      </c>
      <c r="G1252" t="s">
        <v>0</v>
      </c>
      <c r="H1252" t="s">
        <v>11359</v>
      </c>
      <c r="I1252" t="s">
        <v>30540</v>
      </c>
    </row>
    <row r="1253" spans="1:9">
      <c r="A1253" s="1">
        <v>0.99500843495658187</v>
      </c>
      <c r="B1253" s="1"/>
      <c r="C1253">
        <v>1</v>
      </c>
      <c r="D1253" t="s">
        <v>11356</v>
      </c>
      <c r="E1253" t="s">
        <v>32545</v>
      </c>
      <c r="F1253">
        <v>2</v>
      </c>
      <c r="G1253" t="s">
        <v>13</v>
      </c>
      <c r="H1253" t="s">
        <v>11357</v>
      </c>
      <c r="I1253" t="s">
        <v>30540</v>
      </c>
    </row>
    <row r="1254" spans="1:9">
      <c r="A1254" s="1">
        <v>0.60790423115859138</v>
      </c>
      <c r="B1254" s="1"/>
      <c r="C1254">
        <v>10</v>
      </c>
      <c r="D1254" t="s">
        <v>11349</v>
      </c>
      <c r="E1254" t="s">
        <v>32546</v>
      </c>
      <c r="F1254">
        <v>3</v>
      </c>
      <c r="G1254" t="s">
        <v>0</v>
      </c>
      <c r="H1254" t="s">
        <v>11350</v>
      </c>
      <c r="I1254" t="s">
        <v>30540</v>
      </c>
    </row>
    <row r="1255" spans="1:9">
      <c r="A1255" s="1">
        <v>0.32773220770588551</v>
      </c>
      <c r="B1255" s="1"/>
      <c r="C1255">
        <v>5</v>
      </c>
      <c r="D1255" t="s">
        <v>11342</v>
      </c>
      <c r="E1255" t="s">
        <v>32547</v>
      </c>
      <c r="F1255">
        <v>2</v>
      </c>
      <c r="G1255" t="s">
        <v>13</v>
      </c>
      <c r="H1255" t="s">
        <v>11343</v>
      </c>
      <c r="I1255" t="s">
        <v>30540</v>
      </c>
    </row>
    <row r="1256" spans="1:9">
      <c r="A1256" s="1">
        <v>0.79011297974234851</v>
      </c>
      <c r="B1256" s="1"/>
      <c r="C1256">
        <v>4</v>
      </c>
      <c r="D1256" t="s">
        <v>11340</v>
      </c>
      <c r="E1256" t="s">
        <v>32547</v>
      </c>
      <c r="F1256">
        <v>1</v>
      </c>
      <c r="G1256" t="s">
        <v>0</v>
      </c>
      <c r="H1256" t="s">
        <v>11341</v>
      </c>
      <c r="I1256" t="s">
        <v>30540</v>
      </c>
    </row>
    <row r="1257" spans="1:9">
      <c r="A1257" s="1">
        <v>0.4946251826407817</v>
      </c>
      <c r="B1257" s="1"/>
      <c r="C1257">
        <v>9</v>
      </c>
      <c r="D1257" t="s">
        <v>11336</v>
      </c>
      <c r="E1257" t="s">
        <v>32548</v>
      </c>
      <c r="F1257">
        <v>3</v>
      </c>
      <c r="G1257" t="s">
        <v>14</v>
      </c>
      <c r="H1257" t="s">
        <v>11337</v>
      </c>
      <c r="I1257" t="s">
        <v>30540</v>
      </c>
    </row>
    <row r="1258" spans="1:9">
      <c r="A1258" s="1">
        <v>0.18878522665238673</v>
      </c>
      <c r="B1258" s="1"/>
      <c r="C1258">
        <v>19</v>
      </c>
      <c r="D1258" t="s">
        <v>11334</v>
      </c>
      <c r="E1258" t="s">
        <v>32549</v>
      </c>
      <c r="F1258">
        <v>3</v>
      </c>
      <c r="G1258" t="s">
        <v>14</v>
      </c>
      <c r="H1258" t="s">
        <v>11335</v>
      </c>
      <c r="I1258" t="s">
        <v>30540</v>
      </c>
    </row>
    <row r="1259" spans="1:9">
      <c r="A1259" s="1">
        <v>0.50519257344534685</v>
      </c>
      <c r="B1259" s="1"/>
      <c r="C1259">
        <v>12</v>
      </c>
      <c r="D1259" t="s">
        <v>11330</v>
      </c>
      <c r="E1259" t="s">
        <v>32549</v>
      </c>
      <c r="F1259">
        <v>3</v>
      </c>
      <c r="G1259" t="s">
        <v>769</v>
      </c>
      <c r="H1259" t="s">
        <v>11331</v>
      </c>
      <c r="I1259" t="s">
        <v>30540</v>
      </c>
    </row>
    <row r="1260" spans="1:9">
      <c r="A1260" s="1">
        <v>2.6417248825362005E-2</v>
      </c>
      <c r="B1260" s="1"/>
      <c r="C1260">
        <v>14</v>
      </c>
      <c r="D1260" t="s">
        <v>11332</v>
      </c>
      <c r="E1260" t="s">
        <v>32549</v>
      </c>
      <c r="F1260">
        <v>3</v>
      </c>
      <c r="G1260" t="s">
        <v>765</v>
      </c>
      <c r="H1260" t="s">
        <v>11333</v>
      </c>
      <c r="I1260" t="s">
        <v>30540</v>
      </c>
    </row>
    <row r="1261" spans="1:9">
      <c r="A1261" s="1">
        <v>0.87497068670388034</v>
      </c>
      <c r="B1261" s="1"/>
      <c r="C1261">
        <v>2</v>
      </c>
      <c r="D1261" t="s">
        <v>11328</v>
      </c>
      <c r="E1261" t="s">
        <v>32549</v>
      </c>
      <c r="F1261">
        <v>2</v>
      </c>
      <c r="G1261" t="s">
        <v>9</v>
      </c>
      <c r="H1261" t="s">
        <v>11329</v>
      </c>
      <c r="I1261" t="s">
        <v>30540</v>
      </c>
    </row>
    <row r="1262" spans="1:9">
      <c r="A1262" s="1">
        <v>0.99136039490505845</v>
      </c>
      <c r="B1262" s="1"/>
      <c r="C1262">
        <v>7</v>
      </c>
      <c r="D1262" t="s">
        <v>11301</v>
      </c>
      <c r="E1262" t="s">
        <v>32551</v>
      </c>
      <c r="F1262">
        <v>2</v>
      </c>
      <c r="G1262" t="s">
        <v>11302</v>
      </c>
      <c r="H1262" t="s">
        <v>11303</v>
      </c>
      <c r="I1262" t="s">
        <v>30540</v>
      </c>
    </row>
    <row r="1263" spans="1:9">
      <c r="A1263" s="1">
        <v>0.1941337590127743</v>
      </c>
      <c r="B1263" s="1"/>
      <c r="C1263">
        <v>14</v>
      </c>
      <c r="D1263" t="s">
        <v>11307</v>
      </c>
      <c r="E1263" t="s">
        <v>32551</v>
      </c>
      <c r="F1263">
        <v>1</v>
      </c>
      <c r="G1263" t="s">
        <v>2</v>
      </c>
      <c r="H1263" t="s">
        <v>11308</v>
      </c>
      <c r="I1263" t="s">
        <v>30540</v>
      </c>
    </row>
    <row r="1264" spans="1:9">
      <c r="A1264" s="1">
        <v>0.2869171691610185</v>
      </c>
      <c r="B1264" s="1"/>
      <c r="C1264">
        <v>9</v>
      </c>
      <c r="D1264" t="s">
        <v>11292</v>
      </c>
      <c r="E1264" t="s">
        <v>32553</v>
      </c>
      <c r="F1264">
        <v>2</v>
      </c>
      <c r="G1264" t="s">
        <v>0</v>
      </c>
      <c r="H1264" t="s">
        <v>11293</v>
      </c>
      <c r="I1264" t="s">
        <v>30540</v>
      </c>
    </row>
    <row r="1265" spans="1:9">
      <c r="A1265" s="1">
        <v>0.56734401518553812</v>
      </c>
      <c r="B1265" s="1"/>
      <c r="C1265">
        <v>11</v>
      </c>
      <c r="D1265" t="s">
        <v>11294</v>
      </c>
      <c r="E1265" t="s">
        <v>32553</v>
      </c>
      <c r="F1265">
        <v>1</v>
      </c>
      <c r="G1265" t="s">
        <v>14</v>
      </c>
      <c r="H1265" t="s">
        <v>11295</v>
      </c>
      <c r="I1265" t="s">
        <v>30540</v>
      </c>
    </row>
    <row r="1266" spans="1:9">
      <c r="A1266" s="1">
        <v>5.9904276679772162E-2</v>
      </c>
      <c r="B1266" s="1"/>
      <c r="C1266">
        <v>5</v>
      </c>
      <c r="D1266" t="s">
        <v>11280</v>
      </c>
      <c r="E1266" t="s">
        <v>32554</v>
      </c>
      <c r="F1266">
        <v>3</v>
      </c>
      <c r="G1266" t="s">
        <v>13</v>
      </c>
      <c r="H1266" t="s">
        <v>11281</v>
      </c>
      <c r="I1266" t="s">
        <v>30540</v>
      </c>
    </row>
    <row r="1267" spans="1:9">
      <c r="A1267" s="1">
        <v>7.1435669090613829E-2</v>
      </c>
      <c r="B1267" s="1"/>
      <c r="C1267">
        <v>16</v>
      </c>
      <c r="D1267" t="s">
        <v>11286</v>
      </c>
      <c r="E1267" t="s">
        <v>32554</v>
      </c>
      <c r="F1267">
        <v>2</v>
      </c>
      <c r="G1267" t="s">
        <v>10</v>
      </c>
      <c r="H1267" t="s">
        <v>11287</v>
      </c>
      <c r="I1267" t="s">
        <v>30540</v>
      </c>
    </row>
    <row r="1268" spans="1:9">
      <c r="A1268" s="1">
        <v>0.48151890564562827</v>
      </c>
      <c r="B1268" s="1"/>
      <c r="C1268">
        <v>6</v>
      </c>
      <c r="D1268" t="s">
        <v>11282</v>
      </c>
      <c r="E1268" t="s">
        <v>32554</v>
      </c>
      <c r="F1268">
        <v>2</v>
      </c>
      <c r="G1268" t="s">
        <v>1295</v>
      </c>
      <c r="H1268" t="s">
        <v>11283</v>
      </c>
      <c r="I1268" t="s">
        <v>30540</v>
      </c>
    </row>
    <row r="1269" spans="1:9">
      <c r="A1269" s="1">
        <v>0.39167465726524364</v>
      </c>
      <c r="B1269" s="1"/>
      <c r="C1269">
        <v>9</v>
      </c>
      <c r="D1269" t="s">
        <v>11260</v>
      </c>
      <c r="E1269" t="s">
        <v>32558</v>
      </c>
      <c r="F1269">
        <v>2</v>
      </c>
      <c r="G1269" t="s">
        <v>10</v>
      </c>
      <c r="H1269" t="s">
        <v>11261</v>
      </c>
      <c r="I1269" t="s">
        <v>30540</v>
      </c>
    </row>
    <row r="1270" spans="1:9">
      <c r="A1270" s="1">
        <v>0.52004132099640332</v>
      </c>
      <c r="B1270" s="1"/>
      <c r="C1270">
        <v>8</v>
      </c>
      <c r="D1270" t="s">
        <v>11258</v>
      </c>
      <c r="E1270" t="s">
        <v>32558</v>
      </c>
      <c r="F1270">
        <v>2</v>
      </c>
      <c r="G1270" t="s">
        <v>10</v>
      </c>
      <c r="H1270" t="s">
        <v>11259</v>
      </c>
      <c r="I1270" t="s">
        <v>30540</v>
      </c>
    </row>
    <row r="1271" spans="1:9">
      <c r="A1271" s="1">
        <v>0.55498581875631714</v>
      </c>
      <c r="B1271" s="1"/>
      <c r="C1271">
        <v>6</v>
      </c>
      <c r="D1271" t="s">
        <v>11250</v>
      </c>
      <c r="E1271" t="s">
        <v>32559</v>
      </c>
      <c r="F1271">
        <v>3</v>
      </c>
      <c r="G1271" t="s">
        <v>0</v>
      </c>
      <c r="H1271" t="s">
        <v>11251</v>
      </c>
      <c r="I1271" t="s">
        <v>30540</v>
      </c>
    </row>
    <row r="1272" spans="1:9">
      <c r="A1272" s="1">
        <v>0.39766729387878941</v>
      </c>
      <c r="B1272" s="1"/>
      <c r="C1272">
        <v>2</v>
      </c>
      <c r="D1272" t="s">
        <v>11246</v>
      </c>
      <c r="E1272" t="s">
        <v>32559</v>
      </c>
      <c r="F1272">
        <v>1</v>
      </c>
      <c r="G1272" t="s">
        <v>2</v>
      </c>
      <c r="H1272" t="s">
        <v>11247</v>
      </c>
      <c r="I1272" t="s">
        <v>30540</v>
      </c>
    </row>
    <row r="1273" spans="1:9">
      <c r="A1273" s="1">
        <v>0.87307845198018275</v>
      </c>
      <c r="B1273" s="1"/>
      <c r="C1273">
        <v>8</v>
      </c>
      <c r="D1273" t="s">
        <v>11236</v>
      </c>
      <c r="E1273" t="s">
        <v>32560</v>
      </c>
      <c r="F1273">
        <v>2</v>
      </c>
      <c r="G1273" t="s">
        <v>2</v>
      </c>
      <c r="H1273" t="s">
        <v>11237</v>
      </c>
      <c r="I1273" t="s">
        <v>30540</v>
      </c>
    </row>
    <row r="1274" spans="1:9">
      <c r="A1274" s="1">
        <v>9.3261126306220299E-2</v>
      </c>
      <c r="B1274" s="1"/>
      <c r="C1274">
        <v>18</v>
      </c>
      <c r="D1274" t="s">
        <v>11228</v>
      </c>
      <c r="E1274" t="s">
        <v>32561</v>
      </c>
      <c r="F1274">
        <v>2</v>
      </c>
      <c r="G1274" t="s">
        <v>10</v>
      </c>
      <c r="H1274" t="s">
        <v>11229</v>
      </c>
      <c r="I1274" t="s">
        <v>30540</v>
      </c>
    </row>
    <row r="1275" spans="1:9">
      <c r="A1275" s="1">
        <v>0.32724368340367116</v>
      </c>
      <c r="B1275" s="1"/>
      <c r="C1275">
        <v>2</v>
      </c>
      <c r="D1275" t="s">
        <v>11208</v>
      </c>
      <c r="E1275" t="s">
        <v>32563</v>
      </c>
      <c r="F1275">
        <v>3</v>
      </c>
      <c r="G1275" t="s">
        <v>10</v>
      </c>
      <c r="H1275" t="s">
        <v>11209</v>
      </c>
      <c r="I1275" t="s">
        <v>30540</v>
      </c>
    </row>
    <row r="1276" spans="1:9">
      <c r="A1276" s="1">
        <v>0.71864152033864748</v>
      </c>
      <c r="B1276" s="1"/>
      <c r="C1276">
        <v>8</v>
      </c>
      <c r="D1276" t="s">
        <v>11200</v>
      </c>
      <c r="E1276" t="s">
        <v>32564</v>
      </c>
      <c r="F1276">
        <v>1</v>
      </c>
      <c r="G1276" t="s">
        <v>1</v>
      </c>
      <c r="H1276" t="s">
        <v>11201</v>
      </c>
      <c r="I1276" t="s">
        <v>30540</v>
      </c>
    </row>
    <row r="1277" spans="1:9">
      <c r="A1277" s="1">
        <v>6.2185907393810025E-2</v>
      </c>
      <c r="B1277" s="1"/>
      <c r="C1277">
        <v>9</v>
      </c>
      <c r="D1277" t="s">
        <v>11192</v>
      </c>
      <c r="E1277" t="s">
        <v>32565</v>
      </c>
      <c r="F1277">
        <v>3</v>
      </c>
      <c r="G1277" t="s">
        <v>2</v>
      </c>
      <c r="H1277" t="s">
        <v>11193</v>
      </c>
      <c r="I1277" t="s">
        <v>30540</v>
      </c>
    </row>
    <row r="1278" spans="1:9">
      <c r="A1278" s="1">
        <v>0.5943760592453714</v>
      </c>
      <c r="B1278" s="1"/>
      <c r="C1278">
        <v>2</v>
      </c>
      <c r="D1278" t="s">
        <v>11172</v>
      </c>
      <c r="E1278" t="s">
        <v>32567</v>
      </c>
      <c r="F1278">
        <v>2</v>
      </c>
      <c r="G1278" t="s">
        <v>9</v>
      </c>
      <c r="H1278" t="s">
        <v>11173</v>
      </c>
      <c r="I1278" t="s">
        <v>30540</v>
      </c>
    </row>
    <row r="1279" spans="1:9">
      <c r="A1279" s="1">
        <v>0.49457323774347894</v>
      </c>
      <c r="B1279" s="1"/>
      <c r="C1279">
        <v>3</v>
      </c>
      <c r="D1279" t="s">
        <v>11174</v>
      </c>
      <c r="E1279" t="s">
        <v>32567</v>
      </c>
      <c r="F1279">
        <v>2</v>
      </c>
      <c r="G1279" t="s">
        <v>10</v>
      </c>
      <c r="H1279" t="s">
        <v>11175</v>
      </c>
      <c r="I1279" t="s">
        <v>30540</v>
      </c>
    </row>
    <row r="1280" spans="1:9">
      <c r="A1280" s="1">
        <v>0.89755358631976567</v>
      </c>
      <c r="B1280" s="1"/>
      <c r="C1280">
        <v>13</v>
      </c>
      <c r="D1280" t="s">
        <v>11170</v>
      </c>
      <c r="E1280" t="s">
        <v>32568</v>
      </c>
      <c r="F1280">
        <v>3</v>
      </c>
      <c r="G1280" t="s">
        <v>10</v>
      </c>
      <c r="H1280" t="s">
        <v>11171</v>
      </c>
      <c r="I1280" t="s">
        <v>30540</v>
      </c>
    </row>
    <row r="1281" spans="1:9">
      <c r="A1281" s="1">
        <v>0.29106327056827785</v>
      </c>
      <c r="B1281" s="1"/>
      <c r="C1281">
        <v>4</v>
      </c>
      <c r="D1281" t="s">
        <v>11168</v>
      </c>
      <c r="E1281" t="s">
        <v>32568</v>
      </c>
      <c r="F1281">
        <v>2</v>
      </c>
      <c r="G1281" t="s">
        <v>10</v>
      </c>
      <c r="H1281" t="s">
        <v>11169</v>
      </c>
      <c r="I1281" t="s">
        <v>30540</v>
      </c>
    </row>
    <row r="1282" spans="1:9">
      <c r="A1282" s="1">
        <v>0.78426617617233663</v>
      </c>
      <c r="B1282" s="1"/>
      <c r="C1282">
        <v>15</v>
      </c>
      <c r="D1282" t="s">
        <v>11164</v>
      </c>
      <c r="E1282" t="s">
        <v>32569</v>
      </c>
      <c r="F1282">
        <v>3</v>
      </c>
      <c r="G1282" t="s">
        <v>1</v>
      </c>
      <c r="H1282" t="s">
        <v>11165</v>
      </c>
      <c r="I1282" t="s">
        <v>30540</v>
      </c>
    </row>
    <row r="1283" spans="1:9">
      <c r="A1283" s="1">
        <v>0.71961604262848888</v>
      </c>
      <c r="B1283" s="1"/>
      <c r="C1283">
        <v>3</v>
      </c>
      <c r="D1283" t="s">
        <v>11126</v>
      </c>
      <c r="E1283" t="s">
        <v>32573</v>
      </c>
      <c r="F1283">
        <v>2</v>
      </c>
      <c r="G1283" t="s">
        <v>13</v>
      </c>
      <c r="H1283" t="s">
        <v>11127</v>
      </c>
      <c r="I1283" t="s">
        <v>30540</v>
      </c>
    </row>
    <row r="1284" spans="1:9">
      <c r="A1284" s="1">
        <v>0.80917580486798213</v>
      </c>
      <c r="B1284" s="1"/>
      <c r="C1284">
        <v>14</v>
      </c>
      <c r="D1284" t="s">
        <v>11136</v>
      </c>
      <c r="E1284" t="s">
        <v>32573</v>
      </c>
      <c r="F1284">
        <v>2</v>
      </c>
      <c r="G1284" t="s">
        <v>14</v>
      </c>
      <c r="H1284" t="s">
        <v>11137</v>
      </c>
      <c r="I1284" t="s">
        <v>30540</v>
      </c>
    </row>
    <row r="1285" spans="1:9">
      <c r="A1285" s="1">
        <v>0.37520712285826996</v>
      </c>
      <c r="B1285" s="1"/>
      <c r="C1285">
        <v>12</v>
      </c>
      <c r="D1285" t="s">
        <v>11104</v>
      </c>
      <c r="E1285" t="s">
        <v>32576</v>
      </c>
      <c r="F1285">
        <v>2</v>
      </c>
      <c r="G1285" t="s">
        <v>762</v>
      </c>
      <c r="H1285" t="s">
        <v>11105</v>
      </c>
      <c r="I1285" t="s">
        <v>30540</v>
      </c>
    </row>
    <row r="1286" spans="1:9">
      <c r="A1286" s="1">
        <v>0.3100411928988257</v>
      </c>
      <c r="B1286" s="1"/>
      <c r="C1286">
        <v>4</v>
      </c>
      <c r="D1286" t="s">
        <v>11100</v>
      </c>
      <c r="E1286" t="s">
        <v>32576</v>
      </c>
      <c r="F1286">
        <v>1</v>
      </c>
      <c r="G1286" t="s">
        <v>1</v>
      </c>
      <c r="H1286" t="s">
        <v>11101</v>
      </c>
      <c r="I1286" t="s">
        <v>30540</v>
      </c>
    </row>
    <row r="1287" spans="1:9">
      <c r="A1287" s="1">
        <v>0.58217385506631047</v>
      </c>
      <c r="B1287" s="1"/>
      <c r="C1287">
        <v>7</v>
      </c>
      <c r="D1287" t="s">
        <v>11094</v>
      </c>
      <c r="E1287" t="s">
        <v>32577</v>
      </c>
      <c r="F1287">
        <v>3</v>
      </c>
      <c r="G1287" t="s">
        <v>13</v>
      </c>
      <c r="H1287" t="s">
        <v>11095</v>
      </c>
      <c r="I1287" t="s">
        <v>30540</v>
      </c>
    </row>
    <row r="1288" spans="1:9">
      <c r="A1288" s="1">
        <v>0.15765136322595075</v>
      </c>
      <c r="B1288" s="1"/>
      <c r="C1288">
        <v>8</v>
      </c>
      <c r="D1288" t="s">
        <v>11096</v>
      </c>
      <c r="E1288" t="s">
        <v>32577</v>
      </c>
      <c r="F1288">
        <v>3</v>
      </c>
      <c r="G1288" t="s">
        <v>14</v>
      </c>
      <c r="H1288" t="s">
        <v>11097</v>
      </c>
      <c r="I1288" t="s">
        <v>30540</v>
      </c>
    </row>
    <row r="1289" spans="1:9">
      <c r="A1289" s="1">
        <v>0.78337249783001672</v>
      </c>
      <c r="B1289" s="1"/>
      <c r="C1289">
        <v>2</v>
      </c>
      <c r="D1289" t="s">
        <v>11084</v>
      </c>
      <c r="E1289" t="s">
        <v>32578</v>
      </c>
      <c r="F1289">
        <v>3</v>
      </c>
      <c r="G1289" t="s">
        <v>0</v>
      </c>
      <c r="H1289" t="s">
        <v>11085</v>
      </c>
      <c r="I1289" t="s">
        <v>30540</v>
      </c>
    </row>
    <row r="1290" spans="1:9">
      <c r="A1290" s="1">
        <v>0.20802641127086652</v>
      </c>
      <c r="B1290" s="1"/>
      <c r="C1290">
        <v>17</v>
      </c>
      <c r="D1290" t="s">
        <v>11080</v>
      </c>
      <c r="E1290" t="s">
        <v>32580</v>
      </c>
      <c r="F1290">
        <v>3</v>
      </c>
      <c r="G1290" t="s">
        <v>765</v>
      </c>
      <c r="H1290" t="s">
        <v>11081</v>
      </c>
      <c r="I1290" t="s">
        <v>30540</v>
      </c>
    </row>
    <row r="1291" spans="1:9">
      <c r="A1291" s="1">
        <v>0.5702297460382505</v>
      </c>
      <c r="B1291" s="1"/>
      <c r="C1291">
        <v>5</v>
      </c>
      <c r="D1291" t="s">
        <v>11072</v>
      </c>
      <c r="E1291" t="s">
        <v>32581</v>
      </c>
      <c r="F1291">
        <v>3</v>
      </c>
      <c r="G1291" t="s">
        <v>2</v>
      </c>
      <c r="H1291" t="s">
        <v>11073</v>
      </c>
      <c r="I1291" t="s">
        <v>30540</v>
      </c>
    </row>
    <row r="1292" spans="1:9">
      <c r="A1292" s="1">
        <v>0.64197505422841883</v>
      </c>
      <c r="B1292" s="1"/>
      <c r="C1292">
        <v>2</v>
      </c>
      <c r="D1292" t="s">
        <v>11070</v>
      </c>
      <c r="E1292" t="s">
        <v>32581</v>
      </c>
      <c r="F1292">
        <v>3</v>
      </c>
      <c r="G1292" t="s">
        <v>10</v>
      </c>
      <c r="H1292" t="s">
        <v>11071</v>
      </c>
      <c r="I1292" t="s">
        <v>30540</v>
      </c>
    </row>
    <row r="1293" spans="1:9">
      <c r="A1293" s="1">
        <v>0.8620185064829583</v>
      </c>
      <c r="B1293" s="1"/>
      <c r="C1293">
        <v>13</v>
      </c>
      <c r="D1293" t="s">
        <v>11048</v>
      </c>
      <c r="E1293" t="s">
        <v>32584</v>
      </c>
      <c r="F1293">
        <v>3</v>
      </c>
      <c r="G1293" t="s">
        <v>14</v>
      </c>
      <c r="H1293" t="s">
        <v>11049</v>
      </c>
      <c r="I1293" t="s">
        <v>30540</v>
      </c>
    </row>
    <row r="1294" spans="1:9">
      <c r="A1294" s="1">
        <v>0.77064970366420227</v>
      </c>
      <c r="B1294" s="1"/>
      <c r="C1294">
        <v>8</v>
      </c>
      <c r="D1294" t="s">
        <v>11042</v>
      </c>
      <c r="E1294" t="s">
        <v>32584</v>
      </c>
      <c r="F1294">
        <v>2</v>
      </c>
      <c r="G1294" t="s">
        <v>9</v>
      </c>
      <c r="H1294" t="s">
        <v>11043</v>
      </c>
      <c r="I1294" t="s">
        <v>30540</v>
      </c>
    </row>
    <row r="1295" spans="1:9">
      <c r="A1295" s="1">
        <v>3.0506104538404077E-2</v>
      </c>
      <c r="B1295" s="1"/>
      <c r="C1295">
        <v>19</v>
      </c>
      <c r="D1295" t="s">
        <v>11036</v>
      </c>
      <c r="E1295" t="s">
        <v>32585</v>
      </c>
      <c r="F1295">
        <v>3</v>
      </c>
      <c r="G1295" t="s">
        <v>14</v>
      </c>
      <c r="H1295" t="s">
        <v>11037</v>
      </c>
      <c r="I1295" t="s">
        <v>30540</v>
      </c>
    </row>
    <row r="1296" spans="1:9">
      <c r="A1296" s="1">
        <v>0.21299848974126512</v>
      </c>
      <c r="B1296" s="1"/>
      <c r="C1296">
        <v>4</v>
      </c>
      <c r="D1296" t="s">
        <v>11018</v>
      </c>
      <c r="E1296" t="s">
        <v>32587</v>
      </c>
      <c r="F1296">
        <v>3</v>
      </c>
      <c r="G1296" t="s">
        <v>13</v>
      </c>
      <c r="H1296" t="s">
        <v>11019</v>
      </c>
      <c r="I1296" t="s">
        <v>30540</v>
      </c>
    </row>
    <row r="1297" spans="1:9">
      <c r="A1297" s="1">
        <v>1.3809846068712828E-2</v>
      </c>
      <c r="B1297" s="1"/>
      <c r="C1297">
        <v>9</v>
      </c>
      <c r="D1297" t="s">
        <v>11020</v>
      </c>
      <c r="E1297" t="s">
        <v>32587</v>
      </c>
      <c r="F1297">
        <v>2</v>
      </c>
      <c r="G1297" t="s">
        <v>14</v>
      </c>
      <c r="H1297" t="s">
        <v>11021</v>
      </c>
      <c r="I1297" t="s">
        <v>30540</v>
      </c>
    </row>
    <row r="1298" spans="1:9">
      <c r="A1298" s="1">
        <v>0.73075572978886094</v>
      </c>
      <c r="B1298" s="1"/>
      <c r="C1298">
        <v>2</v>
      </c>
      <c r="D1298" t="s">
        <v>10998</v>
      </c>
      <c r="E1298" t="s">
        <v>32589</v>
      </c>
      <c r="F1298">
        <v>2</v>
      </c>
      <c r="G1298" t="s">
        <v>13</v>
      </c>
      <c r="H1298" t="s">
        <v>10999</v>
      </c>
      <c r="I1298" t="s">
        <v>30540</v>
      </c>
    </row>
    <row r="1299" spans="1:9">
      <c r="A1299" s="1">
        <v>0.80893953380404271</v>
      </c>
      <c r="B1299" s="1"/>
      <c r="C1299">
        <v>11</v>
      </c>
      <c r="D1299" t="s">
        <v>11006</v>
      </c>
      <c r="E1299" t="s">
        <v>32589</v>
      </c>
      <c r="F1299">
        <v>1</v>
      </c>
      <c r="G1299" t="s">
        <v>14</v>
      </c>
      <c r="H1299" t="s">
        <v>11007</v>
      </c>
      <c r="I1299" t="s">
        <v>30540</v>
      </c>
    </row>
    <row r="1300" spans="1:9">
      <c r="A1300" s="1">
        <v>0.60431096332972178</v>
      </c>
      <c r="B1300" s="1"/>
      <c r="C1300">
        <v>4</v>
      </c>
      <c r="D1300" t="s">
        <v>10994</v>
      </c>
      <c r="E1300" t="s">
        <v>32590</v>
      </c>
      <c r="F1300">
        <v>3</v>
      </c>
      <c r="G1300" t="s">
        <v>775</v>
      </c>
      <c r="H1300" t="s">
        <v>10995</v>
      </c>
      <c r="I1300" t="s">
        <v>30540</v>
      </c>
    </row>
    <row r="1301" spans="1:9">
      <c r="A1301" s="1">
        <v>0.60670527988944833</v>
      </c>
      <c r="B1301" s="1"/>
      <c r="C1301">
        <v>3</v>
      </c>
      <c r="D1301" t="s">
        <v>10976</v>
      </c>
      <c r="E1301" t="s">
        <v>32592</v>
      </c>
      <c r="F1301">
        <v>3</v>
      </c>
      <c r="G1301" t="s">
        <v>14</v>
      </c>
      <c r="H1301" t="s">
        <v>10977</v>
      </c>
      <c r="I1301" t="s">
        <v>30540</v>
      </c>
    </row>
    <row r="1302" spans="1:9">
      <c r="A1302" s="1">
        <v>0.5900162661320606</v>
      </c>
      <c r="B1302" s="1"/>
      <c r="C1302">
        <v>10</v>
      </c>
      <c r="D1302" t="s">
        <v>10964</v>
      </c>
      <c r="E1302" t="s">
        <v>32594</v>
      </c>
      <c r="F1302">
        <v>2</v>
      </c>
      <c r="G1302" t="s">
        <v>2</v>
      </c>
      <c r="H1302" t="s">
        <v>10965</v>
      </c>
      <c r="I1302" t="s">
        <v>30540</v>
      </c>
    </row>
    <row r="1303" spans="1:9">
      <c r="A1303" s="1">
        <v>0.62563233925292361</v>
      </c>
      <c r="B1303" s="1"/>
      <c r="C1303">
        <v>10</v>
      </c>
      <c r="D1303" t="s">
        <v>14839</v>
      </c>
      <c r="E1303" t="s">
        <v>32595</v>
      </c>
      <c r="F1303">
        <v>3</v>
      </c>
      <c r="G1303" t="s">
        <v>13</v>
      </c>
      <c r="H1303" t="s">
        <v>14840</v>
      </c>
      <c r="I1303" t="s">
        <v>30540</v>
      </c>
    </row>
    <row r="1304" spans="1:9">
      <c r="A1304" s="1">
        <v>0.58336911312325579</v>
      </c>
      <c r="B1304" s="1"/>
      <c r="C1304">
        <v>8</v>
      </c>
      <c r="D1304" t="s">
        <v>14817</v>
      </c>
      <c r="E1304" t="s">
        <v>32597</v>
      </c>
      <c r="F1304">
        <v>3</v>
      </c>
      <c r="G1304" t="s">
        <v>0</v>
      </c>
      <c r="H1304" t="s">
        <v>14818</v>
      </c>
      <c r="I1304" t="s">
        <v>30540</v>
      </c>
    </row>
    <row r="1305" spans="1:9">
      <c r="A1305" s="1">
        <v>0.50230026072898526</v>
      </c>
      <c r="B1305" s="1"/>
      <c r="C1305">
        <v>12</v>
      </c>
      <c r="D1305" t="s">
        <v>14801</v>
      </c>
      <c r="E1305" t="s">
        <v>32599</v>
      </c>
      <c r="F1305">
        <v>3</v>
      </c>
      <c r="G1305" t="s">
        <v>1431</v>
      </c>
      <c r="H1305" t="s">
        <v>14802</v>
      </c>
      <c r="I1305" t="s">
        <v>30540</v>
      </c>
    </row>
    <row r="1306" spans="1:9">
      <c r="A1306" s="1">
        <v>0.90462566549194312</v>
      </c>
      <c r="B1306" s="1"/>
      <c r="C1306">
        <v>19</v>
      </c>
      <c r="D1306" t="s">
        <v>14805</v>
      </c>
      <c r="E1306" t="s">
        <v>32599</v>
      </c>
      <c r="F1306">
        <v>2</v>
      </c>
      <c r="G1306" t="s">
        <v>1431</v>
      </c>
      <c r="H1306" t="s">
        <v>14806</v>
      </c>
      <c r="I1306" t="s">
        <v>30540</v>
      </c>
    </row>
    <row r="1307" spans="1:9">
      <c r="A1307" s="1">
        <v>0.53619290710855572</v>
      </c>
      <c r="B1307" s="1"/>
      <c r="C1307">
        <v>6</v>
      </c>
      <c r="D1307" t="s">
        <v>14791</v>
      </c>
      <c r="E1307" t="s">
        <v>32600</v>
      </c>
      <c r="F1307">
        <v>3</v>
      </c>
      <c r="G1307" t="s">
        <v>14</v>
      </c>
      <c r="H1307" t="s">
        <v>14792</v>
      </c>
      <c r="I1307" t="s">
        <v>30540</v>
      </c>
    </row>
    <row r="1308" spans="1:9">
      <c r="A1308" s="1">
        <v>0.90801375898334458</v>
      </c>
      <c r="B1308" s="1"/>
      <c r="C1308">
        <v>6</v>
      </c>
      <c r="D1308" t="s">
        <v>14779</v>
      </c>
      <c r="E1308" t="s">
        <v>32602</v>
      </c>
      <c r="F1308">
        <v>2</v>
      </c>
      <c r="G1308" t="s">
        <v>14</v>
      </c>
      <c r="H1308" t="s">
        <v>14780</v>
      </c>
      <c r="I1308" t="s">
        <v>30540</v>
      </c>
    </row>
    <row r="1309" spans="1:9">
      <c r="A1309" s="1">
        <v>0.96038320285526246</v>
      </c>
      <c r="B1309" s="1"/>
      <c r="C1309">
        <v>9</v>
      </c>
      <c r="D1309" t="s">
        <v>14783</v>
      </c>
      <c r="E1309" t="s">
        <v>32602</v>
      </c>
      <c r="F1309">
        <v>2</v>
      </c>
      <c r="G1309" t="s">
        <v>14</v>
      </c>
      <c r="H1309" t="s">
        <v>14784</v>
      </c>
      <c r="I1309" t="s">
        <v>30540</v>
      </c>
    </row>
    <row r="1310" spans="1:9">
      <c r="A1310" s="1">
        <v>0.28393945520475461</v>
      </c>
      <c r="B1310" s="1"/>
      <c r="C1310">
        <v>2</v>
      </c>
      <c r="D1310" t="s">
        <v>14769</v>
      </c>
      <c r="E1310" t="s">
        <v>32603</v>
      </c>
      <c r="F1310">
        <v>3</v>
      </c>
      <c r="G1310" t="s">
        <v>2</v>
      </c>
      <c r="H1310" t="s">
        <v>14770</v>
      </c>
      <c r="I1310" t="s">
        <v>30540</v>
      </c>
    </row>
    <row r="1311" spans="1:9">
      <c r="A1311" s="1">
        <v>0.66733928507674889</v>
      </c>
      <c r="B1311" s="1"/>
      <c r="C1311">
        <v>13</v>
      </c>
      <c r="D1311" t="s">
        <v>14757</v>
      </c>
      <c r="E1311" t="s">
        <v>32604</v>
      </c>
      <c r="F1311">
        <v>1</v>
      </c>
      <c r="G1311" t="s">
        <v>10</v>
      </c>
      <c r="H1311" t="s">
        <v>14758</v>
      </c>
      <c r="I1311" t="s">
        <v>30540</v>
      </c>
    </row>
    <row r="1312" spans="1:9">
      <c r="A1312" s="1">
        <v>0.19231079749697466</v>
      </c>
      <c r="B1312" s="1"/>
      <c r="C1312">
        <v>4</v>
      </c>
      <c r="D1312" t="s">
        <v>14745</v>
      </c>
      <c r="E1312" t="s">
        <v>32605</v>
      </c>
      <c r="F1312">
        <v>2</v>
      </c>
      <c r="G1312" t="s">
        <v>10</v>
      </c>
      <c r="H1312" t="s">
        <v>14746</v>
      </c>
      <c r="I1312" t="s">
        <v>30540</v>
      </c>
    </row>
    <row r="1313" spans="1:9">
      <c r="A1313" s="1">
        <v>0.33399991697141052</v>
      </c>
      <c r="B1313" s="1"/>
      <c r="C1313">
        <v>7</v>
      </c>
      <c r="D1313" t="s">
        <v>14737</v>
      </c>
      <c r="E1313" t="s">
        <v>32606</v>
      </c>
      <c r="F1313">
        <v>2</v>
      </c>
      <c r="G1313" t="s">
        <v>14</v>
      </c>
      <c r="H1313" t="s">
        <v>14738</v>
      </c>
      <c r="I1313" t="s">
        <v>30540</v>
      </c>
    </row>
    <row r="1314" spans="1:9">
      <c r="A1314" s="1">
        <v>2.3666879386375794E-2</v>
      </c>
      <c r="B1314" s="1"/>
      <c r="C1314">
        <v>11</v>
      </c>
      <c r="D1314" t="s">
        <v>14731</v>
      </c>
      <c r="E1314" t="s">
        <v>32607</v>
      </c>
      <c r="F1314">
        <v>1</v>
      </c>
      <c r="G1314" t="s">
        <v>14</v>
      </c>
      <c r="H1314" t="s">
        <v>14732</v>
      </c>
      <c r="I1314" t="s">
        <v>30540</v>
      </c>
    </row>
    <row r="1315" spans="1:9">
      <c r="A1315" s="1">
        <v>0.22037003669145905</v>
      </c>
      <c r="B1315" s="1"/>
      <c r="C1315">
        <v>1</v>
      </c>
      <c r="D1315" t="s">
        <v>14713</v>
      </c>
      <c r="E1315" t="s">
        <v>32608</v>
      </c>
      <c r="F1315">
        <v>3</v>
      </c>
      <c r="G1315" t="s">
        <v>2</v>
      </c>
      <c r="H1315" t="s">
        <v>14714</v>
      </c>
      <c r="I1315" t="s">
        <v>30540</v>
      </c>
    </row>
    <row r="1316" spans="1:9">
      <c r="A1316" s="1">
        <v>0.83928017742416894</v>
      </c>
      <c r="B1316" s="1"/>
      <c r="C1316">
        <v>9</v>
      </c>
      <c r="D1316" t="s">
        <v>14719</v>
      </c>
      <c r="E1316" t="s">
        <v>32608</v>
      </c>
      <c r="F1316">
        <v>3</v>
      </c>
      <c r="G1316" t="s">
        <v>2</v>
      </c>
      <c r="H1316" t="s">
        <v>14720</v>
      </c>
      <c r="I1316" t="s">
        <v>30540</v>
      </c>
    </row>
    <row r="1317" spans="1:9">
      <c r="A1317" s="1">
        <v>0.93498998396921462</v>
      </c>
      <c r="B1317" s="1"/>
      <c r="C1317">
        <v>3</v>
      </c>
      <c r="D1317" t="s">
        <v>14691</v>
      </c>
      <c r="E1317" t="s">
        <v>32609</v>
      </c>
      <c r="F1317">
        <v>2</v>
      </c>
      <c r="G1317" t="s">
        <v>1426</v>
      </c>
      <c r="H1317" t="s">
        <v>14692</v>
      </c>
      <c r="I1317" t="s">
        <v>30540</v>
      </c>
    </row>
    <row r="1318" spans="1:9">
      <c r="A1318" s="1">
        <v>0.64542552003318143</v>
      </c>
      <c r="B1318" s="1"/>
      <c r="C1318">
        <v>6</v>
      </c>
      <c r="D1318" t="s">
        <v>14697</v>
      </c>
      <c r="E1318" t="s">
        <v>32609</v>
      </c>
      <c r="F1318">
        <v>2</v>
      </c>
      <c r="G1318" t="s">
        <v>1431</v>
      </c>
      <c r="H1318" t="s">
        <v>14698</v>
      </c>
      <c r="I1318" t="s">
        <v>30540</v>
      </c>
    </row>
    <row r="1319" spans="1:9">
      <c r="A1319" s="1">
        <v>0.19446103929201541</v>
      </c>
      <c r="B1319" s="1"/>
      <c r="C1319">
        <v>5</v>
      </c>
      <c r="D1319" t="s">
        <v>14677</v>
      </c>
      <c r="E1319" t="s">
        <v>32611</v>
      </c>
      <c r="F1319">
        <v>2</v>
      </c>
      <c r="G1319" t="s">
        <v>15</v>
      </c>
      <c r="H1319" t="s">
        <v>14678</v>
      </c>
      <c r="I1319" t="s">
        <v>30540</v>
      </c>
    </row>
    <row r="1320" spans="1:9">
      <c r="A1320" s="1">
        <v>0.54351739340197935</v>
      </c>
      <c r="B1320" s="1"/>
      <c r="C1320">
        <v>6</v>
      </c>
      <c r="D1320" t="s">
        <v>14675</v>
      </c>
      <c r="E1320" t="s">
        <v>32612</v>
      </c>
      <c r="F1320">
        <v>3</v>
      </c>
      <c r="G1320" t="s">
        <v>13</v>
      </c>
      <c r="H1320" t="s">
        <v>14676</v>
      </c>
      <c r="I1320" t="s">
        <v>30540</v>
      </c>
    </row>
    <row r="1321" spans="1:9">
      <c r="A1321" s="1">
        <v>0.28652610814162904</v>
      </c>
      <c r="B1321" s="1"/>
      <c r="C1321">
        <v>19</v>
      </c>
      <c r="D1321" t="s">
        <v>14659</v>
      </c>
      <c r="E1321" t="s">
        <v>32614</v>
      </c>
      <c r="F1321">
        <v>3</v>
      </c>
      <c r="G1321" t="s">
        <v>1431</v>
      </c>
      <c r="H1321" t="s">
        <v>14660</v>
      </c>
      <c r="I1321" t="s">
        <v>30540</v>
      </c>
    </row>
    <row r="1322" spans="1:9">
      <c r="A1322" s="1">
        <v>3.4521313257632524E-2</v>
      </c>
      <c r="B1322" s="1"/>
      <c r="C1322">
        <v>20</v>
      </c>
      <c r="D1322" t="s">
        <v>14661</v>
      </c>
      <c r="E1322" t="s">
        <v>32614</v>
      </c>
      <c r="F1322">
        <v>3</v>
      </c>
      <c r="G1322" t="s">
        <v>1431</v>
      </c>
      <c r="H1322" t="s">
        <v>14662</v>
      </c>
      <c r="I1322" t="s">
        <v>30540</v>
      </c>
    </row>
    <row r="1323" spans="1:9">
      <c r="A1323" s="1">
        <v>0.1456792279685819</v>
      </c>
      <c r="B1323" s="1"/>
      <c r="C1323">
        <v>9</v>
      </c>
      <c r="D1323" t="s">
        <v>14653</v>
      </c>
      <c r="E1323" t="s">
        <v>32615</v>
      </c>
      <c r="F1323">
        <v>1</v>
      </c>
      <c r="G1323" t="s">
        <v>13</v>
      </c>
      <c r="H1323" t="s">
        <v>14654</v>
      </c>
      <c r="I1323" t="s">
        <v>30540</v>
      </c>
    </row>
    <row r="1324" spans="1:9">
      <c r="A1324" s="1">
        <v>0.97644939482540605</v>
      </c>
      <c r="B1324" s="1"/>
      <c r="C1324">
        <v>1</v>
      </c>
      <c r="D1324" t="s">
        <v>14643</v>
      </c>
      <c r="E1324" t="s">
        <v>32616</v>
      </c>
      <c r="F1324">
        <v>3</v>
      </c>
      <c r="G1324" t="s">
        <v>10</v>
      </c>
      <c r="H1324" t="s">
        <v>14644</v>
      </c>
      <c r="I1324" t="s">
        <v>30540</v>
      </c>
    </row>
    <row r="1325" spans="1:9">
      <c r="A1325" s="1">
        <v>0.134993469336537</v>
      </c>
      <c r="B1325" s="1"/>
      <c r="C1325">
        <v>2</v>
      </c>
      <c r="D1325" t="s">
        <v>14645</v>
      </c>
      <c r="E1325" t="s">
        <v>32616</v>
      </c>
      <c r="F1325">
        <v>2</v>
      </c>
      <c r="G1325" t="s">
        <v>14</v>
      </c>
      <c r="H1325" t="s">
        <v>14646</v>
      </c>
      <c r="I1325" t="s">
        <v>30540</v>
      </c>
    </row>
    <row r="1326" spans="1:9">
      <c r="A1326" s="1">
        <v>0.53455253284869619</v>
      </c>
      <c r="B1326" s="1"/>
      <c r="C1326">
        <v>8</v>
      </c>
      <c r="D1326" t="s">
        <v>14631</v>
      </c>
      <c r="E1326" t="s">
        <v>32618</v>
      </c>
      <c r="F1326">
        <v>3</v>
      </c>
      <c r="G1326" t="s">
        <v>13</v>
      </c>
      <c r="H1326" t="s">
        <v>14632</v>
      </c>
      <c r="I1326" t="s">
        <v>30540</v>
      </c>
    </row>
    <row r="1327" spans="1:9">
      <c r="A1327" s="1">
        <v>0.63170326459531834</v>
      </c>
      <c r="B1327" s="1"/>
      <c r="C1327">
        <v>7</v>
      </c>
      <c r="D1327" t="s">
        <v>14629</v>
      </c>
      <c r="E1327" t="s">
        <v>32618</v>
      </c>
      <c r="F1327">
        <v>3</v>
      </c>
      <c r="G1327" t="s">
        <v>15</v>
      </c>
      <c r="H1327" t="s">
        <v>14630</v>
      </c>
      <c r="I1327" t="s">
        <v>30540</v>
      </c>
    </row>
    <row r="1328" spans="1:9">
      <c r="A1328" s="1">
        <v>0.71652104754311297</v>
      </c>
      <c r="B1328" s="1"/>
      <c r="C1328">
        <v>9</v>
      </c>
      <c r="D1328" t="s">
        <v>14633</v>
      </c>
      <c r="E1328" t="s">
        <v>32618</v>
      </c>
      <c r="F1328">
        <v>2</v>
      </c>
      <c r="G1328" t="s">
        <v>2</v>
      </c>
      <c r="H1328" t="s">
        <v>14634</v>
      </c>
      <c r="I1328" t="s">
        <v>30540</v>
      </c>
    </row>
    <row r="1329" spans="1:9">
      <c r="A1329" s="1">
        <v>0.4546258258139918</v>
      </c>
      <c r="B1329" s="1"/>
      <c r="C1329">
        <v>5</v>
      </c>
      <c r="D1329" t="s">
        <v>14627</v>
      </c>
      <c r="E1329" t="s">
        <v>32618</v>
      </c>
      <c r="F1329">
        <v>2</v>
      </c>
      <c r="G1329" t="s">
        <v>2</v>
      </c>
      <c r="H1329" t="s">
        <v>14628</v>
      </c>
      <c r="I1329" t="s">
        <v>30540</v>
      </c>
    </row>
    <row r="1330" spans="1:9">
      <c r="A1330" s="1">
        <v>0.68411210539454714</v>
      </c>
      <c r="B1330" s="1"/>
      <c r="C1330">
        <v>13</v>
      </c>
      <c r="D1330" t="s">
        <v>14615</v>
      </c>
      <c r="E1330" t="s">
        <v>32619</v>
      </c>
      <c r="F1330">
        <v>3</v>
      </c>
      <c r="G1330" t="s">
        <v>1431</v>
      </c>
      <c r="H1330" t="s">
        <v>14616</v>
      </c>
      <c r="I1330" t="s">
        <v>30540</v>
      </c>
    </row>
    <row r="1331" spans="1:9">
      <c r="A1331" s="1">
        <v>0.20121798389172363</v>
      </c>
      <c r="B1331" s="1"/>
      <c r="C1331">
        <v>14</v>
      </c>
      <c r="D1331" t="s">
        <v>14617</v>
      </c>
      <c r="E1331" t="s">
        <v>32619</v>
      </c>
      <c r="F1331">
        <v>3</v>
      </c>
      <c r="G1331" t="s">
        <v>1431</v>
      </c>
      <c r="H1331" t="s">
        <v>14618</v>
      </c>
      <c r="I1331" t="s">
        <v>30540</v>
      </c>
    </row>
    <row r="1332" spans="1:9">
      <c r="A1332" s="1">
        <v>0.75603115886192296</v>
      </c>
      <c r="B1332" s="1"/>
      <c r="C1332">
        <v>12</v>
      </c>
      <c r="D1332" t="s">
        <v>14613</v>
      </c>
      <c r="E1332" t="s">
        <v>32619</v>
      </c>
      <c r="F1332">
        <v>3</v>
      </c>
      <c r="G1332" t="s">
        <v>1431</v>
      </c>
      <c r="H1332" t="s">
        <v>14614</v>
      </c>
      <c r="I1332" t="s">
        <v>30540</v>
      </c>
    </row>
    <row r="1333" spans="1:9">
      <c r="A1333" s="1">
        <v>0.28966180061087921</v>
      </c>
      <c r="B1333" s="1"/>
      <c r="C1333">
        <v>4</v>
      </c>
      <c r="D1333" t="s">
        <v>14607</v>
      </c>
      <c r="E1333" t="s">
        <v>32619</v>
      </c>
      <c r="F1333">
        <v>2</v>
      </c>
      <c r="G1333" t="s">
        <v>775</v>
      </c>
      <c r="H1333" t="s">
        <v>14608</v>
      </c>
      <c r="I1333" t="s">
        <v>30540</v>
      </c>
    </row>
    <row r="1334" spans="1:9">
      <c r="A1334" s="1">
        <v>0.80373477161543894</v>
      </c>
      <c r="B1334" s="1"/>
      <c r="C1334">
        <v>9</v>
      </c>
      <c r="D1334" t="s">
        <v>14599</v>
      </c>
      <c r="E1334" t="s">
        <v>32620</v>
      </c>
      <c r="F1334">
        <v>3</v>
      </c>
      <c r="G1334" t="s">
        <v>0</v>
      </c>
      <c r="H1334" t="s">
        <v>14600</v>
      </c>
      <c r="I1334" t="s">
        <v>30540</v>
      </c>
    </row>
    <row r="1335" spans="1:9">
      <c r="A1335" s="1">
        <v>0.12771962734449205</v>
      </c>
      <c r="B1335" s="1"/>
      <c r="C1335">
        <v>16</v>
      </c>
      <c r="D1335" t="s">
        <v>14593</v>
      </c>
      <c r="E1335" t="s">
        <v>32621</v>
      </c>
      <c r="F1335">
        <v>2</v>
      </c>
      <c r="G1335" t="s">
        <v>0</v>
      </c>
      <c r="H1335" t="s">
        <v>14594</v>
      </c>
      <c r="I1335" t="s">
        <v>30540</v>
      </c>
    </row>
    <row r="1336" spans="1:9">
      <c r="A1336" s="1">
        <v>0.52112427480738122</v>
      </c>
      <c r="B1336" s="1"/>
      <c r="C1336">
        <v>11</v>
      </c>
      <c r="D1336" t="s">
        <v>14589</v>
      </c>
      <c r="E1336" t="s">
        <v>32621</v>
      </c>
      <c r="F1336">
        <v>2</v>
      </c>
      <c r="G1336" t="s">
        <v>10</v>
      </c>
      <c r="H1336" t="s">
        <v>14590</v>
      </c>
      <c r="I1336" t="s">
        <v>30540</v>
      </c>
    </row>
    <row r="1337" spans="1:9">
      <c r="A1337" s="1">
        <v>0.50346981440456462</v>
      </c>
      <c r="B1337" s="1"/>
      <c r="C1337">
        <v>9</v>
      </c>
      <c r="D1337" t="s">
        <v>14571</v>
      </c>
      <c r="E1337" t="s">
        <v>32623</v>
      </c>
      <c r="F1337">
        <v>3</v>
      </c>
      <c r="G1337" t="s">
        <v>14</v>
      </c>
      <c r="H1337" t="s">
        <v>14572</v>
      </c>
      <c r="I1337" t="s">
        <v>30540</v>
      </c>
    </row>
    <row r="1338" spans="1:9">
      <c r="A1338" s="1">
        <v>0.37735274876635061</v>
      </c>
      <c r="B1338" s="1"/>
      <c r="C1338">
        <v>11</v>
      </c>
      <c r="D1338" t="s">
        <v>14555</v>
      </c>
      <c r="E1338" t="s">
        <v>32624</v>
      </c>
      <c r="F1338">
        <v>3</v>
      </c>
      <c r="G1338" t="s">
        <v>14</v>
      </c>
      <c r="H1338" t="s">
        <v>14556</v>
      </c>
      <c r="I1338" t="s">
        <v>30540</v>
      </c>
    </row>
    <row r="1339" spans="1:9">
      <c r="A1339" s="1">
        <v>0.14560731180918685</v>
      </c>
      <c r="B1339" s="1"/>
      <c r="C1339">
        <v>12</v>
      </c>
      <c r="D1339" t="s">
        <v>14543</v>
      </c>
      <c r="E1339" t="s">
        <v>32626</v>
      </c>
      <c r="F1339">
        <v>2</v>
      </c>
      <c r="G1339" t="s">
        <v>15</v>
      </c>
      <c r="H1339" t="s">
        <v>14544</v>
      </c>
      <c r="I1339" t="s">
        <v>30540</v>
      </c>
    </row>
    <row r="1340" spans="1:9">
      <c r="A1340" s="1">
        <v>0.10236714642936062</v>
      </c>
      <c r="B1340" s="1"/>
      <c r="C1340">
        <v>8</v>
      </c>
      <c r="D1340" t="s">
        <v>14539</v>
      </c>
      <c r="E1340" t="s">
        <v>32626</v>
      </c>
      <c r="F1340">
        <v>1</v>
      </c>
      <c r="G1340" t="s">
        <v>14</v>
      </c>
      <c r="H1340" t="s">
        <v>14540</v>
      </c>
      <c r="I1340" t="s">
        <v>30540</v>
      </c>
    </row>
    <row r="1341" spans="1:9">
      <c r="A1341" s="1">
        <v>0.36205825170509187</v>
      </c>
      <c r="B1341" s="1"/>
      <c r="C1341">
        <v>18</v>
      </c>
      <c r="D1341" t="s">
        <v>14501</v>
      </c>
      <c r="E1341" t="s">
        <v>32629</v>
      </c>
      <c r="F1341">
        <v>3</v>
      </c>
      <c r="G1341" t="s">
        <v>1431</v>
      </c>
      <c r="H1341" t="s">
        <v>14502</v>
      </c>
      <c r="I1341" t="s">
        <v>30540</v>
      </c>
    </row>
    <row r="1342" spans="1:9">
      <c r="A1342" s="1">
        <v>0.32983172414383655</v>
      </c>
      <c r="B1342" s="1"/>
      <c r="C1342">
        <v>10</v>
      </c>
      <c r="D1342" t="s">
        <v>14483</v>
      </c>
      <c r="E1342" t="s">
        <v>32630</v>
      </c>
      <c r="F1342">
        <v>2</v>
      </c>
      <c r="G1342" t="s">
        <v>13</v>
      </c>
      <c r="H1342" t="s">
        <v>14484</v>
      </c>
      <c r="I1342" t="s">
        <v>30540</v>
      </c>
    </row>
    <row r="1343" spans="1:9">
      <c r="A1343" s="1">
        <v>7.0141398303643632E-2</v>
      </c>
      <c r="B1343" s="1"/>
      <c r="C1343">
        <v>10</v>
      </c>
      <c r="D1343" t="s">
        <v>14475</v>
      </c>
      <c r="E1343" t="s">
        <v>32631</v>
      </c>
      <c r="F1343">
        <v>3</v>
      </c>
      <c r="G1343" t="s">
        <v>14</v>
      </c>
      <c r="H1343" t="s">
        <v>14476</v>
      </c>
      <c r="I1343" t="s">
        <v>30540</v>
      </c>
    </row>
    <row r="1344" spans="1:9">
      <c r="A1344" s="1">
        <v>0.44149364979554107</v>
      </c>
      <c r="B1344" s="1"/>
      <c r="C1344">
        <v>3</v>
      </c>
      <c r="D1344" t="s">
        <v>14453</v>
      </c>
      <c r="E1344" t="s">
        <v>32633</v>
      </c>
      <c r="F1344">
        <v>3</v>
      </c>
      <c r="G1344" t="s">
        <v>15</v>
      </c>
      <c r="H1344" t="s">
        <v>14454</v>
      </c>
      <c r="I1344" t="s">
        <v>30540</v>
      </c>
    </row>
    <row r="1345" spans="1:9">
      <c r="A1345" s="1">
        <v>0.18999075992544057</v>
      </c>
      <c r="B1345" s="1"/>
      <c r="C1345">
        <v>16</v>
      </c>
      <c r="D1345" t="s">
        <v>14463</v>
      </c>
      <c r="E1345" t="s">
        <v>32633</v>
      </c>
      <c r="F1345">
        <v>3</v>
      </c>
      <c r="G1345" t="s">
        <v>2</v>
      </c>
      <c r="H1345" t="s">
        <v>14464</v>
      </c>
      <c r="I1345" t="s">
        <v>30540</v>
      </c>
    </row>
    <row r="1346" spans="1:9">
      <c r="A1346" s="1">
        <v>0.75999589017058433</v>
      </c>
      <c r="B1346" s="1"/>
      <c r="C1346">
        <v>9</v>
      </c>
      <c r="D1346" t="s">
        <v>14457</v>
      </c>
      <c r="E1346" t="s">
        <v>32633</v>
      </c>
      <c r="F1346">
        <v>3</v>
      </c>
      <c r="G1346" t="s">
        <v>2</v>
      </c>
      <c r="H1346" t="s">
        <v>14458</v>
      </c>
      <c r="I1346" t="s">
        <v>30540</v>
      </c>
    </row>
    <row r="1347" spans="1:9">
      <c r="A1347" s="1">
        <v>0.87076181784401374</v>
      </c>
      <c r="B1347" s="1"/>
      <c r="C1347">
        <v>18</v>
      </c>
      <c r="D1347" t="s">
        <v>14445</v>
      </c>
      <c r="E1347" t="s">
        <v>32634</v>
      </c>
      <c r="F1347">
        <v>3</v>
      </c>
      <c r="G1347" t="s">
        <v>9</v>
      </c>
      <c r="H1347" t="s">
        <v>14446</v>
      </c>
      <c r="I1347" t="s">
        <v>30540</v>
      </c>
    </row>
    <row r="1348" spans="1:9">
      <c r="A1348" s="1">
        <v>0.62872643465187439</v>
      </c>
      <c r="B1348" s="1"/>
      <c r="C1348">
        <v>12</v>
      </c>
      <c r="D1348" t="s">
        <v>14437</v>
      </c>
      <c r="E1348" t="s">
        <v>32634</v>
      </c>
      <c r="F1348">
        <v>3</v>
      </c>
      <c r="G1348" t="s">
        <v>1431</v>
      </c>
      <c r="H1348" t="s">
        <v>14438</v>
      </c>
      <c r="I1348" t="s">
        <v>30540</v>
      </c>
    </row>
    <row r="1349" spans="1:9">
      <c r="A1349" s="1">
        <v>4.8747023949256896E-2</v>
      </c>
      <c r="B1349" s="1"/>
      <c r="C1349">
        <v>3</v>
      </c>
      <c r="D1349" t="s">
        <v>14429</v>
      </c>
      <c r="E1349" t="s">
        <v>32634</v>
      </c>
      <c r="F1349">
        <v>2</v>
      </c>
      <c r="G1349" t="s">
        <v>1431</v>
      </c>
      <c r="H1349" t="s">
        <v>14430</v>
      </c>
      <c r="I1349" t="s">
        <v>30540</v>
      </c>
    </row>
    <row r="1350" spans="1:9">
      <c r="A1350" s="1">
        <v>0.13620725714292226</v>
      </c>
      <c r="B1350" s="1"/>
      <c r="C1350">
        <v>2</v>
      </c>
      <c r="D1350" t="s">
        <v>14419</v>
      </c>
      <c r="E1350" t="s">
        <v>32636</v>
      </c>
      <c r="F1350">
        <v>3</v>
      </c>
      <c r="G1350" t="s">
        <v>9</v>
      </c>
      <c r="H1350" t="s">
        <v>14420</v>
      </c>
      <c r="I1350" t="s">
        <v>30540</v>
      </c>
    </row>
    <row r="1351" spans="1:9">
      <c r="A1351" s="1">
        <v>0.20806917829209848</v>
      </c>
      <c r="B1351" s="1"/>
      <c r="C1351">
        <v>5</v>
      </c>
      <c r="D1351" t="s">
        <v>14417</v>
      </c>
      <c r="E1351" t="s">
        <v>32637</v>
      </c>
      <c r="F1351">
        <v>2</v>
      </c>
      <c r="G1351" t="s">
        <v>9</v>
      </c>
      <c r="H1351" t="s">
        <v>14418</v>
      </c>
      <c r="I1351" t="s">
        <v>30540</v>
      </c>
    </row>
    <row r="1352" spans="1:9">
      <c r="A1352" s="1">
        <v>0.66015168200756202</v>
      </c>
      <c r="B1352" s="1"/>
      <c r="C1352">
        <v>6</v>
      </c>
      <c r="D1352" t="s">
        <v>14411</v>
      </c>
      <c r="E1352" t="s">
        <v>32638</v>
      </c>
      <c r="F1352">
        <v>2</v>
      </c>
      <c r="G1352" t="s">
        <v>15</v>
      </c>
      <c r="H1352" t="s">
        <v>14412</v>
      </c>
      <c r="I1352" t="s">
        <v>30540</v>
      </c>
    </row>
    <row r="1353" spans="1:9">
      <c r="A1353" s="1">
        <v>0.39878398454412256</v>
      </c>
      <c r="B1353" s="1"/>
      <c r="C1353">
        <v>17</v>
      </c>
      <c r="D1353" t="s">
        <v>14415</v>
      </c>
      <c r="E1353" t="s">
        <v>32638</v>
      </c>
      <c r="F1353">
        <v>2</v>
      </c>
      <c r="G1353" t="s">
        <v>2</v>
      </c>
      <c r="H1353" t="s">
        <v>14416</v>
      </c>
      <c r="I1353" t="s">
        <v>30540</v>
      </c>
    </row>
    <row r="1354" spans="1:9">
      <c r="A1354" s="1">
        <v>0.28808637391149972</v>
      </c>
      <c r="B1354" s="1"/>
      <c r="C1354">
        <v>20</v>
      </c>
      <c r="D1354" t="s">
        <v>14405</v>
      </c>
      <c r="E1354" t="s">
        <v>32639</v>
      </c>
      <c r="F1354">
        <v>3</v>
      </c>
      <c r="G1354" t="s">
        <v>1431</v>
      </c>
      <c r="H1354" t="s">
        <v>14406</v>
      </c>
      <c r="I1354" t="s">
        <v>30540</v>
      </c>
    </row>
    <row r="1355" spans="1:9">
      <c r="A1355" s="1">
        <v>0.87820520526239643</v>
      </c>
      <c r="B1355" s="1"/>
      <c r="C1355">
        <v>3</v>
      </c>
      <c r="D1355" t="s">
        <v>14383</v>
      </c>
      <c r="E1355" t="s">
        <v>32641</v>
      </c>
      <c r="F1355">
        <v>2</v>
      </c>
      <c r="G1355" t="s">
        <v>10</v>
      </c>
      <c r="H1355" t="s">
        <v>14384</v>
      </c>
      <c r="I1355" t="s">
        <v>30540</v>
      </c>
    </row>
    <row r="1356" spans="1:9">
      <c r="A1356" s="1">
        <v>0.20628470520196784</v>
      </c>
      <c r="B1356" s="1"/>
      <c r="C1356">
        <v>2</v>
      </c>
      <c r="D1356" t="s">
        <v>14381</v>
      </c>
      <c r="E1356" t="s">
        <v>32641</v>
      </c>
      <c r="F1356">
        <v>2</v>
      </c>
      <c r="G1356" t="s">
        <v>14</v>
      </c>
      <c r="H1356" t="s">
        <v>14382</v>
      </c>
      <c r="I1356" t="s">
        <v>30540</v>
      </c>
    </row>
    <row r="1357" spans="1:9">
      <c r="A1357" s="1">
        <v>0.94718177720084429</v>
      </c>
      <c r="B1357" s="1"/>
      <c r="C1357">
        <v>4</v>
      </c>
      <c r="D1357" t="s">
        <v>14385</v>
      </c>
      <c r="E1357" t="s">
        <v>32641</v>
      </c>
      <c r="F1357">
        <v>2</v>
      </c>
      <c r="G1357" t="s">
        <v>10</v>
      </c>
      <c r="H1357" t="s">
        <v>14386</v>
      </c>
      <c r="I1357" t="s">
        <v>30540</v>
      </c>
    </row>
    <row r="1358" spans="1:9">
      <c r="A1358" s="1">
        <v>0.38305955798499125</v>
      </c>
      <c r="B1358" s="1"/>
      <c r="C1358">
        <v>7</v>
      </c>
      <c r="D1358" t="s">
        <v>14377</v>
      </c>
      <c r="E1358" t="s">
        <v>32642</v>
      </c>
      <c r="F1358">
        <v>3</v>
      </c>
      <c r="G1358" t="s">
        <v>13</v>
      </c>
      <c r="H1358" t="s">
        <v>14378</v>
      </c>
      <c r="I1358" t="s">
        <v>30540</v>
      </c>
    </row>
    <row r="1359" spans="1:9">
      <c r="A1359" s="1">
        <v>0.65687140846712688</v>
      </c>
      <c r="B1359" s="1"/>
      <c r="C1359">
        <v>12</v>
      </c>
      <c r="D1359" t="s">
        <v>14371</v>
      </c>
      <c r="E1359" t="s">
        <v>32643</v>
      </c>
      <c r="F1359">
        <v>2</v>
      </c>
      <c r="G1359" t="s">
        <v>2</v>
      </c>
      <c r="H1359" t="s">
        <v>14372</v>
      </c>
      <c r="I1359" t="s">
        <v>30540</v>
      </c>
    </row>
    <row r="1360" spans="1:9">
      <c r="A1360" s="1">
        <v>0.37972513894269788</v>
      </c>
      <c r="B1360" s="1"/>
      <c r="C1360">
        <v>4</v>
      </c>
      <c r="D1360" t="s">
        <v>14363</v>
      </c>
      <c r="E1360" t="s">
        <v>32643</v>
      </c>
      <c r="F1360">
        <v>2</v>
      </c>
      <c r="G1360" t="s">
        <v>14</v>
      </c>
      <c r="H1360" t="s">
        <v>14364</v>
      </c>
      <c r="I1360" t="s">
        <v>30540</v>
      </c>
    </row>
    <row r="1361" spans="1:9">
      <c r="A1361" s="1">
        <v>0.11478683368701881</v>
      </c>
      <c r="B1361" s="1"/>
      <c r="C1361">
        <v>4</v>
      </c>
      <c r="D1361" t="s">
        <v>14345</v>
      </c>
      <c r="E1361" t="s">
        <v>32644</v>
      </c>
      <c r="F1361">
        <v>3</v>
      </c>
      <c r="G1361" t="s">
        <v>14</v>
      </c>
      <c r="H1361" t="s">
        <v>14346</v>
      </c>
      <c r="I1361" t="s">
        <v>30540</v>
      </c>
    </row>
    <row r="1362" spans="1:9">
      <c r="A1362" s="1">
        <v>5.0429474327035262E-2</v>
      </c>
      <c r="B1362" s="1"/>
      <c r="C1362">
        <v>16</v>
      </c>
      <c r="D1362" t="s">
        <v>14359</v>
      </c>
      <c r="E1362" t="s">
        <v>32644</v>
      </c>
      <c r="F1362">
        <v>3</v>
      </c>
      <c r="G1362" t="s">
        <v>14</v>
      </c>
      <c r="H1362" t="s">
        <v>14360</v>
      </c>
      <c r="I1362" t="s">
        <v>30540</v>
      </c>
    </row>
    <row r="1363" spans="1:9">
      <c r="A1363" s="1">
        <v>0.27526405778976226</v>
      </c>
      <c r="B1363" s="1"/>
      <c r="C1363">
        <v>15</v>
      </c>
      <c r="D1363" t="s">
        <v>14357</v>
      </c>
      <c r="E1363" t="s">
        <v>32644</v>
      </c>
      <c r="F1363">
        <v>3</v>
      </c>
      <c r="G1363" t="s">
        <v>10</v>
      </c>
      <c r="H1363" t="s">
        <v>14358</v>
      </c>
      <c r="I1363" t="s">
        <v>30540</v>
      </c>
    </row>
    <row r="1364" spans="1:9">
      <c r="A1364" s="1">
        <v>0.1878292407155534</v>
      </c>
      <c r="B1364" s="1"/>
      <c r="C1364">
        <v>5</v>
      </c>
      <c r="D1364" t="s">
        <v>14347</v>
      </c>
      <c r="E1364" t="s">
        <v>32644</v>
      </c>
      <c r="F1364">
        <v>2</v>
      </c>
      <c r="G1364" t="s">
        <v>14</v>
      </c>
      <c r="H1364" t="s">
        <v>14348</v>
      </c>
      <c r="I1364" t="s">
        <v>30540</v>
      </c>
    </row>
    <row r="1365" spans="1:9">
      <c r="A1365" s="1">
        <v>0.77978181330509511</v>
      </c>
      <c r="B1365" s="1"/>
      <c r="C1365">
        <v>9</v>
      </c>
      <c r="D1365" t="s">
        <v>14353</v>
      </c>
      <c r="E1365" t="s">
        <v>32644</v>
      </c>
      <c r="F1365">
        <v>2</v>
      </c>
      <c r="G1365" t="s">
        <v>1295</v>
      </c>
      <c r="H1365" t="s">
        <v>14354</v>
      </c>
      <c r="I1365" t="s">
        <v>30540</v>
      </c>
    </row>
    <row r="1366" spans="1:9">
      <c r="A1366" s="1">
        <v>0.40595585401231526</v>
      </c>
      <c r="B1366" s="1"/>
      <c r="C1366">
        <v>10</v>
      </c>
      <c r="D1366" t="s">
        <v>14313</v>
      </c>
      <c r="E1366" t="s">
        <v>32648</v>
      </c>
      <c r="F1366">
        <v>2</v>
      </c>
      <c r="G1366" t="s">
        <v>13</v>
      </c>
      <c r="H1366" t="s">
        <v>14314</v>
      </c>
      <c r="I1366" t="s">
        <v>30540</v>
      </c>
    </row>
    <row r="1367" spans="1:9">
      <c r="A1367" s="1">
        <v>0.31751951093476438</v>
      </c>
      <c r="B1367" s="1"/>
      <c r="C1367">
        <v>4</v>
      </c>
      <c r="D1367" t="s">
        <v>14305</v>
      </c>
      <c r="E1367" t="s">
        <v>32648</v>
      </c>
      <c r="F1367">
        <v>2</v>
      </c>
      <c r="G1367" t="s">
        <v>10</v>
      </c>
      <c r="H1367" t="s">
        <v>14306</v>
      </c>
      <c r="I1367" t="s">
        <v>30540</v>
      </c>
    </row>
    <row r="1368" spans="1:9">
      <c r="A1368" s="1">
        <v>0.7223743106323286</v>
      </c>
      <c r="B1368" s="1"/>
      <c r="C1368">
        <v>6</v>
      </c>
      <c r="D1368" t="s">
        <v>14307</v>
      </c>
      <c r="E1368" t="s">
        <v>32648</v>
      </c>
      <c r="F1368">
        <v>1</v>
      </c>
      <c r="G1368" t="s">
        <v>14</v>
      </c>
      <c r="H1368" t="s">
        <v>14308</v>
      </c>
      <c r="I1368" t="s">
        <v>30540</v>
      </c>
    </row>
    <row r="1369" spans="1:9">
      <c r="A1369" s="1">
        <v>0.8579963895997359</v>
      </c>
      <c r="B1369" s="1"/>
      <c r="C1369">
        <v>16</v>
      </c>
      <c r="D1369" t="s">
        <v>14297</v>
      </c>
      <c r="E1369" t="s">
        <v>32649</v>
      </c>
      <c r="F1369">
        <v>3</v>
      </c>
      <c r="G1369" t="s">
        <v>13</v>
      </c>
      <c r="H1369" t="s">
        <v>14298</v>
      </c>
      <c r="I1369" t="s">
        <v>30540</v>
      </c>
    </row>
    <row r="1370" spans="1:9">
      <c r="A1370" s="1">
        <v>0.52906197566752289</v>
      </c>
      <c r="B1370" s="1"/>
      <c r="C1370">
        <v>19</v>
      </c>
      <c r="D1370" t="s">
        <v>14303</v>
      </c>
      <c r="E1370" t="s">
        <v>32649</v>
      </c>
      <c r="F1370">
        <v>2</v>
      </c>
      <c r="G1370" t="s">
        <v>14</v>
      </c>
      <c r="H1370" t="s">
        <v>14304</v>
      </c>
      <c r="I1370" t="s">
        <v>30540</v>
      </c>
    </row>
    <row r="1371" spans="1:9">
      <c r="A1371" s="1">
        <v>0.69651208128127695</v>
      </c>
      <c r="B1371" s="1"/>
      <c r="C1371">
        <v>8</v>
      </c>
      <c r="D1371" t="s">
        <v>14291</v>
      </c>
      <c r="E1371" t="s">
        <v>32649</v>
      </c>
      <c r="F1371">
        <v>2</v>
      </c>
      <c r="G1371" t="s">
        <v>14</v>
      </c>
      <c r="H1371" t="s">
        <v>14292</v>
      </c>
      <c r="I1371" t="s">
        <v>30540</v>
      </c>
    </row>
    <row r="1372" spans="1:9">
      <c r="A1372" s="1">
        <v>0.2549075055747072</v>
      </c>
      <c r="B1372" s="1"/>
      <c r="C1372">
        <v>1</v>
      </c>
      <c r="D1372" t="s">
        <v>14263</v>
      </c>
      <c r="E1372" t="s">
        <v>32651</v>
      </c>
      <c r="F1372">
        <v>3</v>
      </c>
      <c r="G1372" t="s">
        <v>10</v>
      </c>
      <c r="H1372" t="s">
        <v>14264</v>
      </c>
      <c r="I1372" t="s">
        <v>30540</v>
      </c>
    </row>
    <row r="1373" spans="1:9">
      <c r="A1373" s="1">
        <v>0.25885878798518136</v>
      </c>
      <c r="B1373" s="1"/>
      <c r="C1373">
        <v>9</v>
      </c>
      <c r="D1373" t="s">
        <v>14257</v>
      </c>
      <c r="E1373" t="s">
        <v>32652</v>
      </c>
      <c r="F1373">
        <v>3</v>
      </c>
      <c r="G1373" t="s">
        <v>2</v>
      </c>
      <c r="H1373" t="s">
        <v>14258</v>
      </c>
      <c r="I1373" t="s">
        <v>30540</v>
      </c>
    </row>
    <row r="1374" spans="1:9">
      <c r="A1374" s="1">
        <v>0.68798435959464577</v>
      </c>
      <c r="B1374" s="1"/>
      <c r="C1374">
        <v>1</v>
      </c>
      <c r="D1374" t="s">
        <v>14251</v>
      </c>
      <c r="E1374" t="s">
        <v>32652</v>
      </c>
      <c r="F1374">
        <v>3</v>
      </c>
      <c r="G1374" t="s">
        <v>9</v>
      </c>
      <c r="H1374" t="s">
        <v>14252</v>
      </c>
      <c r="I1374" t="s">
        <v>30540</v>
      </c>
    </row>
    <row r="1375" spans="1:9">
      <c r="A1375" s="1">
        <v>0.3277611335238737</v>
      </c>
      <c r="B1375" s="1"/>
      <c r="C1375">
        <v>1</v>
      </c>
      <c r="D1375" t="s">
        <v>14245</v>
      </c>
      <c r="E1375" t="s">
        <v>32653</v>
      </c>
      <c r="F1375">
        <v>3</v>
      </c>
      <c r="G1375" t="s">
        <v>14</v>
      </c>
      <c r="H1375" t="s">
        <v>14246</v>
      </c>
      <c r="I1375" t="s">
        <v>30540</v>
      </c>
    </row>
    <row r="1376" spans="1:9">
      <c r="A1376" s="1">
        <v>0.51940367023569545</v>
      </c>
      <c r="B1376" s="1"/>
      <c r="C1376">
        <v>8</v>
      </c>
      <c r="D1376" t="s">
        <v>14247</v>
      </c>
      <c r="E1376" t="s">
        <v>32653</v>
      </c>
      <c r="F1376">
        <v>2</v>
      </c>
      <c r="G1376" t="s">
        <v>14</v>
      </c>
      <c r="H1376" t="s">
        <v>14248</v>
      </c>
      <c r="I1376" t="s">
        <v>30540</v>
      </c>
    </row>
    <row r="1377" spans="1:9">
      <c r="A1377" s="1">
        <v>0.29575560288517611</v>
      </c>
      <c r="B1377" s="1"/>
      <c r="C1377">
        <v>12</v>
      </c>
      <c r="D1377" t="s">
        <v>14239</v>
      </c>
      <c r="E1377" t="s">
        <v>32654</v>
      </c>
      <c r="F1377">
        <v>2</v>
      </c>
      <c r="G1377" t="s">
        <v>15</v>
      </c>
      <c r="H1377" t="s">
        <v>14240</v>
      </c>
      <c r="I1377" t="s">
        <v>30540</v>
      </c>
    </row>
    <row r="1378" spans="1:9">
      <c r="A1378" s="1">
        <v>0.83550330656808802</v>
      </c>
      <c r="B1378" s="1"/>
      <c r="C1378">
        <v>13</v>
      </c>
      <c r="D1378" t="s">
        <v>14241</v>
      </c>
      <c r="E1378" t="s">
        <v>32654</v>
      </c>
      <c r="F1378">
        <v>2</v>
      </c>
      <c r="G1378" t="s">
        <v>14</v>
      </c>
      <c r="H1378" t="s">
        <v>14242</v>
      </c>
      <c r="I1378" t="s">
        <v>30540</v>
      </c>
    </row>
    <row r="1379" spans="1:9">
      <c r="A1379" s="1">
        <v>0.5833498935819087</v>
      </c>
      <c r="B1379" s="1"/>
      <c r="C1379">
        <v>11</v>
      </c>
      <c r="D1379" t="s">
        <v>14227</v>
      </c>
      <c r="E1379" t="s">
        <v>32655</v>
      </c>
      <c r="F1379">
        <v>2</v>
      </c>
      <c r="G1379" t="s">
        <v>2</v>
      </c>
      <c r="H1379" t="s">
        <v>14228</v>
      </c>
      <c r="I1379" t="s">
        <v>30540</v>
      </c>
    </row>
    <row r="1380" spans="1:9">
      <c r="A1380" s="1">
        <v>0.70533448176198188</v>
      </c>
      <c r="B1380" s="1"/>
      <c r="C1380">
        <v>6</v>
      </c>
      <c r="D1380" t="s">
        <v>14217</v>
      </c>
      <c r="E1380" t="s">
        <v>32656</v>
      </c>
      <c r="F1380">
        <v>3</v>
      </c>
      <c r="G1380" t="s">
        <v>0</v>
      </c>
      <c r="H1380" t="s">
        <v>14218</v>
      </c>
      <c r="I1380" t="s">
        <v>30540</v>
      </c>
    </row>
    <row r="1381" spans="1:9">
      <c r="A1381" s="1">
        <v>0.26149987086644499</v>
      </c>
      <c r="B1381" s="1"/>
      <c r="C1381">
        <v>10</v>
      </c>
      <c r="D1381" t="s">
        <v>14209</v>
      </c>
      <c r="E1381" t="s">
        <v>32657</v>
      </c>
      <c r="F1381">
        <v>3</v>
      </c>
      <c r="G1381" t="s">
        <v>2</v>
      </c>
      <c r="H1381" t="s">
        <v>14210</v>
      </c>
      <c r="I1381" t="s">
        <v>30540</v>
      </c>
    </row>
    <row r="1382" spans="1:9">
      <c r="A1382" s="1">
        <v>0.55464758179931273</v>
      </c>
      <c r="B1382" s="1"/>
      <c r="C1382">
        <v>4</v>
      </c>
      <c r="D1382" t="s">
        <v>14183</v>
      </c>
      <c r="E1382" t="s">
        <v>32660</v>
      </c>
      <c r="F1382">
        <v>3</v>
      </c>
      <c r="G1382" t="s">
        <v>14</v>
      </c>
      <c r="H1382" t="s">
        <v>14184</v>
      </c>
      <c r="I1382" t="s">
        <v>30540</v>
      </c>
    </row>
    <row r="1383" spans="1:9">
      <c r="A1383" s="1">
        <v>0.13196038832595158</v>
      </c>
      <c r="B1383" s="1"/>
      <c r="C1383">
        <v>10</v>
      </c>
      <c r="D1383" t="s">
        <v>14177</v>
      </c>
      <c r="E1383" t="s">
        <v>32661</v>
      </c>
      <c r="F1383">
        <v>3</v>
      </c>
      <c r="G1383" t="s">
        <v>14</v>
      </c>
      <c r="H1383" t="s">
        <v>14178</v>
      </c>
      <c r="I1383" t="s">
        <v>30540</v>
      </c>
    </row>
    <row r="1384" spans="1:9">
      <c r="A1384" s="1">
        <v>0.23663597245638512</v>
      </c>
      <c r="B1384" s="1"/>
      <c r="C1384">
        <v>1</v>
      </c>
      <c r="D1384" t="s">
        <v>14161</v>
      </c>
      <c r="E1384" t="s">
        <v>32662</v>
      </c>
      <c r="F1384">
        <v>2</v>
      </c>
      <c r="G1384" t="s">
        <v>10</v>
      </c>
      <c r="H1384" t="s">
        <v>14162</v>
      </c>
      <c r="I1384" t="s">
        <v>30540</v>
      </c>
    </row>
    <row r="1385" spans="1:9">
      <c r="A1385" s="1">
        <v>6.1494902624137149E-2</v>
      </c>
      <c r="B1385" s="1"/>
      <c r="C1385">
        <v>16</v>
      </c>
      <c r="D1385" t="s">
        <v>14169</v>
      </c>
      <c r="E1385" t="s">
        <v>32662</v>
      </c>
      <c r="F1385">
        <v>1</v>
      </c>
      <c r="G1385" t="s">
        <v>13</v>
      </c>
      <c r="H1385" t="s">
        <v>14170</v>
      </c>
      <c r="I1385" t="s">
        <v>30540</v>
      </c>
    </row>
    <row r="1386" spans="1:9">
      <c r="A1386" s="1">
        <v>0.22981922421734002</v>
      </c>
      <c r="B1386" s="1"/>
      <c r="C1386">
        <v>6</v>
      </c>
      <c r="D1386" t="s">
        <v>14151</v>
      </c>
      <c r="E1386" t="s">
        <v>32664</v>
      </c>
      <c r="F1386">
        <v>3</v>
      </c>
      <c r="G1386" t="s">
        <v>14</v>
      </c>
      <c r="H1386" t="s">
        <v>14152</v>
      </c>
      <c r="I1386" t="s">
        <v>30540</v>
      </c>
    </row>
    <row r="1387" spans="1:9">
      <c r="A1387" s="1">
        <v>0.38296721227017139</v>
      </c>
      <c r="B1387" s="1"/>
      <c r="C1387">
        <v>6</v>
      </c>
      <c r="D1387" t="s">
        <v>14137</v>
      </c>
      <c r="E1387" t="s">
        <v>32665</v>
      </c>
      <c r="F1387">
        <v>3</v>
      </c>
      <c r="G1387" t="s">
        <v>14</v>
      </c>
      <c r="H1387" t="s">
        <v>14138</v>
      </c>
      <c r="I1387" t="s">
        <v>30540</v>
      </c>
    </row>
    <row r="1388" spans="1:9">
      <c r="A1388" s="1">
        <v>0.41171922729295041</v>
      </c>
      <c r="B1388" s="1"/>
      <c r="C1388">
        <v>11</v>
      </c>
      <c r="D1388" t="s">
        <v>14127</v>
      </c>
      <c r="E1388" t="s">
        <v>32666</v>
      </c>
      <c r="F1388">
        <v>3</v>
      </c>
      <c r="G1388" t="s">
        <v>14</v>
      </c>
      <c r="H1388" t="s">
        <v>14128</v>
      </c>
      <c r="I1388" t="s">
        <v>30540</v>
      </c>
    </row>
    <row r="1389" spans="1:9">
      <c r="A1389" s="1">
        <v>0.82949491130088104</v>
      </c>
      <c r="B1389" s="1"/>
      <c r="C1389">
        <v>11</v>
      </c>
      <c r="D1389" t="s">
        <v>14113</v>
      </c>
      <c r="E1389" t="s">
        <v>32667</v>
      </c>
      <c r="F1389">
        <v>2</v>
      </c>
      <c r="G1389" t="s">
        <v>13</v>
      </c>
      <c r="H1389" t="s">
        <v>14114</v>
      </c>
      <c r="I1389" t="s">
        <v>30540</v>
      </c>
    </row>
    <row r="1390" spans="1:9">
      <c r="A1390" s="1">
        <v>0.3986498091918903</v>
      </c>
      <c r="B1390" s="1"/>
      <c r="C1390">
        <v>9</v>
      </c>
      <c r="D1390" t="s">
        <v>14101</v>
      </c>
      <c r="E1390" t="s">
        <v>32668</v>
      </c>
      <c r="F1390">
        <v>2</v>
      </c>
      <c r="G1390" t="s">
        <v>14</v>
      </c>
      <c r="H1390" t="s">
        <v>14102</v>
      </c>
      <c r="I1390" t="s">
        <v>30540</v>
      </c>
    </row>
    <row r="1391" spans="1:9">
      <c r="A1391" s="1">
        <v>0.9597083716993714</v>
      </c>
      <c r="B1391" s="1"/>
      <c r="C1391">
        <v>20</v>
      </c>
      <c r="D1391" t="s">
        <v>14109</v>
      </c>
      <c r="E1391" t="s">
        <v>32668</v>
      </c>
      <c r="F1391">
        <v>2</v>
      </c>
      <c r="G1391" t="s">
        <v>14</v>
      </c>
      <c r="H1391" t="s">
        <v>14110</v>
      </c>
      <c r="I1391" t="s">
        <v>30540</v>
      </c>
    </row>
    <row r="1392" spans="1:9">
      <c r="A1392" s="1">
        <v>0.24783455349990491</v>
      </c>
      <c r="B1392" s="1"/>
      <c r="C1392">
        <v>8</v>
      </c>
      <c r="D1392" t="s">
        <v>14091</v>
      </c>
      <c r="E1392" t="s">
        <v>32670</v>
      </c>
      <c r="F1392">
        <v>1</v>
      </c>
      <c r="G1392" t="s">
        <v>0</v>
      </c>
      <c r="H1392" t="s">
        <v>14092</v>
      </c>
      <c r="I1392" t="s">
        <v>30540</v>
      </c>
    </row>
    <row r="1393" spans="1:9">
      <c r="A1393" s="1">
        <v>0.70284170449785588</v>
      </c>
      <c r="B1393" s="1"/>
      <c r="C1393">
        <v>4</v>
      </c>
      <c r="D1393" t="s">
        <v>14079</v>
      </c>
      <c r="E1393" t="s">
        <v>32671</v>
      </c>
      <c r="F1393">
        <v>2</v>
      </c>
      <c r="G1393" t="s">
        <v>15</v>
      </c>
      <c r="H1393" t="s">
        <v>14080</v>
      </c>
      <c r="I1393" t="s">
        <v>30540</v>
      </c>
    </row>
    <row r="1394" spans="1:9">
      <c r="A1394" s="1">
        <v>0.66893917628979571</v>
      </c>
      <c r="B1394" s="1"/>
      <c r="C1394">
        <v>10</v>
      </c>
      <c r="D1394" t="s">
        <v>14073</v>
      </c>
      <c r="E1394" t="s">
        <v>32672</v>
      </c>
      <c r="F1394">
        <v>1</v>
      </c>
      <c r="G1394" t="s">
        <v>1</v>
      </c>
      <c r="H1394" t="s">
        <v>14074</v>
      </c>
      <c r="I1394" t="s">
        <v>30540</v>
      </c>
    </row>
    <row r="1395" spans="1:9">
      <c r="A1395" s="1">
        <v>0.60184091381601545</v>
      </c>
      <c r="B1395" s="1"/>
      <c r="C1395">
        <v>6</v>
      </c>
      <c r="D1395" t="s">
        <v>14061</v>
      </c>
      <c r="E1395" t="s">
        <v>32673</v>
      </c>
      <c r="F1395">
        <v>3</v>
      </c>
      <c r="G1395" t="s">
        <v>13</v>
      </c>
      <c r="H1395" t="s">
        <v>14062</v>
      </c>
      <c r="I1395" t="s">
        <v>30540</v>
      </c>
    </row>
    <row r="1396" spans="1:9">
      <c r="A1396" s="1">
        <v>0.10376928205029012</v>
      </c>
      <c r="B1396" s="1"/>
      <c r="C1396">
        <v>15</v>
      </c>
      <c r="D1396" t="s">
        <v>14065</v>
      </c>
      <c r="E1396" t="s">
        <v>32673</v>
      </c>
      <c r="F1396">
        <v>2</v>
      </c>
      <c r="G1396" t="s">
        <v>2</v>
      </c>
      <c r="H1396" t="s">
        <v>14066</v>
      </c>
      <c r="I1396" t="s">
        <v>30540</v>
      </c>
    </row>
    <row r="1397" spans="1:9">
      <c r="A1397" s="1">
        <v>9.5204895965650849E-2</v>
      </c>
      <c r="B1397" s="1"/>
      <c r="C1397">
        <v>19</v>
      </c>
      <c r="D1397" t="s">
        <v>14067</v>
      </c>
      <c r="E1397" t="s">
        <v>32673</v>
      </c>
      <c r="F1397">
        <v>1</v>
      </c>
      <c r="G1397" t="s">
        <v>9</v>
      </c>
      <c r="H1397" t="s">
        <v>14068</v>
      </c>
      <c r="I1397" t="s">
        <v>30540</v>
      </c>
    </row>
    <row r="1398" spans="1:9">
      <c r="A1398" s="1">
        <v>0.65438819597606623</v>
      </c>
      <c r="B1398" s="1"/>
      <c r="C1398">
        <v>10</v>
      </c>
      <c r="D1398" t="s">
        <v>14055</v>
      </c>
      <c r="E1398" t="s">
        <v>32674</v>
      </c>
      <c r="F1398">
        <v>3</v>
      </c>
      <c r="G1398" t="s">
        <v>14</v>
      </c>
      <c r="H1398" t="s">
        <v>14056</v>
      </c>
      <c r="I1398" t="s">
        <v>30540</v>
      </c>
    </row>
    <row r="1399" spans="1:9">
      <c r="A1399" s="1">
        <v>0.58899356483894205</v>
      </c>
      <c r="B1399" s="1"/>
      <c r="C1399">
        <v>7</v>
      </c>
      <c r="D1399" t="s">
        <v>14053</v>
      </c>
      <c r="E1399" t="s">
        <v>32674</v>
      </c>
      <c r="F1399">
        <v>2</v>
      </c>
      <c r="G1399" t="s">
        <v>14</v>
      </c>
      <c r="H1399" t="s">
        <v>14054</v>
      </c>
      <c r="I1399" t="s">
        <v>30540</v>
      </c>
    </row>
    <row r="1400" spans="1:9">
      <c r="A1400" s="1">
        <v>0.16803368673808661</v>
      </c>
      <c r="B1400" s="1"/>
      <c r="C1400">
        <v>2</v>
      </c>
      <c r="D1400" t="s">
        <v>14049</v>
      </c>
      <c r="E1400" t="s">
        <v>32674</v>
      </c>
      <c r="F1400">
        <v>1</v>
      </c>
      <c r="G1400" t="s">
        <v>2</v>
      </c>
      <c r="H1400" t="s">
        <v>14050</v>
      </c>
      <c r="I1400" t="s">
        <v>30540</v>
      </c>
    </row>
    <row r="1401" spans="1:9">
      <c r="A1401" s="1">
        <v>0.30178587551838898</v>
      </c>
      <c r="B1401" s="1"/>
      <c r="C1401">
        <v>11</v>
      </c>
      <c r="D1401" t="s">
        <v>14033</v>
      </c>
      <c r="E1401" t="s">
        <v>32676</v>
      </c>
      <c r="F1401">
        <v>3</v>
      </c>
      <c r="G1401" t="s">
        <v>14</v>
      </c>
      <c r="H1401" t="s">
        <v>14034</v>
      </c>
      <c r="I1401" t="s">
        <v>30540</v>
      </c>
    </row>
    <row r="1402" spans="1:9">
      <c r="A1402" s="1">
        <v>0.83908988761092218</v>
      </c>
      <c r="B1402" s="1"/>
      <c r="C1402">
        <v>18</v>
      </c>
      <c r="D1402" t="s">
        <v>14027</v>
      </c>
      <c r="E1402" t="s">
        <v>32677</v>
      </c>
      <c r="F1402">
        <v>2</v>
      </c>
      <c r="G1402" t="s">
        <v>14</v>
      </c>
      <c r="H1402" t="s">
        <v>14028</v>
      </c>
      <c r="I1402" t="s">
        <v>30540</v>
      </c>
    </row>
    <row r="1403" spans="1:9">
      <c r="A1403" s="1">
        <v>0.77453311632352584</v>
      </c>
      <c r="B1403" s="1"/>
      <c r="C1403">
        <v>15</v>
      </c>
      <c r="D1403" t="s">
        <v>14013</v>
      </c>
      <c r="E1403" t="s">
        <v>32678</v>
      </c>
      <c r="F1403">
        <v>3</v>
      </c>
      <c r="G1403" t="s">
        <v>1</v>
      </c>
      <c r="H1403" t="s">
        <v>14014</v>
      </c>
      <c r="I1403" t="s">
        <v>30540</v>
      </c>
    </row>
    <row r="1404" spans="1:9">
      <c r="A1404" s="1">
        <v>0.30907174489342537</v>
      </c>
      <c r="B1404" s="1"/>
      <c r="C1404">
        <v>2</v>
      </c>
      <c r="D1404" t="s">
        <v>13997</v>
      </c>
      <c r="E1404" t="s">
        <v>32680</v>
      </c>
      <c r="F1404">
        <v>2</v>
      </c>
      <c r="G1404" t="s">
        <v>0</v>
      </c>
      <c r="H1404" t="s">
        <v>13998</v>
      </c>
      <c r="I1404" t="s">
        <v>30540</v>
      </c>
    </row>
    <row r="1405" spans="1:9">
      <c r="A1405" s="1">
        <v>0.40019250540753626</v>
      </c>
      <c r="B1405" s="1"/>
      <c r="C1405">
        <v>2</v>
      </c>
      <c r="D1405" t="s">
        <v>13981</v>
      </c>
      <c r="E1405" t="s">
        <v>32681</v>
      </c>
      <c r="F1405">
        <v>3</v>
      </c>
      <c r="G1405" t="s">
        <v>10</v>
      </c>
      <c r="H1405" t="s">
        <v>13982</v>
      </c>
      <c r="I1405" t="s">
        <v>30540</v>
      </c>
    </row>
    <row r="1406" spans="1:9">
      <c r="A1406" s="1">
        <v>0.69683771484182189</v>
      </c>
      <c r="B1406" s="1"/>
      <c r="C1406">
        <v>9</v>
      </c>
      <c r="D1406" t="s">
        <v>13989</v>
      </c>
      <c r="E1406" t="s">
        <v>32681</v>
      </c>
      <c r="F1406">
        <v>3</v>
      </c>
      <c r="G1406" t="s">
        <v>1</v>
      </c>
      <c r="H1406" t="s">
        <v>13990</v>
      </c>
      <c r="I1406" t="s">
        <v>30540</v>
      </c>
    </row>
    <row r="1407" spans="1:9">
      <c r="A1407" s="1">
        <v>0.5476941955183835</v>
      </c>
      <c r="B1407" s="1"/>
      <c r="C1407">
        <v>1</v>
      </c>
      <c r="D1407" t="s">
        <v>13965</v>
      </c>
      <c r="E1407" t="s">
        <v>32682</v>
      </c>
      <c r="F1407">
        <v>2</v>
      </c>
      <c r="G1407" t="s">
        <v>2</v>
      </c>
      <c r="H1407" t="s">
        <v>13966</v>
      </c>
      <c r="I1407" t="s">
        <v>30540</v>
      </c>
    </row>
    <row r="1408" spans="1:9">
      <c r="A1408" s="1">
        <v>0.41473464365636437</v>
      </c>
      <c r="B1408" s="1"/>
      <c r="C1408">
        <v>9</v>
      </c>
      <c r="D1408" t="s">
        <v>13949</v>
      </c>
      <c r="E1408" t="s">
        <v>32684</v>
      </c>
      <c r="F1408">
        <v>3</v>
      </c>
      <c r="G1408" t="s">
        <v>0</v>
      </c>
      <c r="H1408" t="s">
        <v>13950</v>
      </c>
      <c r="I1408" t="s">
        <v>30540</v>
      </c>
    </row>
    <row r="1409" spans="1:9">
      <c r="A1409" s="1">
        <v>9.8786222987888972E-2</v>
      </c>
      <c r="B1409" s="1"/>
      <c r="C1409">
        <v>15</v>
      </c>
      <c r="D1409" t="s">
        <v>13943</v>
      </c>
      <c r="E1409" t="s">
        <v>32685</v>
      </c>
      <c r="F1409">
        <v>2</v>
      </c>
      <c r="G1409" t="s">
        <v>14</v>
      </c>
      <c r="H1409" t="s">
        <v>13944</v>
      </c>
      <c r="I1409" t="s">
        <v>30540</v>
      </c>
    </row>
    <row r="1410" spans="1:9">
      <c r="A1410" s="1">
        <v>0.14265864471901857</v>
      </c>
      <c r="B1410" s="1"/>
      <c r="C1410">
        <v>1</v>
      </c>
      <c r="D1410" t="s">
        <v>13919</v>
      </c>
      <c r="E1410" t="s">
        <v>32686</v>
      </c>
      <c r="F1410">
        <v>3</v>
      </c>
      <c r="G1410" t="s">
        <v>14</v>
      </c>
      <c r="H1410" t="s">
        <v>13920</v>
      </c>
      <c r="I1410" t="s">
        <v>30540</v>
      </c>
    </row>
    <row r="1411" spans="1:9">
      <c r="A1411" s="1">
        <v>0.23469387448197709</v>
      </c>
      <c r="B1411" s="1"/>
      <c r="C1411">
        <v>13</v>
      </c>
      <c r="D1411" t="s">
        <v>13913</v>
      </c>
      <c r="E1411" t="s">
        <v>32687</v>
      </c>
      <c r="F1411">
        <v>3</v>
      </c>
      <c r="G1411" t="s">
        <v>14</v>
      </c>
      <c r="H1411" t="s">
        <v>13914</v>
      </c>
      <c r="I1411" t="s">
        <v>30540</v>
      </c>
    </row>
    <row r="1412" spans="1:9">
      <c r="A1412" s="1">
        <v>0.55345296825931078</v>
      </c>
      <c r="B1412" s="1"/>
      <c r="C1412">
        <v>19</v>
      </c>
      <c r="D1412" t="s">
        <v>13917</v>
      </c>
      <c r="E1412" t="s">
        <v>32687</v>
      </c>
      <c r="F1412">
        <v>3</v>
      </c>
      <c r="G1412" t="s">
        <v>14</v>
      </c>
      <c r="H1412" t="s">
        <v>13918</v>
      </c>
      <c r="I1412" t="s">
        <v>30540</v>
      </c>
    </row>
    <row r="1413" spans="1:9">
      <c r="A1413" s="1">
        <v>0.20291194125757872</v>
      </c>
      <c r="B1413" s="1"/>
      <c r="C1413">
        <v>5</v>
      </c>
      <c r="D1413" t="s">
        <v>13901</v>
      </c>
      <c r="E1413" t="s">
        <v>32688</v>
      </c>
      <c r="F1413">
        <v>3</v>
      </c>
      <c r="G1413" t="s">
        <v>1</v>
      </c>
      <c r="H1413" t="s">
        <v>13902</v>
      </c>
      <c r="I1413" t="s">
        <v>30540</v>
      </c>
    </row>
    <row r="1414" spans="1:9">
      <c r="A1414" s="1">
        <v>0.71711783492175407</v>
      </c>
      <c r="B1414" s="1"/>
      <c r="C1414">
        <v>6</v>
      </c>
      <c r="D1414" t="s">
        <v>13893</v>
      </c>
      <c r="E1414" t="s">
        <v>32689</v>
      </c>
      <c r="F1414">
        <v>2</v>
      </c>
      <c r="G1414" t="s">
        <v>10</v>
      </c>
      <c r="H1414" t="s">
        <v>13894</v>
      </c>
      <c r="I1414" t="s">
        <v>30540</v>
      </c>
    </row>
    <row r="1415" spans="1:9">
      <c r="A1415" s="1">
        <v>0.32763111033318737</v>
      </c>
      <c r="B1415" s="1"/>
      <c r="C1415">
        <v>14</v>
      </c>
      <c r="D1415" t="s">
        <v>13897</v>
      </c>
      <c r="E1415" t="s">
        <v>32689</v>
      </c>
      <c r="F1415">
        <v>2</v>
      </c>
      <c r="G1415" t="s">
        <v>10</v>
      </c>
      <c r="H1415" t="s">
        <v>13898</v>
      </c>
      <c r="I1415" t="s">
        <v>30540</v>
      </c>
    </row>
    <row r="1416" spans="1:9">
      <c r="A1416" s="1">
        <v>0.80661098756615024</v>
      </c>
      <c r="B1416" s="1"/>
      <c r="C1416">
        <v>7</v>
      </c>
      <c r="D1416" t="s">
        <v>13889</v>
      </c>
      <c r="E1416" t="s">
        <v>32690</v>
      </c>
      <c r="F1416">
        <v>2</v>
      </c>
      <c r="G1416" t="s">
        <v>1</v>
      </c>
      <c r="H1416" t="s">
        <v>13890</v>
      </c>
      <c r="I1416" t="s">
        <v>30540</v>
      </c>
    </row>
    <row r="1417" spans="1:9">
      <c r="A1417" s="1">
        <v>0.60343042286536874</v>
      </c>
      <c r="B1417" s="1"/>
      <c r="C1417">
        <v>2</v>
      </c>
      <c r="D1417" t="s">
        <v>13879</v>
      </c>
      <c r="E1417" t="s">
        <v>32691</v>
      </c>
      <c r="F1417">
        <v>2</v>
      </c>
      <c r="G1417" t="s">
        <v>10</v>
      </c>
      <c r="H1417" t="s">
        <v>13880</v>
      </c>
      <c r="I1417" t="s">
        <v>30540</v>
      </c>
    </row>
    <row r="1418" spans="1:9">
      <c r="A1418" s="1">
        <v>0.11800743486320731</v>
      </c>
      <c r="B1418" s="1"/>
      <c r="C1418">
        <v>8</v>
      </c>
      <c r="D1418" t="s">
        <v>13869</v>
      </c>
      <c r="E1418" t="s">
        <v>32692</v>
      </c>
      <c r="F1418">
        <v>2</v>
      </c>
      <c r="G1418" t="s">
        <v>14</v>
      </c>
      <c r="H1418" t="s">
        <v>13870</v>
      </c>
      <c r="I1418" t="s">
        <v>30540</v>
      </c>
    </row>
    <row r="1419" spans="1:9">
      <c r="A1419" s="1">
        <v>0.83413245198792796</v>
      </c>
      <c r="B1419" s="1"/>
      <c r="C1419">
        <v>9</v>
      </c>
      <c r="D1419" t="s">
        <v>13863</v>
      </c>
      <c r="E1419" t="s">
        <v>32693</v>
      </c>
      <c r="F1419">
        <v>2</v>
      </c>
      <c r="G1419" t="s">
        <v>14</v>
      </c>
      <c r="H1419" t="s">
        <v>13864</v>
      </c>
      <c r="I1419" t="s">
        <v>30540</v>
      </c>
    </row>
    <row r="1420" spans="1:9">
      <c r="A1420" s="1">
        <v>0.11595467852574082</v>
      </c>
      <c r="B1420" s="1"/>
      <c r="C1420">
        <v>6</v>
      </c>
      <c r="D1420" t="s">
        <v>13851</v>
      </c>
      <c r="E1420" t="s">
        <v>32695</v>
      </c>
      <c r="F1420">
        <v>2</v>
      </c>
      <c r="G1420" t="s">
        <v>13</v>
      </c>
      <c r="H1420" t="s">
        <v>13852</v>
      </c>
      <c r="I1420" t="s">
        <v>30540</v>
      </c>
    </row>
    <row r="1421" spans="1:9">
      <c r="A1421" s="1">
        <v>0.49545932615483501</v>
      </c>
      <c r="B1421" s="1"/>
      <c r="C1421">
        <v>8</v>
      </c>
      <c r="D1421" t="s">
        <v>13831</v>
      </c>
      <c r="E1421" t="s">
        <v>32697</v>
      </c>
      <c r="F1421">
        <v>3</v>
      </c>
      <c r="G1421" t="s">
        <v>10</v>
      </c>
      <c r="H1421" t="s">
        <v>13832</v>
      </c>
      <c r="I1421" t="s">
        <v>30540</v>
      </c>
    </row>
    <row r="1422" spans="1:9">
      <c r="A1422" s="1">
        <v>0.93790460571463552</v>
      </c>
      <c r="B1422" s="1"/>
      <c r="C1422">
        <v>6</v>
      </c>
      <c r="D1422" t="s">
        <v>13829</v>
      </c>
      <c r="E1422" t="s">
        <v>32697</v>
      </c>
      <c r="F1422">
        <v>2</v>
      </c>
      <c r="G1422" t="s">
        <v>14</v>
      </c>
      <c r="H1422" t="s">
        <v>13830</v>
      </c>
      <c r="I1422" t="s">
        <v>30540</v>
      </c>
    </row>
    <row r="1423" spans="1:9">
      <c r="A1423" s="1">
        <v>0.44483364765188027</v>
      </c>
      <c r="B1423" s="1"/>
      <c r="C1423">
        <v>8</v>
      </c>
      <c r="D1423" t="s">
        <v>13821</v>
      </c>
      <c r="E1423" t="s">
        <v>32698</v>
      </c>
      <c r="F1423">
        <v>2</v>
      </c>
      <c r="G1423" t="s">
        <v>14</v>
      </c>
      <c r="H1423" t="s">
        <v>13822</v>
      </c>
      <c r="I1423" t="s">
        <v>30540</v>
      </c>
    </row>
    <row r="1424" spans="1:9">
      <c r="A1424" s="1">
        <v>0.68498411920213975</v>
      </c>
      <c r="B1424" s="1"/>
      <c r="C1424">
        <v>10</v>
      </c>
      <c r="D1424" t="s">
        <v>13825</v>
      </c>
      <c r="E1424" t="s">
        <v>32698</v>
      </c>
      <c r="F1424">
        <v>2</v>
      </c>
      <c r="G1424" t="s">
        <v>14</v>
      </c>
      <c r="H1424" t="s">
        <v>13826</v>
      </c>
      <c r="I1424" t="s">
        <v>30540</v>
      </c>
    </row>
    <row r="1425" spans="1:9">
      <c r="A1425" s="1">
        <v>0.99414675820608622</v>
      </c>
      <c r="B1425" s="1"/>
      <c r="C1425">
        <v>1</v>
      </c>
      <c r="D1425" t="s">
        <v>13801</v>
      </c>
      <c r="E1425" t="s">
        <v>32699</v>
      </c>
      <c r="F1425">
        <v>2</v>
      </c>
      <c r="G1425" t="s">
        <v>14</v>
      </c>
      <c r="H1425" t="s">
        <v>13802</v>
      </c>
      <c r="I1425" t="s">
        <v>30540</v>
      </c>
    </row>
    <row r="1426" spans="1:9">
      <c r="A1426" s="1">
        <v>0.22372158848997203</v>
      </c>
      <c r="B1426" s="1"/>
      <c r="C1426">
        <v>2</v>
      </c>
      <c r="D1426" t="s">
        <v>13745</v>
      </c>
      <c r="E1426" t="s">
        <v>32705</v>
      </c>
      <c r="F1426">
        <v>2</v>
      </c>
      <c r="G1426" t="s">
        <v>10</v>
      </c>
      <c r="H1426" t="s">
        <v>13746</v>
      </c>
      <c r="I1426" t="s">
        <v>30540</v>
      </c>
    </row>
    <row r="1427" spans="1:9">
      <c r="A1427" s="1">
        <v>0.47233583932107581</v>
      </c>
      <c r="B1427" s="1"/>
      <c r="C1427">
        <v>3</v>
      </c>
      <c r="D1427" t="s">
        <v>13687</v>
      </c>
      <c r="E1427" t="s">
        <v>32711</v>
      </c>
      <c r="F1427">
        <v>3</v>
      </c>
      <c r="G1427" t="s">
        <v>10</v>
      </c>
      <c r="H1427" t="s">
        <v>13688</v>
      </c>
      <c r="I1427" t="s">
        <v>30540</v>
      </c>
    </row>
    <row r="1428" spans="1:9">
      <c r="A1428" s="1">
        <v>0.9906394501686302</v>
      </c>
      <c r="B1428" s="1"/>
      <c r="C1428">
        <v>15</v>
      </c>
      <c r="D1428" t="s">
        <v>13701</v>
      </c>
      <c r="E1428" t="s">
        <v>32711</v>
      </c>
      <c r="F1428">
        <v>3</v>
      </c>
      <c r="G1428" t="s">
        <v>14</v>
      </c>
      <c r="H1428" t="s">
        <v>13702</v>
      </c>
      <c r="I1428" t="s">
        <v>30540</v>
      </c>
    </row>
    <row r="1429" spans="1:9">
      <c r="A1429" s="1">
        <v>0.74069616981818975</v>
      </c>
      <c r="B1429" s="1"/>
      <c r="C1429">
        <v>16</v>
      </c>
      <c r="D1429" t="s">
        <v>13703</v>
      </c>
      <c r="E1429" t="s">
        <v>32711</v>
      </c>
      <c r="F1429">
        <v>2</v>
      </c>
      <c r="G1429" t="s">
        <v>14</v>
      </c>
      <c r="H1429" t="s">
        <v>13704</v>
      </c>
      <c r="I1429" t="s">
        <v>30540</v>
      </c>
    </row>
    <row r="1430" spans="1:9">
      <c r="A1430" s="1">
        <v>0.56256789423975417</v>
      </c>
      <c r="B1430" s="1"/>
      <c r="C1430">
        <v>2</v>
      </c>
      <c r="D1430" t="s">
        <v>13679</v>
      </c>
      <c r="E1430" t="s">
        <v>32712</v>
      </c>
      <c r="F1430">
        <v>1</v>
      </c>
      <c r="G1430" t="s">
        <v>10</v>
      </c>
      <c r="H1430" t="s">
        <v>13680</v>
      </c>
      <c r="I1430" t="s">
        <v>30540</v>
      </c>
    </row>
    <row r="1431" spans="1:9">
      <c r="A1431" s="1">
        <v>0.79864953811186834</v>
      </c>
      <c r="B1431" s="1"/>
      <c r="C1431">
        <v>16</v>
      </c>
      <c r="D1431" t="s">
        <v>13667</v>
      </c>
      <c r="E1431" t="s">
        <v>32714</v>
      </c>
      <c r="F1431">
        <v>3</v>
      </c>
      <c r="G1431" t="s">
        <v>2229</v>
      </c>
      <c r="H1431" t="s">
        <v>13668</v>
      </c>
      <c r="I1431" t="s">
        <v>30540</v>
      </c>
    </row>
    <row r="1432" spans="1:9">
      <c r="A1432" s="1">
        <v>0.51859316666198552</v>
      </c>
      <c r="B1432" s="1"/>
      <c r="C1432">
        <v>6</v>
      </c>
      <c r="D1432" t="s">
        <v>13653</v>
      </c>
      <c r="E1432" t="s">
        <v>32715</v>
      </c>
      <c r="F1432">
        <v>2</v>
      </c>
      <c r="G1432" t="s">
        <v>15</v>
      </c>
      <c r="H1432" t="s">
        <v>13654</v>
      </c>
      <c r="I1432" t="s">
        <v>30540</v>
      </c>
    </row>
    <row r="1433" spans="1:9">
      <c r="A1433" s="1">
        <v>0.59958131101679668</v>
      </c>
      <c r="B1433" s="1"/>
      <c r="C1433">
        <v>19</v>
      </c>
      <c r="D1433" t="s">
        <v>13647</v>
      </c>
      <c r="E1433" t="s">
        <v>32716</v>
      </c>
      <c r="F1433">
        <v>2</v>
      </c>
      <c r="G1433" t="s">
        <v>14</v>
      </c>
      <c r="H1433" t="s">
        <v>13648</v>
      </c>
      <c r="I1433" t="s">
        <v>30540</v>
      </c>
    </row>
    <row r="1434" spans="1:9">
      <c r="A1434" s="1">
        <v>0.16663546642876792</v>
      </c>
      <c r="B1434" s="1"/>
      <c r="C1434">
        <v>11</v>
      </c>
      <c r="D1434" t="s">
        <v>13631</v>
      </c>
      <c r="E1434" t="s">
        <v>32717</v>
      </c>
      <c r="F1434">
        <v>2</v>
      </c>
      <c r="G1434" t="s">
        <v>14</v>
      </c>
      <c r="H1434" t="s">
        <v>13632</v>
      </c>
      <c r="I1434" t="s">
        <v>30540</v>
      </c>
    </row>
    <row r="1435" spans="1:9">
      <c r="A1435" s="1">
        <v>0.13246502460681342</v>
      </c>
      <c r="B1435" s="1"/>
      <c r="C1435">
        <v>18</v>
      </c>
      <c r="D1435" t="s">
        <v>13619</v>
      </c>
      <c r="E1435" t="s">
        <v>32719</v>
      </c>
      <c r="F1435">
        <v>2</v>
      </c>
      <c r="G1435" t="s">
        <v>14</v>
      </c>
      <c r="H1435" t="s">
        <v>13620</v>
      </c>
      <c r="I1435" t="s">
        <v>30540</v>
      </c>
    </row>
    <row r="1436" spans="1:9">
      <c r="A1436" s="1">
        <v>0.28745767811221379</v>
      </c>
      <c r="B1436" s="1"/>
      <c r="C1436">
        <v>7</v>
      </c>
      <c r="D1436" t="s">
        <v>13587</v>
      </c>
      <c r="E1436" t="s">
        <v>32720</v>
      </c>
      <c r="F1436">
        <v>2</v>
      </c>
      <c r="G1436" t="s">
        <v>14</v>
      </c>
      <c r="H1436" t="s">
        <v>13588</v>
      </c>
      <c r="I1436" t="s">
        <v>30540</v>
      </c>
    </row>
    <row r="1437" spans="1:9">
      <c r="A1437" s="1">
        <v>0.55525622974114786</v>
      </c>
      <c r="B1437" s="1"/>
      <c r="C1437">
        <v>8</v>
      </c>
      <c r="D1437" t="s">
        <v>13575</v>
      </c>
      <c r="E1437" t="s">
        <v>32721</v>
      </c>
      <c r="F1437">
        <v>1</v>
      </c>
      <c r="G1437" t="s">
        <v>14</v>
      </c>
      <c r="H1437" t="s">
        <v>13576</v>
      </c>
      <c r="I1437" t="s">
        <v>30540</v>
      </c>
    </row>
    <row r="1438" spans="1:9">
      <c r="A1438" s="1">
        <v>0.16674850390397356</v>
      </c>
      <c r="B1438" s="1"/>
      <c r="C1438">
        <v>1</v>
      </c>
      <c r="D1438" t="s">
        <v>13555</v>
      </c>
      <c r="E1438" t="s">
        <v>32723</v>
      </c>
      <c r="F1438">
        <v>2</v>
      </c>
      <c r="G1438" t="s">
        <v>0</v>
      </c>
      <c r="H1438" t="s">
        <v>13556</v>
      </c>
      <c r="I1438" t="s">
        <v>30540</v>
      </c>
    </row>
    <row r="1439" spans="1:9">
      <c r="A1439" s="1">
        <v>0.29701097199839843</v>
      </c>
      <c r="B1439" s="1"/>
      <c r="C1439">
        <v>14</v>
      </c>
      <c r="D1439" t="s">
        <v>13549</v>
      </c>
      <c r="E1439" t="s">
        <v>32724</v>
      </c>
      <c r="F1439">
        <v>3</v>
      </c>
      <c r="G1439" t="s">
        <v>1426</v>
      </c>
      <c r="H1439" t="s">
        <v>13550</v>
      </c>
      <c r="I1439" t="s">
        <v>30540</v>
      </c>
    </row>
    <row r="1440" spans="1:9">
      <c r="A1440" s="1">
        <v>0.34287120892552425</v>
      </c>
      <c r="B1440" s="1"/>
      <c r="C1440">
        <v>5</v>
      </c>
      <c r="D1440" t="s">
        <v>13533</v>
      </c>
      <c r="E1440" t="s">
        <v>32726</v>
      </c>
      <c r="F1440">
        <v>2</v>
      </c>
      <c r="G1440" t="s">
        <v>14</v>
      </c>
      <c r="H1440" t="s">
        <v>13534</v>
      </c>
      <c r="I1440" t="s">
        <v>30540</v>
      </c>
    </row>
    <row r="1441" spans="1:9">
      <c r="A1441" s="1">
        <v>0.79269410340213098</v>
      </c>
      <c r="B1441" s="1"/>
      <c r="C1441">
        <v>6</v>
      </c>
      <c r="D1441" t="s">
        <v>13535</v>
      </c>
      <c r="E1441" t="s">
        <v>32726</v>
      </c>
      <c r="F1441">
        <v>1</v>
      </c>
      <c r="G1441" t="s">
        <v>10</v>
      </c>
      <c r="H1441" t="s">
        <v>13536</v>
      </c>
      <c r="I1441" t="s">
        <v>30540</v>
      </c>
    </row>
    <row r="1442" spans="1:9">
      <c r="A1442" s="1">
        <v>0.77724572257360636</v>
      </c>
      <c r="B1442" s="1"/>
      <c r="C1442">
        <v>3</v>
      </c>
      <c r="D1442" t="s">
        <v>13521</v>
      </c>
      <c r="E1442" t="s">
        <v>32728</v>
      </c>
      <c r="F1442">
        <v>1</v>
      </c>
      <c r="G1442" t="s">
        <v>10</v>
      </c>
      <c r="H1442" t="s">
        <v>13522</v>
      </c>
      <c r="I1442" t="s">
        <v>30540</v>
      </c>
    </row>
    <row r="1443" spans="1:9">
      <c r="A1443" s="1">
        <v>0.11052116131606005</v>
      </c>
      <c r="B1443" s="1"/>
      <c r="C1443">
        <v>9</v>
      </c>
      <c r="D1443" t="s">
        <v>13511</v>
      </c>
      <c r="E1443" t="s">
        <v>32729</v>
      </c>
      <c r="F1443">
        <v>3</v>
      </c>
      <c r="G1443" t="s">
        <v>1431</v>
      </c>
      <c r="H1443" t="s">
        <v>13512</v>
      </c>
      <c r="I1443" t="s">
        <v>30540</v>
      </c>
    </row>
    <row r="1444" spans="1:9">
      <c r="A1444" s="1">
        <v>8.8541867754812098E-2</v>
      </c>
      <c r="B1444" s="1"/>
      <c r="C1444">
        <v>1</v>
      </c>
      <c r="D1444" t="s">
        <v>13503</v>
      </c>
      <c r="E1444" t="s">
        <v>32729</v>
      </c>
      <c r="F1444">
        <v>2</v>
      </c>
      <c r="G1444" t="s">
        <v>769</v>
      </c>
      <c r="H1444" t="s">
        <v>13504</v>
      </c>
      <c r="I1444" t="s">
        <v>30540</v>
      </c>
    </row>
    <row r="1445" spans="1:9">
      <c r="A1445" s="1">
        <v>0.86888638803850815</v>
      </c>
      <c r="B1445" s="1"/>
      <c r="C1445">
        <v>12</v>
      </c>
      <c r="D1445" t="s">
        <v>13513</v>
      </c>
      <c r="E1445" t="s">
        <v>32729</v>
      </c>
      <c r="F1445">
        <v>1</v>
      </c>
      <c r="G1445" t="s">
        <v>1426</v>
      </c>
      <c r="H1445" t="s">
        <v>13514</v>
      </c>
      <c r="I1445" t="s">
        <v>30540</v>
      </c>
    </row>
    <row r="1446" spans="1:9">
      <c r="A1446" s="1">
        <v>0.79302995473482696</v>
      </c>
      <c r="B1446" s="1"/>
      <c r="C1446">
        <v>6</v>
      </c>
      <c r="D1446" t="s">
        <v>13507</v>
      </c>
      <c r="E1446" t="s">
        <v>32729</v>
      </c>
      <c r="F1446">
        <v>1</v>
      </c>
      <c r="G1446" t="s">
        <v>14</v>
      </c>
      <c r="H1446" t="s">
        <v>13508</v>
      </c>
      <c r="I1446" t="s">
        <v>30540</v>
      </c>
    </row>
    <row r="1447" spans="1:9">
      <c r="A1447" s="1">
        <v>0.87704860711899935</v>
      </c>
      <c r="B1447" s="1"/>
      <c r="C1447">
        <v>9</v>
      </c>
      <c r="D1447" t="s">
        <v>13485</v>
      </c>
      <c r="E1447" t="s">
        <v>32731</v>
      </c>
      <c r="F1447">
        <v>3</v>
      </c>
      <c r="G1447" t="s">
        <v>14</v>
      </c>
      <c r="H1447" t="s">
        <v>13486</v>
      </c>
      <c r="I1447" t="s">
        <v>30540</v>
      </c>
    </row>
    <row r="1448" spans="1:9">
      <c r="A1448" s="1">
        <v>0.8534782915879684</v>
      </c>
      <c r="B1448" s="1"/>
      <c r="C1448">
        <v>16</v>
      </c>
      <c r="D1448" t="s">
        <v>13451</v>
      </c>
      <c r="E1448" t="s">
        <v>32734</v>
      </c>
      <c r="F1448">
        <v>3</v>
      </c>
      <c r="G1448" t="s">
        <v>0</v>
      </c>
      <c r="H1448" t="s">
        <v>13452</v>
      </c>
      <c r="I1448" t="s">
        <v>30540</v>
      </c>
    </row>
    <row r="1449" spans="1:9">
      <c r="A1449" s="1">
        <v>0.12276974978531507</v>
      </c>
      <c r="B1449" s="1"/>
      <c r="C1449">
        <v>9</v>
      </c>
      <c r="D1449" t="s">
        <v>13439</v>
      </c>
      <c r="E1449" t="s">
        <v>32735</v>
      </c>
      <c r="F1449">
        <v>3</v>
      </c>
      <c r="G1449" t="s">
        <v>14</v>
      </c>
      <c r="H1449" t="s">
        <v>13440</v>
      </c>
      <c r="I1449" t="s">
        <v>30540</v>
      </c>
    </row>
    <row r="1450" spans="1:9">
      <c r="A1450" s="1">
        <v>0.71759458715720925</v>
      </c>
      <c r="B1450" s="1"/>
      <c r="C1450">
        <v>7</v>
      </c>
      <c r="D1450" t="s">
        <v>13435</v>
      </c>
      <c r="E1450" t="s">
        <v>32735</v>
      </c>
      <c r="F1450">
        <v>2</v>
      </c>
      <c r="G1450" t="s">
        <v>15</v>
      </c>
      <c r="H1450" t="s">
        <v>13436</v>
      </c>
      <c r="I1450" t="s">
        <v>30540</v>
      </c>
    </row>
    <row r="1451" spans="1:9">
      <c r="A1451" s="1">
        <v>0.34007672758698193</v>
      </c>
      <c r="B1451" s="1"/>
      <c r="C1451">
        <v>2</v>
      </c>
      <c r="D1451" t="s">
        <v>13433</v>
      </c>
      <c r="E1451" t="s">
        <v>32735</v>
      </c>
      <c r="F1451">
        <v>1</v>
      </c>
      <c r="G1451" t="s">
        <v>15</v>
      </c>
      <c r="H1451" t="s">
        <v>13434</v>
      </c>
      <c r="I1451" t="s">
        <v>30540</v>
      </c>
    </row>
    <row r="1452" spans="1:9">
      <c r="A1452" s="1">
        <v>0.65347466258362841</v>
      </c>
      <c r="B1452" s="1"/>
      <c r="C1452">
        <v>3</v>
      </c>
      <c r="D1452" t="s">
        <v>13423</v>
      </c>
      <c r="E1452" t="s">
        <v>32736</v>
      </c>
      <c r="F1452">
        <v>2</v>
      </c>
      <c r="G1452" t="s">
        <v>10</v>
      </c>
      <c r="H1452" t="s">
        <v>13424</v>
      </c>
      <c r="I1452" t="s">
        <v>30540</v>
      </c>
    </row>
    <row r="1453" spans="1:9">
      <c r="A1453" s="1">
        <v>0.9488103705478006</v>
      </c>
      <c r="B1453" s="1"/>
      <c r="C1453">
        <v>7</v>
      </c>
      <c r="D1453" t="s">
        <v>13413</v>
      </c>
      <c r="E1453" t="s">
        <v>32738</v>
      </c>
      <c r="F1453">
        <v>3</v>
      </c>
      <c r="G1453" t="s">
        <v>14</v>
      </c>
      <c r="H1453" t="s">
        <v>13414</v>
      </c>
      <c r="I1453" t="s">
        <v>30540</v>
      </c>
    </row>
    <row r="1454" spans="1:9">
      <c r="A1454" s="1">
        <v>0.11434688215560673</v>
      </c>
      <c r="B1454" s="1"/>
      <c r="C1454">
        <v>8</v>
      </c>
      <c r="D1454" t="s">
        <v>13415</v>
      </c>
      <c r="E1454" t="s">
        <v>32738</v>
      </c>
      <c r="F1454">
        <v>1</v>
      </c>
      <c r="G1454" t="s">
        <v>14</v>
      </c>
      <c r="H1454" t="s">
        <v>13416</v>
      </c>
      <c r="I1454" t="s">
        <v>30540</v>
      </c>
    </row>
    <row r="1455" spans="1:9">
      <c r="A1455" s="1">
        <v>6.620703085832047E-2</v>
      </c>
      <c r="B1455" s="1"/>
      <c r="C1455">
        <v>19</v>
      </c>
      <c r="D1455" t="s">
        <v>13409</v>
      </c>
      <c r="E1455" t="s">
        <v>32739</v>
      </c>
      <c r="F1455">
        <v>3</v>
      </c>
      <c r="G1455" t="s">
        <v>14</v>
      </c>
      <c r="H1455" t="s">
        <v>13410</v>
      </c>
      <c r="I1455" t="s">
        <v>30540</v>
      </c>
    </row>
    <row r="1456" spans="1:9">
      <c r="A1456" s="1">
        <v>0.74458504051087815</v>
      </c>
      <c r="B1456" s="1"/>
      <c r="C1456">
        <v>14</v>
      </c>
      <c r="D1456" t="s">
        <v>13389</v>
      </c>
      <c r="E1456" t="s">
        <v>32741</v>
      </c>
      <c r="F1456">
        <v>1</v>
      </c>
      <c r="G1456" t="s">
        <v>2</v>
      </c>
      <c r="H1456" t="s">
        <v>13390</v>
      </c>
      <c r="I1456" t="s">
        <v>30540</v>
      </c>
    </row>
    <row r="1457" spans="1:9">
      <c r="A1457" s="1">
        <v>0.30976632729691522</v>
      </c>
      <c r="B1457" s="1"/>
      <c r="C1457">
        <v>9</v>
      </c>
      <c r="D1457" t="s">
        <v>13357</v>
      </c>
      <c r="E1457" t="s">
        <v>32744</v>
      </c>
      <c r="F1457">
        <v>3</v>
      </c>
      <c r="G1457" t="s">
        <v>14</v>
      </c>
      <c r="H1457" t="s">
        <v>13358</v>
      </c>
      <c r="I1457" t="s">
        <v>30540</v>
      </c>
    </row>
    <row r="1458" spans="1:9">
      <c r="A1458" s="1">
        <v>0.57682853997159245</v>
      </c>
      <c r="B1458" s="1"/>
      <c r="C1458">
        <v>18</v>
      </c>
      <c r="D1458" t="s">
        <v>13363</v>
      </c>
      <c r="E1458" t="s">
        <v>32744</v>
      </c>
      <c r="F1458">
        <v>3</v>
      </c>
      <c r="G1458" t="s">
        <v>3107</v>
      </c>
      <c r="H1458" t="s">
        <v>13364</v>
      </c>
      <c r="I1458" t="s">
        <v>30540</v>
      </c>
    </row>
    <row r="1459" spans="1:9">
      <c r="A1459" s="1">
        <v>0.99221083400165888</v>
      </c>
      <c r="B1459" s="1"/>
      <c r="C1459">
        <v>15</v>
      </c>
      <c r="D1459" t="s">
        <v>13361</v>
      </c>
      <c r="E1459" t="s">
        <v>32744</v>
      </c>
      <c r="F1459">
        <v>3</v>
      </c>
      <c r="G1459" t="s">
        <v>766</v>
      </c>
      <c r="H1459" t="s">
        <v>13362</v>
      </c>
      <c r="I1459" t="s">
        <v>30540</v>
      </c>
    </row>
    <row r="1460" spans="1:9">
      <c r="A1460" s="1">
        <v>0.62873440188416541</v>
      </c>
      <c r="B1460" s="1"/>
      <c r="C1460">
        <v>4</v>
      </c>
      <c r="D1460" t="s">
        <v>13353</v>
      </c>
      <c r="E1460" t="s">
        <v>32744</v>
      </c>
      <c r="F1460">
        <v>2</v>
      </c>
      <c r="G1460" t="s">
        <v>13</v>
      </c>
      <c r="H1460" t="s">
        <v>13354</v>
      </c>
      <c r="I1460" t="s">
        <v>30540</v>
      </c>
    </row>
    <row r="1461" spans="1:9">
      <c r="A1461" s="1">
        <v>0.16005848275137247</v>
      </c>
      <c r="B1461" s="1"/>
      <c r="C1461">
        <v>1</v>
      </c>
      <c r="D1461" t="s">
        <v>13343</v>
      </c>
      <c r="E1461" t="s">
        <v>32745</v>
      </c>
      <c r="F1461">
        <v>3</v>
      </c>
      <c r="G1461" t="s">
        <v>14</v>
      </c>
      <c r="H1461" t="s">
        <v>13344</v>
      </c>
      <c r="I1461" t="s">
        <v>30540</v>
      </c>
    </row>
    <row r="1462" spans="1:9">
      <c r="A1462" s="1">
        <v>0.81385374388951048</v>
      </c>
      <c r="B1462" s="1"/>
      <c r="C1462">
        <v>4</v>
      </c>
      <c r="D1462" t="s">
        <v>13345</v>
      </c>
      <c r="E1462" t="s">
        <v>32745</v>
      </c>
      <c r="F1462">
        <v>2</v>
      </c>
      <c r="G1462" t="s">
        <v>14</v>
      </c>
      <c r="H1462" t="s">
        <v>13346</v>
      </c>
      <c r="I1462" t="s">
        <v>30540</v>
      </c>
    </row>
    <row r="1463" spans="1:9">
      <c r="A1463" s="1">
        <v>0.3819103875785842</v>
      </c>
      <c r="B1463" s="1"/>
      <c r="C1463">
        <v>7</v>
      </c>
      <c r="D1463" t="s">
        <v>13335</v>
      </c>
      <c r="E1463" t="s">
        <v>32746</v>
      </c>
      <c r="F1463">
        <v>3</v>
      </c>
      <c r="G1463" t="s">
        <v>14</v>
      </c>
      <c r="H1463" t="s">
        <v>13336</v>
      </c>
      <c r="I1463" t="s">
        <v>30540</v>
      </c>
    </row>
    <row r="1464" spans="1:9">
      <c r="A1464" s="1">
        <v>6.4114040308792752E-2</v>
      </c>
      <c r="B1464" s="1"/>
      <c r="C1464">
        <v>8</v>
      </c>
      <c r="D1464" t="s">
        <v>13337</v>
      </c>
      <c r="E1464" t="s">
        <v>32746</v>
      </c>
      <c r="F1464">
        <v>3</v>
      </c>
      <c r="G1464" t="s">
        <v>10</v>
      </c>
      <c r="H1464" t="s">
        <v>13338</v>
      </c>
      <c r="I1464" t="s">
        <v>30540</v>
      </c>
    </row>
    <row r="1465" spans="1:9">
      <c r="A1465" s="1">
        <v>0.58340713466984839</v>
      </c>
      <c r="B1465" s="1"/>
      <c r="C1465">
        <v>4</v>
      </c>
      <c r="D1465" t="s">
        <v>13333</v>
      </c>
      <c r="E1465" t="s">
        <v>32746</v>
      </c>
      <c r="F1465">
        <v>3</v>
      </c>
      <c r="G1465" t="s">
        <v>14</v>
      </c>
      <c r="H1465" t="s">
        <v>13334</v>
      </c>
      <c r="I1465" t="s">
        <v>30540</v>
      </c>
    </row>
    <row r="1466" spans="1:9">
      <c r="A1466" s="1">
        <v>0.42048993412968694</v>
      </c>
      <c r="B1466" s="1"/>
      <c r="C1466">
        <v>8</v>
      </c>
      <c r="D1466" t="s">
        <v>13325</v>
      </c>
      <c r="E1466" t="s">
        <v>32748</v>
      </c>
      <c r="F1466">
        <v>3</v>
      </c>
      <c r="G1466" t="s">
        <v>13</v>
      </c>
      <c r="H1466" t="s">
        <v>13326</v>
      </c>
      <c r="I1466" t="s">
        <v>30540</v>
      </c>
    </row>
    <row r="1467" spans="1:9">
      <c r="A1467" s="1">
        <v>0.81862397258878361</v>
      </c>
      <c r="B1467" s="1"/>
      <c r="C1467">
        <v>4</v>
      </c>
      <c r="D1467" t="s">
        <v>13321</v>
      </c>
      <c r="E1467" t="s">
        <v>32748</v>
      </c>
      <c r="F1467">
        <v>2</v>
      </c>
      <c r="G1467" t="s">
        <v>14</v>
      </c>
      <c r="H1467" t="s">
        <v>13322</v>
      </c>
      <c r="I1467" t="s">
        <v>30540</v>
      </c>
    </row>
    <row r="1468" spans="1:9">
      <c r="A1468" s="1">
        <v>0.39182410633662845</v>
      </c>
      <c r="B1468" s="1"/>
      <c r="C1468">
        <v>3</v>
      </c>
      <c r="D1468" t="s">
        <v>13319</v>
      </c>
      <c r="E1468" t="s">
        <v>32748</v>
      </c>
      <c r="F1468">
        <v>2</v>
      </c>
      <c r="G1468" t="s">
        <v>10</v>
      </c>
      <c r="H1468" t="s">
        <v>13320</v>
      </c>
      <c r="I1468" t="s">
        <v>30540</v>
      </c>
    </row>
    <row r="1469" spans="1:9">
      <c r="A1469" s="1">
        <v>0.75736802585881768</v>
      </c>
      <c r="B1469" s="1"/>
      <c r="C1469">
        <v>16</v>
      </c>
      <c r="D1469" t="s">
        <v>13327</v>
      </c>
      <c r="E1469" t="s">
        <v>32748</v>
      </c>
      <c r="F1469">
        <v>2</v>
      </c>
      <c r="G1469" t="s">
        <v>10</v>
      </c>
      <c r="H1469" t="s">
        <v>13328</v>
      </c>
      <c r="I1469" t="s">
        <v>30540</v>
      </c>
    </row>
    <row r="1470" spans="1:9">
      <c r="A1470" s="1">
        <v>0.17232631597594261</v>
      </c>
      <c r="B1470" s="1"/>
      <c r="C1470">
        <v>19</v>
      </c>
      <c r="D1470" t="s">
        <v>13317</v>
      </c>
      <c r="E1470" t="s">
        <v>32749</v>
      </c>
      <c r="F1470">
        <v>3</v>
      </c>
      <c r="G1470" t="s">
        <v>1431</v>
      </c>
      <c r="H1470" t="s">
        <v>13318</v>
      </c>
      <c r="I1470" t="s">
        <v>30540</v>
      </c>
    </row>
    <row r="1471" spans="1:9">
      <c r="A1471" s="1">
        <v>0.15600755880562134</v>
      </c>
      <c r="B1471" s="1"/>
      <c r="C1471">
        <v>5</v>
      </c>
      <c r="D1471" t="s">
        <v>13307</v>
      </c>
      <c r="E1471" t="s">
        <v>32749</v>
      </c>
      <c r="F1471">
        <v>2</v>
      </c>
      <c r="G1471" t="s">
        <v>1431</v>
      </c>
      <c r="H1471" t="s">
        <v>13308</v>
      </c>
      <c r="I1471" t="s">
        <v>30540</v>
      </c>
    </row>
    <row r="1472" spans="1:9">
      <c r="A1472" s="1">
        <v>0.8422910178062184</v>
      </c>
      <c r="B1472" s="1"/>
      <c r="C1472">
        <v>12</v>
      </c>
      <c r="D1472" t="s">
        <v>13311</v>
      </c>
      <c r="E1472" t="s">
        <v>32749</v>
      </c>
      <c r="F1472">
        <v>2</v>
      </c>
      <c r="G1472" t="s">
        <v>14</v>
      </c>
      <c r="H1472" t="s">
        <v>13312</v>
      </c>
      <c r="I1472" t="s">
        <v>30540</v>
      </c>
    </row>
    <row r="1473" spans="1:9">
      <c r="A1473" s="1">
        <v>2.2238619968173778E-2</v>
      </c>
      <c r="B1473" s="1"/>
      <c r="C1473">
        <v>1</v>
      </c>
      <c r="D1473" t="s">
        <v>13305</v>
      </c>
      <c r="E1473" t="s">
        <v>32749</v>
      </c>
      <c r="F1473">
        <v>2</v>
      </c>
      <c r="G1473" t="s">
        <v>762</v>
      </c>
      <c r="H1473" t="s">
        <v>13306</v>
      </c>
      <c r="I1473" t="s">
        <v>30540</v>
      </c>
    </row>
    <row r="1474" spans="1:9">
      <c r="A1474" s="1">
        <v>0.85922985250600481</v>
      </c>
      <c r="B1474" s="1"/>
      <c r="C1474">
        <v>1</v>
      </c>
      <c r="D1474" t="s">
        <v>13287</v>
      </c>
      <c r="E1474" t="s">
        <v>32751</v>
      </c>
      <c r="F1474">
        <v>0</v>
      </c>
      <c r="G1474" t="s">
        <v>10</v>
      </c>
      <c r="H1474" t="s">
        <v>13288</v>
      </c>
      <c r="I1474" t="s">
        <v>30540</v>
      </c>
    </row>
    <row r="1475" spans="1:9">
      <c r="A1475" s="1">
        <v>0.49506163472806641</v>
      </c>
      <c r="B1475" s="1"/>
      <c r="C1475">
        <v>11</v>
      </c>
      <c r="D1475" t="s">
        <v>13283</v>
      </c>
      <c r="E1475" t="s">
        <v>32752</v>
      </c>
      <c r="F1475">
        <v>2</v>
      </c>
      <c r="G1475" t="s">
        <v>1</v>
      </c>
      <c r="H1475" t="s">
        <v>13284</v>
      </c>
      <c r="I1475" t="s">
        <v>30540</v>
      </c>
    </row>
    <row r="1476" spans="1:9">
      <c r="A1476" s="1">
        <v>0.79071665899467436</v>
      </c>
      <c r="B1476" s="1"/>
      <c r="C1476">
        <v>10</v>
      </c>
      <c r="D1476" t="s">
        <v>13281</v>
      </c>
      <c r="E1476" t="s">
        <v>32753</v>
      </c>
      <c r="F1476">
        <v>1</v>
      </c>
      <c r="G1476" t="s">
        <v>14</v>
      </c>
      <c r="H1476" t="s">
        <v>13282</v>
      </c>
      <c r="I1476" t="s">
        <v>30540</v>
      </c>
    </row>
    <row r="1477" spans="1:9">
      <c r="A1477" s="1">
        <v>0.40431677671765953</v>
      </c>
      <c r="B1477" s="1"/>
      <c r="C1477">
        <v>6</v>
      </c>
      <c r="D1477" t="s">
        <v>13261</v>
      </c>
      <c r="E1477" t="s">
        <v>32754</v>
      </c>
      <c r="F1477">
        <v>3</v>
      </c>
      <c r="G1477" t="s">
        <v>3732</v>
      </c>
      <c r="H1477" t="s">
        <v>13262</v>
      </c>
      <c r="I1477" t="s">
        <v>30540</v>
      </c>
    </row>
    <row r="1478" spans="1:9">
      <c r="A1478" s="1">
        <v>0.39059894195016787</v>
      </c>
      <c r="B1478" s="1"/>
      <c r="C1478">
        <v>19</v>
      </c>
      <c r="D1478" t="s">
        <v>13273</v>
      </c>
      <c r="E1478" t="s">
        <v>32754</v>
      </c>
      <c r="F1478">
        <v>3</v>
      </c>
      <c r="G1478" t="s">
        <v>775</v>
      </c>
      <c r="H1478" t="s">
        <v>13274</v>
      </c>
      <c r="I1478" t="s">
        <v>30540</v>
      </c>
    </row>
    <row r="1479" spans="1:9">
      <c r="A1479" s="1">
        <v>0.73454709084871705</v>
      </c>
      <c r="B1479" s="1"/>
      <c r="C1479">
        <v>9</v>
      </c>
      <c r="D1479" t="s">
        <v>13245</v>
      </c>
      <c r="E1479" t="s">
        <v>32756</v>
      </c>
      <c r="F1479">
        <v>2</v>
      </c>
      <c r="G1479" t="s">
        <v>14</v>
      </c>
      <c r="H1479" t="s">
        <v>13246</v>
      </c>
      <c r="I1479" t="s">
        <v>30540</v>
      </c>
    </row>
    <row r="1480" spans="1:9">
      <c r="A1480" s="1">
        <v>0.48894180035769774</v>
      </c>
      <c r="B1480" s="1"/>
      <c r="C1480">
        <v>5</v>
      </c>
      <c r="D1480" t="s">
        <v>13241</v>
      </c>
      <c r="E1480" t="s">
        <v>32756</v>
      </c>
      <c r="F1480">
        <v>2</v>
      </c>
      <c r="G1480" t="s">
        <v>10</v>
      </c>
      <c r="H1480" t="s">
        <v>13242</v>
      </c>
      <c r="I1480" t="s">
        <v>30540</v>
      </c>
    </row>
    <row r="1481" spans="1:9">
      <c r="A1481" s="1">
        <v>0.65816681142168565</v>
      </c>
      <c r="B1481" s="1"/>
      <c r="C1481">
        <v>14</v>
      </c>
      <c r="D1481" t="s">
        <v>13249</v>
      </c>
      <c r="E1481" t="s">
        <v>32756</v>
      </c>
      <c r="F1481">
        <v>2</v>
      </c>
      <c r="G1481" t="s">
        <v>9</v>
      </c>
      <c r="H1481" t="s">
        <v>13250</v>
      </c>
      <c r="I1481" t="s">
        <v>30540</v>
      </c>
    </row>
    <row r="1482" spans="1:9">
      <c r="A1482" s="1">
        <v>0.17064828551829414</v>
      </c>
      <c r="B1482" s="1"/>
      <c r="C1482">
        <v>11</v>
      </c>
      <c r="D1482" t="s">
        <v>13247</v>
      </c>
      <c r="E1482" t="s">
        <v>32756</v>
      </c>
      <c r="F1482">
        <v>2</v>
      </c>
      <c r="G1482" t="s">
        <v>14</v>
      </c>
      <c r="H1482" t="s">
        <v>13248</v>
      </c>
      <c r="I1482" t="s">
        <v>30540</v>
      </c>
    </row>
    <row r="1483" spans="1:9">
      <c r="A1483" s="1">
        <v>0.26375927965235735</v>
      </c>
      <c r="B1483" s="1"/>
      <c r="C1483">
        <v>12</v>
      </c>
      <c r="D1483" t="s">
        <v>13237</v>
      </c>
      <c r="E1483" t="s">
        <v>32757</v>
      </c>
      <c r="F1483">
        <v>1</v>
      </c>
      <c r="G1483" t="s">
        <v>14</v>
      </c>
      <c r="H1483" t="s">
        <v>13238</v>
      </c>
      <c r="I1483" t="s">
        <v>30540</v>
      </c>
    </row>
    <row r="1484" spans="1:9">
      <c r="A1484" s="1">
        <v>0.32308271102126274</v>
      </c>
      <c r="B1484" s="1"/>
      <c r="C1484">
        <v>10</v>
      </c>
      <c r="D1484" t="s">
        <v>13229</v>
      </c>
      <c r="E1484" t="s">
        <v>32758</v>
      </c>
      <c r="F1484">
        <v>3</v>
      </c>
      <c r="G1484" t="s">
        <v>0</v>
      </c>
      <c r="H1484" t="s">
        <v>13230</v>
      </c>
      <c r="I1484" t="s">
        <v>30540</v>
      </c>
    </row>
    <row r="1485" spans="1:9">
      <c r="A1485" s="1">
        <v>0.4985311998993085</v>
      </c>
      <c r="B1485" s="1"/>
      <c r="C1485">
        <v>3</v>
      </c>
      <c r="D1485" t="s">
        <v>13225</v>
      </c>
      <c r="E1485" t="s">
        <v>32758</v>
      </c>
      <c r="F1485">
        <v>3</v>
      </c>
      <c r="G1485" t="s">
        <v>14</v>
      </c>
      <c r="H1485" t="s">
        <v>13226</v>
      </c>
      <c r="I1485" t="s">
        <v>30540</v>
      </c>
    </row>
    <row r="1486" spans="1:9">
      <c r="A1486" s="1">
        <v>0.78896573978823026</v>
      </c>
      <c r="B1486" s="1"/>
      <c r="C1486">
        <v>17</v>
      </c>
      <c r="D1486" t="s">
        <v>13233</v>
      </c>
      <c r="E1486" t="s">
        <v>32758</v>
      </c>
      <c r="F1486">
        <v>2</v>
      </c>
      <c r="G1486" t="s">
        <v>14</v>
      </c>
      <c r="H1486" t="s">
        <v>13234</v>
      </c>
      <c r="I1486" t="s">
        <v>30540</v>
      </c>
    </row>
    <row r="1487" spans="1:9">
      <c r="A1487" s="1">
        <v>0.95305322612197763</v>
      </c>
      <c r="B1487" s="1"/>
      <c r="C1487">
        <v>4</v>
      </c>
      <c r="D1487" t="s">
        <v>13201</v>
      </c>
      <c r="E1487" t="s">
        <v>32761</v>
      </c>
      <c r="F1487">
        <v>3</v>
      </c>
      <c r="G1487" t="s">
        <v>14</v>
      </c>
      <c r="H1487" t="s">
        <v>13202</v>
      </c>
      <c r="I1487" t="s">
        <v>30540</v>
      </c>
    </row>
    <row r="1488" spans="1:9">
      <c r="A1488" s="1">
        <v>0.52042334828573666</v>
      </c>
      <c r="B1488" s="1"/>
      <c r="C1488">
        <v>15</v>
      </c>
      <c r="D1488" t="s">
        <v>13205</v>
      </c>
      <c r="E1488" t="s">
        <v>32761</v>
      </c>
      <c r="F1488">
        <v>2</v>
      </c>
      <c r="G1488" t="s">
        <v>14</v>
      </c>
      <c r="H1488" t="s">
        <v>13206</v>
      </c>
      <c r="I1488" t="s">
        <v>30540</v>
      </c>
    </row>
    <row r="1489" spans="1:9">
      <c r="A1489" s="1">
        <v>0.20662859961392632</v>
      </c>
      <c r="B1489" s="1"/>
      <c r="C1489">
        <v>10</v>
      </c>
      <c r="D1489" t="s">
        <v>13197</v>
      </c>
      <c r="E1489" t="s">
        <v>32762</v>
      </c>
      <c r="F1489">
        <v>3</v>
      </c>
      <c r="G1489" t="s">
        <v>14</v>
      </c>
      <c r="H1489" t="s">
        <v>13198</v>
      </c>
      <c r="I1489" t="s">
        <v>30540</v>
      </c>
    </row>
    <row r="1490" spans="1:9">
      <c r="A1490" s="1">
        <v>0.59963523176785005</v>
      </c>
      <c r="B1490" s="1"/>
      <c r="C1490">
        <v>6</v>
      </c>
      <c r="D1490" t="s">
        <v>13195</v>
      </c>
      <c r="E1490" t="s">
        <v>32762</v>
      </c>
      <c r="F1490">
        <v>2</v>
      </c>
      <c r="G1490" t="s">
        <v>14</v>
      </c>
      <c r="H1490" t="s">
        <v>13196</v>
      </c>
      <c r="I1490" t="s">
        <v>30540</v>
      </c>
    </row>
    <row r="1491" spans="1:9">
      <c r="A1491" s="1">
        <v>0.43066587864263461</v>
      </c>
      <c r="B1491" s="1"/>
      <c r="C1491">
        <v>20</v>
      </c>
      <c r="D1491" t="s">
        <v>13193</v>
      </c>
      <c r="E1491" t="s">
        <v>32763</v>
      </c>
      <c r="F1491">
        <v>3</v>
      </c>
      <c r="G1491" t="s">
        <v>10</v>
      </c>
      <c r="H1491" t="s">
        <v>13194</v>
      </c>
      <c r="I1491" t="s">
        <v>30540</v>
      </c>
    </row>
    <row r="1492" spans="1:9">
      <c r="A1492" s="1">
        <v>0.79686013443771242</v>
      </c>
      <c r="B1492" s="1"/>
      <c r="C1492">
        <v>14</v>
      </c>
      <c r="D1492" t="s">
        <v>13189</v>
      </c>
      <c r="E1492" t="s">
        <v>32763</v>
      </c>
      <c r="F1492">
        <v>2</v>
      </c>
      <c r="G1492" t="s">
        <v>14</v>
      </c>
      <c r="H1492" t="s">
        <v>13190</v>
      </c>
      <c r="I1492" t="s">
        <v>30540</v>
      </c>
    </row>
    <row r="1493" spans="1:9">
      <c r="A1493" s="1">
        <v>0.40067081487229372</v>
      </c>
      <c r="B1493" s="1"/>
      <c r="C1493">
        <v>16</v>
      </c>
      <c r="D1493" t="s">
        <v>13191</v>
      </c>
      <c r="E1493" t="s">
        <v>32763</v>
      </c>
      <c r="F1493">
        <v>2</v>
      </c>
      <c r="G1493" t="s">
        <v>14</v>
      </c>
      <c r="H1493" t="s">
        <v>13192</v>
      </c>
      <c r="I1493" t="s">
        <v>30540</v>
      </c>
    </row>
    <row r="1494" spans="1:9">
      <c r="A1494" s="1">
        <v>0.55121784933170914</v>
      </c>
      <c r="B1494" s="1"/>
      <c r="C1494">
        <v>6</v>
      </c>
      <c r="D1494" t="s">
        <v>13185</v>
      </c>
      <c r="E1494" t="s">
        <v>32763</v>
      </c>
      <c r="F1494">
        <v>2</v>
      </c>
      <c r="G1494" t="s">
        <v>14</v>
      </c>
      <c r="H1494" t="s">
        <v>13186</v>
      </c>
      <c r="I1494" t="s">
        <v>30540</v>
      </c>
    </row>
    <row r="1495" spans="1:9">
      <c r="A1495" s="1">
        <v>0.48048215395052907</v>
      </c>
      <c r="B1495" s="1"/>
      <c r="C1495">
        <v>12</v>
      </c>
      <c r="D1495" t="s">
        <v>13163</v>
      </c>
      <c r="E1495" t="s">
        <v>32765</v>
      </c>
      <c r="F1495">
        <v>2</v>
      </c>
      <c r="G1495" t="s">
        <v>9</v>
      </c>
      <c r="H1495" t="s">
        <v>13164</v>
      </c>
      <c r="I1495" t="s">
        <v>30540</v>
      </c>
    </row>
    <row r="1496" spans="1:9">
      <c r="A1496" s="1">
        <v>3.7371530105821393E-2</v>
      </c>
      <c r="B1496" s="1"/>
      <c r="C1496">
        <v>8</v>
      </c>
      <c r="D1496" t="s">
        <v>13159</v>
      </c>
      <c r="E1496" t="s">
        <v>32765</v>
      </c>
      <c r="F1496">
        <v>2</v>
      </c>
      <c r="G1496" t="s">
        <v>14</v>
      </c>
      <c r="H1496" t="s">
        <v>13160</v>
      </c>
      <c r="I1496" t="s">
        <v>30540</v>
      </c>
    </row>
    <row r="1497" spans="1:9">
      <c r="A1497" s="1">
        <v>0.63718882433198765</v>
      </c>
      <c r="B1497" s="1"/>
      <c r="C1497">
        <v>5</v>
      </c>
      <c r="D1497" t="s">
        <v>13153</v>
      </c>
      <c r="E1497" t="s">
        <v>32766</v>
      </c>
      <c r="F1497">
        <v>2</v>
      </c>
      <c r="G1497" t="s">
        <v>2</v>
      </c>
      <c r="H1497" t="s">
        <v>13154</v>
      </c>
      <c r="I1497" t="s">
        <v>30540</v>
      </c>
    </row>
    <row r="1498" spans="1:9">
      <c r="A1498" s="1">
        <v>0.37650812841217984</v>
      </c>
      <c r="B1498" s="1"/>
      <c r="C1498">
        <v>2</v>
      </c>
      <c r="D1498" t="s">
        <v>13149</v>
      </c>
      <c r="E1498" t="s">
        <v>32766</v>
      </c>
      <c r="F1498">
        <v>2</v>
      </c>
      <c r="G1498" t="s">
        <v>15</v>
      </c>
      <c r="H1498" t="s">
        <v>13150</v>
      </c>
      <c r="I1498" t="s">
        <v>30540</v>
      </c>
    </row>
    <row r="1499" spans="1:9">
      <c r="A1499" s="1">
        <v>0.38592509235337868</v>
      </c>
      <c r="B1499" s="1"/>
      <c r="C1499">
        <v>4</v>
      </c>
      <c r="D1499" t="s">
        <v>13145</v>
      </c>
      <c r="E1499" t="s">
        <v>32767</v>
      </c>
      <c r="F1499">
        <v>3</v>
      </c>
      <c r="G1499" t="s">
        <v>14</v>
      </c>
      <c r="H1499" t="s">
        <v>13146</v>
      </c>
      <c r="I1499" t="s">
        <v>30540</v>
      </c>
    </row>
    <row r="1500" spans="1:9">
      <c r="A1500" s="1">
        <v>0.90759881744595861</v>
      </c>
      <c r="B1500" s="1"/>
      <c r="C1500">
        <v>8</v>
      </c>
      <c r="D1500" t="s">
        <v>13109</v>
      </c>
      <c r="E1500" t="s">
        <v>32771</v>
      </c>
      <c r="F1500">
        <v>3</v>
      </c>
      <c r="G1500" t="s">
        <v>14</v>
      </c>
      <c r="H1500" t="s">
        <v>13110</v>
      </c>
      <c r="I1500" t="s">
        <v>30540</v>
      </c>
    </row>
    <row r="1501" spans="1:9">
      <c r="A1501" s="1">
        <v>0.76599968239224192</v>
      </c>
      <c r="B1501" s="1"/>
      <c r="C1501">
        <v>3</v>
      </c>
      <c r="D1501" t="s">
        <v>13089</v>
      </c>
      <c r="E1501" t="s">
        <v>32774</v>
      </c>
      <c r="F1501">
        <v>2</v>
      </c>
      <c r="G1501" t="s">
        <v>10</v>
      </c>
      <c r="H1501" t="s">
        <v>13090</v>
      </c>
      <c r="I1501" t="s">
        <v>30540</v>
      </c>
    </row>
    <row r="1502" spans="1:9">
      <c r="A1502" s="1">
        <v>0.22694177593183695</v>
      </c>
      <c r="B1502" s="1"/>
      <c r="C1502">
        <v>7</v>
      </c>
      <c r="D1502" t="s">
        <v>13071</v>
      </c>
      <c r="E1502" t="s">
        <v>32777</v>
      </c>
      <c r="F1502">
        <v>2</v>
      </c>
      <c r="G1502" t="s">
        <v>14</v>
      </c>
      <c r="H1502" t="s">
        <v>13072</v>
      </c>
      <c r="I1502" t="s">
        <v>30540</v>
      </c>
    </row>
    <row r="1503" spans="1:9">
      <c r="A1503" s="1">
        <v>0.6630451854579773</v>
      </c>
      <c r="B1503" s="1"/>
      <c r="C1503">
        <v>2</v>
      </c>
      <c r="D1503" t="s">
        <v>13053</v>
      </c>
      <c r="E1503" t="s">
        <v>32779</v>
      </c>
      <c r="F1503">
        <v>1</v>
      </c>
      <c r="G1503" t="s">
        <v>9</v>
      </c>
      <c r="H1503" t="s">
        <v>13054</v>
      </c>
      <c r="I1503" t="s">
        <v>30540</v>
      </c>
    </row>
    <row r="1504" spans="1:9">
      <c r="A1504" s="1">
        <v>0.37557638121987269</v>
      </c>
      <c r="B1504" s="1"/>
      <c r="C1504">
        <v>5</v>
      </c>
      <c r="D1504" t="s">
        <v>13029</v>
      </c>
      <c r="E1504" t="s">
        <v>32783</v>
      </c>
      <c r="F1504">
        <v>2</v>
      </c>
      <c r="G1504" t="s">
        <v>10</v>
      </c>
      <c r="H1504" t="s">
        <v>13030</v>
      </c>
      <c r="I1504" t="s">
        <v>30540</v>
      </c>
    </row>
    <row r="1505" spans="1:9">
      <c r="A1505" s="1">
        <v>0.88245140044389891</v>
      </c>
      <c r="B1505" s="1"/>
      <c r="C1505">
        <v>4</v>
      </c>
      <c r="D1505" t="s">
        <v>13021</v>
      </c>
      <c r="E1505" t="s">
        <v>32785</v>
      </c>
      <c r="F1505">
        <v>2</v>
      </c>
      <c r="G1505" t="s">
        <v>1</v>
      </c>
      <c r="H1505" t="s">
        <v>13022</v>
      </c>
      <c r="I1505" t="s">
        <v>30540</v>
      </c>
    </row>
    <row r="1506" spans="1:9">
      <c r="A1506" s="1">
        <v>0.50744491277651149</v>
      </c>
      <c r="B1506" s="1"/>
      <c r="C1506">
        <v>2</v>
      </c>
      <c r="D1506" t="s">
        <v>13019</v>
      </c>
      <c r="E1506" t="s">
        <v>32785</v>
      </c>
      <c r="F1506">
        <v>1</v>
      </c>
      <c r="G1506" t="s">
        <v>10</v>
      </c>
      <c r="H1506" t="s">
        <v>13020</v>
      </c>
      <c r="I1506" t="s">
        <v>30540</v>
      </c>
    </row>
    <row r="1507" spans="1:9">
      <c r="A1507" s="1">
        <v>7.3247064933741002E-2</v>
      </c>
      <c r="B1507" s="1"/>
      <c r="C1507">
        <v>1</v>
      </c>
      <c r="D1507" t="s">
        <v>13001</v>
      </c>
      <c r="E1507" t="s">
        <v>32787</v>
      </c>
      <c r="F1507">
        <v>3</v>
      </c>
      <c r="G1507" t="s">
        <v>10</v>
      </c>
      <c r="H1507" t="s">
        <v>13002</v>
      </c>
      <c r="I1507" t="s">
        <v>30540</v>
      </c>
    </row>
    <row r="1508" spans="1:9">
      <c r="A1508" s="1">
        <v>0.84526865996542766</v>
      </c>
      <c r="B1508" s="1"/>
      <c r="C1508">
        <v>8</v>
      </c>
      <c r="D1508" t="s">
        <v>12995</v>
      </c>
      <c r="E1508" t="s">
        <v>32788</v>
      </c>
      <c r="F1508">
        <v>2</v>
      </c>
      <c r="G1508" t="s">
        <v>0</v>
      </c>
      <c r="H1508" t="s">
        <v>12996</v>
      </c>
      <c r="I1508" t="s">
        <v>30540</v>
      </c>
    </row>
    <row r="1509" spans="1:9">
      <c r="A1509" s="1">
        <v>0.18929449706585422</v>
      </c>
      <c r="B1509" s="1"/>
      <c r="C1509">
        <v>12</v>
      </c>
      <c r="D1509" t="s">
        <v>12985</v>
      </c>
      <c r="E1509" t="s">
        <v>32790</v>
      </c>
      <c r="F1509">
        <v>2</v>
      </c>
      <c r="G1509" t="s">
        <v>10</v>
      </c>
      <c r="H1509" t="s">
        <v>12986</v>
      </c>
      <c r="I1509" t="s">
        <v>30540</v>
      </c>
    </row>
    <row r="1510" spans="1:9">
      <c r="A1510" s="1">
        <v>0.41974287996487469</v>
      </c>
      <c r="B1510" s="1"/>
      <c r="C1510">
        <v>8</v>
      </c>
      <c r="D1510" t="s">
        <v>12983</v>
      </c>
      <c r="E1510" t="s">
        <v>32790</v>
      </c>
      <c r="F1510">
        <v>2</v>
      </c>
      <c r="G1510" t="s">
        <v>10</v>
      </c>
      <c r="H1510" t="s">
        <v>12984</v>
      </c>
      <c r="I1510" t="s">
        <v>30540</v>
      </c>
    </row>
    <row r="1511" spans="1:9">
      <c r="A1511" s="1">
        <v>0.93788330653519059</v>
      </c>
      <c r="B1511" s="1"/>
      <c r="C1511">
        <v>19</v>
      </c>
      <c r="D1511" t="s">
        <v>12977</v>
      </c>
      <c r="E1511" t="s">
        <v>32791</v>
      </c>
      <c r="F1511">
        <v>3</v>
      </c>
      <c r="G1511" t="s">
        <v>14</v>
      </c>
      <c r="H1511" t="s">
        <v>12978</v>
      </c>
      <c r="I1511" t="s">
        <v>30540</v>
      </c>
    </row>
    <row r="1512" spans="1:9">
      <c r="A1512" s="1">
        <v>2.8159499282219058E-2</v>
      </c>
      <c r="B1512" s="1"/>
      <c r="C1512">
        <v>5</v>
      </c>
      <c r="D1512" t="s">
        <v>12959</v>
      </c>
      <c r="E1512" t="s">
        <v>32792</v>
      </c>
      <c r="F1512">
        <v>2</v>
      </c>
      <c r="G1512" t="s">
        <v>2</v>
      </c>
      <c r="H1512" t="s">
        <v>12960</v>
      </c>
      <c r="I1512" t="s">
        <v>30540</v>
      </c>
    </row>
    <row r="1513" spans="1:9">
      <c r="A1513" s="1">
        <v>0.45521574583300506</v>
      </c>
      <c r="B1513" s="1"/>
      <c r="C1513">
        <v>15</v>
      </c>
      <c r="D1513" t="s">
        <v>12957</v>
      </c>
      <c r="E1513" t="s">
        <v>32793</v>
      </c>
      <c r="F1513">
        <v>3</v>
      </c>
      <c r="G1513" t="s">
        <v>14</v>
      </c>
      <c r="H1513" t="s">
        <v>12958</v>
      </c>
      <c r="I1513" t="s">
        <v>30540</v>
      </c>
    </row>
    <row r="1514" spans="1:9">
      <c r="A1514" s="1">
        <v>0.80356799932806899</v>
      </c>
      <c r="B1514" s="1"/>
      <c r="C1514">
        <v>7</v>
      </c>
      <c r="D1514" t="s">
        <v>12953</v>
      </c>
      <c r="E1514" t="s">
        <v>32793</v>
      </c>
      <c r="F1514">
        <v>1</v>
      </c>
      <c r="G1514" t="s">
        <v>9</v>
      </c>
      <c r="H1514" t="s">
        <v>12954</v>
      </c>
      <c r="I1514" t="s">
        <v>30540</v>
      </c>
    </row>
    <row r="1515" spans="1:9">
      <c r="A1515" s="1">
        <v>7.8434416974336618E-2</v>
      </c>
      <c r="B1515" s="1"/>
      <c r="C1515">
        <v>7</v>
      </c>
      <c r="D1515" t="s">
        <v>12941</v>
      </c>
      <c r="E1515" t="s">
        <v>32794</v>
      </c>
      <c r="F1515">
        <v>2</v>
      </c>
      <c r="G1515" t="s">
        <v>14</v>
      </c>
      <c r="H1515" t="s">
        <v>12942</v>
      </c>
      <c r="I1515" t="s">
        <v>30540</v>
      </c>
    </row>
    <row r="1516" spans="1:9">
      <c r="A1516" s="1">
        <v>0.46694331975123382</v>
      </c>
      <c r="B1516" s="1"/>
      <c r="C1516">
        <v>16</v>
      </c>
      <c r="D1516" t="s">
        <v>12935</v>
      </c>
      <c r="E1516" t="s">
        <v>32796</v>
      </c>
      <c r="F1516">
        <v>2</v>
      </c>
      <c r="G1516" t="s">
        <v>14</v>
      </c>
      <c r="H1516" t="s">
        <v>12936</v>
      </c>
      <c r="I1516" t="s">
        <v>30540</v>
      </c>
    </row>
    <row r="1517" spans="1:9">
      <c r="A1517" s="1">
        <v>0.50801431818627329</v>
      </c>
      <c r="B1517" s="1"/>
      <c r="C1517">
        <v>16</v>
      </c>
      <c r="D1517" t="s">
        <v>12927</v>
      </c>
      <c r="E1517" t="s">
        <v>32797</v>
      </c>
      <c r="F1517">
        <v>2</v>
      </c>
      <c r="G1517" t="s">
        <v>14</v>
      </c>
      <c r="H1517" t="s">
        <v>12928</v>
      </c>
      <c r="I1517" t="s">
        <v>30540</v>
      </c>
    </row>
    <row r="1518" spans="1:9">
      <c r="A1518" s="1">
        <v>0.76589839617427569</v>
      </c>
      <c r="B1518" s="1"/>
      <c r="C1518">
        <v>3</v>
      </c>
      <c r="D1518" t="s">
        <v>12923</v>
      </c>
      <c r="E1518" t="s">
        <v>32797</v>
      </c>
      <c r="F1518">
        <v>2</v>
      </c>
      <c r="G1518" t="s">
        <v>2</v>
      </c>
      <c r="H1518" t="s">
        <v>12924</v>
      </c>
      <c r="I1518" t="s">
        <v>30540</v>
      </c>
    </row>
    <row r="1519" spans="1:9">
      <c r="A1519" s="1">
        <v>0.13906870397916105</v>
      </c>
      <c r="B1519" s="1"/>
      <c r="C1519">
        <v>11</v>
      </c>
      <c r="D1519" t="s">
        <v>12921</v>
      </c>
      <c r="E1519" t="s">
        <v>32798</v>
      </c>
      <c r="F1519">
        <v>2</v>
      </c>
      <c r="G1519" t="s">
        <v>14</v>
      </c>
      <c r="H1519" t="s">
        <v>12922</v>
      </c>
      <c r="I1519" t="s">
        <v>30540</v>
      </c>
    </row>
    <row r="1520" spans="1:9">
      <c r="A1520" s="1">
        <v>0.42204502313600689</v>
      </c>
      <c r="B1520" s="1"/>
      <c r="C1520">
        <v>1</v>
      </c>
      <c r="D1520" t="s">
        <v>12905</v>
      </c>
      <c r="E1520" t="s">
        <v>32799</v>
      </c>
      <c r="F1520">
        <v>2</v>
      </c>
      <c r="G1520" t="s">
        <v>10</v>
      </c>
      <c r="H1520" t="s">
        <v>12906</v>
      </c>
      <c r="I1520" t="s">
        <v>30540</v>
      </c>
    </row>
    <row r="1521" spans="1:9">
      <c r="A1521" s="1">
        <v>0.6240750988517737</v>
      </c>
      <c r="B1521" s="1"/>
      <c r="C1521">
        <v>11</v>
      </c>
      <c r="D1521" t="s">
        <v>12911</v>
      </c>
      <c r="E1521" t="s">
        <v>32799</v>
      </c>
      <c r="F1521">
        <v>2</v>
      </c>
      <c r="G1521" t="s">
        <v>13</v>
      </c>
      <c r="H1521" t="s">
        <v>12912</v>
      </c>
      <c r="I1521" t="s">
        <v>30540</v>
      </c>
    </row>
    <row r="1522" spans="1:9">
      <c r="A1522" s="1">
        <v>0.86699845643417217</v>
      </c>
      <c r="B1522" s="1"/>
      <c r="C1522">
        <v>15</v>
      </c>
      <c r="D1522" t="s">
        <v>12891</v>
      </c>
      <c r="E1522" t="s">
        <v>32801</v>
      </c>
      <c r="F1522">
        <v>3</v>
      </c>
      <c r="G1522" t="s">
        <v>775</v>
      </c>
      <c r="H1522" t="s">
        <v>12892</v>
      </c>
      <c r="I1522" t="s">
        <v>30540</v>
      </c>
    </row>
    <row r="1523" spans="1:9">
      <c r="A1523" s="1">
        <v>0.6000644903648501</v>
      </c>
      <c r="B1523" s="1"/>
      <c r="C1523">
        <v>6</v>
      </c>
      <c r="D1523" t="s">
        <v>12875</v>
      </c>
      <c r="E1523" t="s">
        <v>32802</v>
      </c>
      <c r="F1523">
        <v>3</v>
      </c>
      <c r="G1523" t="s">
        <v>10</v>
      </c>
      <c r="H1523" t="s">
        <v>12876</v>
      </c>
      <c r="I1523" t="s">
        <v>30540</v>
      </c>
    </row>
    <row r="1524" spans="1:9">
      <c r="A1524" s="1">
        <v>0.10689808171253812</v>
      </c>
      <c r="B1524" s="1"/>
      <c r="C1524">
        <v>8</v>
      </c>
      <c r="D1524" t="s">
        <v>12863</v>
      </c>
      <c r="E1524" t="s">
        <v>32803</v>
      </c>
      <c r="F1524">
        <v>2</v>
      </c>
      <c r="G1524" t="s">
        <v>0</v>
      </c>
      <c r="H1524" t="s">
        <v>12864</v>
      </c>
      <c r="I1524" t="s">
        <v>30540</v>
      </c>
    </row>
    <row r="1525" spans="1:9">
      <c r="A1525" s="1">
        <v>0.27796924957452829</v>
      </c>
      <c r="B1525" s="1"/>
      <c r="C1525">
        <v>15</v>
      </c>
      <c r="D1525" t="s">
        <v>12857</v>
      </c>
      <c r="E1525" t="s">
        <v>32804</v>
      </c>
      <c r="F1525">
        <v>2</v>
      </c>
      <c r="G1525" t="s">
        <v>14</v>
      </c>
      <c r="H1525" t="s">
        <v>12858</v>
      </c>
      <c r="I1525" t="s">
        <v>30540</v>
      </c>
    </row>
    <row r="1526" spans="1:9">
      <c r="A1526" s="1">
        <v>0.21311163615393547</v>
      </c>
      <c r="B1526" s="1"/>
      <c r="C1526">
        <v>20</v>
      </c>
      <c r="D1526" t="s">
        <v>12843</v>
      </c>
      <c r="E1526" t="s">
        <v>32806</v>
      </c>
      <c r="F1526">
        <v>3</v>
      </c>
      <c r="G1526" t="s">
        <v>1426</v>
      </c>
      <c r="H1526" t="s">
        <v>12844</v>
      </c>
      <c r="I1526" t="s">
        <v>30540</v>
      </c>
    </row>
    <row r="1527" spans="1:9">
      <c r="A1527" s="1">
        <v>0.84091874978473291</v>
      </c>
      <c r="B1527" s="1"/>
      <c r="C1527">
        <v>2</v>
      </c>
      <c r="D1527" t="s">
        <v>12827</v>
      </c>
      <c r="E1527" t="s">
        <v>32807</v>
      </c>
      <c r="F1527">
        <v>1</v>
      </c>
      <c r="G1527" t="s">
        <v>10</v>
      </c>
      <c r="H1527" t="s">
        <v>12828</v>
      </c>
      <c r="I1527" t="s">
        <v>30540</v>
      </c>
    </row>
    <row r="1528" spans="1:9">
      <c r="A1528" s="1">
        <v>0.67137020444693563</v>
      </c>
      <c r="B1528" s="1"/>
      <c r="C1528">
        <v>4</v>
      </c>
      <c r="D1528" t="s">
        <v>12821</v>
      </c>
      <c r="E1528" t="s">
        <v>32808</v>
      </c>
      <c r="F1528">
        <v>3</v>
      </c>
      <c r="G1528" t="s">
        <v>15</v>
      </c>
      <c r="H1528" t="s">
        <v>12822</v>
      </c>
      <c r="I1528" t="s">
        <v>30540</v>
      </c>
    </row>
    <row r="1529" spans="1:9">
      <c r="A1529" s="1">
        <v>0.58934159476443659</v>
      </c>
      <c r="B1529" s="1"/>
      <c r="C1529">
        <v>15</v>
      </c>
      <c r="D1529" t="s">
        <v>12819</v>
      </c>
      <c r="E1529" t="s">
        <v>32809</v>
      </c>
      <c r="F1529">
        <v>3</v>
      </c>
      <c r="G1529" t="s">
        <v>14</v>
      </c>
      <c r="H1529" t="s">
        <v>12820</v>
      </c>
      <c r="I1529" t="s">
        <v>30540</v>
      </c>
    </row>
    <row r="1530" spans="1:9">
      <c r="A1530" s="1">
        <v>0.75306707789058458</v>
      </c>
      <c r="B1530" s="1"/>
      <c r="C1530">
        <v>9</v>
      </c>
      <c r="D1530" t="s">
        <v>12815</v>
      </c>
      <c r="E1530" t="s">
        <v>32809</v>
      </c>
      <c r="F1530">
        <v>3</v>
      </c>
      <c r="G1530" t="s">
        <v>14</v>
      </c>
      <c r="H1530" t="s">
        <v>12816</v>
      </c>
      <c r="I1530" t="s">
        <v>30540</v>
      </c>
    </row>
    <row r="1531" spans="1:9">
      <c r="A1531" s="1">
        <v>7.7347358066474858E-2</v>
      </c>
      <c r="B1531" s="1"/>
      <c r="C1531">
        <v>6</v>
      </c>
      <c r="D1531" t="s">
        <v>12805</v>
      </c>
      <c r="E1531" t="s">
        <v>32810</v>
      </c>
      <c r="F1531">
        <v>2</v>
      </c>
      <c r="G1531" t="s">
        <v>0</v>
      </c>
      <c r="H1531" t="s">
        <v>12806</v>
      </c>
      <c r="I1531" t="s">
        <v>30540</v>
      </c>
    </row>
    <row r="1532" spans="1:9">
      <c r="A1532" s="1">
        <v>0.7312462399738795</v>
      </c>
      <c r="B1532" s="1"/>
      <c r="C1532">
        <v>1</v>
      </c>
      <c r="D1532" t="s">
        <v>12801</v>
      </c>
      <c r="E1532" t="s">
        <v>32810</v>
      </c>
      <c r="F1532">
        <v>1</v>
      </c>
      <c r="G1532" t="s">
        <v>10</v>
      </c>
      <c r="H1532" t="s">
        <v>12802</v>
      </c>
      <c r="I1532" t="s">
        <v>30540</v>
      </c>
    </row>
    <row r="1533" spans="1:9">
      <c r="A1533" s="1">
        <v>1.8205573700813771E-2</v>
      </c>
      <c r="B1533" s="1"/>
      <c r="C1533">
        <v>17</v>
      </c>
      <c r="D1533" t="s">
        <v>12797</v>
      </c>
      <c r="E1533" t="s">
        <v>32811</v>
      </c>
      <c r="F1533">
        <v>3</v>
      </c>
      <c r="G1533" t="s">
        <v>13</v>
      </c>
      <c r="H1533" t="s">
        <v>12798</v>
      </c>
      <c r="I1533" t="s">
        <v>30540</v>
      </c>
    </row>
    <row r="1534" spans="1:9">
      <c r="A1534" s="1">
        <v>0.32103955569117537</v>
      </c>
      <c r="B1534" s="1"/>
      <c r="C1534">
        <v>18</v>
      </c>
      <c r="D1534" t="s">
        <v>12799</v>
      </c>
      <c r="E1534" t="s">
        <v>32811</v>
      </c>
      <c r="F1534">
        <v>3</v>
      </c>
      <c r="G1534" t="s">
        <v>14</v>
      </c>
      <c r="H1534" t="s">
        <v>12800</v>
      </c>
      <c r="I1534" t="s">
        <v>30540</v>
      </c>
    </row>
    <row r="1535" spans="1:9">
      <c r="A1535" s="1">
        <v>0.80167795826514954</v>
      </c>
      <c r="B1535" s="1"/>
      <c r="C1535">
        <v>1</v>
      </c>
      <c r="D1535" t="s">
        <v>12781</v>
      </c>
      <c r="E1535" t="s">
        <v>32812</v>
      </c>
      <c r="F1535">
        <v>3</v>
      </c>
      <c r="G1535" t="s">
        <v>10</v>
      </c>
      <c r="H1535" t="s">
        <v>12782</v>
      </c>
      <c r="I1535" t="s">
        <v>30540</v>
      </c>
    </row>
    <row r="1536" spans="1:9">
      <c r="A1536" s="1">
        <v>0.25708674146133204</v>
      </c>
      <c r="B1536" s="1"/>
      <c r="C1536">
        <v>14</v>
      </c>
      <c r="D1536" t="s">
        <v>12787</v>
      </c>
      <c r="E1536" t="s">
        <v>32812</v>
      </c>
      <c r="F1536">
        <v>2</v>
      </c>
      <c r="G1536" t="s">
        <v>13</v>
      </c>
      <c r="H1536" t="s">
        <v>12788</v>
      </c>
      <c r="I1536" t="s">
        <v>30540</v>
      </c>
    </row>
    <row r="1537" spans="1:9">
      <c r="A1537" s="1">
        <v>0.8972389526418052</v>
      </c>
      <c r="B1537" s="1"/>
      <c r="C1537">
        <v>13</v>
      </c>
      <c r="D1537" t="s">
        <v>12779</v>
      </c>
      <c r="E1537" t="s">
        <v>32813</v>
      </c>
      <c r="F1537">
        <v>2</v>
      </c>
      <c r="G1537" t="s">
        <v>14</v>
      </c>
      <c r="H1537" t="s">
        <v>12780</v>
      </c>
      <c r="I1537" t="s">
        <v>30540</v>
      </c>
    </row>
    <row r="1538" spans="1:9">
      <c r="A1538" s="1">
        <v>0.55255142408795188</v>
      </c>
      <c r="B1538" s="1"/>
      <c r="C1538">
        <v>6</v>
      </c>
      <c r="D1538" t="s">
        <v>12773</v>
      </c>
      <c r="E1538" t="s">
        <v>32813</v>
      </c>
      <c r="F1538">
        <v>1</v>
      </c>
      <c r="G1538" t="s">
        <v>0</v>
      </c>
      <c r="H1538" t="s">
        <v>12774</v>
      </c>
      <c r="I1538" t="s">
        <v>30540</v>
      </c>
    </row>
    <row r="1539" spans="1:9">
      <c r="A1539" s="1">
        <v>0.38971502972102634</v>
      </c>
      <c r="B1539" s="1"/>
      <c r="C1539">
        <v>7</v>
      </c>
      <c r="D1539" t="s">
        <v>12761</v>
      </c>
      <c r="E1539" t="s">
        <v>32815</v>
      </c>
      <c r="F1539">
        <v>3</v>
      </c>
      <c r="G1539" t="s">
        <v>2</v>
      </c>
      <c r="H1539" t="s">
        <v>12762</v>
      </c>
      <c r="I1539" t="s">
        <v>30540</v>
      </c>
    </row>
    <row r="1540" spans="1:9">
      <c r="A1540" s="1">
        <v>0.96764718880362888</v>
      </c>
      <c r="B1540" s="1"/>
      <c r="C1540">
        <v>12</v>
      </c>
      <c r="D1540" t="s">
        <v>12763</v>
      </c>
      <c r="E1540" t="s">
        <v>32815</v>
      </c>
      <c r="F1540">
        <v>2</v>
      </c>
      <c r="G1540" t="s">
        <v>14</v>
      </c>
      <c r="H1540" t="s">
        <v>12764</v>
      </c>
      <c r="I1540" t="s">
        <v>30540</v>
      </c>
    </row>
    <row r="1541" spans="1:9">
      <c r="A1541" s="1">
        <v>5.5745627400693443E-2</v>
      </c>
      <c r="B1541" s="1"/>
      <c r="C1541">
        <v>13</v>
      </c>
      <c r="D1541" t="s">
        <v>12753</v>
      </c>
      <c r="E1541" t="s">
        <v>32816</v>
      </c>
      <c r="F1541">
        <v>2</v>
      </c>
      <c r="G1541" t="s">
        <v>2</v>
      </c>
      <c r="H1541" t="s">
        <v>12754</v>
      </c>
      <c r="I1541" t="s">
        <v>30540</v>
      </c>
    </row>
    <row r="1542" spans="1:9">
      <c r="A1542" s="1">
        <v>1.783190217506947E-3</v>
      </c>
      <c r="B1542" s="1"/>
      <c r="C1542">
        <v>2</v>
      </c>
      <c r="D1542" t="s">
        <v>12721</v>
      </c>
      <c r="E1542" t="s">
        <v>32819</v>
      </c>
      <c r="F1542">
        <v>3</v>
      </c>
      <c r="G1542" t="s">
        <v>10</v>
      </c>
      <c r="H1542" t="s">
        <v>12722</v>
      </c>
      <c r="I1542" t="s">
        <v>30540</v>
      </c>
    </row>
    <row r="1543" spans="1:9">
      <c r="A1543" s="1">
        <v>0.55981760203103736</v>
      </c>
      <c r="B1543" s="1"/>
      <c r="C1543">
        <v>9</v>
      </c>
      <c r="D1543" t="s">
        <v>12713</v>
      </c>
      <c r="E1543" t="s">
        <v>32820</v>
      </c>
      <c r="F1543">
        <v>3</v>
      </c>
      <c r="G1543" t="s">
        <v>10</v>
      </c>
      <c r="H1543" t="s">
        <v>12714</v>
      </c>
      <c r="I1543" t="s">
        <v>30540</v>
      </c>
    </row>
    <row r="1544" spans="1:9">
      <c r="A1544" s="1">
        <v>0.26073193464440469</v>
      </c>
      <c r="B1544" s="1"/>
      <c r="C1544">
        <v>15</v>
      </c>
      <c r="D1544" t="s">
        <v>12705</v>
      </c>
      <c r="E1544" t="s">
        <v>32821</v>
      </c>
      <c r="F1544">
        <v>3</v>
      </c>
      <c r="G1544" t="s">
        <v>766</v>
      </c>
      <c r="H1544" t="s">
        <v>12706</v>
      </c>
      <c r="I1544" t="s">
        <v>30540</v>
      </c>
    </row>
    <row r="1545" spans="1:9">
      <c r="A1545" s="1">
        <v>0.35217320097112248</v>
      </c>
      <c r="B1545" s="1"/>
      <c r="C1545">
        <v>5</v>
      </c>
      <c r="D1545" t="s">
        <v>12687</v>
      </c>
      <c r="E1545" t="s">
        <v>32824</v>
      </c>
      <c r="F1545">
        <v>3</v>
      </c>
      <c r="G1545" t="s">
        <v>10</v>
      </c>
      <c r="H1545" t="s">
        <v>12688</v>
      </c>
      <c r="I1545" t="s">
        <v>30540</v>
      </c>
    </row>
    <row r="1546" spans="1:9">
      <c r="A1546" s="1">
        <v>0.7902198592035018</v>
      </c>
      <c r="B1546" s="1"/>
      <c r="C1546">
        <v>12</v>
      </c>
      <c r="D1546" t="s">
        <v>12689</v>
      </c>
      <c r="E1546" t="s">
        <v>32824</v>
      </c>
      <c r="F1546">
        <v>3</v>
      </c>
      <c r="G1546" t="s">
        <v>14</v>
      </c>
      <c r="H1546" t="s">
        <v>12690</v>
      </c>
      <c r="I1546" t="s">
        <v>30540</v>
      </c>
    </row>
    <row r="1547" spans="1:9">
      <c r="A1547" s="1">
        <v>0.42376391930140123</v>
      </c>
      <c r="B1547" s="1"/>
      <c r="C1547">
        <v>7</v>
      </c>
      <c r="D1547" t="s">
        <v>12681</v>
      </c>
      <c r="E1547" t="s">
        <v>32825</v>
      </c>
      <c r="F1547">
        <v>3</v>
      </c>
      <c r="G1547" t="s">
        <v>14</v>
      </c>
      <c r="H1547" t="s">
        <v>12682</v>
      </c>
      <c r="I1547" t="s">
        <v>30540</v>
      </c>
    </row>
    <row r="1548" spans="1:9">
      <c r="A1548" s="1">
        <v>8.5650985892316345E-2</v>
      </c>
      <c r="B1548" s="1"/>
      <c r="C1548">
        <v>6</v>
      </c>
      <c r="D1548" t="s">
        <v>12679</v>
      </c>
      <c r="E1548" t="s">
        <v>32825</v>
      </c>
      <c r="F1548">
        <v>2</v>
      </c>
      <c r="G1548" t="s">
        <v>15</v>
      </c>
      <c r="H1548" t="s">
        <v>12680</v>
      </c>
      <c r="I1548" t="s">
        <v>30540</v>
      </c>
    </row>
    <row r="1549" spans="1:9">
      <c r="A1549" s="1">
        <v>0.38687156328718741</v>
      </c>
      <c r="B1549" s="1"/>
      <c r="C1549">
        <v>8</v>
      </c>
      <c r="D1549" t="s">
        <v>12663</v>
      </c>
      <c r="E1549" t="s">
        <v>32826</v>
      </c>
      <c r="F1549">
        <v>3</v>
      </c>
      <c r="G1549" t="s">
        <v>3732</v>
      </c>
      <c r="H1549" t="s">
        <v>12664</v>
      </c>
      <c r="I1549" t="s">
        <v>30540</v>
      </c>
    </row>
    <row r="1550" spans="1:9">
      <c r="A1550" s="1">
        <v>0.30367678581260071</v>
      </c>
      <c r="B1550" s="1"/>
      <c r="C1550">
        <v>16</v>
      </c>
      <c r="D1550" t="s">
        <v>12673</v>
      </c>
      <c r="E1550" t="s">
        <v>32826</v>
      </c>
      <c r="F1550">
        <v>2</v>
      </c>
      <c r="G1550" t="s">
        <v>14</v>
      </c>
      <c r="H1550" t="s">
        <v>12674</v>
      </c>
      <c r="I1550" t="s">
        <v>30540</v>
      </c>
    </row>
    <row r="1551" spans="1:9">
      <c r="A1551" s="1">
        <v>0.53508974423982403</v>
      </c>
      <c r="B1551" s="1"/>
      <c r="C1551">
        <v>12</v>
      </c>
      <c r="D1551" t="s">
        <v>12657</v>
      </c>
      <c r="E1551" t="s">
        <v>32828</v>
      </c>
      <c r="F1551">
        <v>2</v>
      </c>
      <c r="G1551" t="s">
        <v>14</v>
      </c>
      <c r="H1551" t="s">
        <v>12658</v>
      </c>
      <c r="I1551" t="s">
        <v>30540</v>
      </c>
    </row>
    <row r="1552" spans="1:9">
      <c r="A1552" s="1">
        <v>0.72289750269214625</v>
      </c>
      <c r="B1552" s="1"/>
      <c r="C1552">
        <v>17</v>
      </c>
      <c r="D1552" t="s">
        <v>12627</v>
      </c>
      <c r="E1552" t="s">
        <v>32831</v>
      </c>
      <c r="F1552">
        <v>2</v>
      </c>
      <c r="G1552" t="s">
        <v>13</v>
      </c>
      <c r="H1552" t="s">
        <v>12628</v>
      </c>
      <c r="I1552" t="s">
        <v>30540</v>
      </c>
    </row>
    <row r="1553" spans="1:9">
      <c r="A1553" s="1">
        <v>8.5853310346601486E-2</v>
      </c>
      <c r="B1553" s="1"/>
      <c r="C1553">
        <v>6</v>
      </c>
      <c r="D1553" t="s">
        <v>12593</v>
      </c>
      <c r="E1553" t="s">
        <v>32836</v>
      </c>
      <c r="F1553">
        <v>2</v>
      </c>
      <c r="G1553" t="s">
        <v>762</v>
      </c>
      <c r="H1553" t="s">
        <v>12594</v>
      </c>
      <c r="I1553" t="s">
        <v>30540</v>
      </c>
    </row>
    <row r="1554" spans="1:9">
      <c r="A1554" s="1">
        <v>0.77873277709700883</v>
      </c>
      <c r="B1554" s="1"/>
      <c r="C1554">
        <v>14</v>
      </c>
      <c r="D1554" t="s">
        <v>17112</v>
      </c>
      <c r="E1554" t="s">
        <v>32837</v>
      </c>
      <c r="F1554">
        <v>2</v>
      </c>
      <c r="G1554" t="s">
        <v>14</v>
      </c>
      <c r="H1554" t="s">
        <v>17113</v>
      </c>
      <c r="I1554" t="s">
        <v>30540</v>
      </c>
    </row>
    <row r="1555" spans="1:9">
      <c r="A1555" s="1">
        <v>0.53775603385071635</v>
      </c>
      <c r="B1555" s="1"/>
      <c r="C1555">
        <v>7</v>
      </c>
      <c r="D1555" t="s">
        <v>17098</v>
      </c>
      <c r="E1555" t="s">
        <v>32838</v>
      </c>
      <c r="F1555">
        <v>3</v>
      </c>
      <c r="G1555" t="s">
        <v>14</v>
      </c>
      <c r="H1555" t="s">
        <v>17099</v>
      </c>
      <c r="I1555" t="s">
        <v>30540</v>
      </c>
    </row>
    <row r="1556" spans="1:9">
      <c r="A1556" s="1">
        <v>0.33476104032861098</v>
      </c>
      <c r="B1556" s="1"/>
      <c r="C1556">
        <v>8</v>
      </c>
      <c r="D1556" t="s">
        <v>17100</v>
      </c>
      <c r="E1556" t="s">
        <v>32838</v>
      </c>
      <c r="F1556">
        <v>3</v>
      </c>
      <c r="G1556" t="s">
        <v>2</v>
      </c>
      <c r="H1556" t="s">
        <v>17101</v>
      </c>
      <c r="I1556" t="s">
        <v>30540</v>
      </c>
    </row>
    <row r="1557" spans="1:9">
      <c r="A1557" s="1">
        <v>0.84770385263946535</v>
      </c>
      <c r="B1557" s="1"/>
      <c r="C1557">
        <v>5</v>
      </c>
      <c r="D1557" t="s">
        <v>17096</v>
      </c>
      <c r="E1557" t="s">
        <v>32838</v>
      </c>
      <c r="F1557">
        <v>3</v>
      </c>
      <c r="G1557" t="s">
        <v>14</v>
      </c>
      <c r="H1557" t="s">
        <v>17097</v>
      </c>
      <c r="I1557" t="s">
        <v>30540</v>
      </c>
    </row>
    <row r="1558" spans="1:9">
      <c r="A1558" s="1">
        <v>1.824073126019643E-2</v>
      </c>
      <c r="B1558" s="1"/>
      <c r="C1558">
        <v>14</v>
      </c>
      <c r="D1558" t="s">
        <v>17086</v>
      </c>
      <c r="E1558" t="s">
        <v>32839</v>
      </c>
      <c r="F1558">
        <v>3</v>
      </c>
      <c r="G1558" t="s">
        <v>14</v>
      </c>
      <c r="H1558" t="s">
        <v>17087</v>
      </c>
      <c r="I1558" t="s">
        <v>30540</v>
      </c>
    </row>
    <row r="1559" spans="1:9">
      <c r="A1559" s="1">
        <v>0.94812699773283493</v>
      </c>
      <c r="B1559" s="1"/>
      <c r="C1559">
        <v>19</v>
      </c>
      <c r="D1559" t="s">
        <v>17092</v>
      </c>
      <c r="E1559" t="s">
        <v>32839</v>
      </c>
      <c r="F1559">
        <v>2</v>
      </c>
      <c r="G1559" t="s">
        <v>14</v>
      </c>
      <c r="H1559" t="s">
        <v>17093</v>
      </c>
      <c r="I1559" t="s">
        <v>30540</v>
      </c>
    </row>
    <row r="1560" spans="1:9">
      <c r="A1560" s="1">
        <v>0.47436761895932977</v>
      </c>
      <c r="B1560" s="1"/>
      <c r="C1560">
        <v>9</v>
      </c>
      <c r="D1560" t="s">
        <v>17084</v>
      </c>
      <c r="E1560" t="s">
        <v>32839</v>
      </c>
      <c r="F1560">
        <v>2</v>
      </c>
      <c r="G1560" t="s">
        <v>14</v>
      </c>
      <c r="H1560" t="s">
        <v>17085</v>
      </c>
      <c r="I1560" t="s">
        <v>30540</v>
      </c>
    </row>
    <row r="1561" spans="1:9">
      <c r="A1561" s="1">
        <v>0.37413823302744131</v>
      </c>
      <c r="B1561" s="1"/>
      <c r="C1561">
        <v>18</v>
      </c>
      <c r="D1561" t="s">
        <v>17074</v>
      </c>
      <c r="E1561" t="s">
        <v>32840</v>
      </c>
      <c r="F1561">
        <v>3</v>
      </c>
      <c r="G1561" t="s">
        <v>775</v>
      </c>
      <c r="H1561" t="s">
        <v>17075</v>
      </c>
      <c r="I1561" t="s">
        <v>30540</v>
      </c>
    </row>
    <row r="1562" spans="1:9">
      <c r="A1562" s="1">
        <v>0.44068455559490649</v>
      </c>
      <c r="B1562" s="1"/>
      <c r="C1562">
        <v>1</v>
      </c>
      <c r="D1562" t="s">
        <v>17062</v>
      </c>
      <c r="E1562" t="s">
        <v>32840</v>
      </c>
      <c r="F1562">
        <v>3</v>
      </c>
      <c r="G1562" t="s">
        <v>2</v>
      </c>
      <c r="H1562" t="s">
        <v>17063</v>
      </c>
      <c r="I1562" t="s">
        <v>30540</v>
      </c>
    </row>
    <row r="1563" spans="1:9">
      <c r="A1563" s="1">
        <v>0.17937010800235731</v>
      </c>
      <c r="B1563" s="1"/>
      <c r="C1563">
        <v>19</v>
      </c>
      <c r="D1563" t="s">
        <v>17076</v>
      </c>
      <c r="E1563" t="s">
        <v>32840</v>
      </c>
      <c r="F1563">
        <v>3</v>
      </c>
      <c r="G1563" t="s">
        <v>3732</v>
      </c>
      <c r="H1563" t="s">
        <v>17077</v>
      </c>
      <c r="I1563" t="s">
        <v>30540</v>
      </c>
    </row>
    <row r="1564" spans="1:9">
      <c r="A1564" s="1">
        <v>7.2763967359738446E-2</v>
      </c>
      <c r="B1564" s="1"/>
      <c r="C1564">
        <v>16</v>
      </c>
      <c r="D1564" t="s">
        <v>17070</v>
      </c>
      <c r="E1564" t="s">
        <v>32840</v>
      </c>
      <c r="F1564">
        <v>2</v>
      </c>
      <c r="G1564" t="s">
        <v>14</v>
      </c>
      <c r="H1564" t="s">
        <v>17071</v>
      </c>
      <c r="I1564" t="s">
        <v>30540</v>
      </c>
    </row>
    <row r="1565" spans="1:9">
      <c r="A1565" s="1">
        <v>0.7390863469934642</v>
      </c>
      <c r="B1565" s="1"/>
      <c r="C1565">
        <v>17</v>
      </c>
      <c r="D1565" t="s">
        <v>17072</v>
      </c>
      <c r="E1565" t="s">
        <v>32840</v>
      </c>
      <c r="F1565">
        <v>0</v>
      </c>
      <c r="G1565" t="s">
        <v>0</v>
      </c>
      <c r="H1565" t="s">
        <v>17073</v>
      </c>
      <c r="I1565" t="s">
        <v>30540</v>
      </c>
    </row>
    <row r="1566" spans="1:9">
      <c r="A1566" s="1">
        <v>0.21637948713382904</v>
      </c>
      <c r="B1566" s="1"/>
      <c r="C1566">
        <v>13</v>
      </c>
      <c r="D1566" t="s">
        <v>17026</v>
      </c>
      <c r="E1566" t="s">
        <v>32845</v>
      </c>
      <c r="F1566">
        <v>2</v>
      </c>
      <c r="G1566" t="s">
        <v>1431</v>
      </c>
      <c r="H1566" t="s">
        <v>17027</v>
      </c>
      <c r="I1566" t="s">
        <v>30540</v>
      </c>
    </row>
    <row r="1567" spans="1:9">
      <c r="A1567" s="1">
        <v>0.91544667913213829</v>
      </c>
      <c r="B1567" s="1"/>
      <c r="C1567">
        <v>12</v>
      </c>
      <c r="D1567" t="s">
        <v>17024</v>
      </c>
      <c r="E1567" t="s">
        <v>32845</v>
      </c>
      <c r="F1567">
        <v>1</v>
      </c>
      <c r="G1567" t="s">
        <v>3732</v>
      </c>
      <c r="H1567" t="s">
        <v>17025</v>
      </c>
      <c r="I1567" t="s">
        <v>30540</v>
      </c>
    </row>
    <row r="1568" spans="1:9">
      <c r="A1568" s="1">
        <v>0.27345206557917512</v>
      </c>
      <c r="B1568" s="1"/>
      <c r="C1568">
        <v>8</v>
      </c>
      <c r="D1568" t="s">
        <v>17016</v>
      </c>
      <c r="E1568" t="s">
        <v>32847</v>
      </c>
      <c r="F1568">
        <v>3</v>
      </c>
      <c r="G1568" t="s">
        <v>0</v>
      </c>
      <c r="H1568" t="s">
        <v>17017</v>
      </c>
      <c r="I1568" t="s">
        <v>30540</v>
      </c>
    </row>
    <row r="1569" spans="1:9">
      <c r="A1569" s="1">
        <v>0.62370262938396881</v>
      </c>
      <c r="B1569" s="1"/>
      <c r="C1569">
        <v>5</v>
      </c>
      <c r="D1569" t="s">
        <v>17006</v>
      </c>
      <c r="E1569" t="s">
        <v>32848</v>
      </c>
      <c r="F1569">
        <v>3</v>
      </c>
      <c r="G1569" t="s">
        <v>14</v>
      </c>
      <c r="H1569" t="s">
        <v>17007</v>
      </c>
      <c r="I1569" t="s">
        <v>30540</v>
      </c>
    </row>
    <row r="1570" spans="1:9">
      <c r="A1570" s="1">
        <v>0.96384992892175103</v>
      </c>
      <c r="B1570" s="1"/>
      <c r="C1570">
        <v>15</v>
      </c>
      <c r="D1570" t="s">
        <v>17012</v>
      </c>
      <c r="E1570" t="s">
        <v>32848</v>
      </c>
      <c r="F1570">
        <v>2</v>
      </c>
      <c r="G1570" t="s">
        <v>0</v>
      </c>
      <c r="H1570" t="s">
        <v>17013</v>
      </c>
      <c r="I1570" t="s">
        <v>30540</v>
      </c>
    </row>
    <row r="1571" spans="1:9">
      <c r="A1571" s="1">
        <v>0.32137347748201417</v>
      </c>
      <c r="B1571" s="1"/>
      <c r="C1571">
        <v>10</v>
      </c>
      <c r="D1571" t="s">
        <v>17010</v>
      </c>
      <c r="E1571" t="s">
        <v>32848</v>
      </c>
      <c r="F1571">
        <v>1</v>
      </c>
      <c r="G1571" t="s">
        <v>14</v>
      </c>
      <c r="H1571" t="s">
        <v>17011</v>
      </c>
      <c r="I1571" t="s">
        <v>30540</v>
      </c>
    </row>
    <row r="1572" spans="1:9">
      <c r="A1572" s="1">
        <v>0.91909819282413829</v>
      </c>
      <c r="B1572" s="1"/>
      <c r="C1572">
        <v>16</v>
      </c>
      <c r="D1572" t="s">
        <v>16990</v>
      </c>
      <c r="E1572" t="s">
        <v>32850</v>
      </c>
      <c r="F1572">
        <v>3</v>
      </c>
      <c r="G1572" t="s">
        <v>770</v>
      </c>
      <c r="H1572" t="s">
        <v>16991</v>
      </c>
      <c r="I1572" t="s">
        <v>30540</v>
      </c>
    </row>
    <row r="1573" spans="1:9">
      <c r="A1573" s="1">
        <v>0.49329932241596863</v>
      </c>
      <c r="B1573" s="1"/>
      <c r="C1573">
        <v>12</v>
      </c>
      <c r="D1573" t="s">
        <v>16976</v>
      </c>
      <c r="E1573" t="s">
        <v>32852</v>
      </c>
      <c r="F1573">
        <v>2</v>
      </c>
      <c r="G1573" t="s">
        <v>14</v>
      </c>
      <c r="H1573" t="s">
        <v>16977</v>
      </c>
      <c r="I1573" t="s">
        <v>30540</v>
      </c>
    </row>
    <row r="1574" spans="1:9">
      <c r="A1574" s="1">
        <v>0.19134370782827737</v>
      </c>
      <c r="B1574" s="1"/>
      <c r="C1574">
        <v>15</v>
      </c>
      <c r="D1574" t="s">
        <v>16944</v>
      </c>
      <c r="E1574" t="s">
        <v>32855</v>
      </c>
      <c r="F1574">
        <v>3</v>
      </c>
      <c r="G1574" t="s">
        <v>775</v>
      </c>
      <c r="H1574" t="s">
        <v>16945</v>
      </c>
      <c r="I1574" t="s">
        <v>30540</v>
      </c>
    </row>
    <row r="1575" spans="1:9">
      <c r="A1575" s="1">
        <v>0.92228917426155521</v>
      </c>
      <c r="B1575" s="1"/>
      <c r="C1575">
        <v>19</v>
      </c>
      <c r="D1575" t="s">
        <v>16948</v>
      </c>
      <c r="E1575" t="s">
        <v>32855</v>
      </c>
      <c r="F1575">
        <v>2</v>
      </c>
      <c r="G1575" t="s">
        <v>1426</v>
      </c>
      <c r="H1575" t="s">
        <v>16949</v>
      </c>
      <c r="I1575" t="s">
        <v>30540</v>
      </c>
    </row>
    <row r="1576" spans="1:9">
      <c r="A1576" s="1">
        <v>0.15854535095822908</v>
      </c>
      <c r="B1576" s="1"/>
      <c r="C1576">
        <v>10</v>
      </c>
      <c r="D1576" t="s">
        <v>16932</v>
      </c>
      <c r="E1576" t="s">
        <v>32856</v>
      </c>
      <c r="F1576">
        <v>3</v>
      </c>
      <c r="G1576" t="s">
        <v>14</v>
      </c>
      <c r="H1576" t="s">
        <v>16933</v>
      </c>
      <c r="I1576" t="s">
        <v>30540</v>
      </c>
    </row>
    <row r="1577" spans="1:9">
      <c r="A1577" s="1">
        <v>0.5929660548576019</v>
      </c>
      <c r="B1577" s="1"/>
      <c r="C1577">
        <v>4</v>
      </c>
      <c r="D1577" t="s">
        <v>16908</v>
      </c>
      <c r="E1577" t="s">
        <v>32858</v>
      </c>
      <c r="F1577">
        <v>2</v>
      </c>
      <c r="G1577" t="s">
        <v>14</v>
      </c>
      <c r="H1577" t="s">
        <v>16909</v>
      </c>
      <c r="I1577" t="s">
        <v>30540</v>
      </c>
    </row>
    <row r="1578" spans="1:9">
      <c r="A1578" s="1">
        <v>0.16343860493800511</v>
      </c>
      <c r="B1578" s="1"/>
      <c r="C1578">
        <v>7</v>
      </c>
      <c r="D1578" t="s">
        <v>16890</v>
      </c>
      <c r="E1578" t="s">
        <v>32860</v>
      </c>
      <c r="F1578">
        <v>3</v>
      </c>
      <c r="G1578" t="s">
        <v>1431</v>
      </c>
      <c r="H1578" t="s">
        <v>16891</v>
      </c>
      <c r="I1578" t="s">
        <v>30540</v>
      </c>
    </row>
    <row r="1579" spans="1:9">
      <c r="A1579" s="1">
        <v>0.18539452881306728</v>
      </c>
      <c r="B1579" s="1"/>
      <c r="C1579">
        <v>8</v>
      </c>
      <c r="D1579" t="s">
        <v>16892</v>
      </c>
      <c r="E1579" t="s">
        <v>32860</v>
      </c>
      <c r="F1579">
        <v>2</v>
      </c>
      <c r="G1579" t="s">
        <v>13</v>
      </c>
      <c r="H1579" t="s">
        <v>16893</v>
      </c>
      <c r="I1579" t="s">
        <v>30540</v>
      </c>
    </row>
    <row r="1580" spans="1:9">
      <c r="A1580" s="1">
        <v>0.73835323272408426</v>
      </c>
      <c r="B1580" s="1"/>
      <c r="C1580">
        <v>9</v>
      </c>
      <c r="D1580" t="s">
        <v>16880</v>
      </c>
      <c r="E1580" t="s">
        <v>32861</v>
      </c>
      <c r="F1580">
        <v>3</v>
      </c>
      <c r="G1580" t="s">
        <v>15</v>
      </c>
      <c r="H1580" t="s">
        <v>16881</v>
      </c>
      <c r="I1580" t="s">
        <v>30540</v>
      </c>
    </row>
    <row r="1581" spans="1:9">
      <c r="A1581" s="1">
        <v>0.71159791833238317</v>
      </c>
      <c r="B1581" s="1"/>
      <c r="C1581">
        <v>5</v>
      </c>
      <c r="D1581" t="s">
        <v>16876</v>
      </c>
      <c r="E1581" t="s">
        <v>32861</v>
      </c>
      <c r="F1581">
        <v>3</v>
      </c>
      <c r="G1581" t="s">
        <v>10</v>
      </c>
      <c r="H1581" t="s">
        <v>16877</v>
      </c>
      <c r="I1581" t="s">
        <v>30540</v>
      </c>
    </row>
    <row r="1582" spans="1:9">
      <c r="A1582" s="1">
        <v>0.50659716708778268</v>
      </c>
      <c r="B1582" s="1"/>
      <c r="C1582">
        <v>7</v>
      </c>
      <c r="D1582" t="s">
        <v>16866</v>
      </c>
      <c r="E1582" t="s">
        <v>32862</v>
      </c>
      <c r="F1582">
        <v>2</v>
      </c>
      <c r="G1582" t="s">
        <v>14</v>
      </c>
      <c r="H1582" t="s">
        <v>16867</v>
      </c>
      <c r="I1582" t="s">
        <v>30540</v>
      </c>
    </row>
    <row r="1583" spans="1:9">
      <c r="A1583" s="1">
        <v>0.77752923745820945</v>
      </c>
      <c r="B1583" s="1"/>
      <c r="C1583">
        <v>5</v>
      </c>
      <c r="D1583" t="s">
        <v>16842</v>
      </c>
      <c r="E1583" t="s">
        <v>32864</v>
      </c>
      <c r="F1583">
        <v>2</v>
      </c>
      <c r="G1583" t="s">
        <v>15</v>
      </c>
      <c r="H1583" t="s">
        <v>16843</v>
      </c>
      <c r="I1583" t="s">
        <v>30540</v>
      </c>
    </row>
    <row r="1584" spans="1:9">
      <c r="A1584" s="1">
        <v>0.91317922786098771</v>
      </c>
      <c r="B1584" s="1"/>
      <c r="C1584">
        <v>8</v>
      </c>
      <c r="D1584" t="s">
        <v>16824</v>
      </c>
      <c r="E1584" t="s">
        <v>32866</v>
      </c>
      <c r="F1584">
        <v>3</v>
      </c>
      <c r="G1584" t="s">
        <v>14</v>
      </c>
      <c r="H1584" t="s">
        <v>16825</v>
      </c>
      <c r="I1584" t="s">
        <v>30540</v>
      </c>
    </row>
    <row r="1585" spans="1:9">
      <c r="A1585" s="1">
        <v>0.533338367317165</v>
      </c>
      <c r="B1585" s="1"/>
      <c r="C1585">
        <v>3</v>
      </c>
      <c r="D1585" t="s">
        <v>16816</v>
      </c>
      <c r="E1585" t="s">
        <v>32866</v>
      </c>
      <c r="F1585">
        <v>2</v>
      </c>
      <c r="G1585" t="s">
        <v>2</v>
      </c>
      <c r="H1585" t="s">
        <v>16817</v>
      </c>
      <c r="I1585" t="s">
        <v>30540</v>
      </c>
    </row>
    <row r="1586" spans="1:9">
      <c r="A1586" s="1">
        <v>5.0397740270780589E-2</v>
      </c>
      <c r="B1586" s="1"/>
      <c r="C1586">
        <v>9</v>
      </c>
      <c r="D1586" t="s">
        <v>16826</v>
      </c>
      <c r="E1586" t="s">
        <v>32866</v>
      </c>
      <c r="F1586">
        <v>2</v>
      </c>
      <c r="G1586" t="s">
        <v>14</v>
      </c>
      <c r="H1586" t="s">
        <v>16827</v>
      </c>
      <c r="I1586" t="s">
        <v>30540</v>
      </c>
    </row>
    <row r="1587" spans="1:9">
      <c r="A1587" s="1">
        <v>0.70211797003800358</v>
      </c>
      <c r="B1587" s="1"/>
      <c r="C1587">
        <v>6</v>
      </c>
      <c r="D1587" t="s">
        <v>16808</v>
      </c>
      <c r="E1587" t="s">
        <v>32867</v>
      </c>
      <c r="F1587">
        <v>2</v>
      </c>
      <c r="G1587" t="s">
        <v>14</v>
      </c>
      <c r="H1587" t="s">
        <v>16809</v>
      </c>
      <c r="I1587" t="s">
        <v>30540</v>
      </c>
    </row>
    <row r="1588" spans="1:9">
      <c r="A1588" s="1">
        <v>0.4491084328905407</v>
      </c>
      <c r="B1588" s="1"/>
      <c r="C1588">
        <v>18</v>
      </c>
      <c r="D1588" t="s">
        <v>16802</v>
      </c>
      <c r="E1588" t="s">
        <v>32868</v>
      </c>
      <c r="F1588">
        <v>3</v>
      </c>
      <c r="G1588" t="s">
        <v>14</v>
      </c>
      <c r="H1588" t="s">
        <v>16803</v>
      </c>
      <c r="I1588" t="s">
        <v>30540</v>
      </c>
    </row>
    <row r="1589" spans="1:9">
      <c r="A1589" s="1">
        <v>0.81580978381752822</v>
      </c>
      <c r="B1589" s="1"/>
      <c r="C1589">
        <v>15</v>
      </c>
      <c r="D1589" t="s">
        <v>16798</v>
      </c>
      <c r="E1589" t="s">
        <v>32868</v>
      </c>
      <c r="F1589">
        <v>3</v>
      </c>
      <c r="G1589" t="s">
        <v>2</v>
      </c>
      <c r="H1589" t="s">
        <v>16799</v>
      </c>
      <c r="I1589" t="s">
        <v>30540</v>
      </c>
    </row>
    <row r="1590" spans="1:9">
      <c r="A1590" s="1">
        <v>0.84578127811278681</v>
      </c>
      <c r="B1590" s="1"/>
      <c r="C1590">
        <v>6</v>
      </c>
      <c r="D1590" t="s">
        <v>16784</v>
      </c>
      <c r="E1590" t="s">
        <v>32869</v>
      </c>
      <c r="F1590">
        <v>1</v>
      </c>
      <c r="G1590" t="s">
        <v>14</v>
      </c>
      <c r="H1590" t="s">
        <v>16785</v>
      </c>
      <c r="I1590" t="s">
        <v>30540</v>
      </c>
    </row>
    <row r="1591" spans="1:9">
      <c r="A1591" s="1">
        <v>6.9416617089120281E-2</v>
      </c>
      <c r="B1591" s="1"/>
      <c r="C1591">
        <v>8</v>
      </c>
      <c r="D1591" t="s">
        <v>16776</v>
      </c>
      <c r="E1591" t="s">
        <v>32870</v>
      </c>
      <c r="F1591">
        <v>2</v>
      </c>
      <c r="G1591" t="s">
        <v>3732</v>
      </c>
      <c r="H1591" t="s">
        <v>16777</v>
      </c>
      <c r="I1591" t="s">
        <v>30540</v>
      </c>
    </row>
    <row r="1592" spans="1:9">
      <c r="A1592" s="1">
        <v>0.28134582591389623</v>
      </c>
      <c r="B1592" s="1"/>
      <c r="C1592">
        <v>7</v>
      </c>
      <c r="D1592" t="s">
        <v>16774</v>
      </c>
      <c r="E1592" t="s">
        <v>32870</v>
      </c>
      <c r="F1592">
        <v>2</v>
      </c>
      <c r="G1592" t="s">
        <v>10</v>
      </c>
      <c r="H1592" t="s">
        <v>16775</v>
      </c>
      <c r="I1592" t="s">
        <v>30540</v>
      </c>
    </row>
    <row r="1593" spans="1:9">
      <c r="A1593" s="1">
        <v>0.26745982089896125</v>
      </c>
      <c r="B1593" s="1"/>
      <c r="C1593">
        <v>7</v>
      </c>
      <c r="D1593" t="s">
        <v>16750</v>
      </c>
      <c r="E1593" t="s">
        <v>32872</v>
      </c>
      <c r="F1593">
        <v>2</v>
      </c>
      <c r="G1593" t="s">
        <v>14</v>
      </c>
      <c r="H1593" t="s">
        <v>16751</v>
      </c>
      <c r="I1593" t="s">
        <v>30540</v>
      </c>
    </row>
    <row r="1594" spans="1:9">
      <c r="A1594" s="1">
        <v>0.94935892470123151</v>
      </c>
      <c r="B1594" s="1"/>
      <c r="C1594">
        <v>12</v>
      </c>
      <c r="D1594" t="s">
        <v>16742</v>
      </c>
      <c r="E1594" t="s">
        <v>32873</v>
      </c>
      <c r="F1594">
        <v>2</v>
      </c>
      <c r="G1594" t="s">
        <v>14</v>
      </c>
      <c r="H1594" t="s">
        <v>16743</v>
      </c>
      <c r="I1594" t="s">
        <v>30540</v>
      </c>
    </row>
    <row r="1595" spans="1:9">
      <c r="A1595" s="1">
        <v>0.8868311676555003</v>
      </c>
      <c r="B1595" s="1"/>
      <c r="C1595">
        <v>3</v>
      </c>
      <c r="D1595" t="s">
        <v>16734</v>
      </c>
      <c r="E1595" t="s">
        <v>32873</v>
      </c>
      <c r="F1595">
        <v>2</v>
      </c>
      <c r="G1595" t="s">
        <v>9</v>
      </c>
      <c r="H1595" t="s">
        <v>16735</v>
      </c>
      <c r="I1595" t="s">
        <v>30540</v>
      </c>
    </row>
    <row r="1596" spans="1:9">
      <c r="A1596" s="1">
        <v>0.99087608206735289</v>
      </c>
      <c r="B1596" s="1"/>
      <c r="C1596">
        <v>3</v>
      </c>
      <c r="D1596" t="s">
        <v>16724</v>
      </c>
      <c r="E1596" t="s">
        <v>32874</v>
      </c>
      <c r="F1596">
        <v>3</v>
      </c>
      <c r="G1596" t="s">
        <v>9</v>
      </c>
      <c r="H1596" t="s">
        <v>16725</v>
      </c>
      <c r="I1596" t="s">
        <v>30540</v>
      </c>
    </row>
    <row r="1597" spans="1:9">
      <c r="A1597" s="1">
        <v>0.99789354280358744</v>
      </c>
      <c r="B1597" s="1"/>
      <c r="C1597">
        <v>13</v>
      </c>
      <c r="D1597" t="s">
        <v>16730</v>
      </c>
      <c r="E1597" t="s">
        <v>32874</v>
      </c>
      <c r="F1597">
        <v>0</v>
      </c>
      <c r="G1597" t="s">
        <v>15</v>
      </c>
      <c r="H1597" t="s">
        <v>16731</v>
      </c>
      <c r="I1597" t="s">
        <v>30540</v>
      </c>
    </row>
    <row r="1598" spans="1:9">
      <c r="A1598" s="1">
        <v>0.23821662646913722</v>
      </c>
      <c r="B1598" s="1"/>
      <c r="C1598">
        <v>14</v>
      </c>
      <c r="D1598" t="s">
        <v>16716</v>
      </c>
      <c r="E1598" t="s">
        <v>32875</v>
      </c>
      <c r="F1598">
        <v>3</v>
      </c>
      <c r="G1598" t="s">
        <v>775</v>
      </c>
      <c r="H1598" t="s">
        <v>16717</v>
      </c>
      <c r="I1598" t="s">
        <v>30540</v>
      </c>
    </row>
    <row r="1599" spans="1:9">
      <c r="A1599" s="1">
        <v>0.2455890512301151</v>
      </c>
      <c r="B1599" s="1"/>
      <c r="C1599">
        <v>2</v>
      </c>
      <c r="D1599" t="s">
        <v>16708</v>
      </c>
      <c r="E1599" t="s">
        <v>32876</v>
      </c>
      <c r="F1599">
        <v>2</v>
      </c>
      <c r="G1599" t="s">
        <v>9</v>
      </c>
      <c r="H1599" t="s">
        <v>16709</v>
      </c>
      <c r="I1599" t="s">
        <v>30540</v>
      </c>
    </row>
    <row r="1600" spans="1:9">
      <c r="A1600" s="1">
        <v>8.0921466709527934E-2</v>
      </c>
      <c r="B1600" s="1"/>
      <c r="C1600">
        <v>20</v>
      </c>
      <c r="D1600" t="s">
        <v>16706</v>
      </c>
      <c r="E1600" t="s">
        <v>32877</v>
      </c>
      <c r="F1600">
        <v>3</v>
      </c>
      <c r="G1600" t="s">
        <v>9</v>
      </c>
      <c r="H1600" t="s">
        <v>16707</v>
      </c>
      <c r="I1600" t="s">
        <v>30540</v>
      </c>
    </row>
    <row r="1601" spans="1:9">
      <c r="A1601" s="1">
        <v>0.45218873739868781</v>
      </c>
      <c r="B1601" s="1"/>
      <c r="C1601">
        <v>4</v>
      </c>
      <c r="D1601" t="s">
        <v>16696</v>
      </c>
      <c r="E1601" t="s">
        <v>32877</v>
      </c>
      <c r="F1601">
        <v>2</v>
      </c>
      <c r="G1601" t="s">
        <v>10</v>
      </c>
      <c r="H1601" t="s">
        <v>16697</v>
      </c>
      <c r="I1601" t="s">
        <v>30540</v>
      </c>
    </row>
    <row r="1602" spans="1:9">
      <c r="A1602" s="1">
        <v>0.18589143005141162</v>
      </c>
      <c r="B1602" s="1"/>
      <c r="C1602">
        <v>16</v>
      </c>
      <c r="D1602" t="s">
        <v>16692</v>
      </c>
      <c r="E1602" t="s">
        <v>32878</v>
      </c>
      <c r="F1602">
        <v>3</v>
      </c>
      <c r="G1602" t="s">
        <v>15</v>
      </c>
      <c r="H1602" t="s">
        <v>16693</v>
      </c>
      <c r="I1602" t="s">
        <v>30540</v>
      </c>
    </row>
    <row r="1603" spans="1:9">
      <c r="A1603" s="1">
        <v>0.50591253106364431</v>
      </c>
      <c r="B1603" s="1"/>
      <c r="C1603">
        <v>2</v>
      </c>
      <c r="D1603" t="s">
        <v>16684</v>
      </c>
      <c r="E1603" t="s">
        <v>32879</v>
      </c>
      <c r="F1603">
        <v>3</v>
      </c>
      <c r="G1603" t="s">
        <v>9</v>
      </c>
      <c r="H1603" t="s">
        <v>16685</v>
      </c>
      <c r="I1603" t="s">
        <v>30540</v>
      </c>
    </row>
    <row r="1604" spans="1:9">
      <c r="A1604" s="1">
        <v>0.29116564029418468</v>
      </c>
      <c r="B1604" s="1"/>
      <c r="C1604">
        <v>2</v>
      </c>
      <c r="D1604" t="s">
        <v>16672</v>
      </c>
      <c r="E1604" t="s">
        <v>32881</v>
      </c>
      <c r="F1604">
        <v>3</v>
      </c>
      <c r="G1604" t="s">
        <v>14</v>
      </c>
      <c r="H1604" t="s">
        <v>16673</v>
      </c>
      <c r="I1604" t="s">
        <v>30540</v>
      </c>
    </row>
    <row r="1605" spans="1:9">
      <c r="A1605" s="1">
        <v>0.42688425000777419</v>
      </c>
      <c r="B1605" s="1"/>
      <c r="C1605">
        <v>8</v>
      </c>
      <c r="D1605" t="s">
        <v>16678</v>
      </c>
      <c r="E1605" t="s">
        <v>32881</v>
      </c>
      <c r="F1605">
        <v>2</v>
      </c>
      <c r="G1605" t="s">
        <v>13</v>
      </c>
      <c r="H1605" t="s">
        <v>16679</v>
      </c>
      <c r="I1605" t="s">
        <v>30540</v>
      </c>
    </row>
    <row r="1606" spans="1:9">
      <c r="A1606" s="1">
        <v>0.21862860878962698</v>
      </c>
      <c r="B1606" s="1"/>
      <c r="C1606">
        <v>5</v>
      </c>
      <c r="D1606" t="s">
        <v>16674</v>
      </c>
      <c r="E1606" t="s">
        <v>32881</v>
      </c>
      <c r="F1606">
        <v>2</v>
      </c>
      <c r="G1606" t="s">
        <v>0</v>
      </c>
      <c r="H1606" t="s">
        <v>16675</v>
      </c>
      <c r="I1606" t="s">
        <v>30540</v>
      </c>
    </row>
    <row r="1607" spans="1:9">
      <c r="A1607" s="1">
        <v>0.9148909190493929</v>
      </c>
      <c r="B1607" s="1"/>
      <c r="C1607">
        <v>1</v>
      </c>
      <c r="D1607" t="s">
        <v>16670</v>
      </c>
      <c r="E1607" t="s">
        <v>32881</v>
      </c>
      <c r="F1607">
        <v>2</v>
      </c>
      <c r="G1607" t="s">
        <v>13</v>
      </c>
      <c r="H1607" t="s">
        <v>16671</v>
      </c>
      <c r="I1607" t="s">
        <v>30540</v>
      </c>
    </row>
    <row r="1608" spans="1:9">
      <c r="A1608" s="1">
        <v>0.39734662597102155</v>
      </c>
      <c r="B1608" s="1"/>
      <c r="C1608">
        <v>3</v>
      </c>
      <c r="D1608" t="s">
        <v>16666</v>
      </c>
      <c r="E1608" t="s">
        <v>32882</v>
      </c>
      <c r="F1608">
        <v>2</v>
      </c>
      <c r="G1608" t="s">
        <v>10</v>
      </c>
      <c r="H1608" t="s">
        <v>16667</v>
      </c>
      <c r="I1608" t="s">
        <v>30540</v>
      </c>
    </row>
    <row r="1609" spans="1:9">
      <c r="A1609" s="1">
        <v>0.15659618916797646</v>
      </c>
      <c r="B1609" s="1"/>
      <c r="C1609">
        <v>6</v>
      </c>
      <c r="D1609" t="s">
        <v>16652</v>
      </c>
      <c r="E1609" t="s">
        <v>32883</v>
      </c>
      <c r="F1609">
        <v>2</v>
      </c>
      <c r="G1609" t="s">
        <v>14</v>
      </c>
      <c r="H1609" t="s">
        <v>16653</v>
      </c>
      <c r="I1609" t="s">
        <v>30540</v>
      </c>
    </row>
    <row r="1610" spans="1:9">
      <c r="A1610" s="1">
        <v>0.33498188497687298</v>
      </c>
      <c r="B1610" s="1"/>
      <c r="C1610">
        <v>3</v>
      </c>
      <c r="D1610" t="s">
        <v>16642</v>
      </c>
      <c r="E1610" t="s">
        <v>32884</v>
      </c>
      <c r="F1610">
        <v>3</v>
      </c>
      <c r="G1610" t="s">
        <v>0</v>
      </c>
      <c r="H1610" t="s">
        <v>16643</v>
      </c>
      <c r="I1610" t="s">
        <v>30540</v>
      </c>
    </row>
    <row r="1611" spans="1:9">
      <c r="A1611" s="1">
        <v>0.68855372911362167</v>
      </c>
      <c r="B1611" s="1"/>
      <c r="C1611">
        <v>7</v>
      </c>
      <c r="D1611" t="s">
        <v>16646</v>
      </c>
      <c r="E1611" t="s">
        <v>32884</v>
      </c>
      <c r="F1611">
        <v>3</v>
      </c>
      <c r="G1611" t="s">
        <v>14</v>
      </c>
      <c r="H1611" t="s">
        <v>16647</v>
      </c>
      <c r="I1611" t="s">
        <v>30540</v>
      </c>
    </row>
    <row r="1612" spans="1:9">
      <c r="A1612" s="1">
        <v>0.68476373651918698</v>
      </c>
      <c r="B1612" s="1"/>
      <c r="C1612">
        <v>8</v>
      </c>
      <c r="D1612" t="s">
        <v>16632</v>
      </c>
      <c r="E1612" t="s">
        <v>32885</v>
      </c>
      <c r="F1612">
        <v>1</v>
      </c>
      <c r="G1612" t="s">
        <v>14</v>
      </c>
      <c r="H1612" t="s">
        <v>16633</v>
      </c>
      <c r="I1612" t="s">
        <v>30540</v>
      </c>
    </row>
    <row r="1613" spans="1:9">
      <c r="A1613" s="1">
        <v>0.87597921944773083</v>
      </c>
      <c r="B1613" s="1"/>
      <c r="C1613">
        <v>17</v>
      </c>
      <c r="D1613" t="s">
        <v>16640</v>
      </c>
      <c r="E1613" t="s">
        <v>32885</v>
      </c>
      <c r="F1613">
        <v>1</v>
      </c>
      <c r="G1613" t="s">
        <v>0</v>
      </c>
      <c r="H1613" t="s">
        <v>16641</v>
      </c>
      <c r="I1613" t="s">
        <v>30540</v>
      </c>
    </row>
    <row r="1614" spans="1:9">
      <c r="A1614" s="1">
        <v>0.32237352832763888</v>
      </c>
      <c r="B1614" s="1"/>
      <c r="C1614">
        <v>12</v>
      </c>
      <c r="D1614" t="s">
        <v>16608</v>
      </c>
      <c r="E1614" t="s">
        <v>32888</v>
      </c>
      <c r="F1614">
        <v>2</v>
      </c>
      <c r="G1614" t="s">
        <v>15</v>
      </c>
      <c r="H1614" t="s">
        <v>16609</v>
      </c>
      <c r="I1614" t="s">
        <v>30540</v>
      </c>
    </row>
    <row r="1615" spans="1:9">
      <c r="A1615" s="1">
        <v>0.16171972501969867</v>
      </c>
      <c r="B1615" s="1"/>
      <c r="C1615">
        <v>13</v>
      </c>
      <c r="D1615" t="s">
        <v>16580</v>
      </c>
      <c r="E1615" t="s">
        <v>32891</v>
      </c>
      <c r="F1615">
        <v>3</v>
      </c>
      <c r="G1615" t="s">
        <v>10</v>
      </c>
      <c r="H1615" t="s">
        <v>16581</v>
      </c>
      <c r="I1615" t="s">
        <v>30540</v>
      </c>
    </row>
    <row r="1616" spans="1:9">
      <c r="A1616" s="1">
        <v>0.74759569827225214</v>
      </c>
      <c r="B1616" s="1"/>
      <c r="C1616">
        <v>9</v>
      </c>
      <c r="D1616" t="s">
        <v>16578</v>
      </c>
      <c r="E1616" t="s">
        <v>32891</v>
      </c>
      <c r="F1616">
        <v>2</v>
      </c>
      <c r="G1616" t="s">
        <v>2</v>
      </c>
      <c r="H1616" t="s">
        <v>16579</v>
      </c>
      <c r="I1616" t="s">
        <v>30540</v>
      </c>
    </row>
    <row r="1617" spans="1:9">
      <c r="A1617" s="1">
        <v>0.82852745713519538</v>
      </c>
      <c r="B1617" s="1"/>
      <c r="C1617">
        <v>3</v>
      </c>
      <c r="D1617" t="s">
        <v>16554</v>
      </c>
      <c r="E1617" t="s">
        <v>32893</v>
      </c>
      <c r="F1617">
        <v>3</v>
      </c>
      <c r="G1617" t="s">
        <v>9</v>
      </c>
      <c r="H1617" t="s">
        <v>16555</v>
      </c>
      <c r="I1617" t="s">
        <v>30540</v>
      </c>
    </row>
    <row r="1618" spans="1:9">
      <c r="A1618" s="1">
        <v>0.41771482037768559</v>
      </c>
      <c r="B1618" s="1"/>
      <c r="C1618">
        <v>13</v>
      </c>
      <c r="D1618" t="s">
        <v>16564</v>
      </c>
      <c r="E1618" t="s">
        <v>32893</v>
      </c>
      <c r="F1618">
        <v>2</v>
      </c>
      <c r="G1618" t="s">
        <v>14</v>
      </c>
      <c r="H1618" t="s">
        <v>16565</v>
      </c>
      <c r="I1618" t="s">
        <v>30540</v>
      </c>
    </row>
    <row r="1619" spans="1:9">
      <c r="A1619" s="1">
        <v>0.87872871657437246</v>
      </c>
      <c r="B1619" s="1"/>
      <c r="C1619">
        <v>9</v>
      </c>
      <c r="D1619" t="s">
        <v>16530</v>
      </c>
      <c r="E1619" t="s">
        <v>32896</v>
      </c>
      <c r="F1619">
        <v>1</v>
      </c>
      <c r="G1619" t="s">
        <v>15</v>
      </c>
      <c r="H1619" t="s">
        <v>16531</v>
      </c>
      <c r="I1619" t="s">
        <v>30540</v>
      </c>
    </row>
    <row r="1620" spans="1:9">
      <c r="A1620" s="1">
        <v>0.3318792689183514</v>
      </c>
      <c r="B1620" s="1"/>
      <c r="C1620">
        <v>8</v>
      </c>
      <c r="D1620" t="s">
        <v>16524</v>
      </c>
      <c r="E1620" t="s">
        <v>32897</v>
      </c>
      <c r="F1620">
        <v>2</v>
      </c>
      <c r="G1620" t="s">
        <v>14</v>
      </c>
      <c r="H1620" t="s">
        <v>16525</v>
      </c>
      <c r="I1620" t="s">
        <v>30540</v>
      </c>
    </row>
    <row r="1621" spans="1:9">
      <c r="A1621" s="1">
        <v>0.72946196547566877</v>
      </c>
      <c r="B1621" s="1"/>
      <c r="C1621">
        <v>13</v>
      </c>
      <c r="D1621" t="s">
        <v>16526</v>
      </c>
      <c r="E1621" t="s">
        <v>32897</v>
      </c>
      <c r="F1621">
        <v>1</v>
      </c>
      <c r="G1621" t="s">
        <v>14</v>
      </c>
      <c r="H1621" t="s">
        <v>16527</v>
      </c>
      <c r="I1621" t="s">
        <v>30540</v>
      </c>
    </row>
    <row r="1622" spans="1:9">
      <c r="A1622" s="1">
        <v>0.444839077213252</v>
      </c>
      <c r="B1622" s="1"/>
      <c r="C1622">
        <v>14</v>
      </c>
      <c r="D1622" t="s">
        <v>16516</v>
      </c>
      <c r="E1622" t="s">
        <v>32898</v>
      </c>
      <c r="F1622">
        <v>2</v>
      </c>
      <c r="G1622" t="s">
        <v>14</v>
      </c>
      <c r="H1622" t="s">
        <v>16517</v>
      </c>
      <c r="I1622" t="s">
        <v>30540</v>
      </c>
    </row>
    <row r="1623" spans="1:9">
      <c r="A1623" s="1">
        <v>0.88505151584907127</v>
      </c>
      <c r="B1623" s="1"/>
      <c r="C1623">
        <v>8</v>
      </c>
      <c r="D1623" t="s">
        <v>16496</v>
      </c>
      <c r="E1623" t="s">
        <v>32899</v>
      </c>
      <c r="F1623">
        <v>3</v>
      </c>
      <c r="G1623" t="s">
        <v>1431</v>
      </c>
      <c r="H1623" t="s">
        <v>16497</v>
      </c>
      <c r="I1623" t="s">
        <v>30540</v>
      </c>
    </row>
    <row r="1624" spans="1:9">
      <c r="A1624" s="1">
        <v>0.13127946911084254</v>
      </c>
      <c r="B1624" s="1"/>
      <c r="C1624">
        <v>12</v>
      </c>
      <c r="D1624" t="s">
        <v>16498</v>
      </c>
      <c r="E1624" t="s">
        <v>32899</v>
      </c>
      <c r="F1624">
        <v>2</v>
      </c>
      <c r="G1624" t="s">
        <v>14</v>
      </c>
      <c r="H1624" t="s">
        <v>16499</v>
      </c>
      <c r="I1624" t="s">
        <v>30540</v>
      </c>
    </row>
    <row r="1625" spans="1:9">
      <c r="A1625" s="1">
        <v>0.53107161519663271</v>
      </c>
      <c r="B1625" s="1"/>
      <c r="C1625">
        <v>13</v>
      </c>
      <c r="D1625" t="s">
        <v>16500</v>
      </c>
      <c r="E1625" t="s">
        <v>32899</v>
      </c>
      <c r="F1625">
        <v>2</v>
      </c>
      <c r="G1625" t="s">
        <v>775</v>
      </c>
      <c r="H1625" t="s">
        <v>16501</v>
      </c>
      <c r="I1625" t="s">
        <v>30540</v>
      </c>
    </row>
    <row r="1626" spans="1:9">
      <c r="A1626" s="1">
        <v>0.58356999218201466</v>
      </c>
      <c r="B1626" s="1"/>
      <c r="C1626">
        <v>4</v>
      </c>
      <c r="D1626" t="s">
        <v>16482</v>
      </c>
      <c r="E1626" t="s">
        <v>32900</v>
      </c>
      <c r="F1626">
        <v>3</v>
      </c>
      <c r="G1626" t="s">
        <v>0</v>
      </c>
      <c r="H1626" t="s">
        <v>16483</v>
      </c>
      <c r="I1626" t="s">
        <v>30540</v>
      </c>
    </row>
    <row r="1627" spans="1:9">
      <c r="A1627" s="1">
        <v>0.14510386420707555</v>
      </c>
      <c r="B1627" s="1"/>
      <c r="C1627">
        <v>18</v>
      </c>
      <c r="D1627" t="s">
        <v>16478</v>
      </c>
      <c r="E1627" t="s">
        <v>32901</v>
      </c>
      <c r="F1627">
        <v>3</v>
      </c>
      <c r="G1627" t="s">
        <v>14</v>
      </c>
      <c r="H1627" t="s">
        <v>16479</v>
      </c>
      <c r="I1627" t="s">
        <v>30540</v>
      </c>
    </row>
    <row r="1628" spans="1:9">
      <c r="A1628" s="1">
        <v>0.94223113057283148</v>
      </c>
      <c r="B1628" s="1"/>
      <c r="C1628">
        <v>10</v>
      </c>
      <c r="D1628" t="s">
        <v>16474</v>
      </c>
      <c r="E1628" t="s">
        <v>32901</v>
      </c>
      <c r="F1628">
        <v>1</v>
      </c>
      <c r="G1628" t="s">
        <v>14</v>
      </c>
      <c r="H1628" t="s">
        <v>16475</v>
      </c>
      <c r="I1628" t="s">
        <v>30540</v>
      </c>
    </row>
    <row r="1629" spans="1:9">
      <c r="A1629" s="1">
        <v>3.7479971003695489E-3</v>
      </c>
      <c r="B1629" s="1"/>
      <c r="C1629">
        <v>8</v>
      </c>
      <c r="D1629" t="s">
        <v>16466</v>
      </c>
      <c r="E1629" t="s">
        <v>32902</v>
      </c>
      <c r="F1629">
        <v>2</v>
      </c>
      <c r="G1629" t="s">
        <v>1</v>
      </c>
      <c r="H1629" t="s">
        <v>16467</v>
      </c>
      <c r="I1629" t="s">
        <v>30540</v>
      </c>
    </row>
    <row r="1630" spans="1:9">
      <c r="A1630" s="1">
        <v>0.25391949343349274</v>
      </c>
      <c r="B1630" s="1"/>
      <c r="C1630">
        <v>14</v>
      </c>
      <c r="D1630" t="s">
        <v>16468</v>
      </c>
      <c r="E1630" t="s">
        <v>32902</v>
      </c>
      <c r="F1630">
        <v>2</v>
      </c>
      <c r="G1630" t="s">
        <v>14</v>
      </c>
      <c r="H1630" t="s">
        <v>16469</v>
      </c>
      <c r="I1630" t="s">
        <v>30540</v>
      </c>
    </row>
    <row r="1631" spans="1:9">
      <c r="A1631" s="1">
        <v>7.0047005053771594E-3</v>
      </c>
      <c r="B1631" s="1"/>
      <c r="C1631">
        <v>8</v>
      </c>
      <c r="D1631" t="s">
        <v>16458</v>
      </c>
      <c r="E1631" t="s">
        <v>32903</v>
      </c>
      <c r="F1631">
        <v>3</v>
      </c>
      <c r="G1631" t="s">
        <v>10</v>
      </c>
      <c r="H1631" t="s">
        <v>16459</v>
      </c>
      <c r="I1631" t="s">
        <v>30540</v>
      </c>
    </row>
    <row r="1632" spans="1:9">
      <c r="A1632" s="1">
        <v>0.76911854099614796</v>
      </c>
      <c r="B1632" s="1"/>
      <c r="C1632">
        <v>2</v>
      </c>
      <c r="D1632" t="s">
        <v>16456</v>
      </c>
      <c r="E1632" t="s">
        <v>32903</v>
      </c>
      <c r="F1632">
        <v>2</v>
      </c>
      <c r="G1632" t="s">
        <v>10</v>
      </c>
      <c r="H1632" t="s">
        <v>16457</v>
      </c>
      <c r="I1632" t="s">
        <v>30540</v>
      </c>
    </row>
    <row r="1633" spans="1:9">
      <c r="A1633" s="1">
        <v>0.10137359426568815</v>
      </c>
      <c r="B1633" s="1"/>
      <c r="C1633">
        <v>5</v>
      </c>
      <c r="D1633" t="s">
        <v>16433</v>
      </c>
      <c r="E1633" t="s">
        <v>32907</v>
      </c>
      <c r="F1633">
        <v>3</v>
      </c>
      <c r="G1633" t="s">
        <v>13</v>
      </c>
      <c r="H1633" t="s">
        <v>16434</v>
      </c>
      <c r="I1633" t="s">
        <v>30540</v>
      </c>
    </row>
    <row r="1634" spans="1:9">
      <c r="A1634" s="1">
        <v>0.76047884656257014</v>
      </c>
      <c r="B1634" s="1"/>
      <c r="C1634">
        <v>18</v>
      </c>
      <c r="D1634" t="s">
        <v>16431</v>
      </c>
      <c r="E1634" t="s">
        <v>32908</v>
      </c>
      <c r="F1634">
        <v>2</v>
      </c>
      <c r="G1634" t="s">
        <v>14</v>
      </c>
      <c r="H1634" t="s">
        <v>16432</v>
      </c>
      <c r="I1634" t="s">
        <v>30540</v>
      </c>
    </row>
    <row r="1635" spans="1:9">
      <c r="A1635" s="1">
        <v>0.6476372806927454</v>
      </c>
      <c r="B1635" s="1"/>
      <c r="C1635">
        <v>5</v>
      </c>
      <c r="D1635" t="s">
        <v>16417</v>
      </c>
      <c r="E1635" t="s">
        <v>32909</v>
      </c>
      <c r="F1635">
        <v>3</v>
      </c>
      <c r="G1635" t="s">
        <v>2</v>
      </c>
      <c r="H1635" t="s">
        <v>16418</v>
      </c>
      <c r="I1635" t="s">
        <v>30540</v>
      </c>
    </row>
    <row r="1636" spans="1:9">
      <c r="A1636" s="1">
        <v>0.68051082921920936</v>
      </c>
      <c r="B1636" s="1"/>
      <c r="C1636">
        <v>2</v>
      </c>
      <c r="D1636" t="s">
        <v>16413</v>
      </c>
      <c r="E1636" t="s">
        <v>32909</v>
      </c>
      <c r="F1636">
        <v>2</v>
      </c>
      <c r="G1636" t="s">
        <v>766</v>
      </c>
      <c r="H1636" t="s">
        <v>16414</v>
      </c>
      <c r="I1636" t="s">
        <v>30540</v>
      </c>
    </row>
    <row r="1637" spans="1:9">
      <c r="A1637" s="1">
        <v>0.82598405671768726</v>
      </c>
      <c r="B1637" s="1"/>
      <c r="C1637">
        <v>7</v>
      </c>
      <c r="D1637" t="s">
        <v>16419</v>
      </c>
      <c r="E1637" t="s">
        <v>32909</v>
      </c>
      <c r="F1637">
        <v>1</v>
      </c>
      <c r="G1637" t="s">
        <v>10</v>
      </c>
      <c r="H1637" t="s">
        <v>16420</v>
      </c>
      <c r="I1637" t="s">
        <v>30540</v>
      </c>
    </row>
    <row r="1638" spans="1:9">
      <c r="A1638" s="1">
        <v>0.62436093904644108</v>
      </c>
      <c r="B1638" s="1"/>
      <c r="C1638">
        <v>11</v>
      </c>
      <c r="D1638" t="s">
        <v>16409</v>
      </c>
      <c r="E1638" t="s">
        <v>32910</v>
      </c>
      <c r="F1638">
        <v>3</v>
      </c>
      <c r="G1638" t="s">
        <v>14</v>
      </c>
      <c r="H1638" t="s">
        <v>16410</v>
      </c>
      <c r="I1638" t="s">
        <v>30540</v>
      </c>
    </row>
    <row r="1639" spans="1:9">
      <c r="A1639" s="1">
        <v>0.175673453961534</v>
      </c>
      <c r="B1639" s="1"/>
      <c r="C1639">
        <v>8</v>
      </c>
      <c r="D1639" t="s">
        <v>16407</v>
      </c>
      <c r="E1639" t="s">
        <v>32910</v>
      </c>
      <c r="F1639">
        <v>2</v>
      </c>
      <c r="G1639" t="s">
        <v>14</v>
      </c>
      <c r="H1639" t="s">
        <v>16408</v>
      </c>
      <c r="I1639" t="s">
        <v>30540</v>
      </c>
    </row>
    <row r="1640" spans="1:9">
      <c r="A1640" s="1">
        <v>0.10787342026913072</v>
      </c>
      <c r="B1640" s="1"/>
      <c r="C1640">
        <v>7</v>
      </c>
      <c r="D1640" t="s">
        <v>16403</v>
      </c>
      <c r="E1640" t="s">
        <v>32911</v>
      </c>
      <c r="F1640">
        <v>3</v>
      </c>
      <c r="G1640" t="s">
        <v>14</v>
      </c>
      <c r="H1640" t="s">
        <v>16404</v>
      </c>
      <c r="I1640" t="s">
        <v>30540</v>
      </c>
    </row>
    <row r="1641" spans="1:9">
      <c r="A1641" s="1">
        <v>0.84168275700379869</v>
      </c>
      <c r="B1641" s="1"/>
      <c r="C1641">
        <v>4</v>
      </c>
      <c r="D1641" t="s">
        <v>16399</v>
      </c>
      <c r="E1641" t="s">
        <v>32911</v>
      </c>
      <c r="F1641">
        <v>2</v>
      </c>
      <c r="G1641" t="s">
        <v>13</v>
      </c>
      <c r="H1641" t="s">
        <v>16400</v>
      </c>
      <c r="I1641" t="s">
        <v>30540</v>
      </c>
    </row>
    <row r="1642" spans="1:9">
      <c r="A1642" s="1">
        <v>1.2977279615769333E-2</v>
      </c>
      <c r="B1642" s="1"/>
      <c r="C1642">
        <v>8</v>
      </c>
      <c r="D1642" t="s">
        <v>16405</v>
      </c>
      <c r="E1642" t="s">
        <v>32911</v>
      </c>
      <c r="F1642">
        <v>0</v>
      </c>
      <c r="G1642" t="s">
        <v>14</v>
      </c>
      <c r="H1642" t="s">
        <v>16406</v>
      </c>
      <c r="I1642" t="s">
        <v>30540</v>
      </c>
    </row>
    <row r="1643" spans="1:9">
      <c r="A1643" s="1">
        <v>0.92566537512222091</v>
      </c>
      <c r="B1643" s="1"/>
      <c r="C1643">
        <v>10</v>
      </c>
      <c r="D1643" t="s">
        <v>16395</v>
      </c>
      <c r="E1643" t="s">
        <v>32912</v>
      </c>
      <c r="F1643">
        <v>2</v>
      </c>
      <c r="G1643" t="s">
        <v>14</v>
      </c>
      <c r="H1643" t="s">
        <v>16396</v>
      </c>
      <c r="I1643" t="s">
        <v>30540</v>
      </c>
    </row>
    <row r="1644" spans="1:9">
      <c r="A1644" s="1">
        <v>0.77921206511025698</v>
      </c>
      <c r="B1644" s="1"/>
      <c r="C1644">
        <v>1</v>
      </c>
      <c r="D1644" t="s">
        <v>16389</v>
      </c>
      <c r="E1644" t="s">
        <v>32912</v>
      </c>
      <c r="F1644">
        <v>2</v>
      </c>
      <c r="G1644" t="s">
        <v>14</v>
      </c>
      <c r="H1644" t="s">
        <v>16390</v>
      </c>
      <c r="I1644" t="s">
        <v>30540</v>
      </c>
    </row>
    <row r="1645" spans="1:9">
      <c r="A1645" s="1">
        <v>0.16976116761934723</v>
      </c>
      <c r="B1645" s="1"/>
      <c r="C1645">
        <v>3</v>
      </c>
      <c r="D1645" t="s">
        <v>16391</v>
      </c>
      <c r="E1645" t="s">
        <v>32912</v>
      </c>
      <c r="F1645">
        <v>2</v>
      </c>
      <c r="G1645" t="s">
        <v>13</v>
      </c>
      <c r="H1645" t="s">
        <v>16392</v>
      </c>
      <c r="I1645" t="s">
        <v>30540</v>
      </c>
    </row>
    <row r="1646" spans="1:9">
      <c r="A1646" s="1">
        <v>0.54713275404590422</v>
      </c>
      <c r="B1646" s="1"/>
      <c r="C1646">
        <v>15</v>
      </c>
      <c r="D1646" t="s">
        <v>16385</v>
      </c>
      <c r="E1646" t="s">
        <v>32913</v>
      </c>
      <c r="F1646">
        <v>2</v>
      </c>
      <c r="G1646" t="s">
        <v>0</v>
      </c>
      <c r="H1646" t="s">
        <v>16386</v>
      </c>
      <c r="I1646" t="s">
        <v>30540</v>
      </c>
    </row>
    <row r="1647" spans="1:9">
      <c r="A1647" s="1">
        <v>0.23535887668927169</v>
      </c>
      <c r="B1647" s="1"/>
      <c r="C1647">
        <v>3</v>
      </c>
      <c r="D1647" t="s">
        <v>16375</v>
      </c>
      <c r="E1647" t="s">
        <v>32914</v>
      </c>
      <c r="F1647">
        <v>3</v>
      </c>
      <c r="G1647" t="s">
        <v>13</v>
      </c>
      <c r="H1647" t="s">
        <v>16376</v>
      </c>
      <c r="I1647" t="s">
        <v>30540</v>
      </c>
    </row>
    <row r="1648" spans="1:9">
      <c r="A1648" s="1">
        <v>0.62683186901789956</v>
      </c>
      <c r="B1648" s="1"/>
      <c r="C1648">
        <v>4</v>
      </c>
      <c r="D1648" t="s">
        <v>16377</v>
      </c>
      <c r="E1648" t="s">
        <v>32914</v>
      </c>
      <c r="F1648">
        <v>3</v>
      </c>
      <c r="G1648" t="s">
        <v>9</v>
      </c>
      <c r="H1648" t="s">
        <v>16378</v>
      </c>
      <c r="I1648" t="s">
        <v>30540</v>
      </c>
    </row>
    <row r="1649" spans="1:9">
      <c r="A1649" s="1">
        <v>3.7762207406519699E-2</v>
      </c>
      <c r="B1649" s="1"/>
      <c r="C1649">
        <v>10</v>
      </c>
      <c r="D1649" t="s">
        <v>16379</v>
      </c>
      <c r="E1649" t="s">
        <v>32914</v>
      </c>
      <c r="F1649">
        <v>3</v>
      </c>
      <c r="G1649" t="s">
        <v>13</v>
      </c>
      <c r="H1649" t="s">
        <v>16380</v>
      </c>
      <c r="I1649" t="s">
        <v>30540</v>
      </c>
    </row>
    <row r="1650" spans="1:9">
      <c r="A1650" s="1">
        <v>0.42643462623796513</v>
      </c>
      <c r="B1650" s="1"/>
      <c r="C1650">
        <v>14</v>
      </c>
      <c r="D1650" t="s">
        <v>16343</v>
      </c>
      <c r="E1650" t="s">
        <v>32919</v>
      </c>
      <c r="F1650">
        <v>3</v>
      </c>
      <c r="G1650" t="s">
        <v>9</v>
      </c>
      <c r="H1650" t="s">
        <v>16344</v>
      </c>
      <c r="I1650" t="s">
        <v>30540</v>
      </c>
    </row>
    <row r="1651" spans="1:9">
      <c r="A1651" s="1">
        <v>0.4999731013830393</v>
      </c>
      <c r="B1651" s="1"/>
      <c r="C1651">
        <v>15</v>
      </c>
      <c r="D1651" t="s">
        <v>16335</v>
      </c>
      <c r="E1651" t="s">
        <v>32920</v>
      </c>
      <c r="F1651">
        <v>2</v>
      </c>
      <c r="G1651" t="s">
        <v>14</v>
      </c>
      <c r="H1651" t="s">
        <v>16336</v>
      </c>
      <c r="I1651" t="s">
        <v>30540</v>
      </c>
    </row>
    <row r="1652" spans="1:9">
      <c r="A1652" s="1">
        <v>0.27089313826756656</v>
      </c>
      <c r="B1652" s="1"/>
      <c r="C1652">
        <v>6</v>
      </c>
      <c r="D1652" t="s">
        <v>16331</v>
      </c>
      <c r="E1652" t="s">
        <v>32920</v>
      </c>
      <c r="F1652">
        <v>1</v>
      </c>
      <c r="G1652" t="s">
        <v>0</v>
      </c>
      <c r="H1652" t="s">
        <v>16332</v>
      </c>
      <c r="I1652" t="s">
        <v>30540</v>
      </c>
    </row>
    <row r="1653" spans="1:9">
      <c r="A1653" s="1">
        <v>0.82592882619999031</v>
      </c>
      <c r="B1653" s="1"/>
      <c r="C1653">
        <v>11</v>
      </c>
      <c r="D1653" t="s">
        <v>16325</v>
      </c>
      <c r="E1653" t="s">
        <v>32921</v>
      </c>
      <c r="F1653">
        <v>3</v>
      </c>
      <c r="G1653" t="s">
        <v>0</v>
      </c>
      <c r="H1653" t="s">
        <v>16326</v>
      </c>
      <c r="I1653" t="s">
        <v>30540</v>
      </c>
    </row>
    <row r="1654" spans="1:9">
      <c r="A1654" s="1">
        <v>0.32589918538739504</v>
      </c>
      <c r="B1654" s="1"/>
      <c r="C1654">
        <v>13</v>
      </c>
      <c r="D1654" t="s">
        <v>16329</v>
      </c>
      <c r="E1654" t="s">
        <v>32921</v>
      </c>
      <c r="F1654">
        <v>2</v>
      </c>
      <c r="G1654" t="s">
        <v>10</v>
      </c>
      <c r="H1654" t="s">
        <v>16330</v>
      </c>
      <c r="I1654" t="s">
        <v>30540</v>
      </c>
    </row>
    <row r="1655" spans="1:9">
      <c r="A1655" s="1">
        <v>0.30728238497426086</v>
      </c>
      <c r="B1655" s="1"/>
      <c r="C1655">
        <v>12</v>
      </c>
      <c r="D1655" t="s">
        <v>16319</v>
      </c>
      <c r="E1655" t="s">
        <v>32922</v>
      </c>
      <c r="F1655">
        <v>2</v>
      </c>
      <c r="G1655" t="s">
        <v>14</v>
      </c>
      <c r="H1655" t="s">
        <v>16320</v>
      </c>
      <c r="I1655" t="s">
        <v>30540</v>
      </c>
    </row>
    <row r="1656" spans="1:9">
      <c r="A1656" s="1">
        <v>0.26258503848873971</v>
      </c>
      <c r="B1656" s="1"/>
      <c r="C1656">
        <v>3</v>
      </c>
      <c r="D1656" t="s">
        <v>16311</v>
      </c>
      <c r="E1656" t="s">
        <v>32922</v>
      </c>
      <c r="F1656">
        <v>2</v>
      </c>
      <c r="G1656" t="s">
        <v>15</v>
      </c>
      <c r="H1656" t="s">
        <v>16312</v>
      </c>
      <c r="I1656" t="s">
        <v>30540</v>
      </c>
    </row>
    <row r="1657" spans="1:9">
      <c r="A1657" s="1">
        <v>8.9899969430757509E-2</v>
      </c>
      <c r="B1657" s="1"/>
      <c r="C1657">
        <v>10</v>
      </c>
      <c r="D1657" t="s">
        <v>16317</v>
      </c>
      <c r="E1657" t="s">
        <v>32922</v>
      </c>
      <c r="F1657">
        <v>2</v>
      </c>
      <c r="G1657" t="s">
        <v>2</v>
      </c>
      <c r="H1657" t="s">
        <v>16318</v>
      </c>
      <c r="I1657" t="s">
        <v>30540</v>
      </c>
    </row>
    <row r="1658" spans="1:9">
      <c r="A1658" s="1">
        <v>7.9640320060939906E-2</v>
      </c>
      <c r="B1658" s="1"/>
      <c r="C1658">
        <v>7</v>
      </c>
      <c r="D1658" t="s">
        <v>16305</v>
      </c>
      <c r="E1658" t="s">
        <v>32923</v>
      </c>
      <c r="F1658">
        <v>2</v>
      </c>
      <c r="G1658" t="s">
        <v>13</v>
      </c>
      <c r="H1658" t="s">
        <v>16306</v>
      </c>
      <c r="I1658" t="s">
        <v>30540</v>
      </c>
    </row>
    <row r="1659" spans="1:9">
      <c r="A1659" s="1">
        <v>0.44182305213880158</v>
      </c>
      <c r="B1659" s="1"/>
      <c r="C1659">
        <v>18</v>
      </c>
      <c r="D1659" t="s">
        <v>16299</v>
      </c>
      <c r="E1659" t="s">
        <v>32924</v>
      </c>
      <c r="F1659">
        <v>3</v>
      </c>
      <c r="G1659" t="s">
        <v>14</v>
      </c>
      <c r="H1659" t="s">
        <v>16300</v>
      </c>
      <c r="I1659" t="s">
        <v>30540</v>
      </c>
    </row>
    <row r="1660" spans="1:9">
      <c r="A1660" s="1">
        <v>8.7579777282526861E-2</v>
      </c>
      <c r="B1660" s="1"/>
      <c r="C1660">
        <v>14</v>
      </c>
      <c r="D1660" t="s">
        <v>16293</v>
      </c>
      <c r="E1660" t="s">
        <v>32924</v>
      </c>
      <c r="F1660">
        <v>2</v>
      </c>
      <c r="G1660" t="s">
        <v>14</v>
      </c>
      <c r="H1660" t="s">
        <v>16294</v>
      </c>
      <c r="I1660" t="s">
        <v>30540</v>
      </c>
    </row>
    <row r="1661" spans="1:9">
      <c r="A1661" s="1">
        <v>0.16895698478386767</v>
      </c>
      <c r="B1661" s="1"/>
      <c r="C1661">
        <v>16</v>
      </c>
      <c r="D1661" t="s">
        <v>16297</v>
      </c>
      <c r="E1661" t="s">
        <v>32924</v>
      </c>
      <c r="F1661">
        <v>1</v>
      </c>
      <c r="G1661" t="s">
        <v>2</v>
      </c>
      <c r="H1661" t="s">
        <v>16298</v>
      </c>
      <c r="I1661" t="s">
        <v>30540</v>
      </c>
    </row>
    <row r="1662" spans="1:9">
      <c r="A1662" s="1">
        <v>0.66554478117544336</v>
      </c>
      <c r="B1662" s="1"/>
      <c r="C1662">
        <v>1</v>
      </c>
      <c r="D1662" t="s">
        <v>16273</v>
      </c>
      <c r="E1662" t="s">
        <v>32925</v>
      </c>
      <c r="F1662">
        <v>3</v>
      </c>
      <c r="G1662" t="s">
        <v>13</v>
      </c>
      <c r="H1662" t="s">
        <v>16274</v>
      </c>
      <c r="I1662" t="s">
        <v>30540</v>
      </c>
    </row>
    <row r="1663" spans="1:9">
      <c r="A1663" s="1">
        <v>0.88862084937772634</v>
      </c>
      <c r="B1663" s="1"/>
      <c r="C1663">
        <v>13</v>
      </c>
      <c r="D1663" t="s">
        <v>16269</v>
      </c>
      <c r="E1663" t="s">
        <v>32926</v>
      </c>
      <c r="F1663">
        <v>2</v>
      </c>
      <c r="G1663" t="s">
        <v>14</v>
      </c>
      <c r="H1663" t="s">
        <v>16270</v>
      </c>
      <c r="I1663" t="s">
        <v>30540</v>
      </c>
    </row>
    <row r="1664" spans="1:9">
      <c r="A1664" s="1">
        <v>0.98365892643624864</v>
      </c>
      <c r="B1664" s="1"/>
      <c r="C1664">
        <v>8</v>
      </c>
      <c r="D1664" t="s">
        <v>16257</v>
      </c>
      <c r="E1664" t="s">
        <v>32927</v>
      </c>
      <c r="F1664">
        <v>2</v>
      </c>
      <c r="G1664" t="s">
        <v>1</v>
      </c>
      <c r="H1664" t="s">
        <v>16258</v>
      </c>
      <c r="I1664" t="s">
        <v>30540</v>
      </c>
    </row>
    <row r="1665" spans="1:9">
      <c r="A1665" s="1">
        <v>0.77566694937180303</v>
      </c>
      <c r="B1665" s="1"/>
      <c r="C1665">
        <v>4</v>
      </c>
      <c r="D1665" t="s">
        <v>16245</v>
      </c>
      <c r="E1665" t="s">
        <v>32928</v>
      </c>
      <c r="F1665">
        <v>2</v>
      </c>
      <c r="G1665" t="s">
        <v>1431</v>
      </c>
      <c r="H1665" t="s">
        <v>16246</v>
      </c>
      <c r="I1665" t="s">
        <v>30540</v>
      </c>
    </row>
    <row r="1666" spans="1:9">
      <c r="A1666" s="1">
        <v>0.80710938896984996</v>
      </c>
      <c r="B1666" s="1"/>
      <c r="C1666">
        <v>19</v>
      </c>
      <c r="D1666" t="s">
        <v>16235</v>
      </c>
      <c r="E1666" t="s">
        <v>32930</v>
      </c>
      <c r="F1666">
        <v>2</v>
      </c>
      <c r="G1666" t="s">
        <v>10</v>
      </c>
      <c r="H1666" t="s">
        <v>16236</v>
      </c>
      <c r="I1666" t="s">
        <v>30540</v>
      </c>
    </row>
    <row r="1667" spans="1:9">
      <c r="A1667" s="1">
        <v>0.81491017832947132</v>
      </c>
      <c r="B1667" s="1"/>
      <c r="C1667">
        <v>1</v>
      </c>
      <c r="D1667" t="s">
        <v>16215</v>
      </c>
      <c r="E1667" t="s">
        <v>32930</v>
      </c>
      <c r="F1667">
        <v>2</v>
      </c>
      <c r="G1667" t="s">
        <v>13</v>
      </c>
      <c r="H1667" t="s">
        <v>16216</v>
      </c>
      <c r="I1667" t="s">
        <v>30540</v>
      </c>
    </row>
    <row r="1668" spans="1:9">
      <c r="A1668" s="1">
        <v>0.4090572796074744</v>
      </c>
      <c r="B1668" s="1"/>
      <c r="C1668">
        <v>2</v>
      </c>
      <c r="D1668" t="s">
        <v>16217</v>
      </c>
      <c r="E1668" t="s">
        <v>32930</v>
      </c>
      <c r="F1668">
        <v>2</v>
      </c>
      <c r="G1668" t="s">
        <v>14</v>
      </c>
      <c r="H1668" t="s">
        <v>16218</v>
      </c>
      <c r="I1668" t="s">
        <v>30540</v>
      </c>
    </row>
    <row r="1669" spans="1:9">
      <c r="A1669" s="1">
        <v>0.14066545231131056</v>
      </c>
      <c r="B1669" s="1"/>
      <c r="C1669">
        <v>15</v>
      </c>
      <c r="D1669" t="s">
        <v>16197</v>
      </c>
      <c r="E1669" t="s">
        <v>32932</v>
      </c>
      <c r="F1669">
        <v>2</v>
      </c>
      <c r="G1669" t="s">
        <v>13</v>
      </c>
      <c r="H1669" t="s">
        <v>16198</v>
      </c>
      <c r="I1669" t="s">
        <v>30540</v>
      </c>
    </row>
    <row r="1670" spans="1:9">
      <c r="A1670" s="1">
        <v>0.30693498127983965</v>
      </c>
      <c r="B1670" s="1"/>
      <c r="C1670">
        <v>16</v>
      </c>
      <c r="D1670" t="s">
        <v>16179</v>
      </c>
      <c r="E1670" t="s">
        <v>32934</v>
      </c>
      <c r="F1670">
        <v>3</v>
      </c>
      <c r="G1670" t="s">
        <v>10</v>
      </c>
      <c r="H1670" t="s">
        <v>16180</v>
      </c>
      <c r="I1670" t="s">
        <v>30540</v>
      </c>
    </row>
    <row r="1671" spans="1:9">
      <c r="A1671" s="1">
        <v>0.23844074351578926</v>
      </c>
      <c r="B1671" s="1"/>
      <c r="C1671">
        <v>7</v>
      </c>
      <c r="D1671" t="s">
        <v>16173</v>
      </c>
      <c r="E1671" t="s">
        <v>32934</v>
      </c>
      <c r="F1671">
        <v>2</v>
      </c>
      <c r="G1671" t="s">
        <v>10</v>
      </c>
      <c r="H1671" t="s">
        <v>16174</v>
      </c>
      <c r="I1671" t="s">
        <v>30540</v>
      </c>
    </row>
    <row r="1672" spans="1:9">
      <c r="A1672" s="1">
        <v>0.87273451666440161</v>
      </c>
      <c r="B1672" s="1"/>
      <c r="C1672">
        <v>9</v>
      </c>
      <c r="D1672" t="s">
        <v>16175</v>
      </c>
      <c r="E1672" t="s">
        <v>32934</v>
      </c>
      <c r="F1672">
        <v>2</v>
      </c>
      <c r="G1672" t="s">
        <v>10</v>
      </c>
      <c r="H1672" t="s">
        <v>16176</v>
      </c>
      <c r="I1672" t="s">
        <v>30540</v>
      </c>
    </row>
    <row r="1673" spans="1:9">
      <c r="A1673" s="1">
        <v>0.1200719882685809</v>
      </c>
      <c r="B1673" s="1"/>
      <c r="C1673">
        <v>14</v>
      </c>
      <c r="D1673" t="s">
        <v>16177</v>
      </c>
      <c r="E1673" t="s">
        <v>32934</v>
      </c>
      <c r="F1673">
        <v>2</v>
      </c>
      <c r="G1673" t="s">
        <v>13</v>
      </c>
      <c r="H1673" t="s">
        <v>16178</v>
      </c>
      <c r="I1673" t="s">
        <v>30540</v>
      </c>
    </row>
    <row r="1674" spans="1:9">
      <c r="A1674" s="1">
        <v>0.11057316060523303</v>
      </c>
      <c r="B1674" s="1"/>
      <c r="C1674">
        <v>2</v>
      </c>
      <c r="D1674" t="s">
        <v>16159</v>
      </c>
      <c r="E1674" t="s">
        <v>32935</v>
      </c>
      <c r="F1674">
        <v>3</v>
      </c>
      <c r="G1674" t="s">
        <v>14</v>
      </c>
      <c r="H1674" t="s">
        <v>16160</v>
      </c>
      <c r="I1674" t="s">
        <v>30540</v>
      </c>
    </row>
    <row r="1675" spans="1:9">
      <c r="A1675" s="1">
        <v>0.86652676823335195</v>
      </c>
      <c r="B1675" s="1"/>
      <c r="C1675">
        <v>5</v>
      </c>
      <c r="D1675" t="s">
        <v>16151</v>
      </c>
      <c r="E1675" t="s">
        <v>32936</v>
      </c>
      <c r="F1675">
        <v>2</v>
      </c>
      <c r="G1675" t="s">
        <v>10</v>
      </c>
      <c r="H1675" t="s">
        <v>16152</v>
      </c>
      <c r="I1675" t="s">
        <v>30540</v>
      </c>
    </row>
    <row r="1676" spans="1:9">
      <c r="A1676" s="1">
        <v>0.76040471812448929</v>
      </c>
      <c r="B1676" s="1"/>
      <c r="C1676">
        <v>18</v>
      </c>
      <c r="D1676" t="s">
        <v>16149</v>
      </c>
      <c r="E1676" t="s">
        <v>32937</v>
      </c>
      <c r="F1676">
        <v>3</v>
      </c>
      <c r="G1676" t="s">
        <v>14</v>
      </c>
      <c r="H1676" t="s">
        <v>16150</v>
      </c>
      <c r="I1676" t="s">
        <v>30540</v>
      </c>
    </row>
    <row r="1677" spans="1:9">
      <c r="A1677" s="1">
        <v>0.33401672117018155</v>
      </c>
      <c r="B1677" s="1"/>
      <c r="C1677">
        <v>12</v>
      </c>
      <c r="D1677" t="s">
        <v>16143</v>
      </c>
      <c r="E1677" t="s">
        <v>32938</v>
      </c>
      <c r="F1677">
        <v>2</v>
      </c>
      <c r="G1677" t="s">
        <v>14</v>
      </c>
      <c r="H1677" t="s">
        <v>16144</v>
      </c>
      <c r="I1677" t="s">
        <v>30540</v>
      </c>
    </row>
    <row r="1678" spans="1:9">
      <c r="A1678" s="1">
        <v>0.33705863293031346</v>
      </c>
      <c r="B1678" s="1"/>
      <c r="C1678">
        <v>10</v>
      </c>
      <c r="D1678" t="s">
        <v>16131</v>
      </c>
      <c r="E1678" t="s">
        <v>32939</v>
      </c>
      <c r="F1678">
        <v>2</v>
      </c>
      <c r="G1678" t="s">
        <v>14</v>
      </c>
      <c r="H1678" t="s">
        <v>16132</v>
      </c>
      <c r="I1678" t="s">
        <v>30540</v>
      </c>
    </row>
    <row r="1679" spans="1:9">
      <c r="A1679" s="1">
        <v>0.33377199015765224</v>
      </c>
      <c r="B1679" s="1"/>
      <c r="C1679">
        <v>8</v>
      </c>
      <c r="D1679" t="s">
        <v>16129</v>
      </c>
      <c r="E1679" t="s">
        <v>32939</v>
      </c>
      <c r="F1679">
        <v>2</v>
      </c>
      <c r="G1679" t="s">
        <v>10</v>
      </c>
      <c r="H1679" t="s">
        <v>16130</v>
      </c>
      <c r="I1679" t="s">
        <v>30540</v>
      </c>
    </row>
    <row r="1680" spans="1:9">
      <c r="A1680" s="1">
        <v>0.40097292002200435</v>
      </c>
      <c r="B1680" s="1"/>
      <c r="C1680">
        <v>14</v>
      </c>
      <c r="D1680" t="s">
        <v>16095</v>
      </c>
      <c r="E1680" t="s">
        <v>32942</v>
      </c>
      <c r="F1680">
        <v>2</v>
      </c>
      <c r="G1680" t="s">
        <v>14</v>
      </c>
      <c r="H1680" t="s">
        <v>16096</v>
      </c>
      <c r="I1680" t="s">
        <v>30540</v>
      </c>
    </row>
    <row r="1681" spans="1:9">
      <c r="A1681" s="1">
        <v>0.93774643832086513</v>
      </c>
      <c r="B1681" s="1"/>
      <c r="C1681">
        <v>11</v>
      </c>
      <c r="D1681" t="s">
        <v>16087</v>
      </c>
      <c r="E1681" t="s">
        <v>32943</v>
      </c>
      <c r="F1681">
        <v>3</v>
      </c>
      <c r="G1681" t="s">
        <v>14</v>
      </c>
      <c r="H1681" t="s">
        <v>16088</v>
      </c>
      <c r="I1681" t="s">
        <v>30540</v>
      </c>
    </row>
    <row r="1682" spans="1:9">
      <c r="A1682" s="1">
        <v>0.93264233636894234</v>
      </c>
      <c r="B1682" s="1"/>
      <c r="C1682">
        <v>9</v>
      </c>
      <c r="D1682" t="s">
        <v>16085</v>
      </c>
      <c r="E1682" t="s">
        <v>32943</v>
      </c>
      <c r="F1682">
        <v>2</v>
      </c>
      <c r="G1682" t="s">
        <v>14</v>
      </c>
      <c r="H1682" t="s">
        <v>16086</v>
      </c>
      <c r="I1682" t="s">
        <v>30540</v>
      </c>
    </row>
    <row r="1683" spans="1:9">
      <c r="A1683" s="1">
        <v>0.1984042679528305</v>
      </c>
      <c r="B1683" s="1"/>
      <c r="C1683">
        <v>6</v>
      </c>
      <c r="D1683" t="s">
        <v>16073</v>
      </c>
      <c r="E1683" t="s">
        <v>32944</v>
      </c>
      <c r="F1683">
        <v>3</v>
      </c>
      <c r="G1683" t="s">
        <v>0</v>
      </c>
      <c r="H1683" t="s">
        <v>16074</v>
      </c>
      <c r="I1683" t="s">
        <v>30540</v>
      </c>
    </row>
    <row r="1684" spans="1:9">
      <c r="A1684" s="1">
        <v>0.26387081236258969</v>
      </c>
      <c r="B1684" s="1"/>
      <c r="C1684">
        <v>7</v>
      </c>
      <c r="D1684" t="s">
        <v>16043</v>
      </c>
      <c r="E1684" t="s">
        <v>32949</v>
      </c>
      <c r="F1684">
        <v>3</v>
      </c>
      <c r="G1684" t="s">
        <v>14</v>
      </c>
      <c r="H1684" t="s">
        <v>16044</v>
      </c>
      <c r="I1684" t="s">
        <v>30540</v>
      </c>
    </row>
    <row r="1685" spans="1:9">
      <c r="A1685" s="1">
        <v>0.23481749911128991</v>
      </c>
      <c r="B1685" s="1"/>
      <c r="C1685">
        <v>5</v>
      </c>
      <c r="D1685" t="s">
        <v>16035</v>
      </c>
      <c r="E1685" t="s">
        <v>32950</v>
      </c>
      <c r="F1685">
        <v>3</v>
      </c>
      <c r="G1685" t="s">
        <v>0</v>
      </c>
      <c r="H1685" t="s">
        <v>16036</v>
      </c>
      <c r="I1685" t="s">
        <v>30540</v>
      </c>
    </row>
    <row r="1686" spans="1:9">
      <c r="A1686" s="1">
        <v>0.33440468523432831</v>
      </c>
      <c r="B1686" s="1"/>
      <c r="C1686">
        <v>9</v>
      </c>
      <c r="D1686" t="s">
        <v>16029</v>
      </c>
      <c r="E1686" t="s">
        <v>32951</v>
      </c>
      <c r="F1686">
        <v>2</v>
      </c>
      <c r="G1686" t="s">
        <v>9</v>
      </c>
      <c r="H1686" t="s">
        <v>16030</v>
      </c>
      <c r="I1686" t="s">
        <v>30540</v>
      </c>
    </row>
    <row r="1687" spans="1:9">
      <c r="A1687" s="1">
        <v>0.34753903979969747</v>
      </c>
      <c r="B1687" s="1"/>
      <c r="C1687">
        <v>12</v>
      </c>
      <c r="D1687" t="s">
        <v>16031</v>
      </c>
      <c r="E1687" t="s">
        <v>32951</v>
      </c>
      <c r="F1687">
        <v>2</v>
      </c>
      <c r="G1687" t="s">
        <v>14</v>
      </c>
      <c r="H1687" t="s">
        <v>16032</v>
      </c>
      <c r="I1687" t="s">
        <v>30540</v>
      </c>
    </row>
    <row r="1688" spans="1:9">
      <c r="A1688" s="1">
        <v>0.64980740425889116</v>
      </c>
      <c r="B1688" s="1"/>
      <c r="C1688">
        <v>3</v>
      </c>
      <c r="D1688" t="s">
        <v>16017</v>
      </c>
      <c r="E1688" t="s">
        <v>32953</v>
      </c>
      <c r="F1688">
        <v>2</v>
      </c>
      <c r="G1688" t="s">
        <v>0</v>
      </c>
      <c r="H1688" t="s">
        <v>16018</v>
      </c>
      <c r="I1688" t="s">
        <v>30540</v>
      </c>
    </row>
    <row r="1689" spans="1:9">
      <c r="A1689" s="1">
        <v>0.39067037285049588</v>
      </c>
      <c r="B1689" s="1"/>
      <c r="C1689">
        <v>17</v>
      </c>
      <c r="D1689" t="s">
        <v>16013</v>
      </c>
      <c r="E1689" t="s">
        <v>32954</v>
      </c>
      <c r="F1689">
        <v>2</v>
      </c>
      <c r="G1689" t="s">
        <v>10</v>
      </c>
      <c r="H1689" t="s">
        <v>16014</v>
      </c>
      <c r="I1689" t="s">
        <v>30540</v>
      </c>
    </row>
    <row r="1690" spans="1:9">
      <c r="A1690" s="1">
        <v>0.33955881573037328</v>
      </c>
      <c r="B1690" s="1"/>
      <c r="C1690">
        <v>18</v>
      </c>
      <c r="D1690" t="s">
        <v>16015</v>
      </c>
      <c r="E1690" t="s">
        <v>32954</v>
      </c>
      <c r="F1690">
        <v>2</v>
      </c>
      <c r="G1690" t="s">
        <v>1295</v>
      </c>
      <c r="H1690" t="s">
        <v>16016</v>
      </c>
      <c r="I1690" t="s">
        <v>30540</v>
      </c>
    </row>
    <row r="1691" spans="1:9">
      <c r="A1691" s="1">
        <v>0.29182982232414278</v>
      </c>
      <c r="B1691" s="1"/>
      <c r="C1691">
        <v>7</v>
      </c>
      <c r="D1691" t="s">
        <v>15995</v>
      </c>
      <c r="E1691" t="s">
        <v>32956</v>
      </c>
      <c r="F1691">
        <v>3</v>
      </c>
      <c r="G1691" t="s">
        <v>0</v>
      </c>
      <c r="H1691" t="s">
        <v>15996</v>
      </c>
      <c r="I1691" t="s">
        <v>30540</v>
      </c>
    </row>
    <row r="1692" spans="1:9">
      <c r="A1692" s="1">
        <v>0.14765616810330828</v>
      </c>
      <c r="B1692" s="1"/>
      <c r="C1692">
        <v>18</v>
      </c>
      <c r="D1692" t="s">
        <v>16001</v>
      </c>
      <c r="E1692" t="s">
        <v>32956</v>
      </c>
      <c r="F1692">
        <v>2</v>
      </c>
      <c r="G1692" t="s">
        <v>9</v>
      </c>
      <c r="H1692" t="s">
        <v>16002</v>
      </c>
      <c r="I1692" t="s">
        <v>30540</v>
      </c>
    </row>
    <row r="1693" spans="1:9">
      <c r="A1693" s="1">
        <v>0.95928580552011156</v>
      </c>
      <c r="B1693" s="1"/>
      <c r="C1693">
        <v>12</v>
      </c>
      <c r="D1693" t="s">
        <v>15969</v>
      </c>
      <c r="E1693" t="s">
        <v>32959</v>
      </c>
      <c r="F1693">
        <v>2</v>
      </c>
      <c r="G1693" t="s">
        <v>10</v>
      </c>
      <c r="H1693" t="s">
        <v>15970</v>
      </c>
      <c r="I1693" t="s">
        <v>30540</v>
      </c>
    </row>
    <row r="1694" spans="1:9">
      <c r="A1694" s="1">
        <v>1.6905481412234913E-3</v>
      </c>
      <c r="B1694" s="1"/>
      <c r="C1694">
        <v>19</v>
      </c>
      <c r="D1694" t="s">
        <v>15929</v>
      </c>
      <c r="E1694" t="s">
        <v>32964</v>
      </c>
      <c r="F1694">
        <v>1</v>
      </c>
      <c r="G1694" t="s">
        <v>14</v>
      </c>
      <c r="H1694" t="s">
        <v>15930</v>
      </c>
      <c r="I1694" t="s">
        <v>30540</v>
      </c>
    </row>
    <row r="1695" spans="1:9">
      <c r="A1695" s="1">
        <v>0.41977809280774825</v>
      </c>
      <c r="B1695" s="1"/>
      <c r="C1695">
        <v>9</v>
      </c>
      <c r="D1695" t="s">
        <v>15911</v>
      </c>
      <c r="E1695" t="s">
        <v>32965</v>
      </c>
      <c r="F1695">
        <v>2</v>
      </c>
      <c r="G1695" t="s">
        <v>10</v>
      </c>
      <c r="H1695" t="s">
        <v>15912</v>
      </c>
      <c r="I1695" t="s">
        <v>30540</v>
      </c>
    </row>
    <row r="1696" spans="1:9">
      <c r="A1696" s="1">
        <v>0.85579923375391298</v>
      </c>
      <c r="B1696" s="1"/>
      <c r="C1696">
        <v>18</v>
      </c>
      <c r="D1696" t="s">
        <v>15907</v>
      </c>
      <c r="E1696" t="s">
        <v>32966</v>
      </c>
      <c r="F1696">
        <v>2</v>
      </c>
      <c r="G1696" t="s">
        <v>9</v>
      </c>
      <c r="H1696" t="s">
        <v>15908</v>
      </c>
      <c r="I1696" t="s">
        <v>30540</v>
      </c>
    </row>
    <row r="1697" spans="1:9">
      <c r="A1697" s="1">
        <v>0.14388290557038874</v>
      </c>
      <c r="B1697" s="1"/>
      <c r="C1697">
        <v>9</v>
      </c>
      <c r="D1697" t="s">
        <v>15889</v>
      </c>
      <c r="E1697" t="s">
        <v>32968</v>
      </c>
      <c r="F1697">
        <v>2</v>
      </c>
      <c r="G1697" t="s">
        <v>14</v>
      </c>
      <c r="H1697" t="s">
        <v>15890</v>
      </c>
      <c r="I1697" t="s">
        <v>30540</v>
      </c>
    </row>
    <row r="1698" spans="1:9">
      <c r="A1698" s="1">
        <v>0.25482933799134777</v>
      </c>
      <c r="B1698" s="1"/>
      <c r="C1698">
        <v>14</v>
      </c>
      <c r="D1698" t="s">
        <v>15877</v>
      </c>
      <c r="E1698" t="s">
        <v>32970</v>
      </c>
      <c r="F1698">
        <v>3</v>
      </c>
      <c r="G1698" t="s">
        <v>14</v>
      </c>
      <c r="H1698" t="s">
        <v>15878</v>
      </c>
      <c r="I1698" t="s">
        <v>30540</v>
      </c>
    </row>
    <row r="1699" spans="1:9">
      <c r="A1699" s="1">
        <v>9.6241432787380399E-2</v>
      </c>
      <c r="B1699" s="1"/>
      <c r="C1699">
        <v>8</v>
      </c>
      <c r="D1699" t="s">
        <v>15875</v>
      </c>
      <c r="E1699" t="s">
        <v>32970</v>
      </c>
      <c r="F1699">
        <v>3</v>
      </c>
      <c r="G1699" t="s">
        <v>14</v>
      </c>
      <c r="H1699" t="s">
        <v>15876</v>
      </c>
      <c r="I1699" t="s">
        <v>30540</v>
      </c>
    </row>
    <row r="1700" spans="1:9">
      <c r="A1700" s="1">
        <v>0.68959316184720543</v>
      </c>
      <c r="B1700" s="1"/>
      <c r="C1700">
        <v>7</v>
      </c>
      <c r="D1700" t="s">
        <v>15873</v>
      </c>
      <c r="E1700" t="s">
        <v>32970</v>
      </c>
      <c r="F1700">
        <v>2</v>
      </c>
      <c r="G1700" t="s">
        <v>14</v>
      </c>
      <c r="H1700" t="s">
        <v>15874</v>
      </c>
      <c r="I1700" t="s">
        <v>30540</v>
      </c>
    </row>
    <row r="1701" spans="1:9">
      <c r="A1701" s="1">
        <v>0.85554518917774347</v>
      </c>
      <c r="B1701" s="1"/>
      <c r="C1701">
        <v>19</v>
      </c>
      <c r="D1701" t="s">
        <v>15869</v>
      </c>
      <c r="E1701" t="s">
        <v>32971</v>
      </c>
      <c r="F1701">
        <v>2</v>
      </c>
      <c r="G1701" t="s">
        <v>14</v>
      </c>
      <c r="H1701" t="s">
        <v>15870</v>
      </c>
      <c r="I1701" t="s">
        <v>30540</v>
      </c>
    </row>
    <row r="1702" spans="1:9">
      <c r="A1702" s="1">
        <v>0.61004379672615727</v>
      </c>
      <c r="B1702" s="1"/>
      <c r="C1702">
        <v>9</v>
      </c>
      <c r="D1702" t="s">
        <v>15863</v>
      </c>
      <c r="E1702" t="s">
        <v>32971</v>
      </c>
      <c r="F1702">
        <v>2</v>
      </c>
      <c r="G1702" t="s">
        <v>13</v>
      </c>
      <c r="H1702" t="s">
        <v>15864</v>
      </c>
      <c r="I1702" t="s">
        <v>30540</v>
      </c>
    </row>
    <row r="1703" spans="1:9">
      <c r="A1703" s="1">
        <v>0.44651872934349457</v>
      </c>
      <c r="B1703" s="1"/>
      <c r="C1703">
        <v>7</v>
      </c>
      <c r="D1703" t="s">
        <v>15847</v>
      </c>
      <c r="E1703" t="s">
        <v>32972</v>
      </c>
      <c r="F1703">
        <v>2</v>
      </c>
      <c r="G1703" t="s">
        <v>1295</v>
      </c>
      <c r="H1703" t="s">
        <v>15848</v>
      </c>
      <c r="I1703" t="s">
        <v>30540</v>
      </c>
    </row>
    <row r="1704" spans="1:9">
      <c r="A1704" s="1">
        <v>0.5081213884495801</v>
      </c>
      <c r="B1704" s="1"/>
      <c r="C1704">
        <v>17</v>
      </c>
      <c r="D1704" t="s">
        <v>15855</v>
      </c>
      <c r="E1704" t="s">
        <v>32972</v>
      </c>
      <c r="F1704">
        <v>2</v>
      </c>
      <c r="G1704" t="s">
        <v>3107</v>
      </c>
      <c r="H1704" t="s">
        <v>15856</v>
      </c>
      <c r="I1704" t="s">
        <v>30540</v>
      </c>
    </row>
    <row r="1705" spans="1:9">
      <c r="A1705" s="1">
        <v>0.28503167826627673</v>
      </c>
      <c r="B1705" s="1"/>
      <c r="C1705">
        <v>20</v>
      </c>
      <c r="D1705" t="s">
        <v>15859</v>
      </c>
      <c r="E1705" t="s">
        <v>32972</v>
      </c>
      <c r="F1705">
        <v>2</v>
      </c>
      <c r="G1705" t="s">
        <v>766</v>
      </c>
      <c r="H1705" t="s">
        <v>15860</v>
      </c>
      <c r="I1705" t="s">
        <v>30540</v>
      </c>
    </row>
    <row r="1706" spans="1:9">
      <c r="A1706" s="1">
        <v>0.37419431845024809</v>
      </c>
      <c r="B1706" s="1"/>
      <c r="C1706">
        <v>15</v>
      </c>
      <c r="D1706" t="s">
        <v>15837</v>
      </c>
      <c r="E1706" t="s">
        <v>32973</v>
      </c>
      <c r="F1706">
        <v>2</v>
      </c>
      <c r="G1706" t="s">
        <v>14</v>
      </c>
      <c r="H1706" t="s">
        <v>15838</v>
      </c>
      <c r="I1706" t="s">
        <v>30540</v>
      </c>
    </row>
    <row r="1707" spans="1:9">
      <c r="A1707" s="1">
        <v>0.28048075513130433</v>
      </c>
      <c r="B1707" s="1"/>
      <c r="C1707">
        <v>6</v>
      </c>
      <c r="D1707" t="s">
        <v>15833</v>
      </c>
      <c r="E1707" t="s">
        <v>32973</v>
      </c>
      <c r="F1707">
        <v>2</v>
      </c>
      <c r="G1707" t="s">
        <v>10</v>
      </c>
      <c r="H1707" t="s">
        <v>15834</v>
      </c>
      <c r="I1707" t="s">
        <v>30540</v>
      </c>
    </row>
    <row r="1708" spans="1:9">
      <c r="A1708" s="1">
        <v>0.17182525091870926</v>
      </c>
      <c r="B1708" s="1"/>
      <c r="C1708">
        <v>18</v>
      </c>
      <c r="D1708" t="s">
        <v>15825</v>
      </c>
      <c r="E1708" t="s">
        <v>32974</v>
      </c>
      <c r="F1708">
        <v>2</v>
      </c>
      <c r="G1708" t="s">
        <v>14</v>
      </c>
      <c r="H1708" t="s">
        <v>15826</v>
      </c>
      <c r="I1708" t="s">
        <v>30540</v>
      </c>
    </row>
    <row r="1709" spans="1:9">
      <c r="A1709" s="1">
        <v>0.31856902793061626</v>
      </c>
      <c r="B1709" s="1"/>
      <c r="C1709">
        <v>4</v>
      </c>
      <c r="D1709" t="s">
        <v>15809</v>
      </c>
      <c r="E1709" t="s">
        <v>32975</v>
      </c>
      <c r="F1709">
        <v>3</v>
      </c>
      <c r="G1709" t="s">
        <v>14</v>
      </c>
      <c r="H1709" t="s">
        <v>15810</v>
      </c>
      <c r="I1709" t="s">
        <v>30540</v>
      </c>
    </row>
    <row r="1710" spans="1:9">
      <c r="A1710" s="1">
        <v>0.77853485951357182</v>
      </c>
      <c r="B1710" s="1"/>
      <c r="C1710">
        <v>19</v>
      </c>
      <c r="D1710" t="s">
        <v>15819</v>
      </c>
      <c r="E1710" t="s">
        <v>32975</v>
      </c>
      <c r="F1710">
        <v>2</v>
      </c>
      <c r="G1710" t="s">
        <v>14</v>
      </c>
      <c r="H1710" t="s">
        <v>15820</v>
      </c>
      <c r="I1710" t="s">
        <v>30540</v>
      </c>
    </row>
    <row r="1711" spans="1:9">
      <c r="A1711" s="1">
        <v>0.72337120533938881</v>
      </c>
      <c r="B1711" s="1"/>
      <c r="C1711">
        <v>6</v>
      </c>
      <c r="D1711" t="s">
        <v>15811</v>
      </c>
      <c r="E1711" t="s">
        <v>32975</v>
      </c>
      <c r="F1711">
        <v>2</v>
      </c>
      <c r="G1711" t="s">
        <v>1</v>
      </c>
      <c r="H1711" t="s">
        <v>15812</v>
      </c>
      <c r="I1711" t="s">
        <v>30540</v>
      </c>
    </row>
    <row r="1712" spans="1:9">
      <c r="A1712" s="1">
        <v>0.96218053522054547</v>
      </c>
      <c r="B1712" s="1"/>
      <c r="C1712">
        <v>17</v>
      </c>
      <c r="D1712" t="s">
        <v>15805</v>
      </c>
      <c r="E1712" t="s">
        <v>32976</v>
      </c>
      <c r="F1712">
        <v>3</v>
      </c>
      <c r="G1712" t="s">
        <v>14</v>
      </c>
      <c r="H1712" t="s">
        <v>15806</v>
      </c>
      <c r="I1712" t="s">
        <v>30540</v>
      </c>
    </row>
    <row r="1713" spans="1:9">
      <c r="A1713" s="1">
        <v>0.13108246744125984</v>
      </c>
      <c r="B1713" s="1"/>
      <c r="C1713">
        <v>12</v>
      </c>
      <c r="D1713" t="s">
        <v>15795</v>
      </c>
      <c r="E1713" t="s">
        <v>32977</v>
      </c>
      <c r="F1713">
        <v>3</v>
      </c>
      <c r="G1713" t="s">
        <v>14</v>
      </c>
      <c r="H1713" t="s">
        <v>15796</v>
      </c>
      <c r="I1713" t="s">
        <v>30540</v>
      </c>
    </row>
    <row r="1714" spans="1:9">
      <c r="A1714" s="1">
        <v>2.2849459608219047E-2</v>
      </c>
      <c r="B1714" s="1"/>
      <c r="C1714">
        <v>8</v>
      </c>
      <c r="D1714" t="s">
        <v>15791</v>
      </c>
      <c r="E1714" t="s">
        <v>32977</v>
      </c>
      <c r="F1714">
        <v>3</v>
      </c>
      <c r="G1714" t="s">
        <v>14</v>
      </c>
      <c r="H1714" t="s">
        <v>15792</v>
      </c>
      <c r="I1714" t="s">
        <v>30540</v>
      </c>
    </row>
    <row r="1715" spans="1:9">
      <c r="A1715" s="1">
        <v>0.57007308250613764</v>
      </c>
      <c r="B1715" s="1"/>
      <c r="C1715">
        <v>6</v>
      </c>
      <c r="D1715" t="s">
        <v>15789</v>
      </c>
      <c r="E1715" t="s">
        <v>32977</v>
      </c>
      <c r="F1715">
        <v>3</v>
      </c>
      <c r="G1715" t="s">
        <v>13</v>
      </c>
      <c r="H1715" t="s">
        <v>15790</v>
      </c>
      <c r="I1715" t="s">
        <v>30540</v>
      </c>
    </row>
    <row r="1716" spans="1:9">
      <c r="A1716" s="1">
        <v>0.45206810589611246</v>
      </c>
      <c r="B1716" s="1"/>
      <c r="C1716">
        <v>17</v>
      </c>
      <c r="D1716" t="s">
        <v>15783</v>
      </c>
      <c r="E1716" t="s">
        <v>32978</v>
      </c>
      <c r="F1716">
        <v>2</v>
      </c>
      <c r="G1716" t="s">
        <v>1</v>
      </c>
      <c r="H1716" t="s">
        <v>15784</v>
      </c>
      <c r="I1716" t="s">
        <v>30540</v>
      </c>
    </row>
    <row r="1717" spans="1:9">
      <c r="A1717" s="1">
        <v>0.52233703962649647</v>
      </c>
      <c r="B1717" s="1"/>
      <c r="C1717">
        <v>6</v>
      </c>
      <c r="D1717" t="s">
        <v>15771</v>
      </c>
      <c r="E1717" t="s">
        <v>32978</v>
      </c>
      <c r="F1717">
        <v>2</v>
      </c>
      <c r="G1717" t="s">
        <v>1</v>
      </c>
      <c r="H1717" t="s">
        <v>15772</v>
      </c>
      <c r="I1717" t="s">
        <v>30540</v>
      </c>
    </row>
    <row r="1718" spans="1:9">
      <c r="A1718" s="1">
        <v>0.45339188439398559</v>
      </c>
      <c r="B1718" s="1"/>
      <c r="C1718">
        <v>14</v>
      </c>
      <c r="D1718" t="s">
        <v>15761</v>
      </c>
      <c r="E1718" t="s">
        <v>32979</v>
      </c>
      <c r="F1718">
        <v>3</v>
      </c>
      <c r="G1718" t="s">
        <v>14</v>
      </c>
      <c r="H1718" t="s">
        <v>15762</v>
      </c>
      <c r="I1718" t="s">
        <v>30540</v>
      </c>
    </row>
    <row r="1719" spans="1:9">
      <c r="A1719" s="1">
        <v>0.83123793306242577</v>
      </c>
      <c r="B1719" s="1"/>
      <c r="C1719">
        <v>13</v>
      </c>
      <c r="D1719" t="s">
        <v>15759</v>
      </c>
      <c r="E1719" t="s">
        <v>32979</v>
      </c>
      <c r="F1719">
        <v>3</v>
      </c>
      <c r="G1719" t="s">
        <v>13</v>
      </c>
      <c r="H1719" t="s">
        <v>15760</v>
      </c>
      <c r="I1719" t="s">
        <v>30540</v>
      </c>
    </row>
    <row r="1720" spans="1:9">
      <c r="A1720" s="1">
        <v>0.53313796975324501</v>
      </c>
      <c r="B1720" s="1"/>
      <c r="C1720">
        <v>9</v>
      </c>
      <c r="D1720" t="s">
        <v>15757</v>
      </c>
      <c r="E1720" t="s">
        <v>32979</v>
      </c>
      <c r="F1720">
        <v>2</v>
      </c>
      <c r="G1720" t="s">
        <v>14</v>
      </c>
      <c r="H1720" t="s">
        <v>15758</v>
      </c>
      <c r="I1720" t="s">
        <v>30540</v>
      </c>
    </row>
    <row r="1721" spans="1:9">
      <c r="A1721" s="1">
        <v>0.9340086226754114</v>
      </c>
      <c r="B1721" s="1"/>
      <c r="C1721">
        <v>10</v>
      </c>
      <c r="D1721" t="s">
        <v>15751</v>
      </c>
      <c r="E1721" t="s">
        <v>32980</v>
      </c>
      <c r="F1721">
        <v>2</v>
      </c>
      <c r="G1721" t="s">
        <v>14</v>
      </c>
      <c r="H1721" t="s">
        <v>15752</v>
      </c>
      <c r="I1721" t="s">
        <v>30540</v>
      </c>
    </row>
    <row r="1722" spans="1:9">
      <c r="A1722" s="1">
        <v>1.0058642671819662E-3</v>
      </c>
      <c r="B1722" s="1"/>
      <c r="C1722">
        <v>10</v>
      </c>
      <c r="D1722" t="s">
        <v>15745</v>
      </c>
      <c r="E1722" t="s">
        <v>32981</v>
      </c>
      <c r="F1722">
        <v>2</v>
      </c>
      <c r="G1722" t="s">
        <v>1</v>
      </c>
      <c r="H1722" t="s">
        <v>15746</v>
      </c>
      <c r="I1722" t="s">
        <v>30540</v>
      </c>
    </row>
    <row r="1723" spans="1:9">
      <c r="A1723" s="1">
        <v>0.8636465622041265</v>
      </c>
      <c r="B1723" s="1"/>
      <c r="C1723">
        <v>5</v>
      </c>
      <c r="D1723" t="s">
        <v>15741</v>
      </c>
      <c r="E1723" t="s">
        <v>32981</v>
      </c>
      <c r="F1723">
        <v>2</v>
      </c>
      <c r="G1723" t="s">
        <v>766</v>
      </c>
      <c r="H1723" t="s">
        <v>15742</v>
      </c>
      <c r="I1723" t="s">
        <v>30540</v>
      </c>
    </row>
    <row r="1724" spans="1:9">
      <c r="A1724" s="1">
        <v>0.77838809902969008</v>
      </c>
      <c r="B1724" s="1"/>
      <c r="C1724">
        <v>2</v>
      </c>
      <c r="D1724" t="s">
        <v>15733</v>
      </c>
      <c r="E1724" t="s">
        <v>32982</v>
      </c>
      <c r="F1724">
        <v>3</v>
      </c>
      <c r="G1724" t="s">
        <v>14</v>
      </c>
      <c r="H1724" t="s">
        <v>15734</v>
      </c>
      <c r="I1724" t="s">
        <v>30540</v>
      </c>
    </row>
    <row r="1725" spans="1:9">
      <c r="A1725" s="1">
        <v>0.58686279208784087</v>
      </c>
      <c r="B1725" s="1"/>
      <c r="C1725">
        <v>2</v>
      </c>
      <c r="D1725" t="s">
        <v>15719</v>
      </c>
      <c r="E1725" t="s">
        <v>32983</v>
      </c>
      <c r="F1725">
        <v>2</v>
      </c>
      <c r="G1725" t="s">
        <v>1</v>
      </c>
      <c r="H1725" t="s">
        <v>15720</v>
      </c>
      <c r="I1725" t="s">
        <v>30540</v>
      </c>
    </row>
    <row r="1726" spans="1:9">
      <c r="A1726" s="1">
        <v>0.15193179029248138</v>
      </c>
      <c r="B1726" s="1"/>
      <c r="C1726">
        <v>7</v>
      </c>
      <c r="D1726" t="s">
        <v>15721</v>
      </c>
      <c r="E1726" t="s">
        <v>32983</v>
      </c>
      <c r="F1726">
        <v>1</v>
      </c>
      <c r="G1726" t="s">
        <v>9</v>
      </c>
      <c r="H1726" t="s">
        <v>15722</v>
      </c>
      <c r="I1726" t="s">
        <v>30540</v>
      </c>
    </row>
    <row r="1727" spans="1:9">
      <c r="A1727" s="1">
        <v>0.95968961427337307</v>
      </c>
      <c r="B1727" s="1"/>
      <c r="C1727">
        <v>11</v>
      </c>
      <c r="D1727" t="s">
        <v>15709</v>
      </c>
      <c r="E1727" t="s">
        <v>32984</v>
      </c>
      <c r="F1727">
        <v>2</v>
      </c>
      <c r="G1727" t="s">
        <v>14</v>
      </c>
      <c r="H1727" t="s">
        <v>15710</v>
      </c>
      <c r="I1727" t="s">
        <v>30540</v>
      </c>
    </row>
    <row r="1728" spans="1:9">
      <c r="A1728" s="1">
        <v>0.64477438775445883</v>
      </c>
      <c r="B1728" s="1"/>
      <c r="C1728">
        <v>10</v>
      </c>
      <c r="D1728" t="s">
        <v>15707</v>
      </c>
      <c r="E1728" t="s">
        <v>32984</v>
      </c>
      <c r="F1728">
        <v>2</v>
      </c>
      <c r="G1728" t="s">
        <v>14</v>
      </c>
      <c r="H1728" t="s">
        <v>15708</v>
      </c>
      <c r="I1728" t="s">
        <v>30540</v>
      </c>
    </row>
    <row r="1729" spans="1:9">
      <c r="A1729" s="1">
        <v>0.74856167330905354</v>
      </c>
      <c r="B1729" s="1"/>
      <c r="C1729">
        <v>3</v>
      </c>
      <c r="D1729" t="s">
        <v>15699</v>
      </c>
      <c r="E1729" t="s">
        <v>32985</v>
      </c>
      <c r="F1729">
        <v>3</v>
      </c>
      <c r="G1729" t="s">
        <v>14</v>
      </c>
      <c r="H1729" t="s">
        <v>15700</v>
      </c>
      <c r="I1729" t="s">
        <v>30540</v>
      </c>
    </row>
    <row r="1730" spans="1:9">
      <c r="A1730" s="1">
        <v>0.18835596302023316</v>
      </c>
      <c r="B1730" s="1"/>
      <c r="C1730">
        <v>18</v>
      </c>
      <c r="D1730" t="s">
        <v>15697</v>
      </c>
      <c r="E1730" t="s">
        <v>32986</v>
      </c>
      <c r="F1730">
        <v>2</v>
      </c>
      <c r="G1730" t="s">
        <v>14</v>
      </c>
      <c r="H1730" t="s">
        <v>15698</v>
      </c>
      <c r="I1730" t="s">
        <v>30540</v>
      </c>
    </row>
    <row r="1731" spans="1:9">
      <c r="A1731" s="1">
        <v>3.1001637288054384E-2</v>
      </c>
      <c r="B1731" s="1"/>
      <c r="C1731">
        <v>2</v>
      </c>
      <c r="D1731" t="s">
        <v>15667</v>
      </c>
      <c r="E1731" t="s">
        <v>32988</v>
      </c>
      <c r="F1731">
        <v>2</v>
      </c>
      <c r="G1731" t="s">
        <v>10</v>
      </c>
      <c r="H1731" t="s">
        <v>15668</v>
      </c>
      <c r="I1731" t="s">
        <v>30540</v>
      </c>
    </row>
    <row r="1732" spans="1:9">
      <c r="A1732" s="1">
        <v>0.22485622295785246</v>
      </c>
      <c r="B1732" s="1"/>
      <c r="C1732">
        <v>20</v>
      </c>
      <c r="D1732" t="s">
        <v>15681</v>
      </c>
      <c r="E1732" t="s">
        <v>32988</v>
      </c>
      <c r="F1732">
        <v>1</v>
      </c>
      <c r="G1732" t="s">
        <v>2</v>
      </c>
      <c r="H1732" t="s">
        <v>15682</v>
      </c>
      <c r="I1732" t="s">
        <v>30540</v>
      </c>
    </row>
    <row r="1733" spans="1:9">
      <c r="A1733" s="1">
        <v>0.80590783374144026</v>
      </c>
      <c r="B1733" s="1"/>
      <c r="C1733">
        <v>12</v>
      </c>
      <c r="D1733" t="s">
        <v>15677</v>
      </c>
      <c r="E1733" t="s">
        <v>32988</v>
      </c>
      <c r="F1733">
        <v>1</v>
      </c>
      <c r="G1733" t="s">
        <v>9</v>
      </c>
      <c r="H1733" t="s">
        <v>15678</v>
      </c>
      <c r="I1733" t="s">
        <v>30540</v>
      </c>
    </row>
    <row r="1734" spans="1:9">
      <c r="A1734" s="1">
        <v>0.12731680249836719</v>
      </c>
      <c r="B1734" s="1"/>
      <c r="C1734">
        <v>16</v>
      </c>
      <c r="D1734" t="s">
        <v>15665</v>
      </c>
      <c r="E1734" t="s">
        <v>32989</v>
      </c>
      <c r="F1734">
        <v>1</v>
      </c>
      <c r="G1734" t="s">
        <v>2</v>
      </c>
      <c r="H1734" t="s">
        <v>15666</v>
      </c>
      <c r="I1734" t="s">
        <v>30540</v>
      </c>
    </row>
    <row r="1735" spans="1:9">
      <c r="A1735" s="1">
        <v>0.98263255005415695</v>
      </c>
      <c r="B1735" s="1"/>
      <c r="C1735">
        <v>16</v>
      </c>
      <c r="D1735" t="s">
        <v>15647</v>
      </c>
      <c r="E1735" t="s">
        <v>32991</v>
      </c>
      <c r="F1735">
        <v>2</v>
      </c>
      <c r="G1735" t="s">
        <v>2738</v>
      </c>
      <c r="H1735" t="s">
        <v>15648</v>
      </c>
      <c r="I1735" t="s">
        <v>30540</v>
      </c>
    </row>
    <row r="1736" spans="1:9">
      <c r="A1736" s="1">
        <v>0.5446390051116704</v>
      </c>
      <c r="B1736" s="1"/>
      <c r="C1736">
        <v>12</v>
      </c>
      <c r="D1736" t="s">
        <v>15645</v>
      </c>
      <c r="E1736" t="s">
        <v>32991</v>
      </c>
      <c r="F1736">
        <v>2</v>
      </c>
      <c r="G1736" t="s">
        <v>10</v>
      </c>
      <c r="H1736" t="s">
        <v>15646</v>
      </c>
      <c r="I1736" t="s">
        <v>30540</v>
      </c>
    </row>
    <row r="1737" spans="1:9">
      <c r="A1737" s="1">
        <v>0.83632202447150827</v>
      </c>
      <c r="B1737" s="1"/>
      <c r="C1737">
        <v>14</v>
      </c>
      <c r="D1737" t="s">
        <v>15629</v>
      </c>
      <c r="E1737" t="s">
        <v>32993</v>
      </c>
      <c r="F1737">
        <v>1</v>
      </c>
      <c r="G1737" t="s">
        <v>10</v>
      </c>
      <c r="H1737" t="s">
        <v>15630</v>
      </c>
      <c r="I1737" t="s">
        <v>30540</v>
      </c>
    </row>
    <row r="1738" spans="1:9">
      <c r="A1738" s="1">
        <v>0.22831093848885153</v>
      </c>
      <c r="B1738" s="1"/>
      <c r="C1738">
        <v>15</v>
      </c>
      <c r="D1738" t="s">
        <v>15613</v>
      </c>
      <c r="E1738" t="s">
        <v>32994</v>
      </c>
      <c r="F1738">
        <v>1</v>
      </c>
      <c r="G1738" t="s">
        <v>0</v>
      </c>
      <c r="H1738" t="s">
        <v>15614</v>
      </c>
      <c r="I1738" t="s">
        <v>30540</v>
      </c>
    </row>
    <row r="1739" spans="1:9">
      <c r="A1739" s="1">
        <v>0.97938715171078905</v>
      </c>
      <c r="B1739" s="1"/>
      <c r="C1739">
        <v>8</v>
      </c>
      <c r="D1739" t="s">
        <v>15591</v>
      </c>
      <c r="E1739" t="s">
        <v>32995</v>
      </c>
      <c r="F1739">
        <v>2</v>
      </c>
      <c r="G1739" t="s">
        <v>14</v>
      </c>
      <c r="H1739" t="s">
        <v>15592</v>
      </c>
      <c r="I1739" t="s">
        <v>30540</v>
      </c>
    </row>
    <row r="1740" spans="1:9">
      <c r="A1740" s="1">
        <v>0.70326135710839743</v>
      </c>
      <c r="B1740" s="1"/>
      <c r="C1740">
        <v>19</v>
      </c>
      <c r="D1740" t="s">
        <v>15599</v>
      </c>
      <c r="E1740" t="s">
        <v>32995</v>
      </c>
      <c r="F1740">
        <v>2</v>
      </c>
      <c r="G1740" t="s">
        <v>15</v>
      </c>
      <c r="H1740" t="s">
        <v>15600</v>
      </c>
      <c r="I1740" t="s">
        <v>30540</v>
      </c>
    </row>
    <row r="1741" spans="1:9">
      <c r="A1741" s="1">
        <v>0.44989160377362969</v>
      </c>
      <c r="B1741" s="1"/>
      <c r="C1741">
        <v>1</v>
      </c>
      <c r="D1741" t="s">
        <v>15581</v>
      </c>
      <c r="E1741" t="s">
        <v>32996</v>
      </c>
      <c r="F1741">
        <v>2</v>
      </c>
      <c r="G1741" t="s">
        <v>766</v>
      </c>
      <c r="H1741" t="s">
        <v>15582</v>
      </c>
      <c r="I1741" t="s">
        <v>30540</v>
      </c>
    </row>
    <row r="1742" spans="1:9">
      <c r="A1742" s="1">
        <v>0.34103876106040165</v>
      </c>
      <c r="B1742" s="1"/>
      <c r="C1742">
        <v>16</v>
      </c>
      <c r="D1742" t="s">
        <v>15565</v>
      </c>
      <c r="E1742" t="s">
        <v>32998</v>
      </c>
      <c r="F1742">
        <v>2</v>
      </c>
      <c r="G1742" t="s">
        <v>14</v>
      </c>
      <c r="H1742" t="s">
        <v>15566</v>
      </c>
      <c r="I1742" t="s">
        <v>30540</v>
      </c>
    </row>
    <row r="1743" spans="1:9">
      <c r="A1743" s="1">
        <v>0.10334315370844283</v>
      </c>
      <c r="B1743" s="1"/>
      <c r="C1743">
        <v>16</v>
      </c>
      <c r="D1743" t="s">
        <v>15553</v>
      </c>
      <c r="E1743" t="s">
        <v>32999</v>
      </c>
      <c r="F1743">
        <v>2</v>
      </c>
      <c r="G1743" t="s">
        <v>2</v>
      </c>
      <c r="H1743" t="s">
        <v>15554</v>
      </c>
      <c r="I1743" t="s">
        <v>30540</v>
      </c>
    </row>
    <row r="1744" spans="1:9">
      <c r="A1744" s="1">
        <v>9.0666233870512536E-2</v>
      </c>
      <c r="B1744" s="1"/>
      <c r="C1744">
        <v>18</v>
      </c>
      <c r="D1744" t="s">
        <v>15555</v>
      </c>
      <c r="E1744" t="s">
        <v>32999</v>
      </c>
      <c r="F1744">
        <v>1</v>
      </c>
      <c r="G1744" t="s">
        <v>14</v>
      </c>
      <c r="H1744" t="s">
        <v>15556</v>
      </c>
      <c r="I1744" t="s">
        <v>30540</v>
      </c>
    </row>
    <row r="1745" spans="1:9">
      <c r="A1745" s="1">
        <v>0.54027051917513347</v>
      </c>
      <c r="B1745" s="1"/>
      <c r="C1745">
        <v>15</v>
      </c>
      <c r="D1745" t="s">
        <v>15541</v>
      </c>
      <c r="E1745" t="s">
        <v>33000</v>
      </c>
      <c r="F1745">
        <v>3</v>
      </c>
      <c r="G1745" t="s">
        <v>1</v>
      </c>
      <c r="H1745" t="s">
        <v>15542</v>
      </c>
      <c r="I1745" t="s">
        <v>30540</v>
      </c>
    </row>
    <row r="1746" spans="1:9">
      <c r="A1746" s="1">
        <v>0.93609570320925939</v>
      </c>
      <c r="B1746" s="1"/>
      <c r="C1746">
        <v>16</v>
      </c>
      <c r="D1746" t="s">
        <v>15543</v>
      </c>
      <c r="E1746" t="s">
        <v>33000</v>
      </c>
      <c r="F1746">
        <v>2</v>
      </c>
      <c r="G1746" t="s">
        <v>0</v>
      </c>
      <c r="H1746" t="s">
        <v>15544</v>
      </c>
      <c r="I1746" t="s">
        <v>30540</v>
      </c>
    </row>
    <row r="1747" spans="1:9">
      <c r="A1747" s="1">
        <v>0.33146254834717082</v>
      </c>
      <c r="B1747" s="1"/>
      <c r="C1747">
        <v>10</v>
      </c>
      <c r="D1747" t="s">
        <v>15537</v>
      </c>
      <c r="E1747" t="s">
        <v>33000</v>
      </c>
      <c r="F1747">
        <v>2</v>
      </c>
      <c r="G1747" t="s">
        <v>13</v>
      </c>
      <c r="H1747" t="s">
        <v>15538</v>
      </c>
      <c r="I1747" t="s">
        <v>30540</v>
      </c>
    </row>
    <row r="1748" spans="1:9">
      <c r="A1748" s="1">
        <v>0.56180042318378132</v>
      </c>
      <c r="B1748" s="1"/>
      <c r="C1748">
        <v>5</v>
      </c>
      <c r="D1748" t="s">
        <v>15533</v>
      </c>
      <c r="E1748" t="s">
        <v>33000</v>
      </c>
      <c r="F1748">
        <v>2</v>
      </c>
      <c r="G1748" t="s">
        <v>14</v>
      </c>
      <c r="H1748" t="s">
        <v>15534</v>
      </c>
      <c r="I1748" t="s">
        <v>30540</v>
      </c>
    </row>
    <row r="1749" spans="1:9">
      <c r="A1749" s="1">
        <v>0.84614282232661608</v>
      </c>
      <c r="B1749" s="1"/>
      <c r="C1749">
        <v>9</v>
      </c>
      <c r="D1749" t="s">
        <v>15521</v>
      </c>
      <c r="E1749" t="s">
        <v>33001</v>
      </c>
      <c r="F1749">
        <v>2</v>
      </c>
      <c r="G1749" t="s">
        <v>14</v>
      </c>
      <c r="H1749" t="s">
        <v>15522</v>
      </c>
      <c r="I1749" t="s">
        <v>30540</v>
      </c>
    </row>
    <row r="1750" spans="1:9">
      <c r="A1750" s="1">
        <v>0.54622969764580331</v>
      </c>
      <c r="B1750" s="1"/>
      <c r="C1750">
        <v>8</v>
      </c>
      <c r="D1750" t="s">
        <v>15513</v>
      </c>
      <c r="E1750" t="s">
        <v>33002</v>
      </c>
      <c r="F1750">
        <v>2</v>
      </c>
      <c r="G1750" t="s">
        <v>13</v>
      </c>
      <c r="H1750" t="s">
        <v>15514</v>
      </c>
      <c r="I1750" t="s">
        <v>30540</v>
      </c>
    </row>
    <row r="1751" spans="1:9">
      <c r="A1751" s="1">
        <v>0.74188218062971045</v>
      </c>
      <c r="B1751" s="1"/>
      <c r="C1751">
        <v>6</v>
      </c>
      <c r="D1751" t="s">
        <v>15497</v>
      </c>
      <c r="E1751" t="s">
        <v>33003</v>
      </c>
      <c r="F1751">
        <v>3</v>
      </c>
      <c r="G1751" t="s">
        <v>13</v>
      </c>
      <c r="H1751" t="s">
        <v>15498</v>
      </c>
      <c r="I1751" t="s">
        <v>30540</v>
      </c>
    </row>
    <row r="1752" spans="1:9">
      <c r="A1752" s="1">
        <v>0.10150869094653292</v>
      </c>
      <c r="B1752" s="1"/>
      <c r="C1752">
        <v>11</v>
      </c>
      <c r="D1752" t="s">
        <v>15475</v>
      </c>
      <c r="E1752" t="s">
        <v>33005</v>
      </c>
      <c r="F1752">
        <v>2</v>
      </c>
      <c r="G1752" t="s">
        <v>10</v>
      </c>
      <c r="H1752" t="s">
        <v>15476</v>
      </c>
      <c r="I1752" t="s">
        <v>30540</v>
      </c>
    </row>
    <row r="1753" spans="1:9">
      <c r="A1753" s="1">
        <v>0.39849967049107227</v>
      </c>
      <c r="B1753" s="1"/>
      <c r="C1753">
        <v>6</v>
      </c>
      <c r="D1753" t="s">
        <v>15471</v>
      </c>
      <c r="E1753" t="s">
        <v>33005</v>
      </c>
      <c r="F1753">
        <v>2</v>
      </c>
      <c r="G1753" t="s">
        <v>10</v>
      </c>
      <c r="H1753" t="s">
        <v>15472</v>
      </c>
      <c r="I1753" t="s">
        <v>30540</v>
      </c>
    </row>
    <row r="1754" spans="1:9">
      <c r="A1754" s="1">
        <v>0.63770011398346094</v>
      </c>
      <c r="B1754" s="1"/>
      <c r="C1754">
        <v>10</v>
      </c>
      <c r="D1754" t="s">
        <v>15463</v>
      </c>
      <c r="E1754" t="s">
        <v>33006</v>
      </c>
      <c r="F1754">
        <v>2</v>
      </c>
      <c r="G1754" t="s">
        <v>1</v>
      </c>
      <c r="H1754" t="s">
        <v>15464</v>
      </c>
      <c r="I1754" t="s">
        <v>30540</v>
      </c>
    </row>
    <row r="1755" spans="1:9">
      <c r="A1755" s="1">
        <v>0.62329101907207074</v>
      </c>
      <c r="B1755" s="1"/>
      <c r="C1755">
        <v>3</v>
      </c>
      <c r="D1755" t="s">
        <v>15447</v>
      </c>
      <c r="E1755" t="s">
        <v>33007</v>
      </c>
      <c r="F1755">
        <v>2</v>
      </c>
      <c r="G1755" t="s">
        <v>14</v>
      </c>
      <c r="H1755" t="s">
        <v>15448</v>
      </c>
      <c r="I1755" t="s">
        <v>30540</v>
      </c>
    </row>
    <row r="1756" spans="1:9">
      <c r="A1756" s="1">
        <v>0.3893338755841107</v>
      </c>
      <c r="B1756" s="1"/>
      <c r="C1756">
        <v>6</v>
      </c>
      <c r="D1756" t="s">
        <v>15449</v>
      </c>
      <c r="E1756" t="s">
        <v>33007</v>
      </c>
      <c r="F1756">
        <v>2</v>
      </c>
      <c r="G1756" t="s">
        <v>13</v>
      </c>
      <c r="H1756" t="s">
        <v>15450</v>
      </c>
      <c r="I1756" t="s">
        <v>30540</v>
      </c>
    </row>
    <row r="1757" spans="1:9">
      <c r="A1757" s="1">
        <v>0.22795763089142795</v>
      </c>
      <c r="B1757" s="1"/>
      <c r="C1757">
        <v>9</v>
      </c>
      <c r="D1757" t="s">
        <v>15439</v>
      </c>
      <c r="E1757" t="s">
        <v>33008</v>
      </c>
      <c r="F1757">
        <v>2</v>
      </c>
      <c r="G1757" t="s">
        <v>9</v>
      </c>
      <c r="H1757" t="s">
        <v>15440</v>
      </c>
      <c r="I1757" t="s">
        <v>30540</v>
      </c>
    </row>
    <row r="1758" spans="1:9">
      <c r="A1758" s="1">
        <v>0.89810696461061312</v>
      </c>
      <c r="B1758" s="1"/>
      <c r="C1758">
        <v>8</v>
      </c>
      <c r="D1758" t="s">
        <v>15437</v>
      </c>
      <c r="E1758" t="s">
        <v>33008</v>
      </c>
      <c r="F1758">
        <v>2</v>
      </c>
      <c r="G1758" t="s">
        <v>15</v>
      </c>
      <c r="H1758" t="s">
        <v>15438</v>
      </c>
      <c r="I1758" t="s">
        <v>30540</v>
      </c>
    </row>
    <row r="1759" spans="1:9">
      <c r="A1759" s="1">
        <v>1.3003033401928765E-2</v>
      </c>
      <c r="B1759" s="1"/>
      <c r="C1759">
        <v>7</v>
      </c>
      <c r="D1759" t="s">
        <v>15429</v>
      </c>
      <c r="E1759" t="s">
        <v>33009</v>
      </c>
      <c r="F1759">
        <v>2</v>
      </c>
      <c r="G1759" t="s">
        <v>2</v>
      </c>
      <c r="H1759" t="s">
        <v>15430</v>
      </c>
      <c r="I1759" t="s">
        <v>30540</v>
      </c>
    </row>
    <row r="1760" spans="1:9">
      <c r="A1760" s="1">
        <v>0.92393307662599</v>
      </c>
      <c r="B1760" s="1"/>
      <c r="C1760">
        <v>2</v>
      </c>
      <c r="D1760" t="s">
        <v>15421</v>
      </c>
      <c r="E1760" t="s">
        <v>33010</v>
      </c>
      <c r="F1760">
        <v>1</v>
      </c>
      <c r="G1760" t="s">
        <v>13</v>
      </c>
      <c r="H1760" t="s">
        <v>15422</v>
      </c>
      <c r="I1760" t="s">
        <v>30540</v>
      </c>
    </row>
    <row r="1761" spans="1:9">
      <c r="A1761" s="1">
        <v>0.4510638305705631</v>
      </c>
      <c r="B1761" s="1"/>
      <c r="C1761">
        <v>9</v>
      </c>
      <c r="D1761" t="s">
        <v>15411</v>
      </c>
      <c r="E1761" t="s">
        <v>33011</v>
      </c>
      <c r="F1761">
        <v>2</v>
      </c>
      <c r="G1761" t="s">
        <v>10</v>
      </c>
      <c r="H1761" t="s">
        <v>15412</v>
      </c>
      <c r="I1761" t="s">
        <v>30540</v>
      </c>
    </row>
    <row r="1762" spans="1:9">
      <c r="A1762" s="1">
        <v>0.96341913908168375</v>
      </c>
      <c r="B1762" s="1"/>
      <c r="C1762">
        <v>8</v>
      </c>
      <c r="D1762" t="s">
        <v>15409</v>
      </c>
      <c r="E1762" t="s">
        <v>33011</v>
      </c>
      <c r="F1762">
        <v>2</v>
      </c>
      <c r="G1762" t="s">
        <v>14</v>
      </c>
      <c r="H1762" t="s">
        <v>15410</v>
      </c>
      <c r="I1762" t="s">
        <v>30540</v>
      </c>
    </row>
    <row r="1763" spans="1:9">
      <c r="A1763" s="1">
        <v>0.86613565242502555</v>
      </c>
      <c r="B1763" s="1"/>
      <c r="C1763">
        <v>10</v>
      </c>
      <c r="D1763" t="s">
        <v>15413</v>
      </c>
      <c r="E1763" t="s">
        <v>33011</v>
      </c>
      <c r="F1763">
        <v>1</v>
      </c>
      <c r="G1763" t="s">
        <v>2</v>
      </c>
      <c r="H1763" t="s">
        <v>15414</v>
      </c>
      <c r="I1763" t="s">
        <v>30540</v>
      </c>
    </row>
    <row r="1764" spans="1:9">
      <c r="A1764" s="1">
        <v>8.0043027953200951E-2</v>
      </c>
      <c r="B1764" s="1"/>
      <c r="C1764">
        <v>17</v>
      </c>
      <c r="D1764" t="s">
        <v>15387</v>
      </c>
      <c r="E1764" t="s">
        <v>33014</v>
      </c>
      <c r="F1764">
        <v>3</v>
      </c>
      <c r="G1764" t="s">
        <v>14</v>
      </c>
      <c r="H1764" t="s">
        <v>15388</v>
      </c>
      <c r="I1764" t="s">
        <v>30540</v>
      </c>
    </row>
    <row r="1765" spans="1:9">
      <c r="A1765" s="1">
        <v>0.72618841295490333</v>
      </c>
      <c r="B1765" s="1"/>
      <c r="C1765">
        <v>5</v>
      </c>
      <c r="D1765" t="s">
        <v>15383</v>
      </c>
      <c r="E1765" t="s">
        <v>33014</v>
      </c>
      <c r="F1765">
        <v>2</v>
      </c>
      <c r="G1765" t="s">
        <v>1431</v>
      </c>
      <c r="H1765" t="s">
        <v>15384</v>
      </c>
      <c r="I1765" t="s">
        <v>30540</v>
      </c>
    </row>
    <row r="1766" spans="1:9">
      <c r="A1766" s="1">
        <v>0.4352561653092506</v>
      </c>
      <c r="B1766" s="1"/>
      <c r="C1766">
        <v>15</v>
      </c>
      <c r="D1766" t="s">
        <v>15385</v>
      </c>
      <c r="E1766" t="s">
        <v>33014</v>
      </c>
      <c r="F1766">
        <v>2</v>
      </c>
      <c r="G1766" t="s">
        <v>14</v>
      </c>
      <c r="H1766" t="s">
        <v>15386</v>
      </c>
      <c r="I1766" t="s">
        <v>30540</v>
      </c>
    </row>
    <row r="1767" spans="1:9">
      <c r="A1767" s="1">
        <v>0.71223320088519737</v>
      </c>
      <c r="B1767" s="1"/>
      <c r="C1767">
        <v>19</v>
      </c>
      <c r="D1767" t="s">
        <v>15391</v>
      </c>
      <c r="E1767" t="s">
        <v>33014</v>
      </c>
      <c r="F1767">
        <v>2</v>
      </c>
      <c r="G1767" t="s">
        <v>775</v>
      </c>
      <c r="H1767" t="s">
        <v>15392</v>
      </c>
      <c r="I1767" t="s">
        <v>30540</v>
      </c>
    </row>
    <row r="1768" spans="1:9">
      <c r="A1768" s="1">
        <v>1.1058510230927077E-2</v>
      </c>
      <c r="B1768" s="1"/>
      <c r="C1768">
        <v>1</v>
      </c>
      <c r="D1768" t="s">
        <v>15371</v>
      </c>
      <c r="E1768" t="s">
        <v>33015</v>
      </c>
      <c r="F1768">
        <v>3</v>
      </c>
      <c r="G1768" t="s">
        <v>15</v>
      </c>
      <c r="H1768" t="s">
        <v>15372</v>
      </c>
      <c r="I1768" t="s">
        <v>30540</v>
      </c>
    </row>
    <row r="1769" spans="1:9">
      <c r="A1769" s="1">
        <v>0.66144830378806507</v>
      </c>
      <c r="B1769" s="1"/>
      <c r="C1769">
        <v>12</v>
      </c>
      <c r="D1769" t="s">
        <v>15379</v>
      </c>
      <c r="E1769" t="s">
        <v>33015</v>
      </c>
      <c r="F1769">
        <v>2</v>
      </c>
      <c r="G1769" t="s">
        <v>1</v>
      </c>
      <c r="H1769" t="s">
        <v>15380</v>
      </c>
      <c r="I1769" t="s">
        <v>30540</v>
      </c>
    </row>
    <row r="1770" spans="1:9">
      <c r="A1770" s="1">
        <v>0.17734591752608797</v>
      </c>
      <c r="B1770" s="1"/>
      <c r="C1770">
        <v>13</v>
      </c>
      <c r="D1770" t="s">
        <v>15367</v>
      </c>
      <c r="E1770" t="s">
        <v>33016</v>
      </c>
      <c r="F1770">
        <v>3</v>
      </c>
      <c r="G1770" t="s">
        <v>9</v>
      </c>
      <c r="H1770" t="s">
        <v>15368</v>
      </c>
      <c r="I1770" t="s">
        <v>30540</v>
      </c>
    </row>
    <row r="1771" spans="1:9">
      <c r="A1771" s="1">
        <v>0.63256844179868499</v>
      </c>
      <c r="B1771" s="1"/>
      <c r="C1771">
        <v>9</v>
      </c>
      <c r="D1771" t="s">
        <v>15341</v>
      </c>
      <c r="E1771" t="s">
        <v>33018</v>
      </c>
      <c r="F1771">
        <v>2</v>
      </c>
      <c r="G1771" t="s">
        <v>1</v>
      </c>
      <c r="H1771" t="s">
        <v>15342</v>
      </c>
      <c r="I1771" t="s">
        <v>30540</v>
      </c>
    </row>
    <row r="1772" spans="1:9">
      <c r="A1772" s="1">
        <v>0.3396494075000791</v>
      </c>
      <c r="B1772" s="1"/>
      <c r="C1772">
        <v>5</v>
      </c>
      <c r="D1772" t="s">
        <v>15321</v>
      </c>
      <c r="E1772" t="s">
        <v>33019</v>
      </c>
      <c r="F1772">
        <v>2</v>
      </c>
      <c r="G1772" t="s">
        <v>0</v>
      </c>
      <c r="H1772" t="s">
        <v>15322</v>
      </c>
      <c r="I1772" t="s">
        <v>30540</v>
      </c>
    </row>
    <row r="1773" spans="1:9">
      <c r="A1773" s="1">
        <v>0.55920569984755242</v>
      </c>
      <c r="B1773" s="1"/>
      <c r="C1773">
        <v>9</v>
      </c>
      <c r="D1773" t="s">
        <v>15325</v>
      </c>
      <c r="E1773" t="s">
        <v>33019</v>
      </c>
      <c r="F1773">
        <v>2</v>
      </c>
      <c r="G1773" t="s">
        <v>3732</v>
      </c>
      <c r="H1773" t="s">
        <v>15326</v>
      </c>
      <c r="I1773" t="s">
        <v>30540</v>
      </c>
    </row>
    <row r="1774" spans="1:9">
      <c r="A1774" s="1">
        <v>0.33968041057709719</v>
      </c>
      <c r="B1774" s="1"/>
      <c r="C1774">
        <v>3</v>
      </c>
      <c r="D1774" t="s">
        <v>15317</v>
      </c>
      <c r="E1774" t="s">
        <v>33019</v>
      </c>
      <c r="F1774">
        <v>2</v>
      </c>
      <c r="G1774" t="s">
        <v>2</v>
      </c>
      <c r="H1774" t="s">
        <v>15318</v>
      </c>
      <c r="I1774" t="s">
        <v>30540</v>
      </c>
    </row>
    <row r="1775" spans="1:9">
      <c r="A1775" s="1">
        <v>0.54201932277121134</v>
      </c>
      <c r="B1775" s="1"/>
      <c r="C1775">
        <v>9</v>
      </c>
      <c r="D1775" t="s">
        <v>15307</v>
      </c>
      <c r="E1775" t="s">
        <v>33021</v>
      </c>
      <c r="F1775">
        <v>3</v>
      </c>
      <c r="G1775" t="s">
        <v>9</v>
      </c>
      <c r="H1775" t="s">
        <v>15308</v>
      </c>
      <c r="I1775" t="s">
        <v>30540</v>
      </c>
    </row>
    <row r="1776" spans="1:9">
      <c r="A1776" s="1">
        <v>0.10300309467431457</v>
      </c>
      <c r="B1776" s="1"/>
      <c r="C1776">
        <v>12</v>
      </c>
      <c r="D1776" t="s">
        <v>15309</v>
      </c>
      <c r="E1776" t="s">
        <v>33021</v>
      </c>
      <c r="F1776">
        <v>2</v>
      </c>
      <c r="G1776" t="s">
        <v>13</v>
      </c>
      <c r="H1776" t="s">
        <v>15310</v>
      </c>
      <c r="I1776" t="s">
        <v>30540</v>
      </c>
    </row>
    <row r="1777" spans="1:9">
      <c r="A1777" s="1">
        <v>0.24381452666856562</v>
      </c>
      <c r="B1777" s="1"/>
      <c r="C1777">
        <v>1</v>
      </c>
      <c r="D1777" t="s">
        <v>15301</v>
      </c>
      <c r="E1777" t="s">
        <v>33021</v>
      </c>
      <c r="F1777">
        <v>2</v>
      </c>
      <c r="G1777" t="s">
        <v>10</v>
      </c>
      <c r="H1777" t="s">
        <v>15302</v>
      </c>
      <c r="I1777" t="s">
        <v>30540</v>
      </c>
    </row>
    <row r="1778" spans="1:9">
      <c r="A1778" s="1">
        <v>0.23933633799793086</v>
      </c>
      <c r="B1778" s="1"/>
      <c r="C1778">
        <v>16</v>
      </c>
      <c r="D1778" t="s">
        <v>15299</v>
      </c>
      <c r="E1778" t="s">
        <v>33022</v>
      </c>
      <c r="F1778">
        <v>2</v>
      </c>
      <c r="G1778" t="s">
        <v>14</v>
      </c>
      <c r="H1778" t="s">
        <v>15300</v>
      </c>
      <c r="I1778" t="s">
        <v>30540</v>
      </c>
    </row>
    <row r="1779" spans="1:9">
      <c r="A1779" s="1">
        <v>0.37189733664441837</v>
      </c>
      <c r="B1779" s="1"/>
      <c r="C1779">
        <v>14</v>
      </c>
      <c r="D1779" t="s">
        <v>15297</v>
      </c>
      <c r="E1779" t="s">
        <v>33022</v>
      </c>
      <c r="F1779">
        <v>1</v>
      </c>
      <c r="G1779" t="s">
        <v>14</v>
      </c>
      <c r="H1779" t="s">
        <v>15298</v>
      </c>
      <c r="I1779" t="s">
        <v>30540</v>
      </c>
    </row>
    <row r="1780" spans="1:9">
      <c r="A1780" s="1">
        <v>0.96802104474473072</v>
      </c>
      <c r="B1780" s="1"/>
      <c r="C1780">
        <v>5</v>
      </c>
      <c r="D1780" t="s">
        <v>15275</v>
      </c>
      <c r="E1780" t="s">
        <v>33024</v>
      </c>
      <c r="F1780">
        <v>3</v>
      </c>
      <c r="G1780" t="s">
        <v>1</v>
      </c>
      <c r="H1780" t="s">
        <v>15276</v>
      </c>
      <c r="I1780" t="s">
        <v>30540</v>
      </c>
    </row>
    <row r="1781" spans="1:9">
      <c r="A1781" s="1">
        <v>0.29846781433671066</v>
      </c>
      <c r="B1781" s="1"/>
      <c r="C1781">
        <v>6</v>
      </c>
      <c r="D1781" t="s">
        <v>15267</v>
      </c>
      <c r="E1781" t="s">
        <v>33025</v>
      </c>
      <c r="F1781">
        <v>3</v>
      </c>
      <c r="G1781" t="s">
        <v>15</v>
      </c>
      <c r="H1781" t="s">
        <v>15268</v>
      </c>
      <c r="I1781" t="s">
        <v>30540</v>
      </c>
    </row>
    <row r="1782" spans="1:9">
      <c r="A1782" s="1">
        <v>0.93818015055842452</v>
      </c>
      <c r="B1782" s="1"/>
      <c r="C1782">
        <v>1</v>
      </c>
      <c r="D1782" t="s">
        <v>15265</v>
      </c>
      <c r="E1782" t="s">
        <v>33025</v>
      </c>
      <c r="F1782">
        <v>2</v>
      </c>
      <c r="G1782" t="s">
        <v>15</v>
      </c>
      <c r="H1782" t="s">
        <v>15266</v>
      </c>
      <c r="I1782" t="s">
        <v>30540</v>
      </c>
    </row>
    <row r="1783" spans="1:9">
      <c r="A1783" s="1">
        <v>0.86650837494335387</v>
      </c>
      <c r="B1783" s="1"/>
      <c r="C1783">
        <v>5</v>
      </c>
      <c r="D1783" t="s">
        <v>15257</v>
      </c>
      <c r="E1783" t="s">
        <v>33027</v>
      </c>
      <c r="F1783">
        <v>3</v>
      </c>
      <c r="G1783" t="s">
        <v>14</v>
      </c>
      <c r="H1783" t="s">
        <v>15258</v>
      </c>
      <c r="I1783" t="s">
        <v>30540</v>
      </c>
    </row>
    <row r="1784" spans="1:9">
      <c r="A1784" s="1">
        <v>0.45629499117975714</v>
      </c>
      <c r="B1784" s="1"/>
      <c r="C1784">
        <v>19</v>
      </c>
      <c r="D1784" t="s">
        <v>15249</v>
      </c>
      <c r="E1784" t="s">
        <v>33029</v>
      </c>
      <c r="F1784">
        <v>3</v>
      </c>
      <c r="G1784" t="s">
        <v>14</v>
      </c>
      <c r="H1784" t="s">
        <v>15250</v>
      </c>
      <c r="I1784" t="s">
        <v>30540</v>
      </c>
    </row>
    <row r="1785" spans="1:9">
      <c r="A1785" s="1">
        <v>0.86388679740976704</v>
      </c>
      <c r="B1785" s="1"/>
      <c r="C1785">
        <v>17</v>
      </c>
      <c r="D1785" t="s">
        <v>15227</v>
      </c>
      <c r="E1785" t="s">
        <v>33031</v>
      </c>
      <c r="F1785">
        <v>2</v>
      </c>
      <c r="G1785" t="s">
        <v>14</v>
      </c>
      <c r="H1785" t="s">
        <v>15228</v>
      </c>
      <c r="I1785" t="s">
        <v>30540</v>
      </c>
    </row>
    <row r="1786" spans="1:9">
      <c r="A1786" s="1">
        <v>0.88034560749109003</v>
      </c>
      <c r="B1786" s="1"/>
      <c r="C1786">
        <v>7</v>
      </c>
      <c r="D1786" t="s">
        <v>15213</v>
      </c>
      <c r="E1786" t="s">
        <v>33033</v>
      </c>
      <c r="F1786">
        <v>2</v>
      </c>
      <c r="G1786" t="s">
        <v>14</v>
      </c>
      <c r="H1786" t="s">
        <v>15214</v>
      </c>
      <c r="I1786" t="s">
        <v>30540</v>
      </c>
    </row>
    <row r="1787" spans="1:9">
      <c r="A1787" s="1">
        <v>0.39713265083201221</v>
      </c>
      <c r="B1787" s="1"/>
      <c r="C1787">
        <v>13</v>
      </c>
      <c r="D1787" t="s">
        <v>15217</v>
      </c>
      <c r="E1787" t="s">
        <v>33033</v>
      </c>
      <c r="F1787">
        <v>2</v>
      </c>
      <c r="G1787" t="s">
        <v>14</v>
      </c>
      <c r="H1787" t="s">
        <v>15218</v>
      </c>
      <c r="I1787" t="s">
        <v>30540</v>
      </c>
    </row>
    <row r="1788" spans="1:9">
      <c r="A1788" s="1">
        <v>0.24651264245315396</v>
      </c>
      <c r="B1788" s="1"/>
      <c r="C1788">
        <v>13</v>
      </c>
      <c r="D1788" t="s">
        <v>15189</v>
      </c>
      <c r="E1788" t="s">
        <v>33036</v>
      </c>
      <c r="F1788">
        <v>3</v>
      </c>
      <c r="G1788" t="s">
        <v>9</v>
      </c>
      <c r="H1788" t="s">
        <v>15190</v>
      </c>
      <c r="I1788" t="s">
        <v>30540</v>
      </c>
    </row>
    <row r="1789" spans="1:9">
      <c r="A1789" s="1">
        <v>7.3136012769920322E-2</v>
      </c>
      <c r="B1789" s="1"/>
      <c r="C1789">
        <v>2</v>
      </c>
      <c r="D1789" t="s">
        <v>15183</v>
      </c>
      <c r="E1789" t="s">
        <v>33036</v>
      </c>
      <c r="F1789">
        <v>2</v>
      </c>
      <c r="G1789" t="s">
        <v>0</v>
      </c>
      <c r="H1789" t="s">
        <v>15184</v>
      </c>
      <c r="I1789" t="s">
        <v>30540</v>
      </c>
    </row>
    <row r="1790" spans="1:9">
      <c r="A1790" s="1">
        <v>0.37534570877073914</v>
      </c>
      <c r="B1790" s="1"/>
      <c r="C1790">
        <v>8</v>
      </c>
      <c r="D1790" t="s">
        <v>15185</v>
      </c>
      <c r="E1790" t="s">
        <v>33036</v>
      </c>
      <c r="F1790">
        <v>2</v>
      </c>
      <c r="G1790" t="s">
        <v>14</v>
      </c>
      <c r="H1790" t="s">
        <v>15186</v>
      </c>
      <c r="I1790" t="s">
        <v>30540</v>
      </c>
    </row>
    <row r="1791" spans="1:9">
      <c r="A1791" s="1">
        <v>0.91186082615679298</v>
      </c>
      <c r="B1791" s="1"/>
      <c r="C1791">
        <v>1</v>
      </c>
      <c r="D1791" t="s">
        <v>15181</v>
      </c>
      <c r="E1791" t="s">
        <v>33036</v>
      </c>
      <c r="F1791">
        <v>2</v>
      </c>
      <c r="G1791" t="s">
        <v>10</v>
      </c>
      <c r="H1791" t="s">
        <v>15182</v>
      </c>
      <c r="I1791" t="s">
        <v>30540</v>
      </c>
    </row>
    <row r="1792" spans="1:9">
      <c r="A1792" s="1">
        <v>6.3569187242636827E-2</v>
      </c>
      <c r="B1792" s="1"/>
      <c r="C1792">
        <v>14</v>
      </c>
      <c r="D1792" t="s">
        <v>15171</v>
      </c>
      <c r="E1792" t="s">
        <v>33038</v>
      </c>
      <c r="F1792">
        <v>1</v>
      </c>
      <c r="G1792" t="s">
        <v>14</v>
      </c>
      <c r="H1792" t="s">
        <v>15172</v>
      </c>
      <c r="I1792" t="s">
        <v>30540</v>
      </c>
    </row>
    <row r="1793" spans="1:9">
      <c r="A1793" s="1">
        <v>0.10010955315719205</v>
      </c>
      <c r="B1793" s="1"/>
      <c r="C1793">
        <v>1</v>
      </c>
      <c r="D1793" t="s">
        <v>15165</v>
      </c>
      <c r="E1793" t="s">
        <v>33038</v>
      </c>
      <c r="F1793">
        <v>1</v>
      </c>
      <c r="G1793" t="s">
        <v>10</v>
      </c>
      <c r="H1793" t="s">
        <v>15166</v>
      </c>
      <c r="I1793" t="s">
        <v>30540</v>
      </c>
    </row>
    <row r="1794" spans="1:9">
      <c r="A1794" s="1">
        <v>0.27648592278267692</v>
      </c>
      <c r="B1794" s="1"/>
      <c r="C1794">
        <v>17</v>
      </c>
      <c r="D1794" t="s">
        <v>15161</v>
      </c>
      <c r="E1794" t="s">
        <v>33039</v>
      </c>
      <c r="F1794">
        <v>3</v>
      </c>
      <c r="G1794" t="s">
        <v>0</v>
      </c>
      <c r="H1794" t="s">
        <v>15162</v>
      </c>
      <c r="I1794" t="s">
        <v>30540</v>
      </c>
    </row>
    <row r="1795" spans="1:9">
      <c r="A1795" s="1">
        <v>0.32319753626466718</v>
      </c>
      <c r="B1795" s="1"/>
      <c r="C1795">
        <v>11</v>
      </c>
      <c r="D1795" t="s">
        <v>15155</v>
      </c>
      <c r="E1795" t="s">
        <v>33039</v>
      </c>
      <c r="F1795">
        <v>3</v>
      </c>
      <c r="G1795" t="s">
        <v>2</v>
      </c>
      <c r="H1795" t="s">
        <v>15156</v>
      </c>
      <c r="I1795" t="s">
        <v>30540</v>
      </c>
    </row>
    <row r="1796" spans="1:9">
      <c r="A1796" s="1">
        <v>0.55925533985816356</v>
      </c>
      <c r="B1796" s="1"/>
      <c r="C1796">
        <v>2</v>
      </c>
      <c r="D1796" t="s">
        <v>15141</v>
      </c>
      <c r="E1796" t="s">
        <v>33040</v>
      </c>
      <c r="F1796">
        <v>2</v>
      </c>
      <c r="G1796" t="s">
        <v>1</v>
      </c>
      <c r="H1796" t="s">
        <v>15142</v>
      </c>
      <c r="I1796" t="s">
        <v>30540</v>
      </c>
    </row>
    <row r="1797" spans="1:9">
      <c r="A1797" s="1">
        <v>0.90305063130317687</v>
      </c>
      <c r="B1797" s="1"/>
      <c r="C1797">
        <v>1</v>
      </c>
      <c r="D1797" t="s">
        <v>15131</v>
      </c>
      <c r="E1797" t="s">
        <v>33042</v>
      </c>
      <c r="F1797">
        <v>3</v>
      </c>
      <c r="G1797" t="s">
        <v>1</v>
      </c>
      <c r="H1797" t="s">
        <v>15132</v>
      </c>
      <c r="I1797" t="s">
        <v>30540</v>
      </c>
    </row>
    <row r="1798" spans="1:9">
      <c r="A1798" s="1">
        <v>0.80809399554140182</v>
      </c>
      <c r="B1798" s="1"/>
      <c r="C1798">
        <v>6</v>
      </c>
      <c r="D1798" t="s">
        <v>15135</v>
      </c>
      <c r="E1798" t="s">
        <v>33042</v>
      </c>
      <c r="F1798">
        <v>2</v>
      </c>
      <c r="G1798" t="s">
        <v>13</v>
      </c>
      <c r="H1798" t="s">
        <v>15136</v>
      </c>
      <c r="I1798" t="s">
        <v>30540</v>
      </c>
    </row>
    <row r="1799" spans="1:9">
      <c r="A1799" s="1">
        <v>0.65307430036919223</v>
      </c>
      <c r="B1799" s="1"/>
      <c r="C1799">
        <v>1</v>
      </c>
      <c r="D1799" t="s">
        <v>15121</v>
      </c>
      <c r="E1799" t="s">
        <v>33043</v>
      </c>
      <c r="F1799">
        <v>2</v>
      </c>
      <c r="G1799" t="s">
        <v>10</v>
      </c>
      <c r="H1799" t="s">
        <v>15122</v>
      </c>
      <c r="I1799" t="s">
        <v>30540</v>
      </c>
    </row>
    <row r="1800" spans="1:9">
      <c r="A1800" s="1">
        <v>0.3202125978819591</v>
      </c>
      <c r="B1800" s="1"/>
      <c r="C1800">
        <v>18</v>
      </c>
      <c r="D1800" t="s">
        <v>15127</v>
      </c>
      <c r="E1800" t="s">
        <v>33043</v>
      </c>
      <c r="F1800">
        <v>1</v>
      </c>
      <c r="G1800" t="s">
        <v>1</v>
      </c>
      <c r="H1800" t="s">
        <v>15128</v>
      </c>
      <c r="I1800" t="s">
        <v>30540</v>
      </c>
    </row>
    <row r="1801" spans="1:9">
      <c r="A1801" s="1">
        <v>0.80684685925902055</v>
      </c>
      <c r="B1801" s="1"/>
      <c r="C1801">
        <v>6</v>
      </c>
      <c r="D1801" t="s">
        <v>15111</v>
      </c>
      <c r="E1801" t="s">
        <v>33044</v>
      </c>
      <c r="F1801">
        <v>2</v>
      </c>
      <c r="G1801" t="s">
        <v>1431</v>
      </c>
      <c r="H1801" t="s">
        <v>15112</v>
      </c>
      <c r="I1801" t="s">
        <v>30540</v>
      </c>
    </row>
    <row r="1802" spans="1:9">
      <c r="A1802" s="1">
        <v>7.0423385408600714E-2</v>
      </c>
      <c r="B1802" s="1"/>
      <c r="C1802">
        <v>3</v>
      </c>
      <c r="D1802" t="s">
        <v>15105</v>
      </c>
      <c r="E1802" t="s">
        <v>33045</v>
      </c>
      <c r="F1802">
        <v>2</v>
      </c>
      <c r="G1802" t="s">
        <v>14</v>
      </c>
      <c r="H1802" t="s">
        <v>15106</v>
      </c>
      <c r="I1802" t="s">
        <v>30540</v>
      </c>
    </row>
    <row r="1803" spans="1:9">
      <c r="A1803" s="1">
        <v>0.84377892178172609</v>
      </c>
      <c r="B1803" s="1"/>
      <c r="C1803">
        <v>6</v>
      </c>
      <c r="D1803" t="s">
        <v>15093</v>
      </c>
      <c r="E1803" t="s">
        <v>33047</v>
      </c>
      <c r="F1803">
        <v>1</v>
      </c>
      <c r="G1803" t="s">
        <v>10</v>
      </c>
      <c r="H1803" t="s">
        <v>15094</v>
      </c>
      <c r="I1803" t="s">
        <v>30540</v>
      </c>
    </row>
    <row r="1804" spans="1:9">
      <c r="A1804" s="1">
        <v>0.10610595377628362</v>
      </c>
      <c r="B1804" s="1"/>
      <c r="C1804">
        <v>5</v>
      </c>
      <c r="D1804" t="s">
        <v>15077</v>
      </c>
      <c r="E1804" t="s">
        <v>33050</v>
      </c>
      <c r="F1804">
        <v>3</v>
      </c>
      <c r="G1804" t="s">
        <v>1</v>
      </c>
      <c r="H1804" t="s">
        <v>15078</v>
      </c>
      <c r="I1804" t="s">
        <v>30540</v>
      </c>
    </row>
    <row r="1805" spans="1:9">
      <c r="A1805" s="1">
        <v>0.21083855996878331</v>
      </c>
      <c r="B1805" s="1"/>
      <c r="C1805">
        <v>14</v>
      </c>
      <c r="D1805" t="s">
        <v>15059</v>
      </c>
      <c r="E1805" t="s">
        <v>33053</v>
      </c>
      <c r="F1805">
        <v>3</v>
      </c>
      <c r="G1805" t="s">
        <v>0</v>
      </c>
      <c r="H1805" t="s">
        <v>15060</v>
      </c>
      <c r="I1805" t="s">
        <v>30540</v>
      </c>
    </row>
    <row r="1806" spans="1:9">
      <c r="A1806" s="1">
        <v>0.85365487777960447</v>
      </c>
      <c r="B1806" s="1"/>
      <c r="C1806">
        <v>18</v>
      </c>
      <c r="D1806" t="s">
        <v>15053</v>
      </c>
      <c r="E1806" t="s">
        <v>33054</v>
      </c>
      <c r="F1806">
        <v>2</v>
      </c>
      <c r="G1806" t="s">
        <v>14</v>
      </c>
      <c r="H1806" t="s">
        <v>15054</v>
      </c>
      <c r="I1806" t="s">
        <v>30540</v>
      </c>
    </row>
    <row r="1807" spans="1:9">
      <c r="A1807" s="1">
        <v>0.98618311890478993</v>
      </c>
      <c r="B1807" s="1"/>
      <c r="C1807">
        <v>12</v>
      </c>
      <c r="D1807" t="s">
        <v>15049</v>
      </c>
      <c r="E1807" t="s">
        <v>33054</v>
      </c>
      <c r="F1807">
        <v>1</v>
      </c>
      <c r="G1807" t="s">
        <v>775</v>
      </c>
      <c r="H1807" t="s">
        <v>15050</v>
      </c>
      <c r="I1807" t="s">
        <v>30540</v>
      </c>
    </row>
    <row r="1808" spans="1:9">
      <c r="A1808" s="1">
        <v>0.28144698703875681</v>
      </c>
      <c r="B1808" s="1"/>
      <c r="C1808">
        <v>1</v>
      </c>
      <c r="D1808" t="s">
        <v>15045</v>
      </c>
      <c r="E1808" t="s">
        <v>33054</v>
      </c>
      <c r="F1808">
        <v>1</v>
      </c>
      <c r="G1808" t="s">
        <v>762</v>
      </c>
      <c r="H1808" t="s">
        <v>15046</v>
      </c>
      <c r="I1808" t="s">
        <v>30540</v>
      </c>
    </row>
    <row r="1809" spans="1:9">
      <c r="A1809" s="1">
        <v>0.12690700731219073</v>
      </c>
      <c r="B1809" s="1"/>
      <c r="C1809">
        <v>9</v>
      </c>
      <c r="D1809" t="s">
        <v>15035</v>
      </c>
      <c r="E1809" t="s">
        <v>33056</v>
      </c>
      <c r="F1809">
        <v>2</v>
      </c>
      <c r="G1809" t="s">
        <v>14</v>
      </c>
      <c r="H1809" t="s">
        <v>15036</v>
      </c>
      <c r="I1809" t="s">
        <v>30540</v>
      </c>
    </row>
    <row r="1810" spans="1:9">
      <c r="A1810" s="1">
        <v>0.99823469160484835</v>
      </c>
      <c r="B1810" s="1"/>
      <c r="C1810">
        <v>7</v>
      </c>
      <c r="D1810" t="s">
        <v>15033</v>
      </c>
      <c r="E1810" t="s">
        <v>33056</v>
      </c>
      <c r="F1810">
        <v>2</v>
      </c>
      <c r="G1810" t="s">
        <v>14</v>
      </c>
      <c r="H1810" t="s">
        <v>15034</v>
      </c>
      <c r="I1810" t="s">
        <v>30540</v>
      </c>
    </row>
    <row r="1811" spans="1:9">
      <c r="A1811" s="1">
        <v>0.28094113134385323</v>
      </c>
      <c r="B1811" s="1"/>
      <c r="C1811">
        <v>6</v>
      </c>
      <c r="D1811" t="s">
        <v>15023</v>
      </c>
      <c r="E1811" t="s">
        <v>33057</v>
      </c>
      <c r="F1811">
        <v>2</v>
      </c>
      <c r="G1811" t="s">
        <v>10</v>
      </c>
      <c r="H1811" t="s">
        <v>15024</v>
      </c>
      <c r="I1811" t="s">
        <v>30540</v>
      </c>
    </row>
    <row r="1812" spans="1:9">
      <c r="A1812" s="1">
        <v>0.57226617106004218</v>
      </c>
      <c r="B1812" s="1"/>
      <c r="C1812">
        <v>10</v>
      </c>
      <c r="D1812" t="s">
        <v>15017</v>
      </c>
      <c r="E1812" t="s">
        <v>33058</v>
      </c>
      <c r="F1812">
        <v>1</v>
      </c>
      <c r="G1812" t="s">
        <v>10</v>
      </c>
      <c r="H1812" t="s">
        <v>15018</v>
      </c>
      <c r="I1812" t="s">
        <v>30540</v>
      </c>
    </row>
    <row r="1813" spans="1:9">
      <c r="A1813" s="1">
        <v>0.40164793225781703</v>
      </c>
      <c r="B1813" s="1"/>
      <c r="C1813">
        <v>7</v>
      </c>
      <c r="D1813" t="s">
        <v>15005</v>
      </c>
      <c r="E1813" t="s">
        <v>33059</v>
      </c>
      <c r="F1813">
        <v>1</v>
      </c>
      <c r="G1813" t="s">
        <v>774</v>
      </c>
      <c r="H1813" t="s">
        <v>15006</v>
      </c>
      <c r="I1813" t="s">
        <v>30540</v>
      </c>
    </row>
    <row r="1814" spans="1:9">
      <c r="A1814" s="1">
        <v>0.43235662019907728</v>
      </c>
      <c r="B1814" s="1"/>
      <c r="C1814">
        <v>13</v>
      </c>
      <c r="D1814" t="s">
        <v>14989</v>
      </c>
      <c r="E1814" t="s">
        <v>33061</v>
      </c>
      <c r="F1814">
        <v>2</v>
      </c>
      <c r="G1814" t="s">
        <v>13</v>
      </c>
      <c r="H1814" t="s">
        <v>14990</v>
      </c>
      <c r="I1814" t="s">
        <v>30540</v>
      </c>
    </row>
    <row r="1815" spans="1:9">
      <c r="A1815" s="1">
        <v>0.29619611504824972</v>
      </c>
      <c r="B1815" s="1"/>
      <c r="C1815">
        <v>14</v>
      </c>
      <c r="D1815" t="s">
        <v>14969</v>
      </c>
      <c r="E1815" t="s">
        <v>33063</v>
      </c>
      <c r="F1815">
        <v>2</v>
      </c>
      <c r="G1815" t="s">
        <v>14</v>
      </c>
      <c r="H1815" t="s">
        <v>14970</v>
      </c>
      <c r="I1815" t="s">
        <v>30540</v>
      </c>
    </row>
    <row r="1816" spans="1:9">
      <c r="A1816" s="1">
        <v>0.52654214107514252</v>
      </c>
      <c r="B1816" s="1"/>
      <c r="C1816">
        <v>1</v>
      </c>
      <c r="D1816" t="s">
        <v>14945</v>
      </c>
      <c r="E1816" t="s">
        <v>33065</v>
      </c>
      <c r="F1816">
        <v>3</v>
      </c>
      <c r="G1816" t="s">
        <v>14</v>
      </c>
      <c r="H1816" t="s">
        <v>14946</v>
      </c>
      <c r="I1816" t="s">
        <v>30540</v>
      </c>
    </row>
    <row r="1817" spans="1:9">
      <c r="A1817" s="1">
        <v>0.39116710238367669</v>
      </c>
      <c r="B1817" s="1"/>
      <c r="C1817">
        <v>13</v>
      </c>
      <c r="D1817" t="s">
        <v>14921</v>
      </c>
      <c r="E1817" t="s">
        <v>33067</v>
      </c>
      <c r="F1817">
        <v>3</v>
      </c>
      <c r="G1817" t="s">
        <v>2</v>
      </c>
      <c r="H1817" t="s">
        <v>14922</v>
      </c>
      <c r="I1817" t="s">
        <v>30540</v>
      </c>
    </row>
    <row r="1818" spans="1:9">
      <c r="A1818" s="1">
        <v>0.44997863552016715</v>
      </c>
      <c r="B1818" s="1"/>
      <c r="C1818">
        <v>2</v>
      </c>
      <c r="D1818" t="s">
        <v>14901</v>
      </c>
      <c r="E1818" t="s">
        <v>33068</v>
      </c>
      <c r="F1818">
        <v>2</v>
      </c>
      <c r="G1818" t="s">
        <v>13</v>
      </c>
      <c r="H1818" t="s">
        <v>14902</v>
      </c>
      <c r="I1818" t="s">
        <v>30540</v>
      </c>
    </row>
    <row r="1819" spans="1:9">
      <c r="A1819" s="1">
        <v>0.30055553452838879</v>
      </c>
      <c r="B1819" s="1"/>
      <c r="C1819">
        <v>1</v>
      </c>
      <c r="D1819" t="s">
        <v>14851</v>
      </c>
      <c r="E1819" t="s">
        <v>33073</v>
      </c>
      <c r="F1819">
        <v>3</v>
      </c>
      <c r="G1819" t="s">
        <v>10</v>
      </c>
      <c r="H1819" t="s">
        <v>14852</v>
      </c>
      <c r="I1819" t="s">
        <v>30540</v>
      </c>
    </row>
    <row r="1820" spans="1:9">
      <c r="A1820" s="1">
        <v>0.6152459337736752</v>
      </c>
      <c r="B1820" s="1"/>
      <c r="C1820">
        <v>8</v>
      </c>
      <c r="D1820" t="s">
        <v>14845</v>
      </c>
      <c r="E1820" t="s">
        <v>33074</v>
      </c>
      <c r="F1820">
        <v>3</v>
      </c>
      <c r="G1820" t="s">
        <v>3732</v>
      </c>
      <c r="H1820" t="s">
        <v>14846</v>
      </c>
      <c r="I1820" t="s">
        <v>30540</v>
      </c>
    </row>
    <row r="1821" spans="1:9">
      <c r="A1821" s="1">
        <v>0.25626116582073499</v>
      </c>
      <c r="B1821" s="1"/>
      <c r="C1821">
        <v>3</v>
      </c>
      <c r="D1821" t="s">
        <v>19472</v>
      </c>
      <c r="E1821" t="s">
        <v>33075</v>
      </c>
      <c r="F1821">
        <v>3</v>
      </c>
      <c r="G1821" t="s">
        <v>14</v>
      </c>
      <c r="H1821" t="s">
        <v>19473</v>
      </c>
      <c r="I1821" t="s">
        <v>30540</v>
      </c>
    </row>
    <row r="1822" spans="1:9">
      <c r="A1822" s="1">
        <v>0.24568426727552972</v>
      </c>
      <c r="B1822" s="1"/>
      <c r="C1822">
        <v>13</v>
      </c>
      <c r="D1822" t="s">
        <v>19478</v>
      </c>
      <c r="E1822" t="s">
        <v>33075</v>
      </c>
      <c r="F1822">
        <v>3</v>
      </c>
      <c r="G1822" t="s">
        <v>14</v>
      </c>
      <c r="H1822" t="s">
        <v>19479</v>
      </c>
      <c r="I1822" t="s">
        <v>30540</v>
      </c>
    </row>
    <row r="1823" spans="1:9">
      <c r="A1823" s="1">
        <v>8.8066113589769901E-2</v>
      </c>
      <c r="B1823" s="1"/>
      <c r="C1823">
        <v>8</v>
      </c>
      <c r="D1823" t="s">
        <v>19474</v>
      </c>
      <c r="E1823" t="s">
        <v>33075</v>
      </c>
      <c r="F1823">
        <v>2</v>
      </c>
      <c r="G1823" t="s">
        <v>13</v>
      </c>
      <c r="H1823" t="s">
        <v>19475</v>
      </c>
      <c r="I1823" t="s">
        <v>30540</v>
      </c>
    </row>
    <row r="1824" spans="1:9">
      <c r="A1824" s="1">
        <v>0.90951823098054985</v>
      </c>
      <c r="B1824" s="1"/>
      <c r="C1824">
        <v>1</v>
      </c>
      <c r="D1824" t="s">
        <v>19454</v>
      </c>
      <c r="E1824" t="s">
        <v>33076</v>
      </c>
      <c r="F1824">
        <v>2</v>
      </c>
      <c r="G1824" t="s">
        <v>10</v>
      </c>
      <c r="H1824" t="s">
        <v>19455</v>
      </c>
      <c r="I1824" t="s">
        <v>30540</v>
      </c>
    </row>
    <row r="1825" spans="1:9">
      <c r="A1825" s="1">
        <v>0.97886512514433732</v>
      </c>
      <c r="B1825" s="1"/>
      <c r="C1825">
        <v>18</v>
      </c>
      <c r="D1825" t="s">
        <v>19468</v>
      </c>
      <c r="E1825" t="s">
        <v>33076</v>
      </c>
      <c r="F1825">
        <v>2</v>
      </c>
      <c r="G1825" t="s">
        <v>14</v>
      </c>
      <c r="H1825" t="s">
        <v>19469</v>
      </c>
      <c r="I1825" t="s">
        <v>30540</v>
      </c>
    </row>
    <row r="1826" spans="1:9">
      <c r="A1826" s="1">
        <v>0.63011658114058011</v>
      </c>
      <c r="B1826" s="1"/>
      <c r="C1826">
        <v>17</v>
      </c>
      <c r="D1826" t="s">
        <v>19436</v>
      </c>
      <c r="E1826" t="s">
        <v>33079</v>
      </c>
      <c r="F1826">
        <v>1</v>
      </c>
      <c r="G1826" t="s">
        <v>14</v>
      </c>
      <c r="H1826" t="s">
        <v>19437</v>
      </c>
      <c r="I1826" t="s">
        <v>30540</v>
      </c>
    </row>
    <row r="1827" spans="1:9">
      <c r="A1827" s="1">
        <v>0.35111067128644946</v>
      </c>
      <c r="B1827" s="1"/>
      <c r="C1827">
        <v>6</v>
      </c>
      <c r="D1827" t="s">
        <v>19416</v>
      </c>
      <c r="E1827" t="s">
        <v>33080</v>
      </c>
      <c r="F1827">
        <v>2</v>
      </c>
      <c r="G1827" t="s">
        <v>9</v>
      </c>
      <c r="H1827" t="s">
        <v>19417</v>
      </c>
      <c r="I1827" t="s">
        <v>30540</v>
      </c>
    </row>
    <row r="1828" spans="1:9">
      <c r="A1828" s="1">
        <v>0.96681511707490797</v>
      </c>
      <c r="B1828" s="1"/>
      <c r="C1828">
        <v>7</v>
      </c>
      <c r="D1828" t="s">
        <v>19418</v>
      </c>
      <c r="E1828" t="s">
        <v>33080</v>
      </c>
      <c r="F1828">
        <v>2</v>
      </c>
      <c r="G1828" t="s">
        <v>2</v>
      </c>
      <c r="H1828" t="s">
        <v>19419</v>
      </c>
      <c r="I1828" t="s">
        <v>30540</v>
      </c>
    </row>
    <row r="1829" spans="1:9">
      <c r="A1829" s="1">
        <v>0.75319755601725413</v>
      </c>
      <c r="B1829" s="1"/>
      <c r="C1829">
        <v>1</v>
      </c>
      <c r="D1829" t="s">
        <v>19406</v>
      </c>
      <c r="E1829" t="s">
        <v>33081</v>
      </c>
      <c r="F1829">
        <v>2</v>
      </c>
      <c r="G1829" t="s">
        <v>10</v>
      </c>
      <c r="H1829" t="s">
        <v>19407</v>
      </c>
      <c r="I1829" t="s">
        <v>30540</v>
      </c>
    </row>
    <row r="1830" spans="1:9">
      <c r="A1830" s="1">
        <v>0.68660533764026965</v>
      </c>
      <c r="B1830" s="1"/>
      <c r="C1830">
        <v>7</v>
      </c>
      <c r="D1830" t="s">
        <v>19402</v>
      </c>
      <c r="E1830" t="s">
        <v>33082</v>
      </c>
      <c r="F1830">
        <v>3</v>
      </c>
      <c r="G1830" t="s">
        <v>14</v>
      </c>
      <c r="H1830" t="s">
        <v>19403</v>
      </c>
      <c r="I1830" t="s">
        <v>30540</v>
      </c>
    </row>
    <row r="1831" spans="1:9">
      <c r="A1831" s="1">
        <v>1.6564799286515886E-2</v>
      </c>
      <c r="B1831" s="1"/>
      <c r="C1831">
        <v>8</v>
      </c>
      <c r="D1831" t="s">
        <v>19394</v>
      </c>
      <c r="E1831" t="s">
        <v>33083</v>
      </c>
      <c r="F1831">
        <v>3</v>
      </c>
      <c r="G1831" t="s">
        <v>1</v>
      </c>
      <c r="H1831" t="s">
        <v>19395</v>
      </c>
      <c r="I1831" t="s">
        <v>30540</v>
      </c>
    </row>
    <row r="1832" spans="1:9">
      <c r="A1832" s="1">
        <v>0.12694333709132188</v>
      </c>
      <c r="B1832" s="1"/>
      <c r="C1832">
        <v>2</v>
      </c>
      <c r="D1832" t="s">
        <v>19388</v>
      </c>
      <c r="E1832" t="s">
        <v>33083</v>
      </c>
      <c r="F1832">
        <v>2</v>
      </c>
      <c r="G1832" t="s">
        <v>2</v>
      </c>
      <c r="H1832" t="s">
        <v>19389</v>
      </c>
      <c r="I1832" t="s">
        <v>30540</v>
      </c>
    </row>
    <row r="1833" spans="1:9">
      <c r="A1833" s="1">
        <v>0.96628025807276685</v>
      </c>
      <c r="B1833" s="1"/>
      <c r="C1833">
        <v>7</v>
      </c>
      <c r="D1833" t="s">
        <v>19376</v>
      </c>
      <c r="E1833" t="s">
        <v>33084</v>
      </c>
      <c r="F1833">
        <v>3</v>
      </c>
      <c r="G1833" t="s">
        <v>10</v>
      </c>
      <c r="H1833" t="s">
        <v>19377</v>
      </c>
      <c r="I1833" t="s">
        <v>30540</v>
      </c>
    </row>
    <row r="1834" spans="1:9">
      <c r="A1834" s="1">
        <v>0.83355226233763346</v>
      </c>
      <c r="B1834" s="1"/>
      <c r="C1834">
        <v>12</v>
      </c>
      <c r="D1834" t="s">
        <v>19380</v>
      </c>
      <c r="E1834" t="s">
        <v>33084</v>
      </c>
      <c r="F1834">
        <v>2</v>
      </c>
      <c r="G1834" t="s">
        <v>14</v>
      </c>
      <c r="H1834" t="s">
        <v>19381</v>
      </c>
      <c r="I1834" t="s">
        <v>30540</v>
      </c>
    </row>
    <row r="1835" spans="1:9">
      <c r="A1835" s="1">
        <v>0.25651717105002925</v>
      </c>
      <c r="B1835" s="1"/>
      <c r="C1835">
        <v>2</v>
      </c>
      <c r="D1835" t="s">
        <v>19362</v>
      </c>
      <c r="E1835" t="s">
        <v>33085</v>
      </c>
      <c r="F1835">
        <v>2</v>
      </c>
      <c r="G1835" t="s">
        <v>1</v>
      </c>
      <c r="H1835" t="s">
        <v>19363</v>
      </c>
      <c r="I1835" t="s">
        <v>30540</v>
      </c>
    </row>
    <row r="1836" spans="1:9">
      <c r="A1836" s="1">
        <v>0.81425720637457777</v>
      </c>
      <c r="B1836" s="1"/>
      <c r="C1836">
        <v>11</v>
      </c>
      <c r="D1836" t="s">
        <v>19344</v>
      </c>
      <c r="E1836" t="s">
        <v>33087</v>
      </c>
      <c r="F1836">
        <v>2</v>
      </c>
      <c r="G1836" t="s">
        <v>1431</v>
      </c>
      <c r="H1836" t="s">
        <v>19345</v>
      </c>
      <c r="I1836" t="s">
        <v>30540</v>
      </c>
    </row>
    <row r="1837" spans="1:9">
      <c r="A1837" s="1">
        <v>0.9266685977105148</v>
      </c>
      <c r="B1837" s="1"/>
      <c r="C1837">
        <v>17</v>
      </c>
      <c r="D1837" t="s">
        <v>19304</v>
      </c>
      <c r="E1837" t="s">
        <v>33091</v>
      </c>
      <c r="F1837">
        <v>1</v>
      </c>
      <c r="G1837" t="s">
        <v>13</v>
      </c>
      <c r="H1837" t="s">
        <v>19305</v>
      </c>
      <c r="I1837" t="s">
        <v>30540</v>
      </c>
    </row>
    <row r="1838" spans="1:9">
      <c r="A1838" s="1">
        <v>0.9276431061279572</v>
      </c>
      <c r="B1838" s="1"/>
      <c r="C1838">
        <v>12</v>
      </c>
      <c r="D1838" t="s">
        <v>19290</v>
      </c>
      <c r="E1838" t="s">
        <v>33092</v>
      </c>
      <c r="F1838">
        <v>3</v>
      </c>
      <c r="G1838" t="s">
        <v>14</v>
      </c>
      <c r="H1838" t="s">
        <v>19291</v>
      </c>
      <c r="I1838" t="s">
        <v>30540</v>
      </c>
    </row>
    <row r="1839" spans="1:9">
      <c r="A1839" s="1">
        <v>0.13687850217262243</v>
      </c>
      <c r="B1839" s="1"/>
      <c r="C1839">
        <v>1</v>
      </c>
      <c r="D1839" t="s">
        <v>19280</v>
      </c>
      <c r="E1839" t="s">
        <v>33092</v>
      </c>
      <c r="F1839">
        <v>3</v>
      </c>
      <c r="G1839" t="s">
        <v>2</v>
      </c>
      <c r="H1839" t="s">
        <v>19281</v>
      </c>
      <c r="I1839" t="s">
        <v>30540</v>
      </c>
    </row>
    <row r="1840" spans="1:9">
      <c r="A1840" s="1">
        <v>0.11283333655545547</v>
      </c>
      <c r="B1840" s="1"/>
      <c r="C1840">
        <v>3</v>
      </c>
      <c r="D1840" t="s">
        <v>19282</v>
      </c>
      <c r="E1840" t="s">
        <v>33092</v>
      </c>
      <c r="F1840">
        <v>1</v>
      </c>
      <c r="G1840" t="s">
        <v>2</v>
      </c>
      <c r="H1840" t="s">
        <v>19283</v>
      </c>
      <c r="I1840" t="s">
        <v>30540</v>
      </c>
    </row>
    <row r="1841" spans="1:9">
      <c r="A1841" s="1">
        <v>0.24541616183565218</v>
      </c>
      <c r="B1841" s="1"/>
      <c r="C1841">
        <v>15</v>
      </c>
      <c r="D1841" t="s">
        <v>19278</v>
      </c>
      <c r="E1841" t="s">
        <v>33093</v>
      </c>
      <c r="F1841">
        <v>3</v>
      </c>
      <c r="G1841" t="s">
        <v>14</v>
      </c>
      <c r="H1841" t="s">
        <v>19279</v>
      </c>
      <c r="I1841" t="s">
        <v>30540</v>
      </c>
    </row>
    <row r="1842" spans="1:9">
      <c r="A1842" s="1">
        <v>0.47515090965556994</v>
      </c>
      <c r="B1842" s="1"/>
      <c r="C1842">
        <v>10</v>
      </c>
      <c r="D1842" t="s">
        <v>19274</v>
      </c>
      <c r="E1842" t="s">
        <v>33093</v>
      </c>
      <c r="F1842">
        <v>2</v>
      </c>
      <c r="G1842" t="s">
        <v>14</v>
      </c>
      <c r="H1842" t="s">
        <v>19275</v>
      </c>
      <c r="I1842" t="s">
        <v>30540</v>
      </c>
    </row>
    <row r="1843" spans="1:9">
      <c r="A1843" s="1">
        <v>0.26365627416766502</v>
      </c>
      <c r="B1843" s="1"/>
      <c r="C1843">
        <v>9</v>
      </c>
      <c r="D1843" t="s">
        <v>19262</v>
      </c>
      <c r="E1843" t="s">
        <v>33094</v>
      </c>
      <c r="F1843">
        <v>3</v>
      </c>
      <c r="G1843" t="s">
        <v>14</v>
      </c>
      <c r="H1843" t="s">
        <v>19263</v>
      </c>
      <c r="I1843" t="s">
        <v>30540</v>
      </c>
    </row>
    <row r="1844" spans="1:9">
      <c r="A1844" s="1">
        <v>0.49234941244283037</v>
      </c>
      <c r="B1844" s="1"/>
      <c r="C1844">
        <v>13</v>
      </c>
      <c r="D1844" t="s">
        <v>19244</v>
      </c>
      <c r="E1844" t="s">
        <v>33096</v>
      </c>
      <c r="F1844">
        <v>3</v>
      </c>
      <c r="G1844" t="s">
        <v>1</v>
      </c>
      <c r="H1844" t="s">
        <v>19245</v>
      </c>
      <c r="I1844" t="s">
        <v>30540</v>
      </c>
    </row>
    <row r="1845" spans="1:9">
      <c r="A1845" s="1">
        <v>0.79110625716343641</v>
      </c>
      <c r="B1845" s="1"/>
      <c r="C1845">
        <v>16</v>
      </c>
      <c r="D1845" t="s">
        <v>19214</v>
      </c>
      <c r="E1845" t="s">
        <v>33099</v>
      </c>
      <c r="F1845">
        <v>2</v>
      </c>
      <c r="G1845" t="s">
        <v>1</v>
      </c>
      <c r="H1845" t="s">
        <v>19215</v>
      </c>
      <c r="I1845" t="s">
        <v>30540</v>
      </c>
    </row>
    <row r="1846" spans="1:9">
      <c r="A1846" s="1">
        <v>0.19081632122959402</v>
      </c>
      <c r="B1846" s="1"/>
      <c r="C1846">
        <v>8</v>
      </c>
      <c r="D1846" t="s">
        <v>19208</v>
      </c>
      <c r="E1846" t="s">
        <v>33099</v>
      </c>
      <c r="F1846">
        <v>1</v>
      </c>
      <c r="G1846" t="s">
        <v>14</v>
      </c>
      <c r="H1846" t="s">
        <v>19209</v>
      </c>
      <c r="I1846" t="s">
        <v>30540</v>
      </c>
    </row>
    <row r="1847" spans="1:9">
      <c r="A1847" s="1">
        <v>0.16649847456180633</v>
      </c>
      <c r="B1847" s="1"/>
      <c r="C1847">
        <v>18</v>
      </c>
      <c r="D1847" t="s">
        <v>19196</v>
      </c>
      <c r="E1847" t="s">
        <v>33100</v>
      </c>
      <c r="F1847">
        <v>3</v>
      </c>
      <c r="G1847" t="s">
        <v>14</v>
      </c>
      <c r="H1847" t="s">
        <v>19197</v>
      </c>
      <c r="I1847" t="s">
        <v>30540</v>
      </c>
    </row>
    <row r="1848" spans="1:9">
      <c r="A1848" s="1">
        <v>0.25503689678506214</v>
      </c>
      <c r="B1848" s="1"/>
      <c r="C1848">
        <v>6</v>
      </c>
      <c r="D1848" t="s">
        <v>19180</v>
      </c>
      <c r="E1848" t="s">
        <v>33101</v>
      </c>
      <c r="F1848">
        <v>3</v>
      </c>
      <c r="G1848" t="s">
        <v>14</v>
      </c>
      <c r="H1848" t="s">
        <v>19181</v>
      </c>
      <c r="I1848" t="s">
        <v>30540</v>
      </c>
    </row>
    <row r="1849" spans="1:9">
      <c r="A1849" s="1">
        <v>0.66996529477401767</v>
      </c>
      <c r="B1849" s="1"/>
      <c r="C1849">
        <v>11</v>
      </c>
      <c r="D1849" t="s">
        <v>19186</v>
      </c>
      <c r="E1849" t="s">
        <v>33101</v>
      </c>
      <c r="F1849">
        <v>1</v>
      </c>
      <c r="G1849" t="s">
        <v>1</v>
      </c>
      <c r="H1849" t="s">
        <v>19187</v>
      </c>
      <c r="I1849" t="s">
        <v>30540</v>
      </c>
    </row>
    <row r="1850" spans="1:9">
      <c r="A1850" s="1">
        <v>0.24228743153013943</v>
      </c>
      <c r="B1850" s="1"/>
      <c r="C1850">
        <v>18</v>
      </c>
      <c r="D1850" t="s">
        <v>19172</v>
      </c>
      <c r="E1850" t="s">
        <v>33102</v>
      </c>
      <c r="F1850">
        <v>3</v>
      </c>
      <c r="G1850" t="s">
        <v>775</v>
      </c>
      <c r="H1850" t="s">
        <v>19173</v>
      </c>
      <c r="I1850" t="s">
        <v>30540</v>
      </c>
    </row>
    <row r="1851" spans="1:9">
      <c r="A1851" s="1">
        <v>0.48141027208835729</v>
      </c>
      <c r="B1851" s="1"/>
      <c r="C1851">
        <v>16</v>
      </c>
      <c r="D1851" t="s">
        <v>19168</v>
      </c>
      <c r="E1851" t="s">
        <v>33102</v>
      </c>
      <c r="F1851">
        <v>3</v>
      </c>
      <c r="G1851" t="s">
        <v>2229</v>
      </c>
      <c r="H1851" t="s">
        <v>19169</v>
      </c>
      <c r="I1851" t="s">
        <v>30540</v>
      </c>
    </row>
    <row r="1852" spans="1:9">
      <c r="A1852" s="1">
        <v>6.3922100256306513E-2</v>
      </c>
      <c r="B1852" s="1"/>
      <c r="C1852">
        <v>17</v>
      </c>
      <c r="D1852" t="s">
        <v>19170</v>
      </c>
      <c r="E1852" t="s">
        <v>33102</v>
      </c>
      <c r="F1852">
        <v>2</v>
      </c>
      <c r="G1852" t="s">
        <v>10</v>
      </c>
      <c r="H1852" t="s">
        <v>19171</v>
      </c>
      <c r="I1852" t="s">
        <v>30540</v>
      </c>
    </row>
    <row r="1853" spans="1:9">
      <c r="A1853" s="1">
        <v>0.12852457571850417</v>
      </c>
      <c r="B1853" s="1"/>
      <c r="C1853">
        <v>4</v>
      </c>
      <c r="D1853" t="s">
        <v>19148</v>
      </c>
      <c r="E1853" t="s">
        <v>33103</v>
      </c>
      <c r="F1853">
        <v>3</v>
      </c>
      <c r="G1853" t="s">
        <v>15</v>
      </c>
      <c r="H1853" t="s">
        <v>19149</v>
      </c>
      <c r="I1853" t="s">
        <v>30540</v>
      </c>
    </row>
    <row r="1854" spans="1:9">
      <c r="A1854" s="1">
        <v>0.38772624351914509</v>
      </c>
      <c r="B1854" s="1"/>
      <c r="C1854">
        <v>7</v>
      </c>
      <c r="D1854" t="s">
        <v>19152</v>
      </c>
      <c r="E1854" t="s">
        <v>33103</v>
      </c>
      <c r="F1854">
        <v>2</v>
      </c>
      <c r="G1854" t="s">
        <v>14</v>
      </c>
      <c r="H1854" t="s">
        <v>19153</v>
      </c>
      <c r="I1854" t="s">
        <v>30540</v>
      </c>
    </row>
    <row r="1855" spans="1:9">
      <c r="A1855" s="1">
        <v>0.40746333503164345</v>
      </c>
      <c r="B1855" s="1"/>
      <c r="C1855">
        <v>20</v>
      </c>
      <c r="D1855" t="s">
        <v>19146</v>
      </c>
      <c r="E1855" t="s">
        <v>33104</v>
      </c>
      <c r="F1855">
        <v>3</v>
      </c>
      <c r="G1855" t="s">
        <v>14</v>
      </c>
      <c r="H1855" t="s">
        <v>19147</v>
      </c>
      <c r="I1855" t="s">
        <v>30540</v>
      </c>
    </row>
    <row r="1856" spans="1:9">
      <c r="A1856" s="1">
        <v>9.4955062578706673E-2</v>
      </c>
      <c r="B1856" s="1"/>
      <c r="C1856">
        <v>20</v>
      </c>
      <c r="D1856" t="s">
        <v>19136</v>
      </c>
      <c r="E1856" t="s">
        <v>33105</v>
      </c>
      <c r="F1856">
        <v>3</v>
      </c>
      <c r="G1856" t="s">
        <v>14</v>
      </c>
      <c r="H1856" t="s">
        <v>19137</v>
      </c>
      <c r="I1856" t="s">
        <v>30540</v>
      </c>
    </row>
    <row r="1857" spans="1:9">
      <c r="A1857" s="1">
        <v>0.63342546547122536</v>
      </c>
      <c r="B1857" s="1"/>
      <c r="C1857">
        <v>14</v>
      </c>
      <c r="D1857" t="s">
        <v>19124</v>
      </c>
      <c r="E1857" t="s">
        <v>33106</v>
      </c>
      <c r="F1857">
        <v>1</v>
      </c>
      <c r="G1857" t="s">
        <v>9</v>
      </c>
      <c r="H1857" t="s">
        <v>19125</v>
      </c>
      <c r="I1857" t="s">
        <v>30540</v>
      </c>
    </row>
    <row r="1858" spans="1:9">
      <c r="A1858" s="1">
        <v>0.46213738701606832</v>
      </c>
      <c r="B1858" s="1"/>
      <c r="C1858">
        <v>5</v>
      </c>
      <c r="D1858" t="s">
        <v>19100</v>
      </c>
      <c r="E1858" t="s">
        <v>33108</v>
      </c>
      <c r="F1858">
        <v>3</v>
      </c>
      <c r="G1858" t="s">
        <v>0</v>
      </c>
      <c r="H1858" t="s">
        <v>19101</v>
      </c>
      <c r="I1858" t="s">
        <v>30540</v>
      </c>
    </row>
    <row r="1859" spans="1:9">
      <c r="A1859" s="1">
        <v>0.59465951971527542</v>
      </c>
      <c r="B1859" s="1"/>
      <c r="C1859">
        <v>12</v>
      </c>
      <c r="D1859" t="s">
        <v>19104</v>
      </c>
      <c r="E1859" t="s">
        <v>33108</v>
      </c>
      <c r="F1859">
        <v>2</v>
      </c>
      <c r="G1859" t="s">
        <v>14</v>
      </c>
      <c r="H1859" t="s">
        <v>19105</v>
      </c>
      <c r="I1859" t="s">
        <v>30540</v>
      </c>
    </row>
    <row r="1860" spans="1:9">
      <c r="A1860" s="1">
        <v>0.56700443430851</v>
      </c>
      <c r="B1860" s="1"/>
      <c r="C1860">
        <v>2</v>
      </c>
      <c r="D1860" t="s">
        <v>19078</v>
      </c>
      <c r="E1860" t="s">
        <v>33109</v>
      </c>
      <c r="F1860">
        <v>3</v>
      </c>
      <c r="G1860" t="s">
        <v>13</v>
      </c>
      <c r="H1860" t="s">
        <v>19079</v>
      </c>
      <c r="I1860" t="s">
        <v>30540</v>
      </c>
    </row>
    <row r="1861" spans="1:9">
      <c r="A1861" s="1">
        <v>0.73234689097037131</v>
      </c>
      <c r="B1861" s="1"/>
      <c r="C1861">
        <v>4</v>
      </c>
      <c r="D1861" t="s">
        <v>19082</v>
      </c>
      <c r="E1861" t="s">
        <v>33109</v>
      </c>
      <c r="F1861">
        <v>3</v>
      </c>
      <c r="G1861" t="s">
        <v>10</v>
      </c>
      <c r="H1861" t="s">
        <v>19083</v>
      </c>
      <c r="I1861" t="s">
        <v>30540</v>
      </c>
    </row>
    <row r="1862" spans="1:9">
      <c r="A1862" s="1">
        <v>0.72528529063597358</v>
      </c>
      <c r="B1862" s="1"/>
      <c r="C1862">
        <v>17</v>
      </c>
      <c r="D1862" t="s">
        <v>19090</v>
      </c>
      <c r="E1862" t="s">
        <v>33109</v>
      </c>
      <c r="F1862">
        <v>3</v>
      </c>
      <c r="G1862" t="s">
        <v>0</v>
      </c>
      <c r="H1862" t="s">
        <v>19091</v>
      </c>
      <c r="I1862" t="s">
        <v>30540</v>
      </c>
    </row>
    <row r="1863" spans="1:9">
      <c r="A1863" s="1">
        <v>4.1020236484278327E-2</v>
      </c>
      <c r="B1863" s="1"/>
      <c r="C1863">
        <v>5</v>
      </c>
      <c r="D1863" t="s">
        <v>19068</v>
      </c>
      <c r="E1863" t="s">
        <v>33110</v>
      </c>
      <c r="F1863">
        <v>3</v>
      </c>
      <c r="G1863" t="s">
        <v>14</v>
      </c>
      <c r="H1863" t="s">
        <v>19069</v>
      </c>
      <c r="I1863" t="s">
        <v>30540</v>
      </c>
    </row>
    <row r="1864" spans="1:9">
      <c r="A1864" s="1">
        <v>0.61696197290278565</v>
      </c>
      <c r="B1864" s="1"/>
      <c r="C1864">
        <v>11</v>
      </c>
      <c r="D1864" t="s">
        <v>19072</v>
      </c>
      <c r="E1864" t="s">
        <v>33110</v>
      </c>
      <c r="F1864">
        <v>2</v>
      </c>
      <c r="G1864" t="s">
        <v>13</v>
      </c>
      <c r="H1864" t="s">
        <v>19073</v>
      </c>
      <c r="I1864" t="s">
        <v>30540</v>
      </c>
    </row>
    <row r="1865" spans="1:9">
      <c r="A1865" s="1">
        <v>0.60785364567736067</v>
      </c>
      <c r="B1865" s="1"/>
      <c r="C1865">
        <v>10</v>
      </c>
      <c r="D1865" t="s">
        <v>19064</v>
      </c>
      <c r="E1865" t="s">
        <v>33111</v>
      </c>
      <c r="F1865">
        <v>2</v>
      </c>
      <c r="G1865" t="s">
        <v>14</v>
      </c>
      <c r="H1865" t="s">
        <v>19065</v>
      </c>
      <c r="I1865" t="s">
        <v>30540</v>
      </c>
    </row>
    <row r="1866" spans="1:9">
      <c r="A1866" s="1">
        <v>0.25619663250258939</v>
      </c>
      <c r="B1866" s="1"/>
      <c r="C1866">
        <v>19</v>
      </c>
      <c r="D1866" t="s">
        <v>19066</v>
      </c>
      <c r="E1866" t="s">
        <v>33111</v>
      </c>
      <c r="F1866">
        <v>2</v>
      </c>
      <c r="G1866" t="s">
        <v>14</v>
      </c>
      <c r="H1866" t="s">
        <v>19067</v>
      </c>
      <c r="I1866" t="s">
        <v>30540</v>
      </c>
    </row>
    <row r="1867" spans="1:9">
      <c r="A1867" s="1">
        <v>0.7867686610416299</v>
      </c>
      <c r="B1867" s="1"/>
      <c r="C1867">
        <v>2</v>
      </c>
      <c r="D1867" t="s">
        <v>19048</v>
      </c>
      <c r="E1867" t="s">
        <v>33112</v>
      </c>
      <c r="F1867">
        <v>3</v>
      </c>
      <c r="G1867" t="s">
        <v>15</v>
      </c>
      <c r="H1867" t="s">
        <v>19049</v>
      </c>
      <c r="I1867" t="s">
        <v>30540</v>
      </c>
    </row>
    <row r="1868" spans="1:9">
      <c r="A1868" s="1">
        <v>0.31968313689065353</v>
      </c>
      <c r="B1868" s="1"/>
      <c r="C1868">
        <v>5</v>
      </c>
      <c r="D1868" t="s">
        <v>19050</v>
      </c>
      <c r="E1868" t="s">
        <v>33112</v>
      </c>
      <c r="F1868">
        <v>3</v>
      </c>
      <c r="G1868" t="s">
        <v>762</v>
      </c>
      <c r="H1868" t="s">
        <v>19051</v>
      </c>
      <c r="I1868" t="s">
        <v>30540</v>
      </c>
    </row>
    <row r="1869" spans="1:9">
      <c r="A1869" s="1">
        <v>3.3124032653373381E-2</v>
      </c>
      <c r="B1869" s="1"/>
      <c r="C1869">
        <v>12</v>
      </c>
      <c r="D1869" t="s">
        <v>19038</v>
      </c>
      <c r="E1869" t="s">
        <v>33114</v>
      </c>
      <c r="F1869">
        <v>1</v>
      </c>
      <c r="G1869" t="s">
        <v>9</v>
      </c>
      <c r="H1869" t="s">
        <v>19039</v>
      </c>
      <c r="I1869" t="s">
        <v>30540</v>
      </c>
    </row>
    <row r="1870" spans="1:9">
      <c r="A1870" s="1">
        <v>0.32487690405326208</v>
      </c>
      <c r="B1870" s="1"/>
      <c r="C1870">
        <v>17</v>
      </c>
      <c r="D1870" t="s">
        <v>19028</v>
      </c>
      <c r="E1870" t="s">
        <v>33115</v>
      </c>
      <c r="F1870">
        <v>3</v>
      </c>
      <c r="G1870" t="s">
        <v>15</v>
      </c>
      <c r="H1870" t="s">
        <v>19029</v>
      </c>
      <c r="I1870" t="s">
        <v>30540</v>
      </c>
    </row>
    <row r="1871" spans="1:9">
      <c r="A1871" s="1">
        <v>0.30858409142160126</v>
      </c>
      <c r="B1871" s="1"/>
      <c r="C1871">
        <v>19</v>
      </c>
      <c r="D1871" t="s">
        <v>19018</v>
      </c>
      <c r="E1871" t="s">
        <v>33117</v>
      </c>
      <c r="F1871">
        <v>3</v>
      </c>
      <c r="G1871" t="s">
        <v>0</v>
      </c>
      <c r="H1871" t="s">
        <v>19019</v>
      </c>
      <c r="I1871" t="s">
        <v>30540</v>
      </c>
    </row>
    <row r="1872" spans="1:9">
      <c r="A1872" s="1">
        <v>0.42738295426163198</v>
      </c>
      <c r="B1872" s="1"/>
      <c r="C1872">
        <v>8</v>
      </c>
      <c r="D1872" t="s">
        <v>19002</v>
      </c>
      <c r="E1872" t="s">
        <v>33118</v>
      </c>
      <c r="F1872">
        <v>1</v>
      </c>
      <c r="G1872" t="s">
        <v>15</v>
      </c>
      <c r="H1872" t="s">
        <v>19003</v>
      </c>
      <c r="I1872" t="s">
        <v>30540</v>
      </c>
    </row>
    <row r="1873" spans="1:9">
      <c r="A1873" s="1">
        <v>0.20649873301797372</v>
      </c>
      <c r="B1873" s="1"/>
      <c r="C1873">
        <v>14</v>
      </c>
      <c r="D1873" t="s">
        <v>18996</v>
      </c>
      <c r="E1873" t="s">
        <v>33119</v>
      </c>
      <c r="F1873">
        <v>2</v>
      </c>
      <c r="G1873" t="s">
        <v>15</v>
      </c>
      <c r="H1873" t="s">
        <v>18997</v>
      </c>
      <c r="I1873" t="s">
        <v>30540</v>
      </c>
    </row>
    <row r="1874" spans="1:9">
      <c r="A1874" s="1">
        <v>2.8163651336819528E-2</v>
      </c>
      <c r="B1874" s="1"/>
      <c r="C1874">
        <v>9</v>
      </c>
      <c r="D1874" t="s">
        <v>18992</v>
      </c>
      <c r="E1874" t="s">
        <v>33119</v>
      </c>
      <c r="F1874">
        <v>1</v>
      </c>
      <c r="G1874" t="s">
        <v>13</v>
      </c>
      <c r="H1874" t="s">
        <v>18993</v>
      </c>
      <c r="I1874" t="s">
        <v>30540</v>
      </c>
    </row>
    <row r="1875" spans="1:9">
      <c r="A1875" s="1">
        <v>0.75221996468800434</v>
      </c>
      <c r="B1875" s="1"/>
      <c r="C1875">
        <v>9</v>
      </c>
      <c r="D1875" t="s">
        <v>18980</v>
      </c>
      <c r="E1875" t="s">
        <v>33120</v>
      </c>
      <c r="F1875">
        <v>3</v>
      </c>
      <c r="G1875" t="s">
        <v>13</v>
      </c>
      <c r="H1875" t="s">
        <v>18981</v>
      </c>
      <c r="I1875" t="s">
        <v>30540</v>
      </c>
    </row>
    <row r="1876" spans="1:9">
      <c r="A1876" s="1">
        <v>0.41318915619005425</v>
      </c>
      <c r="B1876" s="1"/>
      <c r="C1876">
        <v>18</v>
      </c>
      <c r="D1876" t="s">
        <v>18976</v>
      </c>
      <c r="E1876" t="s">
        <v>33121</v>
      </c>
      <c r="F1876">
        <v>2</v>
      </c>
      <c r="G1876" t="s">
        <v>15</v>
      </c>
      <c r="H1876" t="s">
        <v>18977</v>
      </c>
      <c r="I1876" t="s">
        <v>30540</v>
      </c>
    </row>
    <row r="1877" spans="1:9">
      <c r="A1877" s="1">
        <v>0.15922448620689045</v>
      </c>
      <c r="B1877" s="1"/>
      <c r="C1877">
        <v>9</v>
      </c>
      <c r="D1877" t="s">
        <v>18960</v>
      </c>
      <c r="E1877" t="s">
        <v>33122</v>
      </c>
      <c r="F1877">
        <v>2</v>
      </c>
      <c r="G1877" t="s">
        <v>10</v>
      </c>
      <c r="H1877" t="s">
        <v>18961</v>
      </c>
      <c r="I1877" t="s">
        <v>30540</v>
      </c>
    </row>
    <row r="1878" spans="1:9">
      <c r="A1878" s="1">
        <v>0.47356246339624186</v>
      </c>
      <c r="B1878" s="1"/>
      <c r="C1878">
        <v>14</v>
      </c>
      <c r="D1878" t="s">
        <v>18934</v>
      </c>
      <c r="E1878" t="s">
        <v>33125</v>
      </c>
      <c r="F1878">
        <v>3</v>
      </c>
      <c r="G1878" t="s">
        <v>14</v>
      </c>
      <c r="H1878" t="s">
        <v>18935</v>
      </c>
      <c r="I1878" t="s">
        <v>30540</v>
      </c>
    </row>
    <row r="1879" spans="1:9">
      <c r="A1879" s="1">
        <v>0.82059570194496967</v>
      </c>
      <c r="B1879" s="1"/>
      <c r="C1879">
        <v>1</v>
      </c>
      <c r="D1879" t="s">
        <v>18932</v>
      </c>
      <c r="E1879" t="s">
        <v>33125</v>
      </c>
      <c r="F1879">
        <v>3</v>
      </c>
      <c r="G1879" t="s">
        <v>14</v>
      </c>
      <c r="H1879" t="s">
        <v>18933</v>
      </c>
      <c r="I1879" t="s">
        <v>30540</v>
      </c>
    </row>
    <row r="1880" spans="1:9">
      <c r="A1880" s="1">
        <v>0.45851692979462277</v>
      </c>
      <c r="B1880" s="1"/>
      <c r="C1880">
        <v>15</v>
      </c>
      <c r="D1880" t="s">
        <v>18936</v>
      </c>
      <c r="E1880" t="s">
        <v>33125</v>
      </c>
      <c r="F1880">
        <v>2</v>
      </c>
      <c r="G1880" t="s">
        <v>14</v>
      </c>
      <c r="H1880" t="s">
        <v>18937</v>
      </c>
      <c r="I1880" t="s">
        <v>30540</v>
      </c>
    </row>
    <row r="1881" spans="1:9">
      <c r="A1881" s="1">
        <v>0.70885782510695694</v>
      </c>
      <c r="B1881" s="1"/>
      <c r="C1881">
        <v>11</v>
      </c>
      <c r="D1881" t="s">
        <v>18924</v>
      </c>
      <c r="E1881" t="s">
        <v>33126</v>
      </c>
      <c r="F1881">
        <v>3</v>
      </c>
      <c r="G1881" t="s">
        <v>14</v>
      </c>
      <c r="H1881" t="s">
        <v>18925</v>
      </c>
      <c r="I1881" t="s">
        <v>30540</v>
      </c>
    </row>
    <row r="1882" spans="1:9">
      <c r="A1882" s="1">
        <v>0.79756542842783407</v>
      </c>
      <c r="B1882" s="1"/>
      <c r="C1882">
        <v>9</v>
      </c>
      <c r="D1882" t="s">
        <v>18922</v>
      </c>
      <c r="E1882" t="s">
        <v>33126</v>
      </c>
      <c r="F1882">
        <v>3</v>
      </c>
      <c r="G1882" t="s">
        <v>15</v>
      </c>
      <c r="H1882" t="s">
        <v>18923</v>
      </c>
      <c r="I1882" t="s">
        <v>30540</v>
      </c>
    </row>
    <row r="1883" spans="1:9">
      <c r="A1883" s="1">
        <v>0.48052811352447922</v>
      </c>
      <c r="B1883" s="1"/>
      <c r="C1883">
        <v>13</v>
      </c>
      <c r="D1883" t="s">
        <v>18926</v>
      </c>
      <c r="E1883" t="s">
        <v>33126</v>
      </c>
      <c r="F1883">
        <v>2</v>
      </c>
      <c r="G1883" t="s">
        <v>0</v>
      </c>
      <c r="H1883" t="s">
        <v>18927</v>
      </c>
      <c r="I1883" t="s">
        <v>30540</v>
      </c>
    </row>
    <row r="1884" spans="1:9">
      <c r="A1884" s="1">
        <v>0.57376570056540621</v>
      </c>
      <c r="B1884" s="1"/>
      <c r="C1884">
        <v>9</v>
      </c>
      <c r="D1884" t="s">
        <v>18886</v>
      </c>
      <c r="E1884" t="s">
        <v>33129</v>
      </c>
      <c r="F1884">
        <v>1</v>
      </c>
      <c r="G1884" t="s">
        <v>1</v>
      </c>
      <c r="H1884" t="s">
        <v>18887</v>
      </c>
      <c r="I1884" t="s">
        <v>30540</v>
      </c>
    </row>
    <row r="1885" spans="1:9">
      <c r="A1885" s="1">
        <v>0.18534000028768316</v>
      </c>
      <c r="B1885" s="1"/>
      <c r="C1885">
        <v>18</v>
      </c>
      <c r="D1885" t="s">
        <v>18892</v>
      </c>
      <c r="E1885" t="s">
        <v>33129</v>
      </c>
      <c r="F1885">
        <v>1</v>
      </c>
      <c r="G1885" t="s">
        <v>9</v>
      </c>
      <c r="H1885" t="s">
        <v>18893</v>
      </c>
      <c r="I1885" t="s">
        <v>30540</v>
      </c>
    </row>
    <row r="1886" spans="1:9">
      <c r="A1886" s="1">
        <v>1.1909088611902541E-2</v>
      </c>
      <c r="B1886" s="1"/>
      <c r="C1886">
        <v>18</v>
      </c>
      <c r="D1886" t="s">
        <v>18876</v>
      </c>
      <c r="E1886" t="s">
        <v>33130</v>
      </c>
      <c r="F1886">
        <v>2</v>
      </c>
      <c r="G1886" t="s">
        <v>14</v>
      </c>
      <c r="H1886" t="s">
        <v>18877</v>
      </c>
      <c r="I1886" t="s">
        <v>30540</v>
      </c>
    </row>
    <row r="1887" spans="1:9">
      <c r="A1887" s="1">
        <v>0.77823948823181532</v>
      </c>
      <c r="B1887" s="1"/>
      <c r="C1887">
        <v>17</v>
      </c>
      <c r="D1887" t="s">
        <v>18874</v>
      </c>
      <c r="E1887" t="s">
        <v>33130</v>
      </c>
      <c r="F1887">
        <v>2</v>
      </c>
      <c r="G1887" t="s">
        <v>14</v>
      </c>
      <c r="H1887" t="s">
        <v>18875</v>
      </c>
      <c r="I1887" t="s">
        <v>30540</v>
      </c>
    </row>
    <row r="1888" spans="1:9">
      <c r="A1888" s="1">
        <v>0.53206940338876252</v>
      </c>
      <c r="B1888" s="1"/>
      <c r="C1888">
        <v>14</v>
      </c>
      <c r="D1888" t="s">
        <v>18872</v>
      </c>
      <c r="E1888" t="s">
        <v>33130</v>
      </c>
      <c r="F1888">
        <v>2</v>
      </c>
      <c r="G1888" t="s">
        <v>14</v>
      </c>
      <c r="H1888" t="s">
        <v>18873</v>
      </c>
      <c r="I1888" t="s">
        <v>30540</v>
      </c>
    </row>
    <row r="1889" spans="1:9">
      <c r="A1889" s="1">
        <v>0.66003793946724032</v>
      </c>
      <c r="B1889" s="1"/>
      <c r="C1889">
        <v>4</v>
      </c>
      <c r="D1889" t="s">
        <v>18856</v>
      </c>
      <c r="E1889" t="s">
        <v>33132</v>
      </c>
      <c r="F1889">
        <v>3</v>
      </c>
      <c r="G1889" t="s">
        <v>1426</v>
      </c>
      <c r="H1889" t="s">
        <v>18857</v>
      </c>
      <c r="I1889" t="s">
        <v>30540</v>
      </c>
    </row>
    <row r="1890" spans="1:9">
      <c r="A1890" s="1">
        <v>0.58085884785672104</v>
      </c>
      <c r="B1890" s="1"/>
      <c r="C1890">
        <v>14</v>
      </c>
      <c r="D1890" t="s">
        <v>18852</v>
      </c>
      <c r="E1890" t="s">
        <v>33133</v>
      </c>
      <c r="F1890">
        <v>3</v>
      </c>
      <c r="G1890" t="s">
        <v>14</v>
      </c>
      <c r="H1890" t="s">
        <v>18853</v>
      </c>
      <c r="I1890" t="s">
        <v>30540</v>
      </c>
    </row>
    <row r="1891" spans="1:9">
      <c r="A1891" s="1">
        <v>0.66100538492082017</v>
      </c>
      <c r="B1891" s="1"/>
      <c r="C1891">
        <v>8</v>
      </c>
      <c r="D1891" t="s">
        <v>18844</v>
      </c>
      <c r="E1891" t="s">
        <v>33134</v>
      </c>
      <c r="F1891">
        <v>2</v>
      </c>
      <c r="G1891" t="s">
        <v>762</v>
      </c>
      <c r="H1891" t="s">
        <v>18845</v>
      </c>
      <c r="I1891" t="s">
        <v>30540</v>
      </c>
    </row>
    <row r="1892" spans="1:9">
      <c r="A1892" s="1">
        <v>0.48384847026426214</v>
      </c>
      <c r="B1892" s="1"/>
      <c r="C1892">
        <v>19</v>
      </c>
      <c r="D1892" t="s">
        <v>18840</v>
      </c>
      <c r="E1892" t="s">
        <v>33135</v>
      </c>
      <c r="F1892">
        <v>3</v>
      </c>
      <c r="G1892" t="s">
        <v>14</v>
      </c>
      <c r="H1892" t="s">
        <v>18841</v>
      </c>
      <c r="I1892" t="s">
        <v>30540</v>
      </c>
    </row>
    <row r="1893" spans="1:9">
      <c r="A1893" s="1">
        <v>0.11984332293679656</v>
      </c>
      <c r="B1893" s="1"/>
      <c r="C1893">
        <v>15</v>
      </c>
      <c r="D1893" t="s">
        <v>18836</v>
      </c>
      <c r="E1893" t="s">
        <v>33135</v>
      </c>
      <c r="F1893">
        <v>2</v>
      </c>
      <c r="G1893" t="s">
        <v>1</v>
      </c>
      <c r="H1893" t="s">
        <v>18837</v>
      </c>
      <c r="I1893" t="s">
        <v>30540</v>
      </c>
    </row>
    <row r="1894" spans="1:9">
      <c r="A1894" s="1">
        <v>0.99144477254318575</v>
      </c>
      <c r="B1894" s="1"/>
      <c r="C1894">
        <v>5</v>
      </c>
      <c r="D1894" t="s">
        <v>18828</v>
      </c>
      <c r="E1894" t="s">
        <v>33136</v>
      </c>
      <c r="F1894">
        <v>2</v>
      </c>
      <c r="G1894" t="s">
        <v>13</v>
      </c>
      <c r="H1894" t="s">
        <v>18829</v>
      </c>
      <c r="I1894" t="s">
        <v>30540</v>
      </c>
    </row>
    <row r="1895" spans="1:9">
      <c r="A1895" s="1">
        <v>0.29088564062960853</v>
      </c>
      <c r="B1895" s="1"/>
      <c r="C1895">
        <v>8</v>
      </c>
      <c r="D1895" t="s">
        <v>18812</v>
      </c>
      <c r="E1895" t="s">
        <v>33138</v>
      </c>
      <c r="F1895">
        <v>2</v>
      </c>
      <c r="G1895" t="s">
        <v>14</v>
      </c>
      <c r="H1895" t="s">
        <v>18813</v>
      </c>
      <c r="I1895" t="s">
        <v>30540</v>
      </c>
    </row>
    <row r="1896" spans="1:9">
      <c r="A1896" s="1">
        <v>0.23001733427311699</v>
      </c>
      <c r="B1896" s="1"/>
      <c r="C1896">
        <v>14</v>
      </c>
      <c r="D1896" t="s">
        <v>18808</v>
      </c>
      <c r="E1896" t="s">
        <v>33139</v>
      </c>
      <c r="F1896">
        <v>2</v>
      </c>
      <c r="G1896" t="s">
        <v>1431</v>
      </c>
      <c r="H1896" t="s">
        <v>18809</v>
      </c>
      <c r="I1896" t="s">
        <v>30540</v>
      </c>
    </row>
    <row r="1897" spans="1:9">
      <c r="A1897" s="1">
        <v>0.72330521797849967</v>
      </c>
      <c r="B1897" s="1"/>
      <c r="C1897">
        <v>16</v>
      </c>
      <c r="D1897" t="s">
        <v>18788</v>
      </c>
      <c r="E1897" t="s">
        <v>33141</v>
      </c>
      <c r="F1897">
        <v>3</v>
      </c>
      <c r="G1897" t="s">
        <v>9</v>
      </c>
      <c r="H1897" t="s">
        <v>18789</v>
      </c>
      <c r="I1897" t="s">
        <v>30540</v>
      </c>
    </row>
    <row r="1898" spans="1:9">
      <c r="A1898" s="1">
        <v>0.42608283959390392</v>
      </c>
      <c r="B1898" s="1"/>
      <c r="C1898">
        <v>6</v>
      </c>
      <c r="D1898" t="s">
        <v>18772</v>
      </c>
      <c r="E1898" t="s">
        <v>33142</v>
      </c>
      <c r="F1898">
        <v>3</v>
      </c>
      <c r="G1898" t="s">
        <v>14</v>
      </c>
      <c r="H1898" t="s">
        <v>18773</v>
      </c>
      <c r="I1898" t="s">
        <v>30540</v>
      </c>
    </row>
    <row r="1899" spans="1:9">
      <c r="A1899" s="1">
        <v>0.9047870152822205</v>
      </c>
      <c r="B1899" s="1"/>
      <c r="C1899">
        <v>11</v>
      </c>
      <c r="D1899" t="s">
        <v>18768</v>
      </c>
      <c r="E1899" t="s">
        <v>33143</v>
      </c>
      <c r="F1899">
        <v>3</v>
      </c>
      <c r="G1899" t="s">
        <v>14</v>
      </c>
      <c r="H1899" t="s">
        <v>18769</v>
      </c>
      <c r="I1899" t="s">
        <v>30540</v>
      </c>
    </row>
    <row r="1900" spans="1:9">
      <c r="A1900" s="1">
        <v>0.41584636177645651</v>
      </c>
      <c r="B1900" s="1"/>
      <c r="C1900">
        <v>2</v>
      </c>
      <c r="D1900" t="s">
        <v>18754</v>
      </c>
      <c r="E1900" t="s">
        <v>33143</v>
      </c>
      <c r="F1900">
        <v>2</v>
      </c>
      <c r="G1900" t="s">
        <v>10</v>
      </c>
      <c r="H1900" t="s">
        <v>18755</v>
      </c>
      <c r="I1900" t="s">
        <v>30540</v>
      </c>
    </row>
    <row r="1901" spans="1:9">
      <c r="A1901" s="1">
        <v>0.41165748229957588</v>
      </c>
      <c r="B1901" s="1"/>
      <c r="C1901">
        <v>7</v>
      </c>
      <c r="D1901" t="s">
        <v>18748</v>
      </c>
      <c r="E1901" t="s">
        <v>33144</v>
      </c>
      <c r="F1901">
        <v>1</v>
      </c>
      <c r="G1901" t="s">
        <v>775</v>
      </c>
      <c r="H1901" t="s">
        <v>18749</v>
      </c>
      <c r="I1901" t="s">
        <v>30540</v>
      </c>
    </row>
    <row r="1902" spans="1:9">
      <c r="A1902" s="1">
        <v>0.44304084853255343</v>
      </c>
      <c r="B1902" s="1"/>
      <c r="C1902">
        <v>1</v>
      </c>
      <c r="D1902" t="s">
        <v>18710</v>
      </c>
      <c r="E1902" t="s">
        <v>33148</v>
      </c>
      <c r="F1902">
        <v>2</v>
      </c>
      <c r="G1902" t="s">
        <v>10</v>
      </c>
      <c r="H1902" t="s">
        <v>18711</v>
      </c>
      <c r="I1902" t="s">
        <v>30540</v>
      </c>
    </row>
    <row r="1903" spans="1:9">
      <c r="A1903" s="1">
        <v>0.45694938065462454</v>
      </c>
      <c r="B1903" s="1"/>
      <c r="C1903">
        <v>17</v>
      </c>
      <c r="D1903" t="s">
        <v>18706</v>
      </c>
      <c r="E1903" t="s">
        <v>33149</v>
      </c>
      <c r="F1903">
        <v>2</v>
      </c>
      <c r="G1903" t="s">
        <v>762</v>
      </c>
      <c r="H1903" t="s">
        <v>18707</v>
      </c>
      <c r="I1903" t="s">
        <v>30540</v>
      </c>
    </row>
    <row r="1904" spans="1:9">
      <c r="A1904" s="1">
        <v>7.9325396507542223E-2</v>
      </c>
      <c r="B1904" s="1"/>
      <c r="C1904">
        <v>15</v>
      </c>
      <c r="D1904" t="s">
        <v>18692</v>
      </c>
      <c r="E1904" t="s">
        <v>33150</v>
      </c>
      <c r="F1904">
        <v>2</v>
      </c>
      <c r="G1904" t="s">
        <v>13</v>
      </c>
      <c r="H1904" t="s">
        <v>18693</v>
      </c>
      <c r="I1904" t="s">
        <v>30540</v>
      </c>
    </row>
    <row r="1905" spans="1:9">
      <c r="A1905" s="1">
        <v>0.99970641164646967</v>
      </c>
      <c r="B1905" s="1"/>
      <c r="C1905">
        <v>19</v>
      </c>
      <c r="D1905" t="s">
        <v>18684</v>
      </c>
      <c r="E1905" t="s">
        <v>33151</v>
      </c>
      <c r="F1905">
        <v>2</v>
      </c>
      <c r="G1905" t="s">
        <v>13</v>
      </c>
      <c r="H1905" t="s">
        <v>18685</v>
      </c>
      <c r="I1905" t="s">
        <v>30540</v>
      </c>
    </row>
    <row r="1906" spans="1:9">
      <c r="A1906" s="1">
        <v>0.53956395903591203</v>
      </c>
      <c r="B1906" s="1"/>
      <c r="C1906">
        <v>18</v>
      </c>
      <c r="D1906" t="s">
        <v>18670</v>
      </c>
      <c r="E1906" t="s">
        <v>33152</v>
      </c>
      <c r="F1906">
        <v>3</v>
      </c>
      <c r="G1906" t="s">
        <v>14</v>
      </c>
      <c r="H1906" t="s">
        <v>18671</v>
      </c>
      <c r="I1906" t="s">
        <v>30540</v>
      </c>
    </row>
    <row r="1907" spans="1:9">
      <c r="A1907" s="1">
        <v>0.99043353382112076</v>
      </c>
      <c r="B1907" s="1"/>
      <c r="C1907">
        <v>1</v>
      </c>
      <c r="D1907" t="s">
        <v>18664</v>
      </c>
      <c r="E1907" t="s">
        <v>33152</v>
      </c>
      <c r="F1907">
        <v>3</v>
      </c>
      <c r="G1907" t="s">
        <v>13</v>
      </c>
      <c r="H1907" t="s">
        <v>18665</v>
      </c>
      <c r="I1907" t="s">
        <v>30540</v>
      </c>
    </row>
    <row r="1908" spans="1:9">
      <c r="A1908" s="1">
        <v>0.213173568260694</v>
      </c>
      <c r="B1908" s="1"/>
      <c r="C1908">
        <v>19</v>
      </c>
      <c r="D1908" t="s">
        <v>18660</v>
      </c>
      <c r="E1908" t="s">
        <v>33153</v>
      </c>
      <c r="F1908">
        <v>2</v>
      </c>
      <c r="G1908" t="s">
        <v>10</v>
      </c>
      <c r="H1908" t="s">
        <v>18661</v>
      </c>
      <c r="I1908" t="s">
        <v>30540</v>
      </c>
    </row>
    <row r="1909" spans="1:9">
      <c r="A1909" s="1">
        <v>0.44387372878763076</v>
      </c>
      <c r="B1909" s="1"/>
      <c r="C1909">
        <v>9</v>
      </c>
      <c r="D1909" t="s">
        <v>18654</v>
      </c>
      <c r="E1909" t="s">
        <v>33153</v>
      </c>
      <c r="F1909">
        <v>2</v>
      </c>
      <c r="G1909" t="s">
        <v>1</v>
      </c>
      <c r="H1909" t="s">
        <v>18655</v>
      </c>
      <c r="I1909" t="s">
        <v>30540</v>
      </c>
    </row>
    <row r="1910" spans="1:9">
      <c r="A1910" s="1">
        <v>0.53950729010805754</v>
      </c>
      <c r="B1910" s="1"/>
      <c r="C1910">
        <v>17</v>
      </c>
      <c r="D1910" t="s">
        <v>18658</v>
      </c>
      <c r="E1910" t="s">
        <v>33153</v>
      </c>
      <c r="F1910">
        <v>2</v>
      </c>
      <c r="G1910" t="s">
        <v>13</v>
      </c>
      <c r="H1910" t="s">
        <v>18659</v>
      </c>
      <c r="I1910" t="s">
        <v>30540</v>
      </c>
    </row>
    <row r="1911" spans="1:9">
      <c r="A1911" s="1">
        <v>0.39032077585442471</v>
      </c>
      <c r="B1911" s="1"/>
      <c r="C1911">
        <v>4</v>
      </c>
      <c r="D1911" t="s">
        <v>18634</v>
      </c>
      <c r="E1911" t="s">
        <v>33155</v>
      </c>
      <c r="F1911">
        <v>3</v>
      </c>
      <c r="G1911" t="s">
        <v>15</v>
      </c>
      <c r="H1911" t="s">
        <v>18635</v>
      </c>
      <c r="I1911" t="s">
        <v>30540</v>
      </c>
    </row>
    <row r="1912" spans="1:9">
      <c r="A1912" s="1">
        <v>2.0266205337972298E-2</v>
      </c>
      <c r="B1912" s="1"/>
      <c r="C1912">
        <v>17</v>
      </c>
      <c r="D1912" t="s">
        <v>18642</v>
      </c>
      <c r="E1912" t="s">
        <v>33155</v>
      </c>
      <c r="F1912">
        <v>3</v>
      </c>
      <c r="G1912" t="s">
        <v>10</v>
      </c>
      <c r="H1912" t="s">
        <v>18643</v>
      </c>
      <c r="I1912" t="s">
        <v>30540</v>
      </c>
    </row>
    <row r="1913" spans="1:9">
      <c r="A1913" s="1">
        <v>0.83610186303608758</v>
      </c>
      <c r="B1913" s="1"/>
      <c r="C1913">
        <v>15</v>
      </c>
      <c r="D1913" t="s">
        <v>18640</v>
      </c>
      <c r="E1913" t="s">
        <v>33155</v>
      </c>
      <c r="F1913">
        <v>2</v>
      </c>
      <c r="G1913" t="s">
        <v>2</v>
      </c>
      <c r="H1913" t="s">
        <v>18641</v>
      </c>
      <c r="I1913" t="s">
        <v>30540</v>
      </c>
    </row>
    <row r="1914" spans="1:9">
      <c r="A1914" s="1">
        <v>0.77838935148762789</v>
      </c>
      <c r="B1914" s="1"/>
      <c r="C1914">
        <v>7</v>
      </c>
      <c r="D1914" t="s">
        <v>18622</v>
      </c>
      <c r="E1914" t="s">
        <v>33156</v>
      </c>
      <c r="F1914">
        <v>2</v>
      </c>
      <c r="G1914" t="s">
        <v>10</v>
      </c>
      <c r="H1914" t="s">
        <v>18623</v>
      </c>
      <c r="I1914" t="s">
        <v>30540</v>
      </c>
    </row>
    <row r="1915" spans="1:9">
      <c r="A1915" s="1">
        <v>0.72899205766880815</v>
      </c>
      <c r="B1915" s="1"/>
      <c r="C1915">
        <v>13</v>
      </c>
      <c r="D1915" t="s">
        <v>18628</v>
      </c>
      <c r="E1915" t="s">
        <v>33156</v>
      </c>
      <c r="F1915">
        <v>2</v>
      </c>
      <c r="G1915" t="s">
        <v>0</v>
      </c>
      <c r="H1915" t="s">
        <v>18629</v>
      </c>
      <c r="I1915" t="s">
        <v>30540</v>
      </c>
    </row>
    <row r="1916" spans="1:9">
      <c r="A1916" s="1">
        <v>4.6281423344784689E-2</v>
      </c>
      <c r="B1916" s="1"/>
      <c r="C1916">
        <v>1</v>
      </c>
      <c r="D1916" t="s">
        <v>18618</v>
      </c>
      <c r="E1916" t="s">
        <v>33156</v>
      </c>
      <c r="F1916">
        <v>1</v>
      </c>
      <c r="G1916" t="s">
        <v>2</v>
      </c>
      <c r="H1916" t="s">
        <v>18619</v>
      </c>
      <c r="I1916" t="s">
        <v>30540</v>
      </c>
    </row>
    <row r="1917" spans="1:9">
      <c r="A1917" s="1">
        <v>5.9194580393955309E-2</v>
      </c>
      <c r="B1917" s="1"/>
      <c r="C1917">
        <v>3</v>
      </c>
      <c r="D1917" t="s">
        <v>18604</v>
      </c>
      <c r="E1917" t="s">
        <v>33157</v>
      </c>
      <c r="F1917">
        <v>3</v>
      </c>
      <c r="G1917" t="s">
        <v>1431</v>
      </c>
      <c r="H1917" t="s">
        <v>18605</v>
      </c>
      <c r="I1917" t="s">
        <v>30540</v>
      </c>
    </row>
    <row r="1918" spans="1:9">
      <c r="A1918" s="1">
        <v>0.5920561931269086</v>
      </c>
      <c r="B1918" s="1"/>
      <c r="C1918">
        <v>9</v>
      </c>
      <c r="D1918" t="s">
        <v>18612</v>
      </c>
      <c r="E1918" t="s">
        <v>33157</v>
      </c>
      <c r="F1918">
        <v>2</v>
      </c>
      <c r="G1918" t="s">
        <v>775</v>
      </c>
      <c r="H1918" t="s">
        <v>18613</v>
      </c>
      <c r="I1918" t="s">
        <v>30540</v>
      </c>
    </row>
    <row r="1919" spans="1:9">
      <c r="A1919" s="1">
        <v>0.58047625610168574</v>
      </c>
      <c r="B1919" s="1"/>
      <c r="C1919">
        <v>20</v>
      </c>
      <c r="D1919" t="s">
        <v>18602</v>
      </c>
      <c r="E1919" t="s">
        <v>33158</v>
      </c>
      <c r="F1919">
        <v>2</v>
      </c>
      <c r="G1919" t="s">
        <v>0</v>
      </c>
      <c r="H1919" t="s">
        <v>18603</v>
      </c>
      <c r="I1919" t="s">
        <v>30540</v>
      </c>
    </row>
    <row r="1920" spans="1:9">
      <c r="A1920" s="1">
        <v>0.37614476634624505</v>
      </c>
      <c r="B1920" s="1"/>
      <c r="C1920">
        <v>3</v>
      </c>
      <c r="D1920" t="s">
        <v>18588</v>
      </c>
      <c r="E1920" t="s">
        <v>33159</v>
      </c>
      <c r="F1920">
        <v>3</v>
      </c>
      <c r="G1920" t="s">
        <v>10</v>
      </c>
      <c r="H1920" t="s">
        <v>18589</v>
      </c>
      <c r="I1920" t="s">
        <v>30540</v>
      </c>
    </row>
    <row r="1921" spans="1:9">
      <c r="A1921" s="1">
        <v>0.78481546725048223</v>
      </c>
      <c r="B1921" s="1"/>
      <c r="C1921">
        <v>17</v>
      </c>
      <c r="D1921" t="s">
        <v>18594</v>
      </c>
      <c r="E1921" t="s">
        <v>33159</v>
      </c>
      <c r="F1921">
        <v>3</v>
      </c>
      <c r="G1921" t="s">
        <v>0</v>
      </c>
      <c r="H1921" t="s">
        <v>18595</v>
      </c>
      <c r="I1921" t="s">
        <v>30540</v>
      </c>
    </row>
    <row r="1922" spans="1:9">
      <c r="A1922" s="1">
        <v>0.41636832772632115</v>
      </c>
      <c r="B1922" s="1"/>
      <c r="C1922">
        <v>15</v>
      </c>
      <c r="D1922" t="s">
        <v>18562</v>
      </c>
      <c r="E1922" t="s">
        <v>33162</v>
      </c>
      <c r="F1922">
        <v>2</v>
      </c>
      <c r="G1922" t="s">
        <v>3732</v>
      </c>
      <c r="H1922" t="s">
        <v>18563</v>
      </c>
      <c r="I1922" t="s">
        <v>30540</v>
      </c>
    </row>
    <row r="1923" spans="1:9">
      <c r="A1923" s="1">
        <v>0.24837266857193552</v>
      </c>
      <c r="B1923" s="1"/>
      <c r="C1923">
        <v>11</v>
      </c>
      <c r="D1923" t="s">
        <v>18556</v>
      </c>
      <c r="E1923" t="s">
        <v>33163</v>
      </c>
      <c r="F1923">
        <v>1</v>
      </c>
      <c r="G1923" t="s">
        <v>9</v>
      </c>
      <c r="H1923" t="s">
        <v>18557</v>
      </c>
      <c r="I1923" t="s">
        <v>30540</v>
      </c>
    </row>
    <row r="1924" spans="1:9">
      <c r="A1924" s="1">
        <v>0.44755429287574433</v>
      </c>
      <c r="B1924" s="1"/>
      <c r="C1924">
        <v>18</v>
      </c>
      <c r="D1924" t="s">
        <v>18536</v>
      </c>
      <c r="E1924" t="s">
        <v>33165</v>
      </c>
      <c r="F1924">
        <v>2</v>
      </c>
      <c r="G1924" t="s">
        <v>14</v>
      </c>
      <c r="H1924" t="s">
        <v>18537</v>
      </c>
      <c r="I1924" t="s">
        <v>30540</v>
      </c>
    </row>
    <row r="1925" spans="1:9">
      <c r="A1925" s="1">
        <v>0.99461668741797438</v>
      </c>
      <c r="B1925" s="1"/>
      <c r="C1925">
        <v>18</v>
      </c>
      <c r="D1925" t="s">
        <v>18526</v>
      </c>
      <c r="E1925" t="s">
        <v>33166</v>
      </c>
      <c r="F1925">
        <v>3</v>
      </c>
      <c r="G1925" t="s">
        <v>14</v>
      </c>
      <c r="H1925" t="s">
        <v>18527</v>
      </c>
      <c r="I1925" t="s">
        <v>30540</v>
      </c>
    </row>
    <row r="1926" spans="1:9">
      <c r="A1926" s="1">
        <v>0.92384108509438301</v>
      </c>
      <c r="B1926" s="1"/>
      <c r="C1926">
        <v>2</v>
      </c>
      <c r="D1926" t="s">
        <v>18518</v>
      </c>
      <c r="E1926" t="s">
        <v>33166</v>
      </c>
      <c r="F1926">
        <v>2</v>
      </c>
      <c r="G1926" t="s">
        <v>10</v>
      </c>
      <c r="H1926" t="s">
        <v>18519</v>
      </c>
      <c r="I1926" t="s">
        <v>30540</v>
      </c>
    </row>
    <row r="1927" spans="1:9">
      <c r="A1927" s="1">
        <v>0.25216744186882067</v>
      </c>
      <c r="B1927" s="1"/>
      <c r="C1927">
        <v>19</v>
      </c>
      <c r="D1927" t="s">
        <v>18516</v>
      </c>
      <c r="E1927" t="s">
        <v>33167</v>
      </c>
      <c r="F1927">
        <v>2</v>
      </c>
      <c r="G1927" t="s">
        <v>14</v>
      </c>
      <c r="H1927" t="s">
        <v>18517</v>
      </c>
      <c r="I1927" t="s">
        <v>30540</v>
      </c>
    </row>
    <row r="1928" spans="1:9">
      <c r="A1928" s="1">
        <v>0.41138928308126188</v>
      </c>
      <c r="B1928" s="1"/>
      <c r="C1928">
        <v>19</v>
      </c>
      <c r="D1928" t="s">
        <v>18512</v>
      </c>
      <c r="E1928" t="s">
        <v>33168</v>
      </c>
      <c r="F1928">
        <v>3</v>
      </c>
      <c r="G1928" t="s">
        <v>14</v>
      </c>
      <c r="H1928" t="s">
        <v>18513</v>
      </c>
      <c r="I1928" t="s">
        <v>30540</v>
      </c>
    </row>
    <row r="1929" spans="1:9">
      <c r="A1929" s="1">
        <v>0.11172755529474188</v>
      </c>
      <c r="B1929" s="1"/>
      <c r="C1929">
        <v>4</v>
      </c>
      <c r="D1929" t="s">
        <v>18506</v>
      </c>
      <c r="E1929" t="s">
        <v>33168</v>
      </c>
      <c r="F1929">
        <v>2</v>
      </c>
      <c r="G1929" t="s">
        <v>10</v>
      </c>
      <c r="H1929" t="s">
        <v>18507</v>
      </c>
      <c r="I1929" t="s">
        <v>30540</v>
      </c>
    </row>
    <row r="1930" spans="1:9">
      <c r="A1930" s="1">
        <v>0.10054082980374945</v>
      </c>
      <c r="B1930" s="1"/>
      <c r="C1930">
        <v>20</v>
      </c>
      <c r="D1930" t="s">
        <v>18494</v>
      </c>
      <c r="E1930" t="s">
        <v>33170</v>
      </c>
      <c r="F1930">
        <v>2</v>
      </c>
      <c r="G1930" t="s">
        <v>14</v>
      </c>
      <c r="H1930" t="s">
        <v>18495</v>
      </c>
      <c r="I1930" t="s">
        <v>30540</v>
      </c>
    </row>
    <row r="1931" spans="1:9">
      <c r="A1931" s="1">
        <v>0.2317555085043741</v>
      </c>
      <c r="B1931" s="1"/>
      <c r="C1931">
        <v>6</v>
      </c>
      <c r="D1931" t="s">
        <v>18468</v>
      </c>
      <c r="E1931" t="s">
        <v>33172</v>
      </c>
      <c r="F1931">
        <v>3</v>
      </c>
      <c r="G1931" t="s">
        <v>1431</v>
      </c>
      <c r="H1931" t="s">
        <v>18469</v>
      </c>
      <c r="I1931" t="s">
        <v>30540</v>
      </c>
    </row>
    <row r="1932" spans="1:9">
      <c r="A1932" s="1">
        <v>0.87752640381639557</v>
      </c>
      <c r="B1932" s="1"/>
      <c r="C1932">
        <v>6</v>
      </c>
      <c r="D1932" t="s">
        <v>18454</v>
      </c>
      <c r="E1932" t="s">
        <v>33174</v>
      </c>
      <c r="F1932">
        <v>3</v>
      </c>
      <c r="G1932" t="s">
        <v>14</v>
      </c>
      <c r="H1932" t="s">
        <v>18455</v>
      </c>
      <c r="I1932" t="s">
        <v>30540</v>
      </c>
    </row>
    <row r="1933" spans="1:9">
      <c r="A1933" s="1">
        <v>0.17168755162297211</v>
      </c>
      <c r="B1933" s="1"/>
      <c r="C1933">
        <v>3</v>
      </c>
      <c r="D1933" t="s">
        <v>18450</v>
      </c>
      <c r="E1933" t="s">
        <v>33174</v>
      </c>
      <c r="F1933">
        <v>1</v>
      </c>
      <c r="G1933" t="s">
        <v>10</v>
      </c>
      <c r="H1933" t="s">
        <v>18451</v>
      </c>
      <c r="I1933" t="s">
        <v>30540</v>
      </c>
    </row>
    <row r="1934" spans="1:9">
      <c r="A1934" s="1">
        <v>0.99803804396669449</v>
      </c>
      <c r="B1934" s="1"/>
      <c r="C1934">
        <v>1</v>
      </c>
      <c r="D1934" t="s">
        <v>18444</v>
      </c>
      <c r="E1934" t="s">
        <v>33175</v>
      </c>
      <c r="F1934">
        <v>3</v>
      </c>
      <c r="G1934" t="s">
        <v>9</v>
      </c>
      <c r="H1934" t="s">
        <v>18445</v>
      </c>
      <c r="I1934" t="s">
        <v>30540</v>
      </c>
    </row>
    <row r="1935" spans="1:9">
      <c r="A1935" s="1">
        <v>0.8891132967838592</v>
      </c>
      <c r="B1935" s="1"/>
      <c r="C1935">
        <v>7</v>
      </c>
      <c r="D1935" t="s">
        <v>18438</v>
      </c>
      <c r="E1935" t="s">
        <v>33176</v>
      </c>
      <c r="F1935">
        <v>2</v>
      </c>
      <c r="G1935" t="s">
        <v>14</v>
      </c>
      <c r="H1935" t="s">
        <v>18439</v>
      </c>
      <c r="I1935" t="s">
        <v>30540</v>
      </c>
    </row>
    <row r="1936" spans="1:9">
      <c r="A1936" s="1">
        <v>0.9245876740113419</v>
      </c>
      <c r="B1936" s="1"/>
      <c r="C1936">
        <v>5</v>
      </c>
      <c r="D1936" t="s">
        <v>18436</v>
      </c>
      <c r="E1936" t="s">
        <v>33176</v>
      </c>
      <c r="F1936">
        <v>2</v>
      </c>
      <c r="G1936" t="s">
        <v>14</v>
      </c>
      <c r="H1936" t="s">
        <v>18437</v>
      </c>
      <c r="I1936" t="s">
        <v>30540</v>
      </c>
    </row>
    <row r="1937" spans="1:9">
      <c r="A1937" s="1">
        <v>0.28173700579497662</v>
      </c>
      <c r="B1937" s="1"/>
      <c r="C1937">
        <v>2</v>
      </c>
      <c r="D1937" t="s">
        <v>18434</v>
      </c>
      <c r="E1937" t="s">
        <v>33176</v>
      </c>
      <c r="F1937">
        <v>2</v>
      </c>
      <c r="G1937" t="s">
        <v>10</v>
      </c>
      <c r="H1937" t="s">
        <v>18435</v>
      </c>
      <c r="I1937" t="s">
        <v>30540</v>
      </c>
    </row>
    <row r="1938" spans="1:9">
      <c r="A1938" s="1">
        <v>0.12510861283861685</v>
      </c>
      <c r="B1938" s="1"/>
      <c r="C1938">
        <v>9</v>
      </c>
      <c r="D1938" t="s">
        <v>18428</v>
      </c>
      <c r="E1938" t="s">
        <v>33177</v>
      </c>
      <c r="F1938">
        <v>2</v>
      </c>
      <c r="G1938" t="s">
        <v>3732</v>
      </c>
      <c r="H1938" t="s">
        <v>18429</v>
      </c>
      <c r="I1938" t="s">
        <v>30540</v>
      </c>
    </row>
    <row r="1939" spans="1:9">
      <c r="A1939" s="1">
        <v>0.47420948937824503</v>
      </c>
      <c r="B1939" s="1"/>
      <c r="C1939">
        <v>5</v>
      </c>
      <c r="D1939" t="s">
        <v>18414</v>
      </c>
      <c r="E1939" t="s">
        <v>33178</v>
      </c>
      <c r="F1939">
        <v>3</v>
      </c>
      <c r="G1939" t="s">
        <v>9</v>
      </c>
      <c r="H1939" t="s">
        <v>18415</v>
      </c>
      <c r="I1939" t="s">
        <v>30540</v>
      </c>
    </row>
    <row r="1940" spans="1:9">
      <c r="A1940" s="1">
        <v>0.43034516107497256</v>
      </c>
      <c r="B1940" s="1"/>
      <c r="C1940">
        <v>10</v>
      </c>
      <c r="D1940" t="s">
        <v>18416</v>
      </c>
      <c r="E1940" t="s">
        <v>33178</v>
      </c>
      <c r="F1940">
        <v>2</v>
      </c>
      <c r="G1940" t="s">
        <v>14</v>
      </c>
      <c r="H1940" t="s">
        <v>18417</v>
      </c>
      <c r="I1940" t="s">
        <v>30540</v>
      </c>
    </row>
    <row r="1941" spans="1:9">
      <c r="A1941" s="1">
        <v>0.45919559729397808</v>
      </c>
      <c r="B1941" s="1"/>
      <c r="C1941">
        <v>17</v>
      </c>
      <c r="D1941" t="s">
        <v>18420</v>
      </c>
      <c r="E1941" t="s">
        <v>33178</v>
      </c>
      <c r="F1941">
        <v>2</v>
      </c>
      <c r="G1941" t="s">
        <v>14</v>
      </c>
      <c r="H1941" t="s">
        <v>18421</v>
      </c>
      <c r="I1941" t="s">
        <v>30540</v>
      </c>
    </row>
    <row r="1942" spans="1:9">
      <c r="A1942" s="1">
        <v>0.69223131991110742</v>
      </c>
      <c r="B1942" s="1"/>
      <c r="C1942">
        <v>7</v>
      </c>
      <c r="D1942" t="s">
        <v>18398</v>
      </c>
      <c r="E1942" t="s">
        <v>33180</v>
      </c>
      <c r="F1942">
        <v>2</v>
      </c>
      <c r="G1942" t="s">
        <v>14</v>
      </c>
      <c r="H1942" t="s">
        <v>18399</v>
      </c>
      <c r="I1942" t="s">
        <v>30540</v>
      </c>
    </row>
    <row r="1943" spans="1:9">
      <c r="A1943" s="1">
        <v>6.0632849268103972E-2</v>
      </c>
      <c r="B1943" s="1"/>
      <c r="C1943">
        <v>12</v>
      </c>
      <c r="D1943" t="s">
        <v>18400</v>
      </c>
      <c r="E1943" t="s">
        <v>33180</v>
      </c>
      <c r="F1943">
        <v>2</v>
      </c>
      <c r="G1943" t="s">
        <v>13</v>
      </c>
      <c r="H1943" t="s">
        <v>18401</v>
      </c>
      <c r="I1943" t="s">
        <v>30540</v>
      </c>
    </row>
    <row r="1944" spans="1:9">
      <c r="A1944" s="1">
        <v>0.97824621311099402</v>
      </c>
      <c r="B1944" s="1"/>
      <c r="C1944">
        <v>6</v>
      </c>
      <c r="D1944" t="s">
        <v>18382</v>
      </c>
      <c r="E1944" t="s">
        <v>33181</v>
      </c>
      <c r="F1944">
        <v>3</v>
      </c>
      <c r="G1944" t="s">
        <v>10</v>
      </c>
      <c r="H1944" t="s">
        <v>18383</v>
      </c>
      <c r="I1944" t="s">
        <v>30540</v>
      </c>
    </row>
    <row r="1945" spans="1:9">
      <c r="A1945" s="1">
        <v>0.12677675080454243</v>
      </c>
      <c r="B1945" s="1"/>
      <c r="C1945">
        <v>9</v>
      </c>
      <c r="D1945" t="s">
        <v>18388</v>
      </c>
      <c r="E1945" t="s">
        <v>33181</v>
      </c>
      <c r="F1945">
        <v>2</v>
      </c>
      <c r="G1945" t="s">
        <v>13</v>
      </c>
      <c r="H1945" t="s">
        <v>18389</v>
      </c>
      <c r="I1945" t="s">
        <v>30540</v>
      </c>
    </row>
    <row r="1946" spans="1:9">
      <c r="A1946" s="1">
        <v>0.13997980238105734</v>
      </c>
      <c r="B1946" s="1"/>
      <c r="C1946">
        <v>13</v>
      </c>
      <c r="D1946" t="s">
        <v>18372</v>
      </c>
      <c r="E1946" t="s">
        <v>33183</v>
      </c>
      <c r="F1946">
        <v>2</v>
      </c>
      <c r="G1946" t="s">
        <v>14</v>
      </c>
      <c r="H1946" t="s">
        <v>18373</v>
      </c>
      <c r="I1946" t="s">
        <v>30540</v>
      </c>
    </row>
    <row r="1947" spans="1:9">
      <c r="A1947" s="1">
        <v>0.48389083511408915</v>
      </c>
      <c r="B1947" s="1"/>
      <c r="C1947">
        <v>2</v>
      </c>
      <c r="D1947" t="s">
        <v>18356</v>
      </c>
      <c r="E1947" t="s">
        <v>33184</v>
      </c>
      <c r="F1947">
        <v>3</v>
      </c>
      <c r="G1947" t="s">
        <v>10</v>
      </c>
      <c r="H1947" t="s">
        <v>18357</v>
      </c>
      <c r="I1947" t="s">
        <v>30540</v>
      </c>
    </row>
    <row r="1948" spans="1:9">
      <c r="A1948" s="1">
        <v>0.89070976846529537</v>
      </c>
      <c r="B1948" s="1"/>
      <c r="C1948">
        <v>17</v>
      </c>
      <c r="D1948" t="s">
        <v>18364</v>
      </c>
      <c r="E1948" t="s">
        <v>33184</v>
      </c>
      <c r="F1948">
        <v>3</v>
      </c>
      <c r="G1948" t="s">
        <v>14</v>
      </c>
      <c r="H1948" t="s">
        <v>18365</v>
      </c>
      <c r="I1948" t="s">
        <v>30540</v>
      </c>
    </row>
    <row r="1949" spans="1:9">
      <c r="A1949" s="1">
        <v>0.58987689063901416</v>
      </c>
      <c r="B1949" s="1"/>
      <c r="C1949">
        <v>7</v>
      </c>
      <c r="D1949" t="s">
        <v>18362</v>
      </c>
      <c r="E1949" t="s">
        <v>33184</v>
      </c>
      <c r="F1949">
        <v>2</v>
      </c>
      <c r="G1949" t="s">
        <v>15</v>
      </c>
      <c r="H1949" t="s">
        <v>18363</v>
      </c>
      <c r="I1949" t="s">
        <v>30540</v>
      </c>
    </row>
    <row r="1950" spans="1:9">
      <c r="A1950" s="1">
        <v>7.1388477265774575E-2</v>
      </c>
      <c r="B1950" s="1"/>
      <c r="C1950">
        <v>3</v>
      </c>
      <c r="D1950" t="s">
        <v>18358</v>
      </c>
      <c r="E1950" t="s">
        <v>33184</v>
      </c>
      <c r="F1950">
        <v>2</v>
      </c>
      <c r="G1950" t="s">
        <v>13</v>
      </c>
      <c r="H1950" t="s">
        <v>18359</v>
      </c>
      <c r="I1950" t="s">
        <v>30540</v>
      </c>
    </row>
    <row r="1951" spans="1:9">
      <c r="A1951" s="1">
        <v>0.38017976928897024</v>
      </c>
      <c r="B1951" s="1"/>
      <c r="C1951">
        <v>20</v>
      </c>
      <c r="D1951" t="s">
        <v>18336</v>
      </c>
      <c r="E1951" t="s">
        <v>33188</v>
      </c>
      <c r="F1951">
        <v>3</v>
      </c>
      <c r="G1951" t="s">
        <v>13</v>
      </c>
      <c r="H1951" t="s">
        <v>18337</v>
      </c>
      <c r="I1951" t="s">
        <v>30540</v>
      </c>
    </row>
    <row r="1952" spans="1:9">
      <c r="A1952" s="1">
        <v>0.63783200741995671</v>
      </c>
      <c r="B1952" s="1"/>
      <c r="C1952">
        <v>11</v>
      </c>
      <c r="D1952" t="s">
        <v>18312</v>
      </c>
      <c r="E1952" t="s">
        <v>33189</v>
      </c>
      <c r="F1952">
        <v>3</v>
      </c>
      <c r="G1952" t="s">
        <v>1</v>
      </c>
      <c r="H1952" t="s">
        <v>18313</v>
      </c>
      <c r="I1952" t="s">
        <v>30540</v>
      </c>
    </row>
    <row r="1953" spans="1:9">
      <c r="A1953" s="1">
        <v>4.2988634318152918E-2</v>
      </c>
      <c r="B1953" s="1"/>
      <c r="C1953">
        <v>8</v>
      </c>
      <c r="D1953" t="s">
        <v>18298</v>
      </c>
      <c r="E1953" t="s">
        <v>33190</v>
      </c>
      <c r="F1953">
        <v>3</v>
      </c>
      <c r="G1953" t="s">
        <v>10</v>
      </c>
      <c r="H1953" t="s">
        <v>18299</v>
      </c>
      <c r="I1953" t="s">
        <v>30540</v>
      </c>
    </row>
    <row r="1954" spans="1:9">
      <c r="A1954" s="1">
        <v>2.745486959554011E-3</v>
      </c>
      <c r="B1954" s="1"/>
      <c r="C1954">
        <v>12</v>
      </c>
      <c r="D1954" t="s">
        <v>18302</v>
      </c>
      <c r="E1954" t="s">
        <v>33190</v>
      </c>
      <c r="F1954">
        <v>2</v>
      </c>
      <c r="G1954" t="s">
        <v>10</v>
      </c>
      <c r="H1954" t="s">
        <v>18303</v>
      </c>
      <c r="I1954" t="s">
        <v>30540</v>
      </c>
    </row>
    <row r="1955" spans="1:9">
      <c r="A1955" s="1">
        <v>0.90552797212592451</v>
      </c>
      <c r="B1955" s="1"/>
      <c r="C1955">
        <v>6</v>
      </c>
      <c r="D1955" t="s">
        <v>18290</v>
      </c>
      <c r="E1955" t="s">
        <v>33191</v>
      </c>
      <c r="F1955">
        <v>2</v>
      </c>
      <c r="G1955" t="s">
        <v>1</v>
      </c>
      <c r="H1955" t="s">
        <v>18291</v>
      </c>
      <c r="I1955" t="s">
        <v>30540</v>
      </c>
    </row>
    <row r="1956" spans="1:9">
      <c r="A1956" s="1">
        <v>0.9852748553056393</v>
      </c>
      <c r="B1956" s="1"/>
      <c r="C1956">
        <v>18</v>
      </c>
      <c r="D1956" t="s">
        <v>18276</v>
      </c>
      <c r="E1956" t="s">
        <v>33193</v>
      </c>
      <c r="F1956">
        <v>3</v>
      </c>
      <c r="G1956" t="s">
        <v>14</v>
      </c>
      <c r="H1956" t="s">
        <v>18277</v>
      </c>
      <c r="I1956" t="s">
        <v>30540</v>
      </c>
    </row>
    <row r="1957" spans="1:9">
      <c r="A1957" s="1">
        <v>0.10249073063322989</v>
      </c>
      <c r="B1957" s="1"/>
      <c r="C1957">
        <v>4</v>
      </c>
      <c r="D1957" t="s">
        <v>18268</v>
      </c>
      <c r="E1957" t="s">
        <v>33193</v>
      </c>
      <c r="F1957">
        <v>2</v>
      </c>
      <c r="G1957" t="s">
        <v>14</v>
      </c>
      <c r="H1957" t="s">
        <v>18269</v>
      </c>
      <c r="I1957" t="s">
        <v>30540</v>
      </c>
    </row>
    <row r="1958" spans="1:9">
      <c r="A1958" s="1">
        <v>0.92821483432082807</v>
      </c>
      <c r="B1958" s="1"/>
      <c r="C1958">
        <v>14</v>
      </c>
      <c r="D1958" t="s">
        <v>18260</v>
      </c>
      <c r="E1958" t="s">
        <v>33194</v>
      </c>
      <c r="F1958">
        <v>1</v>
      </c>
      <c r="G1958" t="s">
        <v>1</v>
      </c>
      <c r="H1958" t="s">
        <v>18261</v>
      </c>
      <c r="I1958" t="s">
        <v>30540</v>
      </c>
    </row>
    <row r="1959" spans="1:9">
      <c r="A1959" s="1">
        <v>0.48823257939876774</v>
      </c>
      <c r="B1959" s="1"/>
      <c r="C1959">
        <v>12</v>
      </c>
      <c r="D1959" t="s">
        <v>18248</v>
      </c>
      <c r="E1959" t="s">
        <v>33195</v>
      </c>
      <c r="F1959">
        <v>3</v>
      </c>
      <c r="G1959" t="s">
        <v>9</v>
      </c>
      <c r="H1959" t="s">
        <v>18249</v>
      </c>
      <c r="I1959" t="s">
        <v>30540</v>
      </c>
    </row>
    <row r="1960" spans="1:9">
      <c r="A1960" s="1">
        <v>0.30257854385347593</v>
      </c>
      <c r="B1960" s="1"/>
      <c r="C1960">
        <v>16</v>
      </c>
      <c r="D1960" t="s">
        <v>18252</v>
      </c>
      <c r="E1960" t="s">
        <v>33195</v>
      </c>
      <c r="F1960">
        <v>2</v>
      </c>
      <c r="G1960" t="s">
        <v>14</v>
      </c>
      <c r="H1960" t="s">
        <v>18253</v>
      </c>
      <c r="I1960" t="s">
        <v>30540</v>
      </c>
    </row>
    <row r="1961" spans="1:9">
      <c r="A1961" s="1">
        <v>0.17039175187440048</v>
      </c>
      <c r="B1961" s="1"/>
      <c r="C1961">
        <v>7</v>
      </c>
      <c r="D1961" t="s">
        <v>18242</v>
      </c>
      <c r="E1961" t="s">
        <v>33196</v>
      </c>
      <c r="F1961">
        <v>2</v>
      </c>
      <c r="G1961" t="s">
        <v>770</v>
      </c>
      <c r="H1961" t="s">
        <v>18243</v>
      </c>
      <c r="I1961" t="s">
        <v>30540</v>
      </c>
    </row>
    <row r="1962" spans="1:9">
      <c r="A1962" s="1">
        <v>0.93463621347991099</v>
      </c>
      <c r="B1962" s="1"/>
      <c r="C1962">
        <v>13</v>
      </c>
      <c r="D1962" t="s">
        <v>18234</v>
      </c>
      <c r="E1962" t="s">
        <v>33197</v>
      </c>
      <c r="F1962">
        <v>3</v>
      </c>
      <c r="G1962" t="s">
        <v>1</v>
      </c>
      <c r="H1962" t="s">
        <v>18235</v>
      </c>
      <c r="I1962" t="s">
        <v>30540</v>
      </c>
    </row>
    <row r="1963" spans="1:9">
      <c r="A1963" s="1">
        <v>0.59094402415620217</v>
      </c>
      <c r="B1963" s="1"/>
      <c r="C1963">
        <v>8</v>
      </c>
      <c r="D1963" t="s">
        <v>18218</v>
      </c>
      <c r="E1963" t="s">
        <v>33198</v>
      </c>
      <c r="F1963">
        <v>2</v>
      </c>
      <c r="G1963" t="s">
        <v>10</v>
      </c>
      <c r="H1963" t="s">
        <v>18219</v>
      </c>
      <c r="I1963" t="s">
        <v>30540</v>
      </c>
    </row>
    <row r="1964" spans="1:9">
      <c r="A1964" s="1">
        <v>0.64015530437321411</v>
      </c>
      <c r="B1964" s="1"/>
      <c r="C1964">
        <v>15</v>
      </c>
      <c r="D1964" t="s">
        <v>18226</v>
      </c>
      <c r="E1964" t="s">
        <v>33198</v>
      </c>
      <c r="F1964">
        <v>2</v>
      </c>
      <c r="G1964" t="s">
        <v>10</v>
      </c>
      <c r="H1964" t="s">
        <v>18227</v>
      </c>
      <c r="I1964" t="s">
        <v>30540</v>
      </c>
    </row>
    <row r="1965" spans="1:9">
      <c r="A1965" s="1">
        <v>0.13800194812889754</v>
      </c>
      <c r="B1965" s="1"/>
      <c r="C1965">
        <v>11</v>
      </c>
      <c r="D1965" t="s">
        <v>18206</v>
      </c>
      <c r="E1965" t="s">
        <v>33199</v>
      </c>
      <c r="F1965">
        <v>2</v>
      </c>
      <c r="G1965" t="s">
        <v>14</v>
      </c>
      <c r="H1965" t="s">
        <v>18207</v>
      </c>
      <c r="I1965" t="s">
        <v>30540</v>
      </c>
    </row>
    <row r="1966" spans="1:9">
      <c r="A1966" s="1">
        <v>0.15636282941149371</v>
      </c>
      <c r="B1966" s="1"/>
      <c r="C1966">
        <v>1</v>
      </c>
      <c r="D1966" t="s">
        <v>18190</v>
      </c>
      <c r="E1966" t="s">
        <v>33200</v>
      </c>
      <c r="F1966">
        <v>2</v>
      </c>
      <c r="G1966" t="s">
        <v>10</v>
      </c>
      <c r="H1966" t="s">
        <v>18191</v>
      </c>
      <c r="I1966" t="s">
        <v>30540</v>
      </c>
    </row>
    <row r="1967" spans="1:9">
      <c r="A1967" s="1">
        <v>0.54173612813422956</v>
      </c>
      <c r="B1967" s="1"/>
      <c r="C1967">
        <v>17</v>
      </c>
      <c r="D1967" t="s">
        <v>18184</v>
      </c>
      <c r="E1967" t="s">
        <v>33201</v>
      </c>
      <c r="F1967">
        <v>1</v>
      </c>
      <c r="G1967" t="s">
        <v>3107</v>
      </c>
      <c r="H1967" t="s">
        <v>18185</v>
      </c>
      <c r="I1967" t="s">
        <v>30540</v>
      </c>
    </row>
    <row r="1968" spans="1:9">
      <c r="A1968" s="1">
        <v>0.84755635984335009</v>
      </c>
      <c r="B1968" s="1"/>
      <c r="C1968">
        <v>17</v>
      </c>
      <c r="D1968" t="s">
        <v>18172</v>
      </c>
      <c r="E1968" t="s">
        <v>33202</v>
      </c>
      <c r="F1968">
        <v>3</v>
      </c>
      <c r="G1968" t="s">
        <v>2</v>
      </c>
      <c r="H1968" t="s">
        <v>18173</v>
      </c>
      <c r="I1968" t="s">
        <v>30540</v>
      </c>
    </row>
    <row r="1969" spans="1:9">
      <c r="A1969" s="1">
        <v>0.42785108832373997</v>
      </c>
      <c r="B1969" s="1"/>
      <c r="C1969">
        <v>19</v>
      </c>
      <c r="D1969" t="s">
        <v>18174</v>
      </c>
      <c r="E1969" t="s">
        <v>33202</v>
      </c>
      <c r="F1969">
        <v>2</v>
      </c>
      <c r="G1969" t="s">
        <v>10</v>
      </c>
      <c r="H1969" t="s">
        <v>18175</v>
      </c>
      <c r="I1969" t="s">
        <v>30540</v>
      </c>
    </row>
    <row r="1970" spans="1:9">
      <c r="A1970" s="1">
        <v>0.8776499609639663</v>
      </c>
      <c r="B1970" s="1"/>
      <c r="C1970">
        <v>17</v>
      </c>
      <c r="D1970" t="s">
        <v>18140</v>
      </c>
      <c r="E1970" t="s">
        <v>33205</v>
      </c>
      <c r="F1970">
        <v>2</v>
      </c>
      <c r="G1970" t="s">
        <v>14</v>
      </c>
      <c r="H1970" t="s">
        <v>18141</v>
      </c>
      <c r="I1970" t="s">
        <v>30540</v>
      </c>
    </row>
    <row r="1971" spans="1:9">
      <c r="A1971" s="1">
        <v>0.67266053182458219</v>
      </c>
      <c r="B1971" s="1"/>
      <c r="C1971">
        <v>5</v>
      </c>
      <c r="D1971" t="s">
        <v>18122</v>
      </c>
      <c r="E1971" t="s">
        <v>33207</v>
      </c>
      <c r="F1971">
        <v>3</v>
      </c>
      <c r="G1971" t="s">
        <v>2</v>
      </c>
      <c r="H1971" t="s">
        <v>18123</v>
      </c>
      <c r="I1971" t="s">
        <v>30540</v>
      </c>
    </row>
    <row r="1972" spans="1:9">
      <c r="A1972" s="1">
        <v>0.16660444465336122</v>
      </c>
      <c r="B1972" s="1"/>
      <c r="C1972">
        <v>3</v>
      </c>
      <c r="D1972" t="s">
        <v>18120</v>
      </c>
      <c r="E1972" t="s">
        <v>33207</v>
      </c>
      <c r="F1972">
        <v>3</v>
      </c>
      <c r="G1972" t="s">
        <v>1</v>
      </c>
      <c r="H1972" t="s">
        <v>18121</v>
      </c>
      <c r="I1972" t="s">
        <v>30540</v>
      </c>
    </row>
    <row r="1973" spans="1:9">
      <c r="A1973" s="1">
        <v>0.50091958892120947</v>
      </c>
      <c r="B1973" s="1"/>
      <c r="C1973">
        <v>2</v>
      </c>
      <c r="D1973" t="s">
        <v>18118</v>
      </c>
      <c r="E1973" t="s">
        <v>33207</v>
      </c>
      <c r="F1973">
        <v>2</v>
      </c>
      <c r="G1973" t="s">
        <v>2</v>
      </c>
      <c r="H1973" t="s">
        <v>18119</v>
      </c>
      <c r="I1973" t="s">
        <v>30540</v>
      </c>
    </row>
    <row r="1974" spans="1:9">
      <c r="A1974" s="1">
        <v>0.4609132636505312</v>
      </c>
      <c r="B1974" s="1"/>
      <c r="C1974">
        <v>14</v>
      </c>
      <c r="D1974" t="s">
        <v>18110</v>
      </c>
      <c r="E1974" t="s">
        <v>33208</v>
      </c>
      <c r="F1974">
        <v>3</v>
      </c>
      <c r="G1974" t="s">
        <v>14</v>
      </c>
      <c r="H1974" t="s">
        <v>18111</v>
      </c>
      <c r="I1974" t="s">
        <v>30540</v>
      </c>
    </row>
    <row r="1975" spans="1:9">
      <c r="A1975" s="1">
        <v>0.70376657733192971</v>
      </c>
      <c r="B1975" s="1"/>
      <c r="C1975">
        <v>11</v>
      </c>
      <c r="D1975" t="s">
        <v>18108</v>
      </c>
      <c r="E1975" t="s">
        <v>33208</v>
      </c>
      <c r="F1975">
        <v>3</v>
      </c>
      <c r="G1975" t="s">
        <v>14</v>
      </c>
      <c r="H1975" t="s">
        <v>18109</v>
      </c>
      <c r="I1975" t="s">
        <v>30540</v>
      </c>
    </row>
    <row r="1976" spans="1:9">
      <c r="A1976" s="1">
        <v>0.41485828044389716</v>
      </c>
      <c r="B1976" s="1"/>
      <c r="C1976">
        <v>16</v>
      </c>
      <c r="D1976" t="s">
        <v>18112</v>
      </c>
      <c r="E1976" t="s">
        <v>33208</v>
      </c>
      <c r="F1976">
        <v>2</v>
      </c>
      <c r="G1976" t="s">
        <v>14</v>
      </c>
      <c r="H1976" t="s">
        <v>18113</v>
      </c>
      <c r="I1976" t="s">
        <v>30540</v>
      </c>
    </row>
    <row r="1977" spans="1:9">
      <c r="A1977" s="1">
        <v>0.56813739999590784</v>
      </c>
      <c r="B1977" s="1"/>
      <c r="C1977">
        <v>14</v>
      </c>
      <c r="D1977" t="s">
        <v>18090</v>
      </c>
      <c r="E1977" t="s">
        <v>33210</v>
      </c>
      <c r="F1977">
        <v>2</v>
      </c>
      <c r="G1977" t="s">
        <v>1</v>
      </c>
      <c r="H1977" t="s">
        <v>18091</v>
      </c>
      <c r="I1977" t="s">
        <v>30540</v>
      </c>
    </row>
    <row r="1978" spans="1:9">
      <c r="A1978" s="1">
        <v>0.25583535052321904</v>
      </c>
      <c r="B1978" s="1"/>
      <c r="C1978">
        <v>3</v>
      </c>
      <c r="D1978" t="s">
        <v>18076</v>
      </c>
      <c r="E1978" t="s">
        <v>33211</v>
      </c>
      <c r="F1978">
        <v>3</v>
      </c>
      <c r="G1978" t="s">
        <v>9</v>
      </c>
      <c r="H1978" t="s">
        <v>18077</v>
      </c>
      <c r="I1978" t="s">
        <v>30540</v>
      </c>
    </row>
    <row r="1979" spans="1:9">
      <c r="A1979" s="1">
        <v>0.84164610059186795</v>
      </c>
      <c r="B1979" s="1"/>
      <c r="C1979">
        <v>18</v>
      </c>
      <c r="D1979" t="s">
        <v>18072</v>
      </c>
      <c r="E1979" t="s">
        <v>33212</v>
      </c>
      <c r="F1979">
        <v>3</v>
      </c>
      <c r="G1979" t="s">
        <v>14</v>
      </c>
      <c r="H1979" t="s">
        <v>18073</v>
      </c>
      <c r="I1979" t="s">
        <v>30540</v>
      </c>
    </row>
    <row r="1980" spans="1:9">
      <c r="A1980" s="1">
        <v>0.62811242418036095</v>
      </c>
      <c r="B1980" s="1"/>
      <c r="C1980">
        <v>1</v>
      </c>
      <c r="D1980" t="s">
        <v>18064</v>
      </c>
      <c r="E1980" t="s">
        <v>33212</v>
      </c>
      <c r="F1980">
        <v>3</v>
      </c>
      <c r="G1980" t="s">
        <v>10</v>
      </c>
      <c r="H1980" t="s">
        <v>18065</v>
      </c>
      <c r="I1980" t="s">
        <v>30540</v>
      </c>
    </row>
    <row r="1981" spans="1:9">
      <c r="A1981" s="1">
        <v>0.51208469693763325</v>
      </c>
      <c r="B1981" s="1"/>
      <c r="C1981">
        <v>4</v>
      </c>
      <c r="D1981" t="s">
        <v>18066</v>
      </c>
      <c r="E1981" t="s">
        <v>33212</v>
      </c>
      <c r="F1981">
        <v>3</v>
      </c>
      <c r="G1981" t="s">
        <v>9</v>
      </c>
      <c r="H1981" t="s">
        <v>18067</v>
      </c>
      <c r="I1981" t="s">
        <v>30540</v>
      </c>
    </row>
    <row r="1982" spans="1:9">
      <c r="A1982" s="1">
        <v>0.16389823543329818</v>
      </c>
      <c r="B1982" s="1"/>
      <c r="C1982">
        <v>16</v>
      </c>
      <c r="D1982" t="s">
        <v>18058</v>
      </c>
      <c r="E1982" t="s">
        <v>33213</v>
      </c>
      <c r="F1982">
        <v>2</v>
      </c>
      <c r="G1982" t="s">
        <v>14</v>
      </c>
      <c r="H1982" t="s">
        <v>18059</v>
      </c>
      <c r="I1982" t="s">
        <v>30540</v>
      </c>
    </row>
    <row r="1983" spans="1:9">
      <c r="A1983" s="1">
        <v>0.35800335115862658</v>
      </c>
      <c r="B1983" s="1"/>
      <c r="C1983">
        <v>1</v>
      </c>
      <c r="D1983" t="s">
        <v>18042</v>
      </c>
      <c r="E1983" t="s">
        <v>33214</v>
      </c>
      <c r="F1983">
        <v>2</v>
      </c>
      <c r="G1983" t="s">
        <v>2</v>
      </c>
      <c r="H1983" t="s">
        <v>18043</v>
      </c>
      <c r="I1983" t="s">
        <v>30540</v>
      </c>
    </row>
    <row r="1984" spans="1:9">
      <c r="A1984" s="1">
        <v>0.11364593485619623</v>
      </c>
      <c r="B1984" s="1"/>
      <c r="C1984">
        <v>7</v>
      </c>
      <c r="D1984" t="s">
        <v>18036</v>
      </c>
      <c r="E1984" t="s">
        <v>33215</v>
      </c>
      <c r="F1984">
        <v>3</v>
      </c>
      <c r="G1984" t="s">
        <v>2229</v>
      </c>
      <c r="H1984" t="s">
        <v>18037</v>
      </c>
      <c r="I1984" t="s">
        <v>30540</v>
      </c>
    </row>
    <row r="1985" spans="1:9">
      <c r="A1985" s="1">
        <v>0.82068674733375624</v>
      </c>
      <c r="B1985" s="1"/>
      <c r="C1985">
        <v>20</v>
      </c>
      <c r="D1985" t="s">
        <v>18040</v>
      </c>
      <c r="E1985" t="s">
        <v>33215</v>
      </c>
      <c r="F1985">
        <v>2</v>
      </c>
      <c r="G1985" t="s">
        <v>14</v>
      </c>
      <c r="H1985" t="s">
        <v>18041</v>
      </c>
      <c r="I1985" t="s">
        <v>30540</v>
      </c>
    </row>
    <row r="1986" spans="1:9">
      <c r="A1986" s="1">
        <v>0.34000338670066133</v>
      </c>
      <c r="B1986" s="1"/>
      <c r="C1986">
        <v>10</v>
      </c>
      <c r="D1986" t="s">
        <v>18020</v>
      </c>
      <c r="E1986" t="s">
        <v>33217</v>
      </c>
      <c r="F1986">
        <v>2</v>
      </c>
      <c r="G1986" t="s">
        <v>10</v>
      </c>
      <c r="H1986" t="s">
        <v>18021</v>
      </c>
      <c r="I1986" t="s">
        <v>30540</v>
      </c>
    </row>
    <row r="1987" spans="1:9">
      <c r="A1987" s="1">
        <v>0.99966750096464974</v>
      </c>
      <c r="B1987" s="1"/>
      <c r="C1987">
        <v>20</v>
      </c>
      <c r="D1987" t="s">
        <v>18026</v>
      </c>
      <c r="E1987" t="s">
        <v>33217</v>
      </c>
      <c r="F1987">
        <v>1</v>
      </c>
      <c r="G1987" t="s">
        <v>14</v>
      </c>
      <c r="H1987" t="s">
        <v>18027</v>
      </c>
      <c r="I1987" t="s">
        <v>30540</v>
      </c>
    </row>
    <row r="1988" spans="1:9">
      <c r="A1988" s="1">
        <v>0.10433449099023728</v>
      </c>
      <c r="B1988" s="1"/>
      <c r="C1988">
        <v>11</v>
      </c>
      <c r="D1988" t="s">
        <v>18016</v>
      </c>
      <c r="E1988" t="s">
        <v>33218</v>
      </c>
      <c r="F1988">
        <v>2</v>
      </c>
      <c r="G1988" t="s">
        <v>0</v>
      </c>
      <c r="H1988" t="s">
        <v>18017</v>
      </c>
      <c r="I1988" t="s">
        <v>30540</v>
      </c>
    </row>
    <row r="1989" spans="1:9">
      <c r="A1989" s="1">
        <v>0.37934756214804888</v>
      </c>
      <c r="B1989" s="1"/>
      <c r="C1989">
        <v>8</v>
      </c>
      <c r="D1989" t="s">
        <v>18014</v>
      </c>
      <c r="E1989" t="s">
        <v>33218</v>
      </c>
      <c r="F1989">
        <v>1</v>
      </c>
      <c r="G1989" t="s">
        <v>10</v>
      </c>
      <c r="H1989" t="s">
        <v>18015</v>
      </c>
      <c r="I1989" t="s">
        <v>30540</v>
      </c>
    </row>
    <row r="1990" spans="1:9">
      <c r="A1990" s="1">
        <v>0.59146326600163346</v>
      </c>
      <c r="B1990" s="1"/>
      <c r="C1990">
        <v>17</v>
      </c>
      <c r="D1990" t="s">
        <v>17992</v>
      </c>
      <c r="E1990" t="s">
        <v>33221</v>
      </c>
      <c r="F1990">
        <v>3</v>
      </c>
      <c r="G1990" t="s">
        <v>14</v>
      </c>
      <c r="H1990" t="s">
        <v>17993</v>
      </c>
      <c r="I1990" t="s">
        <v>30540</v>
      </c>
    </row>
    <row r="1991" spans="1:9">
      <c r="A1991" s="1">
        <v>0.84727733277894834</v>
      </c>
      <c r="B1991" s="1"/>
      <c r="C1991">
        <v>17</v>
      </c>
      <c r="D1991" t="s">
        <v>17978</v>
      </c>
      <c r="E1991" t="s">
        <v>33223</v>
      </c>
      <c r="F1991">
        <v>2</v>
      </c>
      <c r="G1991" t="s">
        <v>14</v>
      </c>
      <c r="H1991" t="s">
        <v>17979</v>
      </c>
      <c r="I1991" t="s">
        <v>30540</v>
      </c>
    </row>
    <row r="1992" spans="1:9">
      <c r="A1992" s="1">
        <v>0.94962481733617499</v>
      </c>
      <c r="B1992" s="1"/>
      <c r="C1992">
        <v>1</v>
      </c>
      <c r="D1992" t="s">
        <v>17964</v>
      </c>
      <c r="E1992" t="s">
        <v>33224</v>
      </c>
      <c r="F1992">
        <v>3</v>
      </c>
      <c r="G1992" t="s">
        <v>10</v>
      </c>
      <c r="H1992" t="s">
        <v>17965</v>
      </c>
      <c r="I1992" t="s">
        <v>30540</v>
      </c>
    </row>
    <row r="1993" spans="1:9">
      <c r="A1993" s="1">
        <v>4.5053154322160616E-2</v>
      </c>
      <c r="B1993" s="1"/>
      <c r="C1993">
        <v>9</v>
      </c>
      <c r="D1993" t="s">
        <v>17952</v>
      </c>
      <c r="E1993" t="s">
        <v>33226</v>
      </c>
      <c r="F1993">
        <v>3</v>
      </c>
      <c r="G1993" t="s">
        <v>14</v>
      </c>
      <c r="H1993" t="s">
        <v>17953</v>
      </c>
      <c r="I1993" t="s">
        <v>30540</v>
      </c>
    </row>
    <row r="1994" spans="1:9">
      <c r="A1994" s="1">
        <v>3.3008571338399961E-2</v>
      </c>
      <c r="B1994" s="1"/>
      <c r="C1994">
        <v>6</v>
      </c>
      <c r="D1994" t="s">
        <v>17950</v>
      </c>
      <c r="E1994" t="s">
        <v>33226</v>
      </c>
      <c r="F1994">
        <v>3</v>
      </c>
      <c r="G1994" t="s">
        <v>13</v>
      </c>
      <c r="H1994" t="s">
        <v>17951</v>
      </c>
      <c r="I1994" t="s">
        <v>30540</v>
      </c>
    </row>
    <row r="1995" spans="1:9">
      <c r="A1995" s="1">
        <v>0.98123539380045666</v>
      </c>
      <c r="B1995" s="1"/>
      <c r="C1995">
        <v>8</v>
      </c>
      <c r="D1995" t="s">
        <v>17942</v>
      </c>
      <c r="E1995" t="s">
        <v>33227</v>
      </c>
      <c r="F1995">
        <v>3</v>
      </c>
      <c r="G1995" t="s">
        <v>0</v>
      </c>
      <c r="H1995" t="s">
        <v>17943</v>
      </c>
      <c r="I1995" t="s">
        <v>30540</v>
      </c>
    </row>
    <row r="1996" spans="1:9">
      <c r="A1996" s="1">
        <v>0.81066107507765373</v>
      </c>
      <c r="B1996" s="1"/>
      <c r="C1996">
        <v>16</v>
      </c>
      <c r="D1996" t="s">
        <v>17940</v>
      </c>
      <c r="E1996" t="s">
        <v>33228</v>
      </c>
      <c r="F1996">
        <v>2</v>
      </c>
      <c r="G1996" t="s">
        <v>14</v>
      </c>
      <c r="H1996" t="s">
        <v>17941</v>
      </c>
      <c r="I1996" t="s">
        <v>30540</v>
      </c>
    </row>
    <row r="1997" spans="1:9">
      <c r="A1997" s="1">
        <v>0.51678279191503307</v>
      </c>
      <c r="B1997" s="1"/>
      <c r="C1997">
        <v>13</v>
      </c>
      <c r="D1997" t="s">
        <v>17918</v>
      </c>
      <c r="E1997" t="s">
        <v>33231</v>
      </c>
      <c r="F1997">
        <v>2</v>
      </c>
      <c r="G1997" t="s">
        <v>14</v>
      </c>
      <c r="H1997" t="s">
        <v>17919</v>
      </c>
      <c r="I1997" t="s">
        <v>30540</v>
      </c>
    </row>
    <row r="1998" spans="1:9">
      <c r="A1998" s="1">
        <v>0.68630286183150857</v>
      </c>
      <c r="B1998" s="1"/>
      <c r="C1998">
        <v>18</v>
      </c>
      <c r="D1998" t="s">
        <v>17910</v>
      </c>
      <c r="E1998" t="s">
        <v>33232</v>
      </c>
      <c r="F1998">
        <v>3</v>
      </c>
      <c r="G1998" t="s">
        <v>14</v>
      </c>
      <c r="H1998" t="s">
        <v>17911</v>
      </c>
      <c r="I1998" t="s">
        <v>30540</v>
      </c>
    </row>
    <row r="1999" spans="1:9">
      <c r="A1999" s="1">
        <v>9.2947388607245274E-2</v>
      </c>
      <c r="B1999" s="1"/>
      <c r="C1999">
        <v>15</v>
      </c>
      <c r="D1999" t="s">
        <v>17898</v>
      </c>
      <c r="E1999" t="s">
        <v>33233</v>
      </c>
      <c r="F1999">
        <v>2</v>
      </c>
      <c r="G1999" t="s">
        <v>14</v>
      </c>
      <c r="H1999" t="s">
        <v>17899</v>
      </c>
      <c r="I1999" t="s">
        <v>30540</v>
      </c>
    </row>
    <row r="2000" spans="1:9">
      <c r="A2000" s="1">
        <v>3.6832207660914995E-2</v>
      </c>
      <c r="B2000" s="1"/>
      <c r="C2000">
        <v>20</v>
      </c>
      <c r="D2000" t="s">
        <v>17860</v>
      </c>
      <c r="E2000" t="s">
        <v>33238</v>
      </c>
      <c r="F2000">
        <v>3</v>
      </c>
      <c r="G2000" t="s">
        <v>14</v>
      </c>
      <c r="H2000" t="s">
        <v>17861</v>
      </c>
      <c r="I2000" t="s">
        <v>30540</v>
      </c>
    </row>
    <row r="2001" spans="1:9">
      <c r="A2001" s="1">
        <v>0.9888281468080562</v>
      </c>
      <c r="B2001" s="1"/>
      <c r="C2001">
        <v>12</v>
      </c>
      <c r="D2001" t="s">
        <v>17840</v>
      </c>
      <c r="E2001" t="s">
        <v>33239</v>
      </c>
      <c r="F2001">
        <v>3</v>
      </c>
      <c r="G2001" t="s">
        <v>14</v>
      </c>
      <c r="H2001" t="s">
        <v>17841</v>
      </c>
      <c r="I2001" t="s">
        <v>30540</v>
      </c>
    </row>
    <row r="2002" spans="1:9">
      <c r="A2002" s="1">
        <v>0.51592636163455974</v>
      </c>
      <c r="B2002" s="1"/>
      <c r="C2002">
        <v>13</v>
      </c>
      <c r="D2002" t="s">
        <v>17830</v>
      </c>
      <c r="E2002" t="s">
        <v>33240</v>
      </c>
      <c r="F2002">
        <v>3</v>
      </c>
      <c r="G2002" t="s">
        <v>1431</v>
      </c>
      <c r="H2002" t="s">
        <v>17831</v>
      </c>
      <c r="I2002" t="s">
        <v>30540</v>
      </c>
    </row>
    <row r="2003" spans="1:9">
      <c r="A2003" s="1">
        <v>0.28803494294971899</v>
      </c>
      <c r="B2003" s="1"/>
      <c r="C2003">
        <v>5</v>
      </c>
      <c r="D2003" t="s">
        <v>17798</v>
      </c>
      <c r="E2003" t="s">
        <v>33244</v>
      </c>
      <c r="F2003">
        <v>3</v>
      </c>
      <c r="G2003" t="s">
        <v>14</v>
      </c>
      <c r="H2003" t="s">
        <v>17799</v>
      </c>
      <c r="I2003" t="s">
        <v>30540</v>
      </c>
    </row>
    <row r="2004" spans="1:9">
      <c r="A2004" s="1">
        <v>0.51691367587389125</v>
      </c>
      <c r="B2004" s="1"/>
      <c r="C2004">
        <v>6</v>
      </c>
      <c r="D2004" t="s">
        <v>17786</v>
      </c>
      <c r="E2004" t="s">
        <v>33246</v>
      </c>
      <c r="F2004">
        <v>2</v>
      </c>
      <c r="G2004" t="s">
        <v>0</v>
      </c>
      <c r="H2004" t="s">
        <v>17787</v>
      </c>
      <c r="I2004" t="s">
        <v>30540</v>
      </c>
    </row>
    <row r="2005" spans="1:9">
      <c r="A2005" s="1">
        <v>0.59156062167864565</v>
      </c>
      <c r="B2005" s="1"/>
      <c r="C2005">
        <v>13</v>
      </c>
      <c r="D2005" t="s">
        <v>17762</v>
      </c>
      <c r="E2005" t="s">
        <v>33248</v>
      </c>
      <c r="F2005">
        <v>3</v>
      </c>
      <c r="G2005" t="s">
        <v>1</v>
      </c>
      <c r="H2005" t="s">
        <v>17763</v>
      </c>
      <c r="I2005" t="s">
        <v>30540</v>
      </c>
    </row>
    <row r="2006" spans="1:9">
      <c r="A2006" s="1">
        <v>0.6708984422035944</v>
      </c>
      <c r="B2006" s="1"/>
      <c r="C2006">
        <v>6</v>
      </c>
      <c r="D2006" t="s">
        <v>17760</v>
      </c>
      <c r="E2006" t="s">
        <v>33248</v>
      </c>
      <c r="F2006">
        <v>2</v>
      </c>
      <c r="G2006" t="s">
        <v>13</v>
      </c>
      <c r="H2006" t="s">
        <v>17761</v>
      </c>
      <c r="I2006" t="s">
        <v>30540</v>
      </c>
    </row>
    <row r="2007" spans="1:9">
      <c r="A2007" s="1">
        <v>0.63279819798049419</v>
      </c>
      <c r="B2007" s="1"/>
      <c r="C2007">
        <v>16</v>
      </c>
      <c r="D2007" t="s">
        <v>17764</v>
      </c>
      <c r="E2007" t="s">
        <v>33248</v>
      </c>
      <c r="F2007">
        <v>2</v>
      </c>
      <c r="G2007" t="s">
        <v>9</v>
      </c>
      <c r="H2007" t="s">
        <v>17765</v>
      </c>
      <c r="I2007" t="s">
        <v>30540</v>
      </c>
    </row>
    <row r="2008" spans="1:9">
      <c r="A2008" s="1">
        <v>0.54596662972313093</v>
      </c>
      <c r="B2008" s="1"/>
      <c r="C2008">
        <v>1</v>
      </c>
      <c r="D2008" t="s">
        <v>17730</v>
      </c>
      <c r="E2008" t="s">
        <v>33251</v>
      </c>
      <c r="F2008">
        <v>2</v>
      </c>
      <c r="G2008" t="s">
        <v>13</v>
      </c>
      <c r="H2008" t="s">
        <v>17731</v>
      </c>
      <c r="I2008" t="s">
        <v>30540</v>
      </c>
    </row>
    <row r="2009" spans="1:9">
      <c r="A2009" s="1">
        <v>0.977073553260556</v>
      </c>
      <c r="B2009" s="1"/>
      <c r="C2009">
        <v>16</v>
      </c>
      <c r="D2009" t="s">
        <v>17726</v>
      </c>
      <c r="E2009" t="s">
        <v>33252</v>
      </c>
      <c r="F2009">
        <v>3</v>
      </c>
      <c r="G2009" t="s">
        <v>14</v>
      </c>
      <c r="H2009" t="s">
        <v>17727</v>
      </c>
      <c r="I2009" t="s">
        <v>30540</v>
      </c>
    </row>
    <row r="2010" spans="1:9">
      <c r="A2010" s="1">
        <v>0.32748481709639743</v>
      </c>
      <c r="B2010" s="1"/>
      <c r="C2010">
        <v>2</v>
      </c>
      <c r="D2010" t="s">
        <v>17716</v>
      </c>
      <c r="E2010" t="s">
        <v>33252</v>
      </c>
      <c r="F2010">
        <v>1</v>
      </c>
      <c r="G2010" t="s">
        <v>9</v>
      </c>
      <c r="H2010" t="s">
        <v>17717</v>
      </c>
      <c r="I2010" t="s">
        <v>30540</v>
      </c>
    </row>
    <row r="2011" spans="1:9">
      <c r="A2011" s="1">
        <v>0.8396353725396809</v>
      </c>
      <c r="B2011" s="1"/>
      <c r="C2011">
        <v>18</v>
      </c>
      <c r="D2011" t="s">
        <v>17712</v>
      </c>
      <c r="E2011" t="s">
        <v>33253</v>
      </c>
      <c r="F2011">
        <v>3</v>
      </c>
      <c r="G2011" t="s">
        <v>15</v>
      </c>
      <c r="H2011" t="s">
        <v>17713</v>
      </c>
      <c r="I2011" t="s">
        <v>30540</v>
      </c>
    </row>
    <row r="2012" spans="1:9">
      <c r="A2012" s="1">
        <v>0.23140867990734137</v>
      </c>
      <c r="B2012" s="1"/>
      <c r="C2012">
        <v>5</v>
      </c>
      <c r="D2012" t="s">
        <v>17704</v>
      </c>
      <c r="E2012" t="s">
        <v>33253</v>
      </c>
      <c r="F2012">
        <v>2</v>
      </c>
      <c r="G2012" t="s">
        <v>15</v>
      </c>
      <c r="H2012" t="s">
        <v>17705</v>
      </c>
      <c r="I2012" t="s">
        <v>30540</v>
      </c>
    </row>
    <row r="2013" spans="1:9">
      <c r="A2013" s="1">
        <v>0.10949012272428937</v>
      </c>
      <c r="B2013" s="1"/>
      <c r="C2013">
        <v>3</v>
      </c>
      <c r="D2013" t="s">
        <v>17702</v>
      </c>
      <c r="E2013" t="s">
        <v>33253</v>
      </c>
      <c r="F2013">
        <v>2</v>
      </c>
      <c r="G2013" t="s">
        <v>2</v>
      </c>
      <c r="H2013" t="s">
        <v>17703</v>
      </c>
      <c r="I2013" t="s">
        <v>30540</v>
      </c>
    </row>
    <row r="2014" spans="1:9">
      <c r="A2014" s="1">
        <v>0.51663277050940337</v>
      </c>
      <c r="B2014" s="1"/>
      <c r="C2014">
        <v>6</v>
      </c>
      <c r="D2014" t="s">
        <v>17706</v>
      </c>
      <c r="E2014" t="s">
        <v>33253</v>
      </c>
      <c r="F2014">
        <v>0</v>
      </c>
      <c r="G2014" t="s">
        <v>15</v>
      </c>
      <c r="H2014" t="s">
        <v>17707</v>
      </c>
      <c r="I2014" t="s">
        <v>30540</v>
      </c>
    </row>
    <row r="2015" spans="1:9">
      <c r="A2015" s="1">
        <v>7.7296988713936754E-2</v>
      </c>
      <c r="B2015" s="1"/>
      <c r="C2015">
        <v>2</v>
      </c>
      <c r="D2015" t="s">
        <v>17690</v>
      </c>
      <c r="E2015" t="s">
        <v>33254</v>
      </c>
      <c r="F2015">
        <v>2</v>
      </c>
      <c r="G2015" t="s">
        <v>13</v>
      </c>
      <c r="H2015" t="s">
        <v>17691</v>
      </c>
      <c r="I2015" t="s">
        <v>30540</v>
      </c>
    </row>
    <row r="2016" spans="1:9">
      <c r="A2016" s="1">
        <v>5.4896233071047518E-2</v>
      </c>
      <c r="B2016" s="1"/>
      <c r="C2016">
        <v>12</v>
      </c>
      <c r="D2016" t="s">
        <v>17698</v>
      </c>
      <c r="E2016" t="s">
        <v>33254</v>
      </c>
      <c r="F2016">
        <v>2</v>
      </c>
      <c r="G2016" t="s">
        <v>14</v>
      </c>
      <c r="H2016" t="s">
        <v>17699</v>
      </c>
      <c r="I2016" t="s">
        <v>30540</v>
      </c>
    </row>
    <row r="2017" spans="1:9">
      <c r="A2017" s="1">
        <v>0.70186746045087023</v>
      </c>
      <c r="B2017" s="1"/>
      <c r="C2017">
        <v>17</v>
      </c>
      <c r="D2017" t="s">
        <v>17684</v>
      </c>
      <c r="E2017" t="s">
        <v>33255</v>
      </c>
      <c r="F2017">
        <v>2</v>
      </c>
      <c r="G2017" t="s">
        <v>15</v>
      </c>
      <c r="H2017" t="s">
        <v>17685</v>
      </c>
      <c r="I2017" t="s">
        <v>30540</v>
      </c>
    </row>
    <row r="2018" spans="1:9">
      <c r="A2018" s="1">
        <v>0.58912797763466807</v>
      </c>
      <c r="B2018" s="1"/>
      <c r="C2018">
        <v>7</v>
      </c>
      <c r="D2018" t="s">
        <v>17670</v>
      </c>
      <c r="E2018" t="s">
        <v>33256</v>
      </c>
      <c r="F2018">
        <v>3</v>
      </c>
      <c r="G2018" t="s">
        <v>9</v>
      </c>
      <c r="H2018" t="s">
        <v>17671</v>
      </c>
      <c r="I2018" t="s">
        <v>30540</v>
      </c>
    </row>
    <row r="2019" spans="1:9">
      <c r="A2019" s="1">
        <v>0.70939963395997718</v>
      </c>
      <c r="B2019" s="1"/>
      <c r="C2019">
        <v>14</v>
      </c>
      <c r="D2019" t="s">
        <v>17678</v>
      </c>
      <c r="E2019" t="s">
        <v>33256</v>
      </c>
      <c r="F2019">
        <v>1</v>
      </c>
      <c r="G2019" t="s">
        <v>14</v>
      </c>
      <c r="H2019" t="s">
        <v>17679</v>
      </c>
      <c r="I2019" t="s">
        <v>30540</v>
      </c>
    </row>
    <row r="2020" spans="1:9">
      <c r="A2020" s="1">
        <v>0.92156355933609269</v>
      </c>
      <c r="B2020" s="1"/>
      <c r="C2020">
        <v>19</v>
      </c>
      <c r="D2020" t="s">
        <v>17668</v>
      </c>
      <c r="E2020" t="s">
        <v>33257</v>
      </c>
      <c r="F2020">
        <v>2</v>
      </c>
      <c r="G2020" t="s">
        <v>10</v>
      </c>
      <c r="H2020" t="s">
        <v>17669</v>
      </c>
      <c r="I2020" t="s">
        <v>30540</v>
      </c>
    </row>
    <row r="2021" spans="1:9">
      <c r="A2021" s="1">
        <v>0.17427443250788222</v>
      </c>
      <c r="B2021" s="1"/>
      <c r="C2021">
        <v>1</v>
      </c>
      <c r="D2021" t="s">
        <v>17638</v>
      </c>
      <c r="E2021" t="s">
        <v>33259</v>
      </c>
      <c r="F2021">
        <v>3</v>
      </c>
      <c r="G2021" t="s">
        <v>10</v>
      </c>
      <c r="H2021" t="s">
        <v>17639</v>
      </c>
      <c r="I2021" t="s">
        <v>30540</v>
      </c>
    </row>
    <row r="2022" spans="1:9">
      <c r="A2022" s="1">
        <v>0.99316521957916681</v>
      </c>
      <c r="B2022" s="1"/>
      <c r="C2022">
        <v>18</v>
      </c>
      <c r="D2022" t="s">
        <v>17636</v>
      </c>
      <c r="E2022" t="s">
        <v>33260</v>
      </c>
      <c r="F2022">
        <v>3</v>
      </c>
      <c r="G2022" t="s">
        <v>13</v>
      </c>
      <c r="H2022" t="s">
        <v>17637</v>
      </c>
      <c r="I2022" t="s">
        <v>30540</v>
      </c>
    </row>
    <row r="2023" spans="1:9">
      <c r="A2023" s="1">
        <v>0.42533691032550092</v>
      </c>
      <c r="B2023" s="1"/>
      <c r="C2023">
        <v>2</v>
      </c>
      <c r="D2023" t="s">
        <v>17632</v>
      </c>
      <c r="E2023" t="s">
        <v>33260</v>
      </c>
      <c r="F2023">
        <v>2</v>
      </c>
      <c r="G2023" t="s">
        <v>13</v>
      </c>
      <c r="H2023" t="s">
        <v>17633</v>
      </c>
      <c r="I2023" t="s">
        <v>30540</v>
      </c>
    </row>
    <row r="2024" spans="1:9">
      <c r="A2024" s="1">
        <v>0.37961007789834089</v>
      </c>
      <c r="B2024" s="1"/>
      <c r="C2024">
        <v>12</v>
      </c>
      <c r="D2024" t="s">
        <v>17622</v>
      </c>
      <c r="E2024" t="s">
        <v>33262</v>
      </c>
      <c r="F2024">
        <v>2</v>
      </c>
      <c r="G2024" t="s">
        <v>14</v>
      </c>
      <c r="H2024" t="s">
        <v>17623</v>
      </c>
      <c r="I2024" t="s">
        <v>30540</v>
      </c>
    </row>
    <row r="2025" spans="1:9">
      <c r="A2025" s="1">
        <v>0.21990227113369332</v>
      </c>
      <c r="B2025" s="1"/>
      <c r="C2025">
        <v>6</v>
      </c>
      <c r="D2025" t="s">
        <v>17616</v>
      </c>
      <c r="E2025" t="s">
        <v>33262</v>
      </c>
      <c r="F2025">
        <v>1</v>
      </c>
      <c r="G2025" t="s">
        <v>10</v>
      </c>
      <c r="H2025" t="s">
        <v>17617</v>
      </c>
      <c r="I2025" t="s">
        <v>30540</v>
      </c>
    </row>
    <row r="2026" spans="1:9">
      <c r="A2026" s="1">
        <v>8.6764275602434937E-2</v>
      </c>
      <c r="B2026" s="1"/>
      <c r="C2026">
        <v>1</v>
      </c>
      <c r="D2026" t="s">
        <v>17614</v>
      </c>
      <c r="E2026" t="s">
        <v>33262</v>
      </c>
      <c r="F2026">
        <v>1</v>
      </c>
      <c r="G2026" t="s">
        <v>2</v>
      </c>
      <c r="H2026" t="s">
        <v>17615</v>
      </c>
      <c r="I2026" t="s">
        <v>30540</v>
      </c>
    </row>
    <row r="2027" spans="1:9">
      <c r="A2027" s="1">
        <v>4.7697004081562744E-2</v>
      </c>
      <c r="B2027" s="1"/>
      <c r="C2027">
        <v>14</v>
      </c>
      <c r="D2027" t="s">
        <v>17606</v>
      </c>
      <c r="E2027" t="s">
        <v>33263</v>
      </c>
      <c r="F2027">
        <v>2</v>
      </c>
      <c r="G2027" t="s">
        <v>14</v>
      </c>
      <c r="H2027" t="s">
        <v>17607</v>
      </c>
      <c r="I2027" t="s">
        <v>30540</v>
      </c>
    </row>
    <row r="2028" spans="1:9">
      <c r="A2028" s="1">
        <v>0.84142027453096102</v>
      </c>
      <c r="B2028" s="1"/>
      <c r="C2028">
        <v>18</v>
      </c>
      <c r="D2028" t="s">
        <v>17610</v>
      </c>
      <c r="E2028" t="s">
        <v>33263</v>
      </c>
      <c r="F2028">
        <v>2</v>
      </c>
      <c r="G2028" t="s">
        <v>1</v>
      </c>
      <c r="H2028" t="s">
        <v>17611</v>
      </c>
      <c r="I2028" t="s">
        <v>30540</v>
      </c>
    </row>
    <row r="2029" spans="1:9">
      <c r="A2029" s="1">
        <v>0.74000666264574</v>
      </c>
      <c r="B2029" s="1"/>
      <c r="C2029">
        <v>10</v>
      </c>
      <c r="D2029" t="s">
        <v>17604</v>
      </c>
      <c r="E2029" t="s">
        <v>33263</v>
      </c>
      <c r="F2029">
        <v>2</v>
      </c>
      <c r="G2029" t="s">
        <v>13</v>
      </c>
      <c r="H2029" t="s">
        <v>17605</v>
      </c>
      <c r="I2029" t="s">
        <v>30540</v>
      </c>
    </row>
    <row r="2030" spans="1:9">
      <c r="A2030" s="1">
        <v>0.65263961263295722</v>
      </c>
      <c r="B2030" s="1"/>
      <c r="C2030">
        <v>13</v>
      </c>
      <c r="D2030" t="s">
        <v>17596</v>
      </c>
      <c r="E2030" t="s">
        <v>33264</v>
      </c>
      <c r="F2030">
        <v>3</v>
      </c>
      <c r="G2030" t="s">
        <v>14</v>
      </c>
      <c r="H2030" t="s">
        <v>17597</v>
      </c>
      <c r="I2030" t="s">
        <v>30540</v>
      </c>
    </row>
    <row r="2031" spans="1:9">
      <c r="A2031" s="1">
        <v>0.61019065614411538</v>
      </c>
      <c r="B2031" s="1"/>
      <c r="C2031">
        <v>7</v>
      </c>
      <c r="D2031" t="s">
        <v>17590</v>
      </c>
      <c r="E2031" t="s">
        <v>33264</v>
      </c>
      <c r="F2031">
        <v>3</v>
      </c>
      <c r="G2031" t="s">
        <v>9</v>
      </c>
      <c r="H2031" t="s">
        <v>17591</v>
      </c>
      <c r="I2031" t="s">
        <v>30540</v>
      </c>
    </row>
    <row r="2032" spans="1:9">
      <c r="A2032" s="1">
        <v>0.84013140430069522</v>
      </c>
      <c r="B2032" s="1"/>
      <c r="C2032">
        <v>12</v>
      </c>
      <c r="D2032" t="s">
        <v>17582</v>
      </c>
      <c r="E2032" t="s">
        <v>33265</v>
      </c>
      <c r="F2032">
        <v>2</v>
      </c>
      <c r="G2032" t="s">
        <v>14</v>
      </c>
      <c r="H2032" t="s">
        <v>17583</v>
      </c>
      <c r="I2032" t="s">
        <v>30540</v>
      </c>
    </row>
    <row r="2033" spans="1:9">
      <c r="A2033" s="1">
        <v>0.30021866380786888</v>
      </c>
      <c r="B2033" s="1"/>
      <c r="C2033">
        <v>15</v>
      </c>
      <c r="D2033" t="s">
        <v>17574</v>
      </c>
      <c r="E2033" t="s">
        <v>33266</v>
      </c>
      <c r="F2033">
        <v>1</v>
      </c>
      <c r="G2033" t="s">
        <v>14</v>
      </c>
      <c r="H2033" t="s">
        <v>17575</v>
      </c>
      <c r="I2033" t="s">
        <v>30540</v>
      </c>
    </row>
    <row r="2034" spans="1:9">
      <c r="A2034" s="1">
        <v>0.66073014495217952</v>
      </c>
      <c r="B2034" s="1"/>
      <c r="C2034">
        <v>3</v>
      </c>
      <c r="D2034" t="s">
        <v>17558</v>
      </c>
      <c r="E2034" t="s">
        <v>33267</v>
      </c>
      <c r="F2034">
        <v>3</v>
      </c>
      <c r="G2034" t="s">
        <v>14</v>
      </c>
      <c r="H2034" t="s">
        <v>17559</v>
      </c>
      <c r="I2034" t="s">
        <v>30540</v>
      </c>
    </row>
    <row r="2035" spans="1:9">
      <c r="A2035" s="1">
        <v>0.12817285328797678</v>
      </c>
      <c r="B2035" s="1"/>
      <c r="C2035">
        <v>4</v>
      </c>
      <c r="D2035" t="s">
        <v>17542</v>
      </c>
      <c r="E2035" t="s">
        <v>33269</v>
      </c>
      <c r="F2035">
        <v>2</v>
      </c>
      <c r="G2035" t="s">
        <v>10</v>
      </c>
      <c r="H2035" t="s">
        <v>17543</v>
      </c>
      <c r="I2035" t="s">
        <v>30540</v>
      </c>
    </row>
    <row r="2036" spans="1:9">
      <c r="A2036" s="1">
        <v>0.20589623546343527</v>
      </c>
      <c r="B2036" s="1"/>
      <c r="C2036">
        <v>14</v>
      </c>
      <c r="D2036" t="s">
        <v>17548</v>
      </c>
      <c r="E2036" t="s">
        <v>33269</v>
      </c>
      <c r="F2036">
        <v>2</v>
      </c>
      <c r="G2036" t="s">
        <v>14</v>
      </c>
      <c r="H2036" t="s">
        <v>17549</v>
      </c>
      <c r="I2036" t="s">
        <v>30540</v>
      </c>
    </row>
    <row r="2037" spans="1:9">
      <c r="A2037" s="1">
        <v>0.7717585099981884</v>
      </c>
      <c r="B2037" s="1"/>
      <c r="C2037">
        <v>10</v>
      </c>
      <c r="D2037" t="s">
        <v>17546</v>
      </c>
      <c r="E2037" t="s">
        <v>33269</v>
      </c>
      <c r="F2037">
        <v>2</v>
      </c>
      <c r="G2037" t="s">
        <v>10</v>
      </c>
      <c r="H2037" t="s">
        <v>17547</v>
      </c>
      <c r="I2037" t="s">
        <v>30540</v>
      </c>
    </row>
    <row r="2038" spans="1:9">
      <c r="A2038" s="1">
        <v>7.3156006731794787E-2</v>
      </c>
      <c r="B2038" s="1"/>
      <c r="C2038">
        <v>11</v>
      </c>
      <c r="D2038" t="s">
        <v>17530</v>
      </c>
      <c r="E2038" t="s">
        <v>33270</v>
      </c>
      <c r="F2038">
        <v>3</v>
      </c>
      <c r="G2038" t="s">
        <v>13</v>
      </c>
      <c r="H2038" t="s">
        <v>17531</v>
      </c>
      <c r="I2038" t="s">
        <v>30540</v>
      </c>
    </row>
    <row r="2039" spans="1:9">
      <c r="A2039" s="1">
        <v>0.60870594764789254</v>
      </c>
      <c r="B2039" s="1"/>
      <c r="C2039">
        <v>8</v>
      </c>
      <c r="D2039" t="s">
        <v>17528</v>
      </c>
      <c r="E2039" t="s">
        <v>33270</v>
      </c>
      <c r="F2039">
        <v>2</v>
      </c>
      <c r="G2039" t="s">
        <v>762</v>
      </c>
      <c r="H2039" t="s">
        <v>17529</v>
      </c>
      <c r="I2039" t="s">
        <v>30540</v>
      </c>
    </row>
    <row r="2040" spans="1:9">
      <c r="A2040" s="1">
        <v>7.5596272589571023E-2</v>
      </c>
      <c r="B2040" s="1"/>
      <c r="C2040">
        <v>11</v>
      </c>
      <c r="D2040" t="s">
        <v>17520</v>
      </c>
      <c r="E2040" t="s">
        <v>33271</v>
      </c>
      <c r="F2040">
        <v>2</v>
      </c>
      <c r="G2040" t="s">
        <v>14</v>
      </c>
      <c r="H2040" t="s">
        <v>17521</v>
      </c>
      <c r="I2040" t="s">
        <v>30540</v>
      </c>
    </row>
    <row r="2041" spans="1:9">
      <c r="A2041" s="1">
        <v>0.39012639296267615</v>
      </c>
      <c r="B2041" s="1"/>
      <c r="C2041">
        <v>1</v>
      </c>
      <c r="D2041" t="s">
        <v>17484</v>
      </c>
      <c r="E2041" t="s">
        <v>33274</v>
      </c>
      <c r="F2041">
        <v>3</v>
      </c>
      <c r="G2041" t="s">
        <v>10</v>
      </c>
      <c r="H2041" t="s">
        <v>17485</v>
      </c>
      <c r="I2041" t="s">
        <v>30540</v>
      </c>
    </row>
    <row r="2042" spans="1:9">
      <c r="A2042" s="1">
        <v>0.51109305423009377</v>
      </c>
      <c r="B2042" s="1"/>
      <c r="C2042">
        <v>13</v>
      </c>
      <c r="D2042" t="s">
        <v>17478</v>
      </c>
      <c r="E2042" t="s">
        <v>33275</v>
      </c>
      <c r="F2042">
        <v>1</v>
      </c>
      <c r="G2042" t="s">
        <v>0</v>
      </c>
      <c r="H2042" t="s">
        <v>17479</v>
      </c>
      <c r="I2042" t="s">
        <v>30540</v>
      </c>
    </row>
    <row r="2043" spans="1:9">
      <c r="A2043" s="1">
        <v>0.45304674668816669</v>
      </c>
      <c r="B2043" s="1"/>
      <c r="C2043">
        <v>9</v>
      </c>
      <c r="D2043" t="s">
        <v>17468</v>
      </c>
      <c r="E2043" t="s">
        <v>33276</v>
      </c>
      <c r="F2043">
        <v>2</v>
      </c>
      <c r="G2043" t="s">
        <v>13</v>
      </c>
      <c r="H2043" t="s">
        <v>17469</v>
      </c>
      <c r="I2043" t="s">
        <v>30540</v>
      </c>
    </row>
    <row r="2044" spans="1:9">
      <c r="A2044" s="1">
        <v>0.95079341417354191</v>
      </c>
      <c r="B2044" s="1"/>
      <c r="C2044">
        <v>6</v>
      </c>
      <c r="D2044" t="s">
        <v>17466</v>
      </c>
      <c r="E2044" t="s">
        <v>33276</v>
      </c>
      <c r="F2044">
        <v>2</v>
      </c>
      <c r="G2044" t="s">
        <v>14</v>
      </c>
      <c r="H2044" t="s">
        <v>17467</v>
      </c>
      <c r="I2044" t="s">
        <v>30540</v>
      </c>
    </row>
    <row r="2045" spans="1:9">
      <c r="A2045" s="1">
        <v>3.3197547162695518E-3</v>
      </c>
      <c r="B2045" s="1"/>
      <c r="C2045">
        <v>4</v>
      </c>
      <c r="D2045" t="s">
        <v>17452</v>
      </c>
      <c r="E2045" t="s">
        <v>33277</v>
      </c>
      <c r="F2045">
        <v>2</v>
      </c>
      <c r="G2045" t="s">
        <v>10</v>
      </c>
      <c r="H2045" t="s">
        <v>17453</v>
      </c>
      <c r="I2045" t="s">
        <v>30540</v>
      </c>
    </row>
    <row r="2046" spans="1:9">
      <c r="A2046" s="1">
        <v>0.38964556136451745</v>
      </c>
      <c r="B2046" s="1"/>
      <c r="C2046">
        <v>15</v>
      </c>
      <c r="D2046" t="s">
        <v>17440</v>
      </c>
      <c r="E2046" t="s">
        <v>33279</v>
      </c>
      <c r="F2046">
        <v>2</v>
      </c>
      <c r="G2046" t="s">
        <v>13</v>
      </c>
      <c r="H2046" t="s">
        <v>17441</v>
      </c>
      <c r="I2046" t="s">
        <v>30540</v>
      </c>
    </row>
    <row r="2047" spans="1:9">
      <c r="A2047" s="1">
        <v>0.99463453788064959</v>
      </c>
      <c r="B2047" s="1"/>
      <c r="C2047">
        <v>5</v>
      </c>
      <c r="D2047" t="s">
        <v>17434</v>
      </c>
      <c r="E2047" t="s">
        <v>33279</v>
      </c>
      <c r="F2047">
        <v>2</v>
      </c>
      <c r="G2047" t="s">
        <v>15</v>
      </c>
      <c r="H2047" t="s">
        <v>17435</v>
      </c>
      <c r="I2047" t="s">
        <v>30540</v>
      </c>
    </row>
    <row r="2048" spans="1:9">
      <c r="A2048" s="1">
        <v>0.47570110175592539</v>
      </c>
      <c r="B2048" s="1"/>
      <c r="C2048">
        <v>6</v>
      </c>
      <c r="D2048" t="s">
        <v>17423</v>
      </c>
      <c r="E2048" t="s">
        <v>33280</v>
      </c>
      <c r="F2048">
        <v>0</v>
      </c>
      <c r="G2048" t="s">
        <v>0</v>
      </c>
      <c r="H2048" t="s">
        <v>17424</v>
      </c>
      <c r="I2048" t="s">
        <v>30540</v>
      </c>
    </row>
    <row r="2049" spans="1:9">
      <c r="A2049" s="1">
        <v>0.59066679838606662</v>
      </c>
      <c r="B2049" s="1"/>
      <c r="C2049">
        <v>14</v>
      </c>
      <c r="D2049" t="s">
        <v>17414</v>
      </c>
      <c r="E2049" t="s">
        <v>33282</v>
      </c>
      <c r="F2049">
        <v>2</v>
      </c>
      <c r="G2049" t="s">
        <v>14</v>
      </c>
      <c r="H2049" t="s">
        <v>17415</v>
      </c>
      <c r="I2049" t="s">
        <v>30540</v>
      </c>
    </row>
    <row r="2050" spans="1:9">
      <c r="A2050" s="1">
        <v>0.41534252670732275</v>
      </c>
      <c r="B2050" s="1"/>
      <c r="C2050">
        <v>2</v>
      </c>
      <c r="D2050" t="s">
        <v>17404</v>
      </c>
      <c r="E2050" t="s">
        <v>33283</v>
      </c>
      <c r="F2050">
        <v>2</v>
      </c>
      <c r="G2050" t="s">
        <v>2</v>
      </c>
      <c r="H2050" t="s">
        <v>17405</v>
      </c>
      <c r="I2050" t="s">
        <v>30540</v>
      </c>
    </row>
    <row r="2051" spans="1:9">
      <c r="A2051" s="1">
        <v>9.793158109595379E-2</v>
      </c>
      <c r="B2051" s="1"/>
      <c r="C2051">
        <v>15</v>
      </c>
      <c r="D2051" t="s">
        <v>17412</v>
      </c>
      <c r="E2051" t="s">
        <v>33283</v>
      </c>
      <c r="F2051">
        <v>2</v>
      </c>
      <c r="G2051" t="s">
        <v>14</v>
      </c>
      <c r="H2051" t="s">
        <v>17413</v>
      </c>
      <c r="I2051" t="s">
        <v>30540</v>
      </c>
    </row>
    <row r="2052" spans="1:9">
      <c r="A2052" s="1">
        <v>0.41521746992173558</v>
      </c>
      <c r="B2052" s="1"/>
      <c r="C2052">
        <v>7</v>
      </c>
      <c r="D2052" t="s">
        <v>17394</v>
      </c>
      <c r="E2052" t="s">
        <v>33284</v>
      </c>
      <c r="F2052">
        <v>3</v>
      </c>
      <c r="G2052" t="s">
        <v>14</v>
      </c>
      <c r="H2052" t="s">
        <v>17395</v>
      </c>
      <c r="I2052" t="s">
        <v>30540</v>
      </c>
    </row>
    <row r="2053" spans="1:9">
      <c r="A2053" s="1">
        <v>8.908515403852979E-2</v>
      </c>
      <c r="B2053" s="1"/>
      <c r="C2053">
        <v>16</v>
      </c>
      <c r="D2053" t="s">
        <v>17402</v>
      </c>
      <c r="E2053" t="s">
        <v>33284</v>
      </c>
      <c r="F2053">
        <v>2</v>
      </c>
      <c r="G2053" t="s">
        <v>14</v>
      </c>
      <c r="H2053" t="s">
        <v>17403</v>
      </c>
      <c r="I2053" t="s">
        <v>30540</v>
      </c>
    </row>
    <row r="2054" spans="1:9">
      <c r="A2054" s="1">
        <v>0.36301479355995581</v>
      </c>
      <c r="B2054" s="1"/>
      <c r="C2054">
        <v>5</v>
      </c>
      <c r="D2054" t="s">
        <v>17392</v>
      </c>
      <c r="E2054" t="s">
        <v>33284</v>
      </c>
      <c r="F2054">
        <v>2</v>
      </c>
      <c r="G2054" t="s">
        <v>15</v>
      </c>
      <c r="H2054" t="s">
        <v>17393</v>
      </c>
      <c r="I2054" t="s">
        <v>30540</v>
      </c>
    </row>
    <row r="2055" spans="1:9">
      <c r="A2055" s="1">
        <v>0.73357461455425821</v>
      </c>
      <c r="B2055" s="1"/>
      <c r="C2055">
        <v>14</v>
      </c>
      <c r="D2055" t="s">
        <v>17386</v>
      </c>
      <c r="E2055" t="s">
        <v>33285</v>
      </c>
      <c r="F2055">
        <v>2</v>
      </c>
      <c r="G2055" t="s">
        <v>762</v>
      </c>
      <c r="H2055" t="s">
        <v>17387</v>
      </c>
      <c r="I2055" t="s">
        <v>30540</v>
      </c>
    </row>
    <row r="2056" spans="1:9">
      <c r="A2056" s="1">
        <v>0.44236526973550117</v>
      </c>
      <c r="B2056" s="1"/>
      <c r="C2056">
        <v>20</v>
      </c>
      <c r="D2056" t="s">
        <v>17382</v>
      </c>
      <c r="E2056" t="s">
        <v>33286</v>
      </c>
      <c r="F2056">
        <v>3</v>
      </c>
      <c r="G2056" t="s">
        <v>0</v>
      </c>
      <c r="H2056" t="s">
        <v>17383</v>
      </c>
      <c r="I2056" t="s">
        <v>30540</v>
      </c>
    </row>
    <row r="2057" spans="1:9">
      <c r="A2057" s="1">
        <v>0.62545904455692303</v>
      </c>
      <c r="B2057" s="1"/>
      <c r="C2057">
        <v>14</v>
      </c>
      <c r="D2057" t="s">
        <v>17378</v>
      </c>
      <c r="E2057" t="s">
        <v>33286</v>
      </c>
      <c r="F2057">
        <v>3</v>
      </c>
      <c r="G2057" t="s">
        <v>14</v>
      </c>
      <c r="H2057" t="s">
        <v>17379</v>
      </c>
      <c r="I2057" t="s">
        <v>30540</v>
      </c>
    </row>
    <row r="2058" spans="1:9">
      <c r="A2058" s="1">
        <v>0.86237702703824781</v>
      </c>
      <c r="B2058" s="1"/>
      <c r="C2058">
        <v>16</v>
      </c>
      <c r="D2058" t="s">
        <v>17354</v>
      </c>
      <c r="E2058" t="s">
        <v>33289</v>
      </c>
      <c r="F2058">
        <v>3</v>
      </c>
      <c r="G2058" t="s">
        <v>14</v>
      </c>
      <c r="H2058" t="s">
        <v>17355</v>
      </c>
      <c r="I2058" t="s">
        <v>30540</v>
      </c>
    </row>
    <row r="2059" spans="1:9">
      <c r="A2059" s="1">
        <v>0.78654626374280578</v>
      </c>
      <c r="B2059" s="1"/>
      <c r="C2059">
        <v>19</v>
      </c>
      <c r="D2059" t="s">
        <v>17356</v>
      </c>
      <c r="E2059" t="s">
        <v>33289</v>
      </c>
      <c r="F2059">
        <v>3</v>
      </c>
      <c r="G2059" t="s">
        <v>14</v>
      </c>
      <c r="H2059" t="s">
        <v>17357</v>
      </c>
      <c r="I2059" t="s">
        <v>30540</v>
      </c>
    </row>
    <row r="2060" spans="1:9">
      <c r="A2060" s="1">
        <v>0.67905383463328572</v>
      </c>
      <c r="B2060" s="1"/>
      <c r="C2060">
        <v>12</v>
      </c>
      <c r="D2060" t="s">
        <v>17352</v>
      </c>
      <c r="E2060" t="s">
        <v>33289</v>
      </c>
      <c r="F2060">
        <v>2</v>
      </c>
      <c r="G2060" t="s">
        <v>14</v>
      </c>
      <c r="H2060" t="s">
        <v>17353</v>
      </c>
      <c r="I2060" t="s">
        <v>30540</v>
      </c>
    </row>
    <row r="2061" spans="1:9">
      <c r="A2061" s="1">
        <v>0.12560406315871175</v>
      </c>
      <c r="B2061" s="1"/>
      <c r="C2061">
        <v>5</v>
      </c>
      <c r="D2061" t="s">
        <v>17324</v>
      </c>
      <c r="E2061" t="s">
        <v>33291</v>
      </c>
      <c r="F2061">
        <v>3</v>
      </c>
      <c r="G2061" t="s">
        <v>14</v>
      </c>
      <c r="H2061" t="s">
        <v>17325</v>
      </c>
      <c r="I2061" t="s">
        <v>30540</v>
      </c>
    </row>
    <row r="2062" spans="1:9">
      <c r="A2062" s="1">
        <v>0.78177076472414031</v>
      </c>
      <c r="B2062" s="1"/>
      <c r="C2062">
        <v>6</v>
      </c>
      <c r="D2062" t="s">
        <v>17312</v>
      </c>
      <c r="E2062" t="s">
        <v>33293</v>
      </c>
      <c r="F2062">
        <v>2</v>
      </c>
      <c r="G2062" t="s">
        <v>14</v>
      </c>
      <c r="H2062" t="s">
        <v>17313</v>
      </c>
      <c r="I2062" t="s">
        <v>30540</v>
      </c>
    </row>
    <row r="2063" spans="1:9">
      <c r="A2063" s="1">
        <v>7.4361913255867162E-2</v>
      </c>
      <c r="B2063" s="1"/>
      <c r="C2063">
        <v>17</v>
      </c>
      <c r="D2063" t="s">
        <v>17306</v>
      </c>
      <c r="E2063" t="s">
        <v>33294</v>
      </c>
      <c r="F2063">
        <v>2</v>
      </c>
      <c r="G2063" t="s">
        <v>14</v>
      </c>
      <c r="H2063" t="s">
        <v>17307</v>
      </c>
      <c r="I2063" t="s">
        <v>30540</v>
      </c>
    </row>
    <row r="2064" spans="1:9">
      <c r="A2064" s="1">
        <v>0.50705732749405419</v>
      </c>
      <c r="B2064" s="1"/>
      <c r="C2064">
        <v>2</v>
      </c>
      <c r="D2064" t="s">
        <v>17292</v>
      </c>
      <c r="E2064" t="s">
        <v>33294</v>
      </c>
      <c r="F2064">
        <v>2</v>
      </c>
      <c r="G2064" t="s">
        <v>10</v>
      </c>
      <c r="H2064" t="s">
        <v>17293</v>
      </c>
      <c r="I2064" t="s">
        <v>30540</v>
      </c>
    </row>
    <row r="2065" spans="1:9">
      <c r="A2065" s="1">
        <v>0.81017504705655974</v>
      </c>
      <c r="B2065" s="1"/>
      <c r="C2065">
        <v>15</v>
      </c>
      <c r="D2065" t="s">
        <v>17290</v>
      </c>
      <c r="E2065" t="s">
        <v>33295</v>
      </c>
      <c r="F2065">
        <v>2</v>
      </c>
      <c r="G2065" t="s">
        <v>2</v>
      </c>
      <c r="H2065" t="s">
        <v>17291</v>
      </c>
      <c r="I2065" t="s">
        <v>30540</v>
      </c>
    </row>
    <row r="2066" spans="1:9">
      <c r="A2066" s="1">
        <v>0.76251336180569329</v>
      </c>
      <c r="B2066" s="1"/>
      <c r="C2066">
        <v>13</v>
      </c>
      <c r="D2066" t="s">
        <v>17284</v>
      </c>
      <c r="E2066" t="s">
        <v>33296</v>
      </c>
      <c r="F2066">
        <v>3</v>
      </c>
      <c r="G2066" t="s">
        <v>14</v>
      </c>
      <c r="H2066" t="s">
        <v>17285</v>
      </c>
      <c r="I2066" t="s">
        <v>30540</v>
      </c>
    </row>
    <row r="2067" spans="1:9">
      <c r="A2067" s="1">
        <v>0.54914720856465116</v>
      </c>
      <c r="B2067" s="1"/>
      <c r="C2067">
        <v>20</v>
      </c>
      <c r="D2067" t="s">
        <v>17288</v>
      </c>
      <c r="E2067" t="s">
        <v>33296</v>
      </c>
      <c r="F2067">
        <v>2</v>
      </c>
      <c r="G2067" t="s">
        <v>14</v>
      </c>
      <c r="H2067" t="s">
        <v>17289</v>
      </c>
      <c r="I2067" t="s">
        <v>30540</v>
      </c>
    </row>
    <row r="2068" spans="1:9">
      <c r="A2068" s="1">
        <v>0.80771209664791166</v>
      </c>
      <c r="B2068" s="1"/>
      <c r="C2068">
        <v>2</v>
      </c>
      <c r="D2068" t="s">
        <v>17276</v>
      </c>
      <c r="E2068" t="s">
        <v>33297</v>
      </c>
      <c r="F2068">
        <v>2</v>
      </c>
      <c r="G2068" t="s">
        <v>10</v>
      </c>
      <c r="H2068" t="s">
        <v>17277</v>
      </c>
      <c r="I2068" t="s">
        <v>30540</v>
      </c>
    </row>
    <row r="2069" spans="1:9">
      <c r="A2069" s="1">
        <v>0.24959447954676206</v>
      </c>
      <c r="B2069" s="1"/>
      <c r="C2069">
        <v>15</v>
      </c>
      <c r="D2069" t="s">
        <v>17280</v>
      </c>
      <c r="E2069" t="s">
        <v>33297</v>
      </c>
      <c r="F2069">
        <v>2</v>
      </c>
      <c r="G2069" t="s">
        <v>13</v>
      </c>
      <c r="H2069" t="s">
        <v>17281</v>
      </c>
      <c r="I2069" t="s">
        <v>30540</v>
      </c>
    </row>
    <row r="2070" spans="1:9">
      <c r="A2070" s="1">
        <v>0.79170068564078955</v>
      </c>
      <c r="B2070" s="1"/>
      <c r="C2070">
        <v>8</v>
      </c>
      <c r="D2070" t="s">
        <v>17260</v>
      </c>
      <c r="E2070" t="s">
        <v>33298</v>
      </c>
      <c r="F2070">
        <v>3</v>
      </c>
      <c r="G2070" t="s">
        <v>14</v>
      </c>
      <c r="H2070" t="s">
        <v>17261</v>
      </c>
      <c r="I2070" t="s">
        <v>30540</v>
      </c>
    </row>
    <row r="2071" spans="1:9">
      <c r="A2071" s="1">
        <v>0.52036090872996466</v>
      </c>
      <c r="B2071" s="1"/>
      <c r="C2071">
        <v>10</v>
      </c>
      <c r="D2071" t="s">
        <v>17244</v>
      </c>
      <c r="E2071" t="s">
        <v>33302</v>
      </c>
      <c r="F2071">
        <v>2</v>
      </c>
      <c r="G2071" t="s">
        <v>10</v>
      </c>
      <c r="H2071" t="s">
        <v>17245</v>
      </c>
      <c r="I2071" t="s">
        <v>30540</v>
      </c>
    </row>
    <row r="2072" spans="1:9">
      <c r="A2072" s="1">
        <v>0.43315166950800721</v>
      </c>
      <c r="B2072" s="1"/>
      <c r="C2072">
        <v>8</v>
      </c>
      <c r="D2072" t="s">
        <v>17242</v>
      </c>
      <c r="E2072" t="s">
        <v>33302</v>
      </c>
      <c r="F2072">
        <v>1</v>
      </c>
      <c r="G2072" t="s">
        <v>10</v>
      </c>
      <c r="H2072" t="s">
        <v>17243</v>
      </c>
      <c r="I2072" t="s">
        <v>30540</v>
      </c>
    </row>
    <row r="2073" spans="1:9">
      <c r="A2073" s="1">
        <v>0.48543141488170738</v>
      </c>
      <c r="B2073" s="1"/>
      <c r="C2073">
        <v>13</v>
      </c>
      <c r="D2073" t="s">
        <v>17238</v>
      </c>
      <c r="E2073" t="s">
        <v>33303</v>
      </c>
      <c r="F2073">
        <v>3</v>
      </c>
      <c r="G2073" t="s">
        <v>14</v>
      </c>
      <c r="H2073" t="s">
        <v>17239</v>
      </c>
      <c r="I2073" t="s">
        <v>30540</v>
      </c>
    </row>
    <row r="2074" spans="1:9">
      <c r="A2074" s="1">
        <v>0.35206232012980898</v>
      </c>
      <c r="B2074" s="1"/>
      <c r="C2074">
        <v>9</v>
      </c>
      <c r="D2074" t="s">
        <v>17230</v>
      </c>
      <c r="E2074" t="s">
        <v>33304</v>
      </c>
      <c r="F2074">
        <v>3</v>
      </c>
      <c r="G2074" t="s">
        <v>1</v>
      </c>
      <c r="H2074" t="s">
        <v>17231</v>
      </c>
      <c r="I2074" t="s">
        <v>30540</v>
      </c>
    </row>
    <row r="2075" spans="1:9">
      <c r="A2075" s="1">
        <v>0.37934661072995868</v>
      </c>
      <c r="B2075" s="1"/>
      <c r="C2075">
        <v>8</v>
      </c>
      <c r="D2075" t="s">
        <v>17228</v>
      </c>
      <c r="E2075" t="s">
        <v>33304</v>
      </c>
      <c r="F2075">
        <v>3</v>
      </c>
      <c r="G2075" t="s">
        <v>14</v>
      </c>
      <c r="H2075" t="s">
        <v>17229</v>
      </c>
      <c r="I2075" t="s">
        <v>30540</v>
      </c>
    </row>
    <row r="2076" spans="1:9">
      <c r="A2076" s="1">
        <v>0.80489110801762598</v>
      </c>
      <c r="B2076" s="1"/>
      <c r="C2076">
        <v>13</v>
      </c>
      <c r="D2076" t="s">
        <v>17232</v>
      </c>
      <c r="E2076" t="s">
        <v>33304</v>
      </c>
      <c r="F2076">
        <v>2</v>
      </c>
      <c r="G2076" t="s">
        <v>14</v>
      </c>
      <c r="H2076" t="s">
        <v>17233</v>
      </c>
      <c r="I2076" t="s">
        <v>30540</v>
      </c>
    </row>
    <row r="2077" spans="1:9">
      <c r="A2077" s="1">
        <v>0.93341265362019554</v>
      </c>
      <c r="B2077" s="1"/>
      <c r="C2077">
        <v>7</v>
      </c>
      <c r="D2077" t="s">
        <v>17194</v>
      </c>
      <c r="E2077" t="s">
        <v>33308</v>
      </c>
      <c r="F2077">
        <v>2</v>
      </c>
      <c r="G2077" t="s">
        <v>14</v>
      </c>
      <c r="H2077" t="s">
        <v>17195</v>
      </c>
      <c r="I2077" t="s">
        <v>30540</v>
      </c>
    </row>
    <row r="2078" spans="1:9">
      <c r="A2078" s="1">
        <v>0.5961646447839889</v>
      </c>
      <c r="B2078" s="1"/>
      <c r="C2078">
        <v>1</v>
      </c>
      <c r="D2078" t="s">
        <v>17186</v>
      </c>
      <c r="E2078" t="s">
        <v>33308</v>
      </c>
      <c r="F2078">
        <v>2</v>
      </c>
      <c r="G2078" t="s">
        <v>2</v>
      </c>
      <c r="H2078" t="s">
        <v>17187</v>
      </c>
      <c r="I2078" t="s">
        <v>30540</v>
      </c>
    </row>
    <row r="2079" spans="1:9">
      <c r="A2079" s="1">
        <v>0.51992601113329684</v>
      </c>
      <c r="B2079" s="1"/>
      <c r="C2079">
        <v>16</v>
      </c>
      <c r="D2079" t="s">
        <v>17184</v>
      </c>
      <c r="E2079" t="s">
        <v>33309</v>
      </c>
      <c r="F2079">
        <v>3</v>
      </c>
      <c r="G2079" t="s">
        <v>14</v>
      </c>
      <c r="H2079" t="s">
        <v>17185</v>
      </c>
      <c r="I2079" t="s">
        <v>30540</v>
      </c>
    </row>
    <row r="2080" spans="1:9">
      <c r="A2080" s="1">
        <v>0.31347276796816526</v>
      </c>
      <c r="B2080" s="1"/>
      <c r="C2080">
        <v>11</v>
      </c>
      <c r="D2080" t="s">
        <v>17180</v>
      </c>
      <c r="E2080" t="s">
        <v>33309</v>
      </c>
      <c r="F2080">
        <v>3</v>
      </c>
      <c r="G2080" t="s">
        <v>10</v>
      </c>
      <c r="H2080" t="s">
        <v>17181</v>
      </c>
      <c r="I2080" t="s">
        <v>30540</v>
      </c>
    </row>
    <row r="2081" spans="1:9">
      <c r="A2081" s="1">
        <v>0.92996256817974499</v>
      </c>
      <c r="B2081" s="1"/>
      <c r="C2081">
        <v>1</v>
      </c>
      <c r="D2081" t="s">
        <v>17174</v>
      </c>
      <c r="E2081" t="s">
        <v>33309</v>
      </c>
      <c r="F2081">
        <v>2</v>
      </c>
      <c r="G2081" t="s">
        <v>10</v>
      </c>
      <c r="H2081" t="s">
        <v>17175</v>
      </c>
      <c r="I2081" t="s">
        <v>30540</v>
      </c>
    </row>
    <row r="2082" spans="1:9">
      <c r="A2082" s="1">
        <v>0.82966665907948767</v>
      </c>
      <c r="B2082" s="1"/>
      <c r="C2082">
        <v>15</v>
      </c>
      <c r="D2082" t="s">
        <v>17182</v>
      </c>
      <c r="E2082" t="s">
        <v>33309</v>
      </c>
      <c r="F2082">
        <v>1</v>
      </c>
      <c r="G2082" t="s">
        <v>14</v>
      </c>
      <c r="H2082" t="s">
        <v>17183</v>
      </c>
      <c r="I2082" t="s">
        <v>30540</v>
      </c>
    </row>
    <row r="2083" spans="1:9">
      <c r="A2083" s="1">
        <v>0.73069349636101399</v>
      </c>
      <c r="B2083" s="1"/>
      <c r="C2083">
        <v>17</v>
      </c>
      <c r="D2083" t="s">
        <v>17170</v>
      </c>
      <c r="E2083" t="s">
        <v>33310</v>
      </c>
      <c r="F2083">
        <v>3</v>
      </c>
      <c r="G2083" t="s">
        <v>10</v>
      </c>
      <c r="H2083" t="s">
        <v>17171</v>
      </c>
      <c r="I2083" t="s">
        <v>30540</v>
      </c>
    </row>
    <row r="2084" spans="1:9">
      <c r="A2084" s="1">
        <v>0.81123733243520002</v>
      </c>
      <c r="B2084" s="1"/>
      <c r="C2084">
        <v>18</v>
      </c>
      <c r="D2084" t="s">
        <v>17172</v>
      </c>
      <c r="E2084" t="s">
        <v>33310</v>
      </c>
      <c r="F2084">
        <v>2</v>
      </c>
      <c r="G2084" t="s">
        <v>10</v>
      </c>
      <c r="H2084" t="s">
        <v>17173</v>
      </c>
      <c r="I2084" t="s">
        <v>30540</v>
      </c>
    </row>
    <row r="2085" spans="1:9">
      <c r="A2085" s="1">
        <v>0.12993160626374822</v>
      </c>
      <c r="B2085" s="1"/>
      <c r="C2085">
        <v>15</v>
      </c>
      <c r="D2085" t="s">
        <v>17155</v>
      </c>
      <c r="E2085" t="s">
        <v>33312</v>
      </c>
      <c r="F2085">
        <v>2</v>
      </c>
      <c r="G2085" t="s">
        <v>14</v>
      </c>
      <c r="H2085" t="s">
        <v>17156</v>
      </c>
      <c r="I2085" t="s">
        <v>30540</v>
      </c>
    </row>
    <row r="2086" spans="1:9">
      <c r="A2086" s="1">
        <v>0.9333733590187846</v>
      </c>
      <c r="B2086" s="1"/>
      <c r="C2086">
        <v>6</v>
      </c>
      <c r="D2086" t="s">
        <v>17141</v>
      </c>
      <c r="E2086" t="s">
        <v>33313</v>
      </c>
      <c r="F2086">
        <v>2</v>
      </c>
      <c r="G2086" t="s">
        <v>14</v>
      </c>
      <c r="H2086" t="s">
        <v>17142</v>
      </c>
      <c r="I2086" t="s">
        <v>30540</v>
      </c>
    </row>
    <row r="2087" spans="1:9">
      <c r="A2087" s="1">
        <v>0.55559705316721342</v>
      </c>
      <c r="B2087" s="1"/>
      <c r="C2087">
        <v>16</v>
      </c>
      <c r="D2087" t="s">
        <v>17129</v>
      </c>
      <c r="E2087" t="s">
        <v>33315</v>
      </c>
      <c r="F2087">
        <v>1</v>
      </c>
      <c r="G2087" t="s">
        <v>10</v>
      </c>
      <c r="H2087" t="s">
        <v>17130</v>
      </c>
      <c r="I2087" t="s">
        <v>30540</v>
      </c>
    </row>
    <row r="2088" spans="1:9">
      <c r="A2088" s="1">
        <v>0.17081294290580629</v>
      </c>
      <c r="B2088" s="1"/>
      <c r="C2088">
        <v>15</v>
      </c>
      <c r="D2088" t="s">
        <v>17118</v>
      </c>
      <c r="E2088" t="s">
        <v>33316</v>
      </c>
      <c r="F2088">
        <v>3</v>
      </c>
      <c r="G2088" t="s">
        <v>14</v>
      </c>
      <c r="H2088" t="s">
        <v>17119</v>
      </c>
      <c r="I2088" t="s">
        <v>30540</v>
      </c>
    </row>
    <row r="2089" spans="1:9">
      <c r="A2089" s="1">
        <v>0.7461805548546312</v>
      </c>
      <c r="B2089" s="1"/>
      <c r="C2089">
        <v>8</v>
      </c>
      <c r="D2089" t="s">
        <v>17116</v>
      </c>
      <c r="E2089" t="s">
        <v>33316</v>
      </c>
      <c r="F2089">
        <v>2</v>
      </c>
      <c r="G2089" t="s">
        <v>14</v>
      </c>
      <c r="H2089" t="s">
        <v>17117</v>
      </c>
      <c r="I2089" t="s">
        <v>30540</v>
      </c>
    </row>
    <row r="2090" spans="1:9">
      <c r="A2090" s="1">
        <v>0.1510236740829598</v>
      </c>
      <c r="B2090" s="1"/>
      <c r="C2090">
        <v>5</v>
      </c>
      <c r="D2090" t="s">
        <v>21234</v>
      </c>
      <c r="E2090" t="s">
        <v>33318</v>
      </c>
      <c r="F2090">
        <v>2</v>
      </c>
      <c r="G2090" t="s">
        <v>14</v>
      </c>
      <c r="H2090" t="s">
        <v>21235</v>
      </c>
      <c r="I2090" t="s">
        <v>30540</v>
      </c>
    </row>
    <row r="2091" spans="1:9">
      <c r="A2091" s="1">
        <v>0.62967830394527902</v>
      </c>
      <c r="B2091" s="1"/>
      <c r="C2091">
        <v>2</v>
      </c>
      <c r="D2091" t="s">
        <v>21232</v>
      </c>
      <c r="E2091" t="s">
        <v>33318</v>
      </c>
      <c r="F2091">
        <v>1</v>
      </c>
      <c r="G2091" t="s">
        <v>9</v>
      </c>
      <c r="H2091" t="s">
        <v>21233</v>
      </c>
      <c r="I2091" t="s">
        <v>30540</v>
      </c>
    </row>
    <row r="2092" spans="1:9">
      <c r="A2092" s="1">
        <v>0.38019237202629286</v>
      </c>
      <c r="B2092" s="1"/>
      <c r="C2092">
        <v>16</v>
      </c>
      <c r="D2092" t="s">
        <v>21230</v>
      </c>
      <c r="E2092" t="s">
        <v>33319</v>
      </c>
      <c r="F2092">
        <v>2</v>
      </c>
      <c r="G2092" t="s">
        <v>14</v>
      </c>
      <c r="H2092" t="s">
        <v>21231</v>
      </c>
      <c r="I2092" t="s">
        <v>30540</v>
      </c>
    </row>
    <row r="2093" spans="1:9">
      <c r="A2093" s="1">
        <v>0.91961188627112345</v>
      </c>
      <c r="B2093" s="1"/>
      <c r="C2093">
        <v>1</v>
      </c>
      <c r="D2093" t="s">
        <v>21194</v>
      </c>
      <c r="E2093" t="s">
        <v>33321</v>
      </c>
      <c r="F2093">
        <v>2</v>
      </c>
      <c r="G2093" t="s">
        <v>2</v>
      </c>
      <c r="H2093" t="s">
        <v>21195</v>
      </c>
      <c r="I2093" t="s">
        <v>30540</v>
      </c>
    </row>
    <row r="2094" spans="1:9">
      <c r="A2094" s="1">
        <v>5.1733092949948878E-2</v>
      </c>
      <c r="B2094" s="1"/>
      <c r="C2094">
        <v>8</v>
      </c>
      <c r="D2094" t="s">
        <v>21200</v>
      </c>
      <c r="E2094" t="s">
        <v>33321</v>
      </c>
      <c r="F2094">
        <v>2</v>
      </c>
      <c r="G2094" t="s">
        <v>1</v>
      </c>
      <c r="H2094" t="s">
        <v>21201</v>
      </c>
      <c r="I2094" t="s">
        <v>30540</v>
      </c>
    </row>
    <row r="2095" spans="1:9">
      <c r="A2095" s="1">
        <v>0.75975745696813846</v>
      </c>
      <c r="B2095" s="1"/>
      <c r="C2095">
        <v>4</v>
      </c>
      <c r="D2095" t="s">
        <v>21198</v>
      </c>
      <c r="E2095" t="s">
        <v>33321</v>
      </c>
      <c r="F2095">
        <v>2</v>
      </c>
      <c r="G2095" t="s">
        <v>10</v>
      </c>
      <c r="H2095" t="s">
        <v>21199</v>
      </c>
      <c r="I2095" t="s">
        <v>30540</v>
      </c>
    </row>
    <row r="2096" spans="1:9">
      <c r="A2096" s="1">
        <v>0.36829162180412023</v>
      </c>
      <c r="B2096" s="1"/>
      <c r="C2096">
        <v>6</v>
      </c>
      <c r="D2096" t="s">
        <v>21178</v>
      </c>
      <c r="E2096" t="s">
        <v>33324</v>
      </c>
      <c r="F2096">
        <v>2</v>
      </c>
      <c r="G2096" t="s">
        <v>14</v>
      </c>
      <c r="H2096" t="s">
        <v>21179</v>
      </c>
      <c r="I2096" t="s">
        <v>30540</v>
      </c>
    </row>
    <row r="2097" spans="1:9">
      <c r="A2097" s="1">
        <v>0.22591081333468399</v>
      </c>
      <c r="B2097" s="1"/>
      <c r="C2097">
        <v>15</v>
      </c>
      <c r="D2097" t="s">
        <v>21182</v>
      </c>
      <c r="E2097" t="s">
        <v>33324</v>
      </c>
      <c r="F2097">
        <v>2</v>
      </c>
      <c r="G2097" t="s">
        <v>14</v>
      </c>
      <c r="H2097" t="s">
        <v>21183</v>
      </c>
      <c r="I2097" t="s">
        <v>30540</v>
      </c>
    </row>
    <row r="2098" spans="1:9">
      <c r="A2098" s="1">
        <v>0.66543050388690506</v>
      </c>
      <c r="B2098" s="1"/>
      <c r="C2098">
        <v>3</v>
      </c>
      <c r="D2098" t="s">
        <v>21164</v>
      </c>
      <c r="E2098" t="s">
        <v>33325</v>
      </c>
      <c r="F2098">
        <v>2</v>
      </c>
      <c r="G2098" t="s">
        <v>10</v>
      </c>
      <c r="H2098" t="s">
        <v>21165</v>
      </c>
      <c r="I2098" t="s">
        <v>30540</v>
      </c>
    </row>
    <row r="2099" spans="1:9">
      <c r="A2099" s="1">
        <v>0.81065366085747936</v>
      </c>
      <c r="B2099" s="1"/>
      <c r="C2099">
        <v>10</v>
      </c>
      <c r="D2099" t="s">
        <v>21170</v>
      </c>
      <c r="E2099" t="s">
        <v>33325</v>
      </c>
      <c r="F2099">
        <v>2</v>
      </c>
      <c r="G2099" t="s">
        <v>14</v>
      </c>
      <c r="H2099" t="s">
        <v>21171</v>
      </c>
      <c r="I2099" t="s">
        <v>30540</v>
      </c>
    </row>
    <row r="2100" spans="1:9">
      <c r="A2100" s="1">
        <v>0.21820712612482562</v>
      </c>
      <c r="B2100" s="1"/>
      <c r="C2100">
        <v>9</v>
      </c>
      <c r="D2100" t="s">
        <v>21168</v>
      </c>
      <c r="E2100" t="s">
        <v>33325</v>
      </c>
      <c r="F2100">
        <v>2</v>
      </c>
      <c r="G2100" t="s">
        <v>14</v>
      </c>
      <c r="H2100" t="s">
        <v>21169</v>
      </c>
      <c r="I2100" t="s">
        <v>30540</v>
      </c>
    </row>
    <row r="2101" spans="1:9">
      <c r="A2101" s="1">
        <v>0.76020053422753342</v>
      </c>
      <c r="B2101" s="1"/>
      <c r="C2101">
        <v>8</v>
      </c>
      <c r="D2101" t="s">
        <v>21146</v>
      </c>
      <c r="E2101" t="s">
        <v>33328</v>
      </c>
      <c r="F2101">
        <v>3</v>
      </c>
      <c r="G2101" t="s">
        <v>0</v>
      </c>
      <c r="H2101" t="s">
        <v>21147</v>
      </c>
      <c r="I2101" t="s">
        <v>30540</v>
      </c>
    </row>
    <row r="2102" spans="1:9">
      <c r="A2102" s="1">
        <v>0.29132896691312438</v>
      </c>
      <c r="B2102" s="1"/>
      <c r="C2102">
        <v>7</v>
      </c>
      <c r="D2102" t="s">
        <v>21144</v>
      </c>
      <c r="E2102" t="s">
        <v>33328</v>
      </c>
      <c r="F2102">
        <v>1</v>
      </c>
      <c r="G2102" t="s">
        <v>0</v>
      </c>
      <c r="H2102" t="s">
        <v>21145</v>
      </c>
      <c r="I2102" t="s">
        <v>30540</v>
      </c>
    </row>
    <row r="2103" spans="1:9">
      <c r="A2103" s="1">
        <v>0.44120134599575744</v>
      </c>
      <c r="B2103" s="1"/>
      <c r="C2103">
        <v>4</v>
      </c>
      <c r="D2103" t="s">
        <v>21124</v>
      </c>
      <c r="E2103" t="s">
        <v>33331</v>
      </c>
      <c r="F2103">
        <v>2</v>
      </c>
      <c r="G2103" t="s">
        <v>10</v>
      </c>
      <c r="H2103" t="s">
        <v>21125</v>
      </c>
      <c r="I2103" t="s">
        <v>30540</v>
      </c>
    </row>
    <row r="2104" spans="1:9">
      <c r="A2104" s="1">
        <v>0.25173816358922385</v>
      </c>
      <c r="B2104" s="1"/>
      <c r="C2104">
        <v>1</v>
      </c>
      <c r="D2104" t="s">
        <v>21112</v>
      </c>
      <c r="E2104" t="s">
        <v>33333</v>
      </c>
      <c r="F2104">
        <v>2</v>
      </c>
      <c r="G2104" t="s">
        <v>10</v>
      </c>
      <c r="H2104" t="s">
        <v>21113</v>
      </c>
      <c r="I2104" t="s">
        <v>30540</v>
      </c>
    </row>
    <row r="2105" spans="1:9">
      <c r="A2105" s="1">
        <v>0.19682589768408443</v>
      </c>
      <c r="B2105" s="1"/>
      <c r="C2105">
        <v>11</v>
      </c>
      <c r="D2105" t="s">
        <v>21108</v>
      </c>
      <c r="E2105" t="s">
        <v>33334</v>
      </c>
      <c r="F2105">
        <v>2</v>
      </c>
      <c r="G2105" t="s">
        <v>14</v>
      </c>
      <c r="H2105" t="s">
        <v>21109</v>
      </c>
      <c r="I2105" t="s">
        <v>30540</v>
      </c>
    </row>
    <row r="2106" spans="1:9">
      <c r="A2106" s="1">
        <v>0.26962310920156862</v>
      </c>
      <c r="B2106" s="1"/>
      <c r="C2106">
        <v>11</v>
      </c>
      <c r="D2106" t="s">
        <v>21092</v>
      </c>
      <c r="E2106" t="s">
        <v>33335</v>
      </c>
      <c r="F2106">
        <v>1</v>
      </c>
      <c r="G2106" t="s">
        <v>1</v>
      </c>
      <c r="H2106" t="s">
        <v>21093</v>
      </c>
      <c r="I2106" t="s">
        <v>30540</v>
      </c>
    </row>
    <row r="2107" spans="1:9">
      <c r="A2107" s="1">
        <v>0.14912557523997705</v>
      </c>
      <c r="B2107" s="1"/>
      <c r="C2107">
        <v>15</v>
      </c>
      <c r="D2107" t="s">
        <v>21068</v>
      </c>
      <c r="E2107" t="s">
        <v>33338</v>
      </c>
      <c r="F2107">
        <v>3</v>
      </c>
      <c r="G2107" t="s">
        <v>14</v>
      </c>
      <c r="H2107" t="s">
        <v>21069</v>
      </c>
      <c r="I2107" t="s">
        <v>30540</v>
      </c>
    </row>
    <row r="2108" spans="1:9">
      <c r="A2108" s="1">
        <v>0.4219892556238779</v>
      </c>
      <c r="B2108" s="1"/>
      <c r="C2108">
        <v>9</v>
      </c>
      <c r="D2108" t="s">
        <v>21048</v>
      </c>
      <c r="E2108" t="s">
        <v>33340</v>
      </c>
      <c r="F2108">
        <v>2</v>
      </c>
      <c r="G2108" t="s">
        <v>14</v>
      </c>
      <c r="H2108" t="s">
        <v>21049</v>
      </c>
      <c r="I2108" t="s">
        <v>30540</v>
      </c>
    </row>
    <row r="2109" spans="1:9">
      <c r="A2109" s="1">
        <v>0.9947572600867679</v>
      </c>
      <c r="B2109" s="1"/>
      <c r="C2109">
        <v>2</v>
      </c>
      <c r="D2109" t="s">
        <v>21036</v>
      </c>
      <c r="E2109" t="s">
        <v>33341</v>
      </c>
      <c r="F2109">
        <v>3</v>
      </c>
      <c r="G2109" t="s">
        <v>1</v>
      </c>
      <c r="H2109" t="s">
        <v>21037</v>
      </c>
      <c r="I2109" t="s">
        <v>30540</v>
      </c>
    </row>
    <row r="2110" spans="1:9">
      <c r="A2110" s="1">
        <v>0.89822289604593575</v>
      </c>
      <c r="B2110" s="1"/>
      <c r="C2110">
        <v>9</v>
      </c>
      <c r="D2110" t="s">
        <v>21012</v>
      </c>
      <c r="E2110" t="s">
        <v>33344</v>
      </c>
      <c r="F2110">
        <v>2</v>
      </c>
      <c r="G2110" t="s">
        <v>10</v>
      </c>
      <c r="H2110" t="s">
        <v>21013</v>
      </c>
      <c r="I2110" t="s">
        <v>30540</v>
      </c>
    </row>
    <row r="2111" spans="1:9">
      <c r="A2111" s="1">
        <v>0.25480438177569664</v>
      </c>
      <c r="B2111" s="1"/>
      <c r="C2111">
        <v>13</v>
      </c>
      <c r="D2111" t="s">
        <v>21004</v>
      </c>
      <c r="E2111" t="s">
        <v>33345</v>
      </c>
      <c r="F2111">
        <v>2</v>
      </c>
      <c r="G2111" t="s">
        <v>14</v>
      </c>
      <c r="H2111" t="s">
        <v>21005</v>
      </c>
      <c r="I2111" t="s">
        <v>30540</v>
      </c>
    </row>
    <row r="2112" spans="1:9">
      <c r="A2112" s="1">
        <v>0.14246701156628161</v>
      </c>
      <c r="B2112" s="1"/>
      <c r="C2112">
        <v>5</v>
      </c>
      <c r="D2112" t="s">
        <v>20976</v>
      </c>
      <c r="E2112" t="s">
        <v>33348</v>
      </c>
      <c r="F2112">
        <v>2</v>
      </c>
      <c r="G2112" t="s">
        <v>14</v>
      </c>
      <c r="H2112" t="s">
        <v>20977</v>
      </c>
      <c r="I2112" t="s">
        <v>30540</v>
      </c>
    </row>
    <row r="2113" spans="1:9">
      <c r="A2113" s="1">
        <v>0.81216816962593574</v>
      </c>
      <c r="B2113" s="1"/>
      <c r="C2113">
        <v>16</v>
      </c>
      <c r="D2113" t="s">
        <v>20974</v>
      </c>
      <c r="E2113" t="s">
        <v>33349</v>
      </c>
      <c r="F2113">
        <v>3</v>
      </c>
      <c r="G2113" t="s">
        <v>14</v>
      </c>
      <c r="H2113" t="s">
        <v>20975</v>
      </c>
      <c r="I2113" t="s">
        <v>30540</v>
      </c>
    </row>
    <row r="2114" spans="1:9">
      <c r="A2114" s="1">
        <v>0.78426007538297815</v>
      </c>
      <c r="B2114" s="1"/>
      <c r="C2114">
        <v>13</v>
      </c>
      <c r="D2114" t="s">
        <v>20972</v>
      </c>
      <c r="E2114" t="s">
        <v>33349</v>
      </c>
      <c r="F2114">
        <v>2</v>
      </c>
      <c r="G2114" t="s">
        <v>9</v>
      </c>
      <c r="H2114" t="s">
        <v>20973</v>
      </c>
      <c r="I2114" t="s">
        <v>30540</v>
      </c>
    </row>
    <row r="2115" spans="1:9">
      <c r="A2115" s="1">
        <v>0.70022892935051373</v>
      </c>
      <c r="B2115" s="1"/>
      <c r="C2115">
        <v>14</v>
      </c>
      <c r="D2115" t="s">
        <v>20964</v>
      </c>
      <c r="E2115" t="s">
        <v>33350</v>
      </c>
      <c r="F2115">
        <v>3</v>
      </c>
      <c r="G2115" t="s">
        <v>14</v>
      </c>
      <c r="H2115" t="s">
        <v>20965</v>
      </c>
      <c r="I2115" t="s">
        <v>30540</v>
      </c>
    </row>
    <row r="2116" spans="1:9">
      <c r="A2116" s="1">
        <v>0.48734025851599272</v>
      </c>
      <c r="B2116" s="1"/>
      <c r="C2116">
        <v>9</v>
      </c>
      <c r="D2116" t="s">
        <v>20958</v>
      </c>
      <c r="E2116" t="s">
        <v>33350</v>
      </c>
      <c r="F2116">
        <v>2</v>
      </c>
      <c r="G2116" t="s">
        <v>14</v>
      </c>
      <c r="H2116" t="s">
        <v>20959</v>
      </c>
      <c r="I2116" t="s">
        <v>30540</v>
      </c>
    </row>
    <row r="2117" spans="1:9">
      <c r="A2117" s="1">
        <v>0.36342586817558931</v>
      </c>
      <c r="B2117" s="1"/>
      <c r="C2117">
        <v>11</v>
      </c>
      <c r="D2117" t="s">
        <v>20948</v>
      </c>
      <c r="E2117" t="s">
        <v>33352</v>
      </c>
      <c r="F2117">
        <v>2</v>
      </c>
      <c r="G2117" t="s">
        <v>14</v>
      </c>
      <c r="H2117" t="s">
        <v>20949</v>
      </c>
      <c r="I2117" t="s">
        <v>30540</v>
      </c>
    </row>
    <row r="2118" spans="1:9">
      <c r="A2118" s="1">
        <v>0.8179178208508846</v>
      </c>
      <c r="B2118" s="1"/>
      <c r="C2118">
        <v>14</v>
      </c>
      <c r="D2118" t="s">
        <v>20942</v>
      </c>
      <c r="E2118" t="s">
        <v>33353</v>
      </c>
      <c r="F2118">
        <v>3</v>
      </c>
      <c r="G2118" t="s">
        <v>9</v>
      </c>
      <c r="H2118" t="s">
        <v>20943</v>
      </c>
      <c r="I2118" t="s">
        <v>30540</v>
      </c>
    </row>
    <row r="2119" spans="1:9">
      <c r="A2119" s="1">
        <v>0.66569196722833135</v>
      </c>
      <c r="B2119" s="1"/>
      <c r="C2119">
        <v>9</v>
      </c>
      <c r="D2119" t="s">
        <v>20922</v>
      </c>
      <c r="E2119" t="s">
        <v>33356</v>
      </c>
      <c r="F2119">
        <v>2</v>
      </c>
      <c r="G2119" t="s">
        <v>15</v>
      </c>
      <c r="H2119" t="s">
        <v>20923</v>
      </c>
      <c r="I2119" t="s">
        <v>30540</v>
      </c>
    </row>
    <row r="2120" spans="1:9">
      <c r="A2120" s="1">
        <v>0.67526726855038322</v>
      </c>
      <c r="B2120" s="1"/>
      <c r="C2120">
        <v>15</v>
      </c>
      <c r="D2120" t="s">
        <v>20906</v>
      </c>
      <c r="E2120" t="s">
        <v>33360</v>
      </c>
      <c r="F2120">
        <v>2</v>
      </c>
      <c r="G2120" t="s">
        <v>9</v>
      </c>
      <c r="H2120" t="s">
        <v>20907</v>
      </c>
      <c r="I2120" t="s">
        <v>30540</v>
      </c>
    </row>
    <row r="2121" spans="1:9">
      <c r="A2121" s="1">
        <v>0.55879717646992011</v>
      </c>
      <c r="B2121" s="1"/>
      <c r="C2121">
        <v>8</v>
      </c>
      <c r="D2121" t="s">
        <v>20880</v>
      </c>
      <c r="E2121" t="s">
        <v>33363</v>
      </c>
      <c r="F2121">
        <v>2</v>
      </c>
      <c r="G2121" t="s">
        <v>14</v>
      </c>
      <c r="H2121" t="s">
        <v>20881</v>
      </c>
      <c r="I2121" t="s">
        <v>30540</v>
      </c>
    </row>
    <row r="2122" spans="1:9">
      <c r="A2122" s="1">
        <v>0.80086682704975587</v>
      </c>
      <c r="B2122" s="1"/>
      <c r="C2122">
        <v>14</v>
      </c>
      <c r="D2122" t="s">
        <v>20860</v>
      </c>
      <c r="E2122" t="s">
        <v>33366</v>
      </c>
      <c r="F2122">
        <v>2</v>
      </c>
      <c r="G2122" t="s">
        <v>13</v>
      </c>
      <c r="H2122" t="s">
        <v>20861</v>
      </c>
      <c r="I2122" t="s">
        <v>30540</v>
      </c>
    </row>
    <row r="2123" spans="1:9">
      <c r="A2123" s="1">
        <v>0.57156585184959818</v>
      </c>
      <c r="B2123" s="1"/>
      <c r="C2123">
        <v>16</v>
      </c>
      <c r="D2123" t="s">
        <v>20864</v>
      </c>
      <c r="E2123" t="s">
        <v>33366</v>
      </c>
      <c r="F2123">
        <v>1</v>
      </c>
      <c r="G2123" t="s">
        <v>14</v>
      </c>
      <c r="H2123" t="s">
        <v>20865</v>
      </c>
      <c r="I2123" t="s">
        <v>30540</v>
      </c>
    </row>
    <row r="2124" spans="1:9">
      <c r="A2124" s="1">
        <v>0.93936105384418611</v>
      </c>
      <c r="B2124" s="1"/>
      <c r="C2124">
        <v>3</v>
      </c>
      <c r="D2124" t="s">
        <v>20842</v>
      </c>
      <c r="E2124" t="s">
        <v>33368</v>
      </c>
      <c r="F2124">
        <v>3</v>
      </c>
      <c r="G2124" t="s">
        <v>14</v>
      </c>
      <c r="H2124" t="s">
        <v>20843</v>
      </c>
      <c r="I2124" t="s">
        <v>30540</v>
      </c>
    </row>
    <row r="2125" spans="1:9">
      <c r="A2125" s="1">
        <v>0.64110172575640811</v>
      </c>
      <c r="B2125" s="1"/>
      <c r="C2125">
        <v>10</v>
      </c>
      <c r="D2125" t="s">
        <v>20802</v>
      </c>
      <c r="E2125" t="s">
        <v>33373</v>
      </c>
      <c r="F2125">
        <v>3</v>
      </c>
      <c r="G2125" t="s">
        <v>9</v>
      </c>
      <c r="H2125" t="s">
        <v>20803</v>
      </c>
      <c r="I2125" t="s">
        <v>30540</v>
      </c>
    </row>
    <row r="2126" spans="1:9">
      <c r="A2126" s="1">
        <v>0.86195736167853254</v>
      </c>
      <c r="B2126" s="1"/>
      <c r="C2126">
        <v>7</v>
      </c>
      <c r="D2126" t="s">
        <v>20800</v>
      </c>
      <c r="E2126" t="s">
        <v>33373</v>
      </c>
      <c r="F2126">
        <v>3</v>
      </c>
      <c r="G2126" t="s">
        <v>10</v>
      </c>
      <c r="H2126" t="s">
        <v>20801</v>
      </c>
      <c r="I2126" t="s">
        <v>30540</v>
      </c>
    </row>
    <row r="2127" spans="1:9">
      <c r="A2127" s="1">
        <v>9.7316915305193041E-2</v>
      </c>
      <c r="B2127" s="1"/>
      <c r="C2127">
        <v>12</v>
      </c>
      <c r="D2127" t="s">
        <v>20766</v>
      </c>
      <c r="E2127" t="s">
        <v>33376</v>
      </c>
      <c r="F2127">
        <v>2</v>
      </c>
      <c r="G2127" t="s">
        <v>14</v>
      </c>
      <c r="H2127" t="s">
        <v>20767</v>
      </c>
      <c r="I2127" t="s">
        <v>30540</v>
      </c>
    </row>
    <row r="2128" spans="1:9">
      <c r="A2128" s="1">
        <v>0.86039532369791982</v>
      </c>
      <c r="B2128" s="1"/>
      <c r="C2128">
        <v>15</v>
      </c>
      <c r="D2128" t="s">
        <v>20742</v>
      </c>
      <c r="E2128" t="s">
        <v>33380</v>
      </c>
      <c r="F2128">
        <v>3</v>
      </c>
      <c r="G2128" t="s">
        <v>14</v>
      </c>
      <c r="H2128" t="s">
        <v>20743</v>
      </c>
      <c r="I2128" t="s">
        <v>30540</v>
      </c>
    </row>
    <row r="2129" spans="1:9">
      <c r="A2129" s="1">
        <v>0.95439525382745061</v>
      </c>
      <c r="B2129" s="1"/>
      <c r="C2129">
        <v>14</v>
      </c>
      <c r="D2129" t="s">
        <v>20730</v>
      </c>
      <c r="E2129" t="s">
        <v>33381</v>
      </c>
      <c r="F2129">
        <v>3</v>
      </c>
      <c r="G2129" t="s">
        <v>13</v>
      </c>
      <c r="H2129" t="s">
        <v>20731</v>
      </c>
      <c r="I2129" t="s">
        <v>30540</v>
      </c>
    </row>
    <row r="2130" spans="1:9">
      <c r="A2130" s="1">
        <v>0.6377647648090794</v>
      </c>
      <c r="B2130" s="1"/>
      <c r="C2130">
        <v>4</v>
      </c>
      <c r="D2130" t="s">
        <v>20714</v>
      </c>
      <c r="E2130" t="s">
        <v>33383</v>
      </c>
      <c r="F2130">
        <v>2</v>
      </c>
      <c r="G2130" t="s">
        <v>9</v>
      </c>
      <c r="H2130" t="s">
        <v>20715</v>
      </c>
      <c r="I2130" t="s">
        <v>30540</v>
      </c>
    </row>
    <row r="2131" spans="1:9">
      <c r="A2131" s="1">
        <v>0.10362288934628927</v>
      </c>
      <c r="B2131" s="1"/>
      <c r="C2131">
        <v>11</v>
      </c>
      <c r="D2131" t="s">
        <v>20712</v>
      </c>
      <c r="E2131" t="s">
        <v>33384</v>
      </c>
      <c r="F2131">
        <v>2</v>
      </c>
      <c r="G2131" t="s">
        <v>14</v>
      </c>
      <c r="H2131" t="s">
        <v>20713</v>
      </c>
      <c r="I2131" t="s">
        <v>30540</v>
      </c>
    </row>
    <row r="2132" spans="1:9">
      <c r="A2132" s="1">
        <v>0.96789852000861809</v>
      </c>
      <c r="B2132" s="1"/>
      <c r="C2132">
        <v>11</v>
      </c>
      <c r="D2132" t="s">
        <v>20702</v>
      </c>
      <c r="E2132" t="s">
        <v>33386</v>
      </c>
      <c r="F2132">
        <v>3</v>
      </c>
      <c r="G2132" t="s">
        <v>14</v>
      </c>
      <c r="H2132" t="s">
        <v>20703</v>
      </c>
      <c r="I2132" t="s">
        <v>30540</v>
      </c>
    </row>
    <row r="2133" spans="1:9">
      <c r="A2133" s="1">
        <v>0.68406715450359812</v>
      </c>
      <c r="B2133" s="1"/>
      <c r="C2133">
        <v>16</v>
      </c>
      <c r="D2133" t="s">
        <v>20676</v>
      </c>
      <c r="E2133" t="s">
        <v>33389</v>
      </c>
      <c r="F2133">
        <v>1</v>
      </c>
      <c r="G2133" t="s">
        <v>774</v>
      </c>
      <c r="H2133" t="s">
        <v>20677</v>
      </c>
      <c r="I2133" t="s">
        <v>30540</v>
      </c>
    </row>
    <row r="2134" spans="1:9">
      <c r="A2134" s="1">
        <v>2.2559049598960046E-2</v>
      </c>
      <c r="B2134" s="1"/>
      <c r="C2134">
        <v>11</v>
      </c>
      <c r="D2134" t="s">
        <v>20662</v>
      </c>
      <c r="E2134" t="s">
        <v>33392</v>
      </c>
      <c r="F2134">
        <v>1</v>
      </c>
      <c r="G2134" t="s">
        <v>14</v>
      </c>
      <c r="H2134" t="s">
        <v>20663</v>
      </c>
      <c r="I2134" t="s">
        <v>30540</v>
      </c>
    </row>
    <row r="2135" spans="1:9">
      <c r="A2135" s="1">
        <v>0.32703063517097486</v>
      </c>
      <c r="B2135" s="1"/>
      <c r="C2135">
        <v>1</v>
      </c>
      <c r="D2135" t="s">
        <v>20650</v>
      </c>
      <c r="E2135" t="s">
        <v>33393</v>
      </c>
      <c r="F2135">
        <v>2</v>
      </c>
      <c r="G2135" t="s">
        <v>10</v>
      </c>
      <c r="H2135" t="s">
        <v>20651</v>
      </c>
      <c r="I2135" t="s">
        <v>30540</v>
      </c>
    </row>
    <row r="2136" spans="1:9">
      <c r="A2136" s="1">
        <v>0.84573936824632145</v>
      </c>
      <c r="B2136" s="1"/>
      <c r="C2136">
        <v>15</v>
      </c>
      <c r="D2136" t="s">
        <v>20646</v>
      </c>
      <c r="E2136" t="s">
        <v>33394</v>
      </c>
      <c r="F2136">
        <v>2</v>
      </c>
      <c r="G2136" t="s">
        <v>771</v>
      </c>
      <c r="H2136" t="s">
        <v>20647</v>
      </c>
      <c r="I2136" t="s">
        <v>30540</v>
      </c>
    </row>
    <row r="2137" spans="1:9">
      <c r="A2137" s="1">
        <v>0.62484590848959953</v>
      </c>
      <c r="B2137" s="1"/>
      <c r="C2137">
        <v>12</v>
      </c>
      <c r="D2137" t="s">
        <v>20626</v>
      </c>
      <c r="E2137" t="s">
        <v>33397</v>
      </c>
      <c r="F2137">
        <v>2</v>
      </c>
      <c r="G2137" t="s">
        <v>14</v>
      </c>
      <c r="H2137" t="s">
        <v>20627</v>
      </c>
      <c r="I2137" t="s">
        <v>30540</v>
      </c>
    </row>
    <row r="2138" spans="1:9">
      <c r="A2138" s="1">
        <v>0.36491767691828836</v>
      </c>
      <c r="B2138" s="1"/>
      <c r="C2138">
        <v>13</v>
      </c>
      <c r="D2138" t="s">
        <v>20620</v>
      </c>
      <c r="E2138" t="s">
        <v>33398</v>
      </c>
      <c r="F2138">
        <v>3</v>
      </c>
      <c r="G2138" t="s">
        <v>13</v>
      </c>
      <c r="H2138" t="s">
        <v>20621</v>
      </c>
      <c r="I2138" t="s">
        <v>30540</v>
      </c>
    </row>
    <row r="2139" spans="1:9">
      <c r="A2139" s="1">
        <v>0.14720312362656496</v>
      </c>
      <c r="B2139" s="1"/>
      <c r="C2139">
        <v>6</v>
      </c>
      <c r="D2139" t="s">
        <v>20588</v>
      </c>
      <c r="E2139" t="s">
        <v>33402</v>
      </c>
      <c r="F2139">
        <v>3</v>
      </c>
      <c r="G2139" t="s">
        <v>14</v>
      </c>
      <c r="H2139" t="s">
        <v>20589</v>
      </c>
      <c r="I2139" t="s">
        <v>30540</v>
      </c>
    </row>
    <row r="2140" spans="1:9">
      <c r="A2140" s="1">
        <v>0.16518838816414261</v>
      </c>
      <c r="B2140" s="1"/>
      <c r="C2140">
        <v>14</v>
      </c>
      <c r="D2140" t="s">
        <v>20586</v>
      </c>
      <c r="E2140" t="s">
        <v>33403</v>
      </c>
      <c r="F2140">
        <v>1</v>
      </c>
      <c r="G2140" t="s">
        <v>14</v>
      </c>
      <c r="H2140" t="s">
        <v>20587</v>
      </c>
      <c r="I2140" t="s">
        <v>30540</v>
      </c>
    </row>
    <row r="2141" spans="1:9">
      <c r="A2141" s="1">
        <v>0.70781262588891602</v>
      </c>
      <c r="B2141" s="1"/>
      <c r="C2141">
        <v>11</v>
      </c>
      <c r="D2141" t="s">
        <v>20564</v>
      </c>
      <c r="E2141" t="s">
        <v>33404</v>
      </c>
      <c r="F2141">
        <v>3</v>
      </c>
      <c r="G2141" t="s">
        <v>762</v>
      </c>
      <c r="H2141" t="s">
        <v>20565</v>
      </c>
      <c r="I2141" t="s">
        <v>30540</v>
      </c>
    </row>
    <row r="2142" spans="1:9">
      <c r="A2142" s="1">
        <v>0.4119441662997454</v>
      </c>
      <c r="B2142" s="1"/>
      <c r="C2142">
        <v>20</v>
      </c>
      <c r="D2142" t="s">
        <v>20570</v>
      </c>
      <c r="E2142" t="s">
        <v>33404</v>
      </c>
      <c r="F2142">
        <v>2</v>
      </c>
      <c r="G2142" t="s">
        <v>2738</v>
      </c>
      <c r="H2142" t="s">
        <v>20571</v>
      </c>
      <c r="I2142" t="s">
        <v>30540</v>
      </c>
    </row>
    <row r="2143" spans="1:9">
      <c r="A2143" s="1">
        <v>0.27905182509556647</v>
      </c>
      <c r="B2143" s="1"/>
      <c r="C2143">
        <v>4</v>
      </c>
      <c r="D2143" t="s">
        <v>20556</v>
      </c>
      <c r="E2143" t="s">
        <v>33405</v>
      </c>
      <c r="F2143">
        <v>2</v>
      </c>
      <c r="G2143" t="s">
        <v>1</v>
      </c>
      <c r="H2143" t="s">
        <v>20557</v>
      </c>
      <c r="I2143" t="s">
        <v>30540</v>
      </c>
    </row>
    <row r="2144" spans="1:9">
      <c r="A2144" s="1">
        <v>0.35521634677254987</v>
      </c>
      <c r="B2144" s="1"/>
      <c r="C2144">
        <v>7</v>
      </c>
      <c r="D2144" t="s">
        <v>20542</v>
      </c>
      <c r="E2144" t="s">
        <v>33407</v>
      </c>
      <c r="F2144">
        <v>2</v>
      </c>
      <c r="G2144" t="s">
        <v>15</v>
      </c>
      <c r="H2144" t="s">
        <v>20543</v>
      </c>
      <c r="I2144" t="s">
        <v>30540</v>
      </c>
    </row>
    <row r="2145" spans="1:9">
      <c r="A2145" s="1">
        <v>0.2148649154485146</v>
      </c>
      <c r="B2145" s="1"/>
      <c r="C2145">
        <v>7</v>
      </c>
      <c r="D2145" t="s">
        <v>20538</v>
      </c>
      <c r="E2145" t="s">
        <v>33408</v>
      </c>
      <c r="F2145">
        <v>2</v>
      </c>
      <c r="G2145" t="s">
        <v>14</v>
      </c>
      <c r="H2145" t="s">
        <v>20539</v>
      </c>
      <c r="I2145" t="s">
        <v>30540</v>
      </c>
    </row>
    <row r="2146" spans="1:9">
      <c r="A2146" s="1">
        <v>0.72309623360354591</v>
      </c>
      <c r="B2146" s="1"/>
      <c r="C2146">
        <v>6</v>
      </c>
      <c r="D2146" t="s">
        <v>20536</v>
      </c>
      <c r="E2146" t="s">
        <v>33408</v>
      </c>
      <c r="F2146">
        <v>2</v>
      </c>
      <c r="G2146" t="s">
        <v>14</v>
      </c>
      <c r="H2146" t="s">
        <v>20537</v>
      </c>
      <c r="I2146" t="s">
        <v>30540</v>
      </c>
    </row>
    <row r="2147" spans="1:9">
      <c r="A2147" s="1">
        <v>0.4154219353815376</v>
      </c>
      <c r="B2147" s="1"/>
      <c r="C2147">
        <v>10</v>
      </c>
      <c r="D2147" t="s">
        <v>20540</v>
      </c>
      <c r="E2147" t="s">
        <v>33408</v>
      </c>
      <c r="F2147">
        <v>1</v>
      </c>
      <c r="G2147" t="s">
        <v>14</v>
      </c>
      <c r="H2147" t="s">
        <v>20541</v>
      </c>
      <c r="I2147" t="s">
        <v>30540</v>
      </c>
    </row>
    <row r="2148" spans="1:9">
      <c r="A2148" s="1">
        <v>1.6639578008502243E-2</v>
      </c>
      <c r="B2148" s="1"/>
      <c r="C2148">
        <v>6</v>
      </c>
      <c r="D2148" t="s">
        <v>20524</v>
      </c>
      <c r="E2148" t="s">
        <v>33410</v>
      </c>
      <c r="F2148">
        <v>3</v>
      </c>
      <c r="G2148" t="s">
        <v>14</v>
      </c>
      <c r="H2148" t="s">
        <v>20525</v>
      </c>
      <c r="I2148" t="s">
        <v>30540</v>
      </c>
    </row>
    <row r="2149" spans="1:9">
      <c r="A2149" s="1">
        <v>0.54470141980577691</v>
      </c>
      <c r="B2149" s="1"/>
      <c r="C2149">
        <v>11</v>
      </c>
      <c r="D2149" t="s">
        <v>20520</v>
      </c>
      <c r="E2149" t="s">
        <v>33411</v>
      </c>
      <c r="F2149">
        <v>2</v>
      </c>
      <c r="G2149" t="s">
        <v>1</v>
      </c>
      <c r="H2149" t="s">
        <v>20521</v>
      </c>
      <c r="I2149" t="s">
        <v>30540</v>
      </c>
    </row>
    <row r="2150" spans="1:9">
      <c r="A2150" s="1">
        <v>4.2296825615953604E-2</v>
      </c>
      <c r="B2150" s="1"/>
      <c r="C2150">
        <v>4</v>
      </c>
      <c r="D2150" t="s">
        <v>20506</v>
      </c>
      <c r="E2150" t="s">
        <v>33412</v>
      </c>
      <c r="F2150">
        <v>2</v>
      </c>
      <c r="G2150" t="s">
        <v>14</v>
      </c>
      <c r="H2150" t="s">
        <v>20507</v>
      </c>
      <c r="I2150" t="s">
        <v>30540</v>
      </c>
    </row>
    <row r="2151" spans="1:9">
      <c r="A2151" s="1">
        <v>0.93720833987025587</v>
      </c>
      <c r="B2151" s="1"/>
      <c r="C2151">
        <v>8</v>
      </c>
      <c r="D2151" t="s">
        <v>20498</v>
      </c>
      <c r="E2151" t="s">
        <v>33413</v>
      </c>
      <c r="F2151">
        <v>3</v>
      </c>
      <c r="G2151" t="s">
        <v>0</v>
      </c>
      <c r="H2151" t="s">
        <v>20499</v>
      </c>
      <c r="I2151" t="s">
        <v>30540</v>
      </c>
    </row>
    <row r="2152" spans="1:9">
      <c r="A2152" s="1">
        <v>0.19924323565735547</v>
      </c>
      <c r="B2152" s="1"/>
      <c r="C2152">
        <v>6</v>
      </c>
      <c r="D2152" t="s">
        <v>20496</v>
      </c>
      <c r="E2152" t="s">
        <v>33413</v>
      </c>
      <c r="F2152">
        <v>3</v>
      </c>
      <c r="G2152" t="s">
        <v>13</v>
      </c>
      <c r="H2152" t="s">
        <v>20497</v>
      </c>
      <c r="I2152" t="s">
        <v>30540</v>
      </c>
    </row>
    <row r="2153" spans="1:9">
      <c r="A2153" s="1">
        <v>0.96049879839652919</v>
      </c>
      <c r="B2153" s="1"/>
      <c r="C2153">
        <v>9</v>
      </c>
      <c r="D2153" t="s">
        <v>20492</v>
      </c>
      <c r="E2153" t="s">
        <v>33414</v>
      </c>
      <c r="F2153">
        <v>3</v>
      </c>
      <c r="G2153" t="s">
        <v>762</v>
      </c>
      <c r="H2153" t="s">
        <v>20493</v>
      </c>
      <c r="I2153" t="s">
        <v>30540</v>
      </c>
    </row>
    <row r="2154" spans="1:9">
      <c r="A2154" s="1">
        <v>0.21233847794515592</v>
      </c>
      <c r="B2154" s="1"/>
      <c r="C2154">
        <v>7</v>
      </c>
      <c r="D2154" t="s">
        <v>20490</v>
      </c>
      <c r="E2154" t="s">
        <v>33414</v>
      </c>
      <c r="F2154">
        <v>2</v>
      </c>
      <c r="G2154" t="s">
        <v>14</v>
      </c>
      <c r="H2154" t="s">
        <v>20491</v>
      </c>
      <c r="I2154" t="s">
        <v>30540</v>
      </c>
    </row>
    <row r="2155" spans="1:9">
      <c r="A2155" s="1">
        <v>0.94083248511187201</v>
      </c>
      <c r="B2155" s="1"/>
      <c r="C2155">
        <v>12</v>
      </c>
      <c r="D2155" t="s">
        <v>20480</v>
      </c>
      <c r="E2155" t="s">
        <v>33415</v>
      </c>
      <c r="F2155">
        <v>1</v>
      </c>
      <c r="G2155" t="s">
        <v>13</v>
      </c>
      <c r="H2155" t="s">
        <v>20481</v>
      </c>
      <c r="I2155" t="s">
        <v>30540</v>
      </c>
    </row>
    <row r="2156" spans="1:9">
      <c r="A2156" s="1">
        <v>0.8780657383257312</v>
      </c>
      <c r="B2156" s="1"/>
      <c r="C2156">
        <v>7</v>
      </c>
      <c r="D2156" t="s">
        <v>20444</v>
      </c>
      <c r="E2156" t="s">
        <v>33420</v>
      </c>
      <c r="F2156">
        <v>2</v>
      </c>
      <c r="G2156" t="s">
        <v>14</v>
      </c>
      <c r="H2156" t="s">
        <v>20445</v>
      </c>
      <c r="I2156" t="s">
        <v>30540</v>
      </c>
    </row>
    <row r="2157" spans="1:9">
      <c r="A2157" s="1">
        <v>3.2496124301408802E-2</v>
      </c>
      <c r="B2157" s="1"/>
      <c r="C2157">
        <v>6</v>
      </c>
      <c r="D2157" t="s">
        <v>20422</v>
      </c>
      <c r="E2157" t="s">
        <v>33424</v>
      </c>
      <c r="F2157">
        <v>2</v>
      </c>
      <c r="G2157" t="s">
        <v>14</v>
      </c>
      <c r="H2157" t="s">
        <v>20423</v>
      </c>
      <c r="I2157" t="s">
        <v>30540</v>
      </c>
    </row>
    <row r="2158" spans="1:9">
      <c r="A2158" s="1">
        <v>0.10333898765486782</v>
      </c>
      <c r="B2158" s="1"/>
      <c r="C2158">
        <v>9</v>
      </c>
      <c r="D2158" t="s">
        <v>20420</v>
      </c>
      <c r="E2158" t="s">
        <v>33425</v>
      </c>
      <c r="F2158">
        <v>2</v>
      </c>
      <c r="G2158" t="s">
        <v>14</v>
      </c>
      <c r="H2158" t="s">
        <v>20421</v>
      </c>
      <c r="I2158" t="s">
        <v>30540</v>
      </c>
    </row>
    <row r="2159" spans="1:9">
      <c r="A2159" s="1">
        <v>0.27137854807240791</v>
      </c>
      <c r="B2159" s="1"/>
      <c r="C2159">
        <v>5</v>
      </c>
      <c r="D2159" t="s">
        <v>20414</v>
      </c>
      <c r="E2159" t="s">
        <v>33426</v>
      </c>
      <c r="F2159">
        <v>2</v>
      </c>
      <c r="G2159" t="s">
        <v>762</v>
      </c>
      <c r="H2159" t="s">
        <v>20415</v>
      </c>
      <c r="I2159" t="s">
        <v>30540</v>
      </c>
    </row>
    <row r="2160" spans="1:9">
      <c r="A2160" s="1">
        <v>0.74510650939322465</v>
      </c>
      <c r="B2160" s="1"/>
      <c r="C2160">
        <v>14</v>
      </c>
      <c r="D2160" t="s">
        <v>20400</v>
      </c>
      <c r="E2160" t="s">
        <v>33428</v>
      </c>
      <c r="F2160">
        <v>2</v>
      </c>
      <c r="G2160" t="s">
        <v>14</v>
      </c>
      <c r="H2160" t="s">
        <v>20401</v>
      </c>
      <c r="I2160" t="s">
        <v>30540</v>
      </c>
    </row>
    <row r="2161" spans="1:9">
      <c r="A2161" s="1">
        <v>0.59124143656476158</v>
      </c>
      <c r="B2161" s="1"/>
      <c r="C2161">
        <v>16</v>
      </c>
      <c r="D2161" t="s">
        <v>20390</v>
      </c>
      <c r="E2161" t="s">
        <v>33430</v>
      </c>
      <c r="F2161">
        <v>2</v>
      </c>
      <c r="G2161" t="s">
        <v>14</v>
      </c>
      <c r="H2161" t="s">
        <v>20391</v>
      </c>
      <c r="I2161" t="s">
        <v>30540</v>
      </c>
    </row>
    <row r="2162" spans="1:9">
      <c r="A2162" s="1">
        <v>0.83645908894425014</v>
      </c>
      <c r="B2162" s="1"/>
      <c r="C2162">
        <v>16</v>
      </c>
      <c r="D2162" t="s">
        <v>20372</v>
      </c>
      <c r="E2162" t="s">
        <v>33432</v>
      </c>
      <c r="F2162">
        <v>2</v>
      </c>
      <c r="G2162" t="s">
        <v>10</v>
      </c>
      <c r="H2162" t="s">
        <v>20373</v>
      </c>
      <c r="I2162" t="s">
        <v>30540</v>
      </c>
    </row>
    <row r="2163" spans="1:9">
      <c r="A2163" s="1">
        <v>0.45711676262546885</v>
      </c>
      <c r="B2163" s="1"/>
      <c r="C2163">
        <v>11</v>
      </c>
      <c r="D2163" t="s">
        <v>20356</v>
      </c>
      <c r="E2163" t="s">
        <v>33434</v>
      </c>
      <c r="F2163">
        <v>2</v>
      </c>
      <c r="G2163" t="s">
        <v>14</v>
      </c>
      <c r="H2163" t="s">
        <v>20357</v>
      </c>
      <c r="I2163" t="s">
        <v>30540</v>
      </c>
    </row>
    <row r="2164" spans="1:9">
      <c r="A2164" s="1">
        <v>0.73853804745330054</v>
      </c>
      <c r="B2164" s="1"/>
      <c r="C2164">
        <v>10</v>
      </c>
      <c r="D2164" t="s">
        <v>20354</v>
      </c>
      <c r="E2164" t="s">
        <v>33434</v>
      </c>
      <c r="F2164">
        <v>2</v>
      </c>
      <c r="G2164" t="s">
        <v>14</v>
      </c>
      <c r="H2164" t="s">
        <v>20355</v>
      </c>
      <c r="I2164" t="s">
        <v>30540</v>
      </c>
    </row>
    <row r="2165" spans="1:9">
      <c r="A2165" s="1">
        <v>0.22435905648857035</v>
      </c>
      <c r="B2165" s="1"/>
      <c r="C2165">
        <v>2</v>
      </c>
      <c r="D2165" t="s">
        <v>20336</v>
      </c>
      <c r="E2165" t="s">
        <v>33436</v>
      </c>
      <c r="F2165">
        <v>3</v>
      </c>
      <c r="G2165" t="s">
        <v>1431</v>
      </c>
      <c r="H2165" t="s">
        <v>20337</v>
      </c>
      <c r="I2165" t="s">
        <v>30540</v>
      </c>
    </row>
    <row r="2166" spans="1:9">
      <c r="A2166" s="1">
        <v>0.75514625622520581</v>
      </c>
      <c r="B2166" s="1"/>
      <c r="C2166">
        <v>13</v>
      </c>
      <c r="D2166" t="s">
        <v>20330</v>
      </c>
      <c r="E2166" t="s">
        <v>33438</v>
      </c>
      <c r="F2166">
        <v>3</v>
      </c>
      <c r="G2166" t="s">
        <v>10</v>
      </c>
      <c r="H2166" t="s">
        <v>20331</v>
      </c>
      <c r="I2166" t="s">
        <v>30540</v>
      </c>
    </row>
    <row r="2167" spans="1:9">
      <c r="A2167" s="1">
        <v>0.38800841092077965</v>
      </c>
      <c r="B2167" s="1"/>
      <c r="C2167">
        <v>14</v>
      </c>
      <c r="D2167" t="s">
        <v>20310</v>
      </c>
      <c r="E2167" t="s">
        <v>33441</v>
      </c>
      <c r="F2167">
        <v>2</v>
      </c>
      <c r="G2167" t="s">
        <v>1431</v>
      </c>
      <c r="H2167" t="s">
        <v>20311</v>
      </c>
      <c r="I2167" t="s">
        <v>30540</v>
      </c>
    </row>
    <row r="2168" spans="1:9">
      <c r="A2168" s="1">
        <v>0.30523424620540784</v>
      </c>
      <c r="B2168" s="1"/>
      <c r="C2168">
        <v>6</v>
      </c>
      <c r="D2168" t="s">
        <v>20304</v>
      </c>
      <c r="E2168" t="s">
        <v>33442</v>
      </c>
      <c r="F2168">
        <v>3</v>
      </c>
      <c r="G2168" t="s">
        <v>14</v>
      </c>
      <c r="H2168" t="s">
        <v>20305</v>
      </c>
      <c r="I2168" t="s">
        <v>30540</v>
      </c>
    </row>
    <row r="2169" spans="1:9">
      <c r="A2169" s="1">
        <v>0.84746032713137198</v>
      </c>
      <c r="B2169" s="1"/>
      <c r="C2169">
        <v>7</v>
      </c>
      <c r="D2169" t="s">
        <v>20298</v>
      </c>
      <c r="E2169" t="s">
        <v>33443</v>
      </c>
      <c r="F2169">
        <v>2</v>
      </c>
      <c r="G2169" t="s">
        <v>14</v>
      </c>
      <c r="H2169" t="s">
        <v>20299</v>
      </c>
      <c r="I2169" t="s">
        <v>30540</v>
      </c>
    </row>
    <row r="2170" spans="1:9">
      <c r="A2170" s="1">
        <v>0.90427324732024628</v>
      </c>
      <c r="B2170" s="1"/>
      <c r="C2170">
        <v>10</v>
      </c>
      <c r="D2170" t="s">
        <v>20294</v>
      </c>
      <c r="E2170" t="s">
        <v>33444</v>
      </c>
      <c r="F2170">
        <v>2</v>
      </c>
      <c r="G2170" t="s">
        <v>14</v>
      </c>
      <c r="H2170" t="s">
        <v>20295</v>
      </c>
      <c r="I2170" t="s">
        <v>30540</v>
      </c>
    </row>
    <row r="2171" spans="1:9">
      <c r="A2171" s="1">
        <v>0.58432838848705948</v>
      </c>
      <c r="B2171" s="1"/>
      <c r="C2171">
        <v>9</v>
      </c>
      <c r="D2171" t="s">
        <v>20286</v>
      </c>
      <c r="E2171" t="s">
        <v>33445</v>
      </c>
      <c r="F2171">
        <v>3</v>
      </c>
      <c r="G2171" t="s">
        <v>9</v>
      </c>
      <c r="H2171" t="s">
        <v>20287</v>
      </c>
      <c r="I2171" t="s">
        <v>30540</v>
      </c>
    </row>
    <row r="2172" spans="1:9">
      <c r="A2172" s="1">
        <v>0.91043725685508792</v>
      </c>
      <c r="B2172" s="1"/>
      <c r="C2172">
        <v>4</v>
      </c>
      <c r="D2172" t="s">
        <v>20284</v>
      </c>
      <c r="E2172" t="s">
        <v>33445</v>
      </c>
      <c r="F2172">
        <v>3</v>
      </c>
      <c r="G2172" t="s">
        <v>14</v>
      </c>
      <c r="H2172" t="s">
        <v>20285</v>
      </c>
      <c r="I2172" t="s">
        <v>30540</v>
      </c>
    </row>
    <row r="2173" spans="1:9">
      <c r="A2173" s="1">
        <v>8.9229750642933703E-2</v>
      </c>
      <c r="B2173" s="1"/>
      <c r="C2173">
        <v>13</v>
      </c>
      <c r="D2173" t="s">
        <v>20276</v>
      </c>
      <c r="E2173" t="s">
        <v>33446</v>
      </c>
      <c r="F2173">
        <v>3</v>
      </c>
      <c r="G2173" t="s">
        <v>762</v>
      </c>
      <c r="H2173" t="s">
        <v>20277</v>
      </c>
      <c r="I2173" t="s">
        <v>30540</v>
      </c>
    </row>
    <row r="2174" spans="1:9">
      <c r="A2174" s="1">
        <v>0.76681677338563337</v>
      </c>
      <c r="B2174" s="1"/>
      <c r="C2174">
        <v>3</v>
      </c>
      <c r="D2174" t="s">
        <v>20274</v>
      </c>
      <c r="E2174" t="s">
        <v>33446</v>
      </c>
      <c r="F2174">
        <v>2</v>
      </c>
      <c r="G2174" t="s">
        <v>766</v>
      </c>
      <c r="H2174" t="s">
        <v>20275</v>
      </c>
      <c r="I2174" t="s">
        <v>30540</v>
      </c>
    </row>
    <row r="2175" spans="1:9">
      <c r="A2175" s="1">
        <v>0.53703966037117556</v>
      </c>
      <c r="B2175" s="1"/>
      <c r="C2175">
        <v>11</v>
      </c>
      <c r="D2175" t="s">
        <v>20270</v>
      </c>
      <c r="E2175" t="s">
        <v>33447</v>
      </c>
      <c r="F2175">
        <v>3</v>
      </c>
      <c r="G2175" t="s">
        <v>14</v>
      </c>
      <c r="H2175" t="s">
        <v>20271</v>
      </c>
      <c r="I2175" t="s">
        <v>30540</v>
      </c>
    </row>
    <row r="2176" spans="1:9">
      <c r="A2176" s="1">
        <v>0.50546950690556669</v>
      </c>
      <c r="B2176" s="1"/>
      <c r="C2176">
        <v>13</v>
      </c>
      <c r="D2176" t="s">
        <v>20264</v>
      </c>
      <c r="E2176" t="s">
        <v>33448</v>
      </c>
      <c r="F2176">
        <v>3</v>
      </c>
      <c r="G2176" t="s">
        <v>1</v>
      </c>
      <c r="H2176" t="s">
        <v>20265</v>
      </c>
      <c r="I2176" t="s">
        <v>30540</v>
      </c>
    </row>
    <row r="2177" spans="1:9">
      <c r="A2177" s="1">
        <v>0.27528790846348183</v>
      </c>
      <c r="B2177" s="1"/>
      <c r="C2177">
        <v>7</v>
      </c>
      <c r="D2177" t="s">
        <v>20260</v>
      </c>
      <c r="E2177" t="s">
        <v>33448</v>
      </c>
      <c r="F2177">
        <v>2</v>
      </c>
      <c r="G2177" t="s">
        <v>1</v>
      </c>
      <c r="H2177" t="s">
        <v>20261</v>
      </c>
      <c r="I2177" t="s">
        <v>30540</v>
      </c>
    </row>
    <row r="2178" spans="1:9">
      <c r="A2178" s="1">
        <v>0.15724188355856805</v>
      </c>
      <c r="B2178" s="1"/>
      <c r="C2178">
        <v>12</v>
      </c>
      <c r="D2178" t="s">
        <v>20254</v>
      </c>
      <c r="E2178" t="s">
        <v>33449</v>
      </c>
      <c r="F2178">
        <v>2</v>
      </c>
      <c r="G2178" t="s">
        <v>14</v>
      </c>
      <c r="H2178" t="s">
        <v>20255</v>
      </c>
      <c r="I2178" t="s">
        <v>30540</v>
      </c>
    </row>
    <row r="2179" spans="1:9">
      <c r="A2179" s="1">
        <v>0.55130108000167266</v>
      </c>
      <c r="B2179" s="1"/>
      <c r="C2179">
        <v>6</v>
      </c>
      <c r="D2179" t="s">
        <v>20248</v>
      </c>
      <c r="E2179" t="s">
        <v>33449</v>
      </c>
      <c r="F2179">
        <v>1</v>
      </c>
      <c r="G2179" t="s">
        <v>13</v>
      </c>
      <c r="H2179" t="s">
        <v>20249</v>
      </c>
      <c r="I2179" t="s">
        <v>30540</v>
      </c>
    </row>
    <row r="2180" spans="1:9">
      <c r="A2180" s="1">
        <v>0.17691269003746524</v>
      </c>
      <c r="B2180" s="1"/>
      <c r="C2180">
        <v>12</v>
      </c>
      <c r="D2180" t="s">
        <v>20226</v>
      </c>
      <c r="E2180" t="s">
        <v>33452</v>
      </c>
      <c r="F2180">
        <v>2</v>
      </c>
      <c r="G2180" t="s">
        <v>1</v>
      </c>
      <c r="H2180" t="s">
        <v>20227</v>
      </c>
      <c r="I2180" t="s">
        <v>30540</v>
      </c>
    </row>
    <row r="2181" spans="1:9">
      <c r="A2181" s="1">
        <v>0.33253191202465437</v>
      </c>
      <c r="B2181" s="1"/>
      <c r="C2181">
        <v>6</v>
      </c>
      <c r="D2181" t="s">
        <v>20202</v>
      </c>
      <c r="E2181" t="s">
        <v>33454</v>
      </c>
      <c r="F2181">
        <v>2</v>
      </c>
      <c r="G2181" t="s">
        <v>14</v>
      </c>
      <c r="H2181" t="s">
        <v>20203</v>
      </c>
      <c r="I2181" t="s">
        <v>30540</v>
      </c>
    </row>
    <row r="2182" spans="1:9">
      <c r="A2182" s="1">
        <v>0.44591129440972699</v>
      </c>
      <c r="B2182" s="1"/>
      <c r="C2182">
        <v>11</v>
      </c>
      <c r="D2182" t="s">
        <v>20186</v>
      </c>
      <c r="E2182" t="s">
        <v>33456</v>
      </c>
      <c r="F2182">
        <v>1</v>
      </c>
      <c r="G2182" t="s">
        <v>762</v>
      </c>
      <c r="H2182" t="s">
        <v>20187</v>
      </c>
      <c r="I2182" t="s">
        <v>30540</v>
      </c>
    </row>
    <row r="2183" spans="1:9">
      <c r="A2183" s="1">
        <v>0.49747345149783717</v>
      </c>
      <c r="B2183" s="1"/>
      <c r="C2183">
        <v>16</v>
      </c>
      <c r="D2183" t="s">
        <v>20182</v>
      </c>
      <c r="E2183" t="s">
        <v>33457</v>
      </c>
      <c r="F2183">
        <v>3</v>
      </c>
      <c r="G2183" t="s">
        <v>13</v>
      </c>
      <c r="H2183" t="s">
        <v>20183</v>
      </c>
      <c r="I2183" t="s">
        <v>30540</v>
      </c>
    </row>
    <row r="2184" spans="1:9">
      <c r="A2184" s="1">
        <v>0.68456527573195614</v>
      </c>
      <c r="B2184" s="1"/>
      <c r="C2184">
        <v>5</v>
      </c>
      <c r="D2184" t="s">
        <v>20178</v>
      </c>
      <c r="E2184" t="s">
        <v>33457</v>
      </c>
      <c r="F2184">
        <v>2</v>
      </c>
      <c r="G2184" t="s">
        <v>14</v>
      </c>
      <c r="H2184" t="s">
        <v>20179</v>
      </c>
      <c r="I2184" t="s">
        <v>30540</v>
      </c>
    </row>
    <row r="2185" spans="1:9">
      <c r="A2185" s="1">
        <v>0.55139793475503762</v>
      </c>
      <c r="B2185" s="1"/>
      <c r="C2185">
        <v>6</v>
      </c>
      <c r="D2185" t="s">
        <v>20164</v>
      </c>
      <c r="E2185" t="s">
        <v>33460</v>
      </c>
      <c r="F2185">
        <v>3</v>
      </c>
      <c r="G2185" t="s">
        <v>14</v>
      </c>
      <c r="H2185" t="s">
        <v>20165</v>
      </c>
      <c r="I2185" t="s">
        <v>30540</v>
      </c>
    </row>
    <row r="2186" spans="1:9">
      <c r="A2186" s="1">
        <v>0.91772398657526966</v>
      </c>
      <c r="B2186" s="1"/>
      <c r="C2186">
        <v>1</v>
      </c>
      <c r="D2186" t="s">
        <v>20162</v>
      </c>
      <c r="E2186" t="s">
        <v>33460</v>
      </c>
      <c r="F2186">
        <v>2</v>
      </c>
      <c r="G2186" t="s">
        <v>10</v>
      </c>
      <c r="H2186" t="s">
        <v>20163</v>
      </c>
      <c r="I2186" t="s">
        <v>30540</v>
      </c>
    </row>
    <row r="2187" spans="1:9">
      <c r="A2187" s="1">
        <v>0.69764924759137337</v>
      </c>
      <c r="B2187" s="1"/>
      <c r="C2187">
        <v>20</v>
      </c>
      <c r="D2187" t="s">
        <v>20160</v>
      </c>
      <c r="E2187" t="s">
        <v>33461</v>
      </c>
      <c r="F2187">
        <v>1</v>
      </c>
      <c r="G2187" t="s">
        <v>762</v>
      </c>
      <c r="H2187" t="s">
        <v>20161</v>
      </c>
      <c r="I2187" t="s">
        <v>30540</v>
      </c>
    </row>
    <row r="2188" spans="1:9">
      <c r="A2188" s="1">
        <v>0.5864959396888888</v>
      </c>
      <c r="B2188" s="1"/>
      <c r="C2188">
        <v>2</v>
      </c>
      <c r="D2188" t="s">
        <v>20136</v>
      </c>
      <c r="E2188" t="s">
        <v>33464</v>
      </c>
      <c r="F2188">
        <v>1</v>
      </c>
      <c r="G2188" t="s">
        <v>2</v>
      </c>
      <c r="H2188" t="s">
        <v>20137</v>
      </c>
      <c r="I2188" t="s">
        <v>30540</v>
      </c>
    </row>
    <row r="2189" spans="1:9">
      <c r="A2189" s="1">
        <v>0.64041629565295211</v>
      </c>
      <c r="B2189" s="1"/>
      <c r="C2189">
        <v>6</v>
      </c>
      <c r="D2189" t="s">
        <v>20130</v>
      </c>
      <c r="E2189" t="s">
        <v>33465</v>
      </c>
      <c r="F2189">
        <v>3</v>
      </c>
      <c r="G2189" t="s">
        <v>14</v>
      </c>
      <c r="H2189" t="s">
        <v>20131</v>
      </c>
      <c r="I2189" t="s">
        <v>30540</v>
      </c>
    </row>
    <row r="2190" spans="1:9">
      <c r="A2190" s="1">
        <v>0.33618211355347527</v>
      </c>
      <c r="B2190" s="1"/>
      <c r="C2190">
        <v>8</v>
      </c>
      <c r="D2190" t="s">
        <v>20132</v>
      </c>
      <c r="E2190" t="s">
        <v>33465</v>
      </c>
      <c r="F2190">
        <v>3</v>
      </c>
      <c r="G2190" t="s">
        <v>14</v>
      </c>
      <c r="H2190" t="s">
        <v>20133</v>
      </c>
      <c r="I2190" t="s">
        <v>30540</v>
      </c>
    </row>
    <row r="2191" spans="1:9">
      <c r="A2191" s="1">
        <v>0.83647602649406194</v>
      </c>
      <c r="B2191" s="1"/>
      <c r="C2191">
        <v>16</v>
      </c>
      <c r="D2191" t="s">
        <v>20126</v>
      </c>
      <c r="E2191" t="s">
        <v>33466</v>
      </c>
      <c r="F2191">
        <v>2</v>
      </c>
      <c r="G2191" t="s">
        <v>1431</v>
      </c>
      <c r="H2191" t="s">
        <v>20127</v>
      </c>
      <c r="I2191" t="s">
        <v>30540</v>
      </c>
    </row>
    <row r="2192" spans="1:9">
      <c r="A2192" s="1">
        <v>0.79793077276785696</v>
      </c>
      <c r="B2192" s="1"/>
      <c r="C2192">
        <v>13</v>
      </c>
      <c r="D2192" t="s">
        <v>20124</v>
      </c>
      <c r="E2192" t="s">
        <v>33466</v>
      </c>
      <c r="F2192">
        <v>2</v>
      </c>
      <c r="G2192" t="s">
        <v>14</v>
      </c>
      <c r="H2192" t="s">
        <v>20125</v>
      </c>
      <c r="I2192" t="s">
        <v>30540</v>
      </c>
    </row>
    <row r="2193" spans="1:9">
      <c r="A2193" s="1">
        <v>3.324232730228438E-2</v>
      </c>
      <c r="B2193" s="1"/>
      <c r="C2193">
        <v>14</v>
      </c>
      <c r="D2193" t="s">
        <v>20100</v>
      </c>
      <c r="E2193" t="s">
        <v>33469</v>
      </c>
      <c r="F2193">
        <v>2</v>
      </c>
      <c r="G2193" t="s">
        <v>14</v>
      </c>
      <c r="H2193" t="s">
        <v>20101</v>
      </c>
      <c r="I2193" t="s">
        <v>30540</v>
      </c>
    </row>
    <row r="2194" spans="1:9">
      <c r="A2194" s="1">
        <v>0.83980019799216765</v>
      </c>
      <c r="B2194" s="1"/>
      <c r="C2194">
        <v>6</v>
      </c>
      <c r="D2194" t="s">
        <v>20086</v>
      </c>
      <c r="E2194" t="s">
        <v>33470</v>
      </c>
      <c r="F2194">
        <v>3</v>
      </c>
      <c r="G2194" t="s">
        <v>0</v>
      </c>
      <c r="H2194" t="s">
        <v>20087</v>
      </c>
      <c r="I2194" t="s">
        <v>30540</v>
      </c>
    </row>
    <row r="2195" spans="1:9">
      <c r="A2195" s="1">
        <v>0.77190145635644936</v>
      </c>
      <c r="B2195" s="1"/>
      <c r="C2195">
        <v>9</v>
      </c>
      <c r="D2195" t="s">
        <v>20068</v>
      </c>
      <c r="E2195" t="s">
        <v>33474</v>
      </c>
      <c r="F2195">
        <v>2</v>
      </c>
      <c r="G2195" t="s">
        <v>1</v>
      </c>
      <c r="H2195" t="s">
        <v>20069</v>
      </c>
      <c r="I2195" t="s">
        <v>30540</v>
      </c>
    </row>
    <row r="2196" spans="1:9">
      <c r="A2196" s="1">
        <v>0.41493365648553615</v>
      </c>
      <c r="B2196" s="1"/>
      <c r="C2196">
        <v>18</v>
      </c>
      <c r="D2196" t="s">
        <v>20052</v>
      </c>
      <c r="E2196" t="s">
        <v>33476</v>
      </c>
      <c r="F2196">
        <v>3</v>
      </c>
      <c r="G2196" t="s">
        <v>14</v>
      </c>
      <c r="H2196" t="s">
        <v>20053</v>
      </c>
      <c r="I2196" t="s">
        <v>30540</v>
      </c>
    </row>
    <row r="2197" spans="1:9">
      <c r="A2197" s="1">
        <v>0.56863556108904356</v>
      </c>
      <c r="B2197" s="1"/>
      <c r="C2197">
        <v>13</v>
      </c>
      <c r="D2197" t="s">
        <v>20044</v>
      </c>
      <c r="E2197" t="s">
        <v>33477</v>
      </c>
      <c r="F2197">
        <v>2</v>
      </c>
      <c r="G2197" t="s">
        <v>14</v>
      </c>
      <c r="H2197" t="s">
        <v>20045</v>
      </c>
      <c r="I2197" t="s">
        <v>30540</v>
      </c>
    </row>
    <row r="2198" spans="1:9">
      <c r="A2198" s="1">
        <v>0.8267762482965817</v>
      </c>
      <c r="B2198" s="1"/>
      <c r="C2198">
        <v>7</v>
      </c>
      <c r="D2198" t="s">
        <v>20032</v>
      </c>
      <c r="E2198" t="s">
        <v>33478</v>
      </c>
      <c r="F2198">
        <v>2</v>
      </c>
      <c r="G2198" t="s">
        <v>14</v>
      </c>
      <c r="H2198" t="s">
        <v>20033</v>
      </c>
      <c r="I2198" t="s">
        <v>30540</v>
      </c>
    </row>
    <row r="2199" spans="1:9">
      <c r="A2199" s="1">
        <v>0.61984058468620495</v>
      </c>
      <c r="B2199" s="1"/>
      <c r="C2199">
        <v>5</v>
      </c>
      <c r="D2199" t="s">
        <v>20020</v>
      </c>
      <c r="E2199" t="s">
        <v>33479</v>
      </c>
      <c r="F2199">
        <v>3</v>
      </c>
      <c r="G2199" t="s">
        <v>2</v>
      </c>
      <c r="H2199" t="s">
        <v>20021</v>
      </c>
      <c r="I2199" t="s">
        <v>30540</v>
      </c>
    </row>
    <row r="2200" spans="1:9">
      <c r="A2200" s="1">
        <v>0.96513963457976393</v>
      </c>
      <c r="B2200" s="1"/>
      <c r="C2200">
        <v>9</v>
      </c>
      <c r="D2200" t="s">
        <v>20016</v>
      </c>
      <c r="E2200" t="s">
        <v>33480</v>
      </c>
      <c r="F2200">
        <v>3</v>
      </c>
      <c r="G2200" t="s">
        <v>1</v>
      </c>
      <c r="H2200" t="s">
        <v>20017</v>
      </c>
      <c r="I2200" t="s">
        <v>30540</v>
      </c>
    </row>
    <row r="2201" spans="1:9">
      <c r="A2201" s="1">
        <v>0.34013127619652328</v>
      </c>
      <c r="B2201" s="1"/>
      <c r="C2201">
        <v>11</v>
      </c>
      <c r="D2201" t="s">
        <v>20002</v>
      </c>
      <c r="E2201" t="s">
        <v>33482</v>
      </c>
      <c r="F2201">
        <v>2</v>
      </c>
      <c r="G2201" t="s">
        <v>1</v>
      </c>
      <c r="H2201" t="s">
        <v>20003</v>
      </c>
      <c r="I2201" t="s">
        <v>30540</v>
      </c>
    </row>
    <row r="2202" spans="1:9">
      <c r="A2202" s="1">
        <v>0.18249720923801449</v>
      </c>
      <c r="B2202" s="1"/>
      <c r="C2202">
        <v>14</v>
      </c>
      <c r="D2202" t="s">
        <v>19996</v>
      </c>
      <c r="E2202" t="s">
        <v>33483</v>
      </c>
      <c r="F2202">
        <v>2</v>
      </c>
      <c r="G2202" t="s">
        <v>14</v>
      </c>
      <c r="H2202" t="s">
        <v>19997</v>
      </c>
      <c r="I2202" t="s">
        <v>30540</v>
      </c>
    </row>
    <row r="2203" spans="1:9">
      <c r="A2203" s="1">
        <v>0.24010651665776217</v>
      </c>
      <c r="B2203" s="1"/>
      <c r="C2203">
        <v>9</v>
      </c>
      <c r="D2203" t="s">
        <v>19976</v>
      </c>
      <c r="E2203" t="s">
        <v>33486</v>
      </c>
      <c r="F2203">
        <v>3</v>
      </c>
      <c r="G2203" t="s">
        <v>14</v>
      </c>
      <c r="H2203" t="s">
        <v>19977</v>
      </c>
      <c r="I2203" t="s">
        <v>30540</v>
      </c>
    </row>
    <row r="2204" spans="1:9">
      <c r="A2204" s="1">
        <v>0.3292103384730195</v>
      </c>
      <c r="B2204" s="1"/>
      <c r="C2204">
        <v>19</v>
      </c>
      <c r="D2204" t="s">
        <v>19960</v>
      </c>
      <c r="E2204" t="s">
        <v>33489</v>
      </c>
      <c r="F2204">
        <v>3</v>
      </c>
      <c r="G2204" t="s">
        <v>10</v>
      </c>
      <c r="H2204" t="s">
        <v>19961</v>
      </c>
      <c r="I2204" t="s">
        <v>30540</v>
      </c>
    </row>
    <row r="2205" spans="1:9">
      <c r="A2205" s="1">
        <v>0.42300023660506236</v>
      </c>
      <c r="B2205" s="1"/>
      <c r="C2205">
        <v>5</v>
      </c>
      <c r="D2205" t="s">
        <v>19956</v>
      </c>
      <c r="E2205" t="s">
        <v>33489</v>
      </c>
      <c r="F2205">
        <v>3</v>
      </c>
      <c r="G2205" t="s">
        <v>10</v>
      </c>
      <c r="H2205" t="s">
        <v>19957</v>
      </c>
      <c r="I2205" t="s">
        <v>30540</v>
      </c>
    </row>
    <row r="2206" spans="1:9">
      <c r="A2206" s="1">
        <v>0.86982668464871105</v>
      </c>
      <c r="B2206" s="1"/>
      <c r="C2206">
        <v>19</v>
      </c>
      <c r="D2206" t="s">
        <v>19954</v>
      </c>
      <c r="E2206" t="s">
        <v>33490</v>
      </c>
      <c r="F2206">
        <v>3</v>
      </c>
      <c r="G2206" t="s">
        <v>9</v>
      </c>
      <c r="H2206" t="s">
        <v>19955</v>
      </c>
      <c r="I2206" t="s">
        <v>30540</v>
      </c>
    </row>
    <row r="2207" spans="1:9">
      <c r="A2207" s="1">
        <v>0.75042784885887759</v>
      </c>
      <c r="B2207" s="1"/>
      <c r="C2207">
        <v>14</v>
      </c>
      <c r="D2207" t="s">
        <v>19952</v>
      </c>
      <c r="E2207" t="s">
        <v>33490</v>
      </c>
      <c r="F2207">
        <v>3</v>
      </c>
      <c r="G2207" t="s">
        <v>2</v>
      </c>
      <c r="H2207" t="s">
        <v>19953</v>
      </c>
      <c r="I2207" t="s">
        <v>30540</v>
      </c>
    </row>
    <row r="2208" spans="1:9">
      <c r="A2208" s="1">
        <v>0.85787592036257232</v>
      </c>
      <c r="B2208" s="1"/>
      <c r="C2208">
        <v>11</v>
      </c>
      <c r="D2208" t="s">
        <v>19942</v>
      </c>
      <c r="E2208" t="s">
        <v>33491</v>
      </c>
      <c r="F2208">
        <v>3</v>
      </c>
      <c r="G2208" t="s">
        <v>0</v>
      </c>
      <c r="H2208" t="s">
        <v>19943</v>
      </c>
      <c r="I2208" t="s">
        <v>30540</v>
      </c>
    </row>
    <row r="2209" spans="1:9">
      <c r="A2209" s="1">
        <v>0.92256748278659351</v>
      </c>
      <c r="B2209" s="1"/>
      <c r="C2209">
        <v>9</v>
      </c>
      <c r="D2209" t="s">
        <v>19940</v>
      </c>
      <c r="E2209" t="s">
        <v>33491</v>
      </c>
      <c r="F2209">
        <v>2</v>
      </c>
      <c r="G2209" t="s">
        <v>14</v>
      </c>
      <c r="H2209" t="s">
        <v>19941</v>
      </c>
      <c r="I2209" t="s">
        <v>30540</v>
      </c>
    </row>
    <row r="2210" spans="1:9">
      <c r="A2210" s="1">
        <v>0.48750805563635846</v>
      </c>
      <c r="B2210" s="1"/>
      <c r="C2210">
        <v>16</v>
      </c>
      <c r="D2210" t="s">
        <v>19932</v>
      </c>
      <c r="E2210" t="s">
        <v>33492</v>
      </c>
      <c r="F2210">
        <v>3</v>
      </c>
      <c r="G2210" t="s">
        <v>14</v>
      </c>
      <c r="H2210" t="s">
        <v>19933</v>
      </c>
      <c r="I2210" t="s">
        <v>30540</v>
      </c>
    </row>
    <row r="2211" spans="1:9">
      <c r="A2211" s="1">
        <v>0.38627269800766495</v>
      </c>
      <c r="B2211" s="1"/>
      <c r="C2211">
        <v>15</v>
      </c>
      <c r="D2211" t="s">
        <v>19922</v>
      </c>
      <c r="E2211" t="s">
        <v>33493</v>
      </c>
      <c r="F2211">
        <v>3</v>
      </c>
      <c r="G2211" t="s">
        <v>14</v>
      </c>
      <c r="H2211" t="s">
        <v>19923</v>
      </c>
      <c r="I2211" t="s">
        <v>30540</v>
      </c>
    </row>
    <row r="2212" spans="1:9">
      <c r="A2212" s="1">
        <v>0.13720686998515008</v>
      </c>
      <c r="B2212" s="1"/>
      <c r="C2212">
        <v>15</v>
      </c>
      <c r="D2212" t="s">
        <v>19904</v>
      </c>
      <c r="E2212" t="s">
        <v>33495</v>
      </c>
      <c r="F2212">
        <v>3</v>
      </c>
      <c r="G2212" t="s">
        <v>14</v>
      </c>
      <c r="H2212" t="s">
        <v>19905</v>
      </c>
      <c r="I2212" t="s">
        <v>30540</v>
      </c>
    </row>
    <row r="2213" spans="1:9">
      <c r="A2213" s="1">
        <v>0.84002129140854798</v>
      </c>
      <c r="B2213" s="1"/>
      <c r="C2213">
        <v>14</v>
      </c>
      <c r="D2213" t="s">
        <v>19894</v>
      </c>
      <c r="E2213" t="s">
        <v>33496</v>
      </c>
      <c r="F2213">
        <v>3</v>
      </c>
      <c r="G2213" t="s">
        <v>2</v>
      </c>
      <c r="H2213" t="s">
        <v>19895</v>
      </c>
      <c r="I2213" t="s">
        <v>30540</v>
      </c>
    </row>
    <row r="2214" spans="1:9">
      <c r="A2214" s="1">
        <v>0.42944016444662836</v>
      </c>
      <c r="B2214" s="1"/>
      <c r="C2214">
        <v>18</v>
      </c>
      <c r="D2214" t="s">
        <v>19878</v>
      </c>
      <c r="E2214" t="s">
        <v>33497</v>
      </c>
      <c r="F2214">
        <v>2</v>
      </c>
      <c r="G2214" t="s">
        <v>1</v>
      </c>
      <c r="H2214" t="s">
        <v>19879</v>
      </c>
      <c r="I2214" t="s">
        <v>30540</v>
      </c>
    </row>
    <row r="2215" spans="1:9">
      <c r="A2215" s="1">
        <v>0.99821728546624355</v>
      </c>
      <c r="B2215" s="1"/>
      <c r="C2215">
        <v>15</v>
      </c>
      <c r="D2215" t="s">
        <v>19874</v>
      </c>
      <c r="E2215" t="s">
        <v>33498</v>
      </c>
      <c r="F2215">
        <v>3</v>
      </c>
      <c r="G2215" t="s">
        <v>14</v>
      </c>
      <c r="H2215" t="s">
        <v>19875</v>
      </c>
      <c r="I2215" t="s">
        <v>30540</v>
      </c>
    </row>
    <row r="2216" spans="1:9">
      <c r="A2216" s="1">
        <v>0.68204645186735569</v>
      </c>
      <c r="B2216" s="1"/>
      <c r="C2216">
        <v>11</v>
      </c>
      <c r="D2216" t="s">
        <v>19866</v>
      </c>
      <c r="E2216" t="s">
        <v>33499</v>
      </c>
      <c r="F2216">
        <v>2</v>
      </c>
      <c r="G2216" t="s">
        <v>3732</v>
      </c>
      <c r="H2216" t="s">
        <v>19867</v>
      </c>
      <c r="I2216" t="s">
        <v>30540</v>
      </c>
    </row>
    <row r="2217" spans="1:9">
      <c r="A2217" s="1">
        <v>0.60319463731779666</v>
      </c>
      <c r="B2217" s="1"/>
      <c r="C2217">
        <v>13</v>
      </c>
      <c r="D2217" t="s">
        <v>19858</v>
      </c>
      <c r="E2217" t="s">
        <v>33500</v>
      </c>
      <c r="F2217">
        <v>2</v>
      </c>
      <c r="G2217" t="s">
        <v>14</v>
      </c>
      <c r="H2217" t="s">
        <v>19859</v>
      </c>
      <c r="I2217" t="s">
        <v>30540</v>
      </c>
    </row>
    <row r="2218" spans="1:9">
      <c r="A2218" s="1">
        <v>0.64643362753859634</v>
      </c>
      <c r="B2218" s="1"/>
      <c r="C2218">
        <v>10</v>
      </c>
      <c r="D2218" t="s">
        <v>19856</v>
      </c>
      <c r="E2218" t="s">
        <v>33500</v>
      </c>
      <c r="F2218">
        <v>2</v>
      </c>
      <c r="G2218" t="s">
        <v>15</v>
      </c>
      <c r="H2218" t="s">
        <v>19857</v>
      </c>
      <c r="I2218" t="s">
        <v>30540</v>
      </c>
    </row>
    <row r="2219" spans="1:9">
      <c r="A2219" s="1">
        <v>0.49848220406929666</v>
      </c>
      <c r="B2219" s="1"/>
      <c r="C2219">
        <v>17</v>
      </c>
      <c r="D2219" t="s">
        <v>19852</v>
      </c>
      <c r="E2219" t="s">
        <v>33501</v>
      </c>
      <c r="F2219">
        <v>2</v>
      </c>
      <c r="G2219" t="s">
        <v>14</v>
      </c>
      <c r="H2219" t="s">
        <v>19853</v>
      </c>
      <c r="I2219" t="s">
        <v>30540</v>
      </c>
    </row>
    <row r="2220" spans="1:9">
      <c r="A2220" s="1">
        <v>0.74285818499079725</v>
      </c>
      <c r="B2220" s="1"/>
      <c r="C2220">
        <v>18</v>
      </c>
      <c r="D2220" t="s">
        <v>19854</v>
      </c>
      <c r="E2220" t="s">
        <v>33501</v>
      </c>
      <c r="F2220">
        <v>2</v>
      </c>
      <c r="G2220" t="s">
        <v>1</v>
      </c>
      <c r="H2220" t="s">
        <v>19855</v>
      </c>
      <c r="I2220" t="s">
        <v>30540</v>
      </c>
    </row>
    <row r="2221" spans="1:9">
      <c r="A2221" s="1">
        <v>0.88560354185119028</v>
      </c>
      <c r="B2221" s="1"/>
      <c r="C2221">
        <v>12</v>
      </c>
      <c r="D2221" t="s">
        <v>19844</v>
      </c>
      <c r="E2221" t="s">
        <v>33501</v>
      </c>
      <c r="F2221">
        <v>1</v>
      </c>
      <c r="G2221" t="s">
        <v>14</v>
      </c>
      <c r="H2221" t="s">
        <v>19845</v>
      </c>
      <c r="I2221" t="s">
        <v>30540</v>
      </c>
    </row>
    <row r="2222" spans="1:9">
      <c r="A2222" s="1">
        <v>0.88894344777179934</v>
      </c>
      <c r="B2222" s="1"/>
      <c r="C2222">
        <v>18</v>
      </c>
      <c r="D2222" t="s">
        <v>19834</v>
      </c>
      <c r="E2222" t="s">
        <v>33502</v>
      </c>
      <c r="F2222">
        <v>3</v>
      </c>
      <c r="G2222" t="s">
        <v>14</v>
      </c>
      <c r="H2222" t="s">
        <v>19835</v>
      </c>
      <c r="I2222" t="s">
        <v>30540</v>
      </c>
    </row>
    <row r="2223" spans="1:9">
      <c r="A2223" s="1">
        <v>3.7501748383774736E-2</v>
      </c>
      <c r="B2223" s="1"/>
      <c r="C2223">
        <v>9</v>
      </c>
      <c r="D2223" t="s">
        <v>19818</v>
      </c>
      <c r="E2223" t="s">
        <v>33503</v>
      </c>
      <c r="F2223">
        <v>2</v>
      </c>
      <c r="G2223" t="s">
        <v>14</v>
      </c>
      <c r="H2223" t="s">
        <v>19819</v>
      </c>
      <c r="I2223" t="s">
        <v>30540</v>
      </c>
    </row>
    <row r="2224" spans="1:9">
      <c r="A2224" s="1">
        <v>0.45834444132358976</v>
      </c>
      <c r="B2224" s="1"/>
      <c r="C2224">
        <v>12</v>
      </c>
      <c r="D2224" t="s">
        <v>19814</v>
      </c>
      <c r="E2224" t="s">
        <v>33504</v>
      </c>
      <c r="F2224">
        <v>3</v>
      </c>
      <c r="G2224" t="s">
        <v>14</v>
      </c>
      <c r="H2224" t="s">
        <v>19815</v>
      </c>
      <c r="I2224" t="s">
        <v>30540</v>
      </c>
    </row>
    <row r="2225" spans="1:9">
      <c r="A2225" s="1">
        <v>8.0022959295974361E-2</v>
      </c>
      <c r="B2225" s="1"/>
      <c r="C2225">
        <v>18</v>
      </c>
      <c r="D2225" t="s">
        <v>19798</v>
      </c>
      <c r="E2225" t="s">
        <v>33507</v>
      </c>
      <c r="F2225">
        <v>2</v>
      </c>
      <c r="G2225" t="s">
        <v>13</v>
      </c>
      <c r="H2225" t="s">
        <v>19799</v>
      </c>
      <c r="I2225" t="s">
        <v>30540</v>
      </c>
    </row>
    <row r="2226" spans="1:9">
      <c r="A2226" s="1">
        <v>0.8957735453360548</v>
      </c>
      <c r="B2226" s="1"/>
      <c r="C2226">
        <v>9</v>
      </c>
      <c r="D2226" t="s">
        <v>19792</v>
      </c>
      <c r="E2226" t="s">
        <v>33507</v>
      </c>
      <c r="F2226">
        <v>2</v>
      </c>
      <c r="G2226" t="s">
        <v>10</v>
      </c>
      <c r="H2226" t="s">
        <v>19793</v>
      </c>
      <c r="I2226" t="s">
        <v>30540</v>
      </c>
    </row>
    <row r="2227" spans="1:9">
      <c r="A2227" s="1">
        <v>0.86558052497263194</v>
      </c>
      <c r="B2227" s="1"/>
      <c r="C2227">
        <v>8</v>
      </c>
      <c r="D2227" t="s">
        <v>19790</v>
      </c>
      <c r="E2227" t="s">
        <v>33507</v>
      </c>
      <c r="F2227">
        <v>2</v>
      </c>
      <c r="G2227" t="s">
        <v>10</v>
      </c>
      <c r="H2227" t="s">
        <v>19791</v>
      </c>
      <c r="I2227" t="s">
        <v>30540</v>
      </c>
    </row>
    <row r="2228" spans="1:9">
      <c r="A2228" s="1">
        <v>8.5274999139599794E-2</v>
      </c>
      <c r="B2228" s="1"/>
      <c r="C2228">
        <v>18</v>
      </c>
      <c r="D2228" t="s">
        <v>19778</v>
      </c>
      <c r="E2228" t="s">
        <v>33509</v>
      </c>
      <c r="F2228">
        <v>2</v>
      </c>
      <c r="G2228" t="s">
        <v>14</v>
      </c>
      <c r="H2228" t="s">
        <v>19779</v>
      </c>
      <c r="I2228" t="s">
        <v>30540</v>
      </c>
    </row>
    <row r="2229" spans="1:9">
      <c r="A2229" s="1">
        <v>0.51851081460458426</v>
      </c>
      <c r="B2229" s="1"/>
      <c r="C2229">
        <v>9</v>
      </c>
      <c r="D2229" t="s">
        <v>19774</v>
      </c>
      <c r="E2229" t="s">
        <v>33509</v>
      </c>
      <c r="F2229">
        <v>2</v>
      </c>
      <c r="G2229" t="s">
        <v>10</v>
      </c>
      <c r="H2229" t="s">
        <v>19775</v>
      </c>
      <c r="I2229" t="s">
        <v>30540</v>
      </c>
    </row>
    <row r="2230" spans="1:9">
      <c r="A2230" s="1">
        <v>0.32365054989055253</v>
      </c>
      <c r="B2230" s="1"/>
      <c r="C2230">
        <v>3</v>
      </c>
      <c r="D2230" t="s">
        <v>19744</v>
      </c>
      <c r="E2230" t="s">
        <v>33512</v>
      </c>
      <c r="F2230">
        <v>3</v>
      </c>
      <c r="G2230" t="s">
        <v>3732</v>
      </c>
      <c r="H2230" t="s">
        <v>19745</v>
      </c>
      <c r="I2230" t="s">
        <v>30540</v>
      </c>
    </row>
    <row r="2231" spans="1:9">
      <c r="A2231" s="1">
        <v>0.16532999877804033</v>
      </c>
      <c r="B2231" s="1"/>
      <c r="C2231">
        <v>1</v>
      </c>
      <c r="D2231" t="s">
        <v>19742</v>
      </c>
      <c r="E2231" t="s">
        <v>33512</v>
      </c>
      <c r="F2231">
        <v>2</v>
      </c>
      <c r="G2231" t="s">
        <v>2</v>
      </c>
      <c r="H2231" t="s">
        <v>19743</v>
      </c>
      <c r="I2231" t="s">
        <v>30540</v>
      </c>
    </row>
    <row r="2232" spans="1:9">
      <c r="A2232" s="1">
        <v>0.96131783524688474</v>
      </c>
      <c r="B2232" s="1"/>
      <c r="C2232">
        <v>14</v>
      </c>
      <c r="D2232" t="s">
        <v>19750</v>
      </c>
      <c r="E2232" t="s">
        <v>33512</v>
      </c>
      <c r="F2232">
        <v>2</v>
      </c>
      <c r="G2232" t="s">
        <v>771</v>
      </c>
      <c r="H2232" t="s">
        <v>19751</v>
      </c>
      <c r="I2232" t="s">
        <v>30540</v>
      </c>
    </row>
    <row r="2233" spans="1:9">
      <c r="A2233" s="1">
        <v>0.95596609703661062</v>
      </c>
      <c r="B2233" s="1"/>
      <c r="C2233">
        <v>18</v>
      </c>
      <c r="D2233" t="s">
        <v>19730</v>
      </c>
      <c r="E2233" t="s">
        <v>33515</v>
      </c>
      <c r="F2233">
        <v>2</v>
      </c>
      <c r="G2233" t="s">
        <v>9</v>
      </c>
      <c r="H2233" t="s">
        <v>19731</v>
      </c>
      <c r="I2233" t="s">
        <v>30540</v>
      </c>
    </row>
    <row r="2234" spans="1:9">
      <c r="A2234" s="1">
        <v>0.55621475117385333</v>
      </c>
      <c r="B2234" s="1"/>
      <c r="C2234">
        <v>4</v>
      </c>
      <c r="D2234" t="s">
        <v>19708</v>
      </c>
      <c r="E2234" t="s">
        <v>33516</v>
      </c>
      <c r="F2234">
        <v>2</v>
      </c>
      <c r="G2234" t="s">
        <v>10</v>
      </c>
      <c r="H2234" t="s">
        <v>19709</v>
      </c>
      <c r="I2234" t="s">
        <v>30540</v>
      </c>
    </row>
    <row r="2235" spans="1:9">
      <c r="A2235" s="1">
        <v>0.70865458430671813</v>
      </c>
      <c r="B2235" s="1"/>
      <c r="C2235">
        <v>16</v>
      </c>
      <c r="D2235" t="s">
        <v>19718</v>
      </c>
      <c r="E2235" t="s">
        <v>33516</v>
      </c>
      <c r="F2235">
        <v>1</v>
      </c>
      <c r="G2235" t="s">
        <v>14</v>
      </c>
      <c r="H2235" t="s">
        <v>19719</v>
      </c>
      <c r="I2235" t="s">
        <v>30540</v>
      </c>
    </row>
    <row r="2236" spans="1:9">
      <c r="A2236" s="1">
        <v>0.92318964432255102</v>
      </c>
      <c r="B2236" s="1"/>
      <c r="C2236">
        <v>14</v>
      </c>
      <c r="D2236" t="s">
        <v>19706</v>
      </c>
      <c r="E2236" t="s">
        <v>33517</v>
      </c>
      <c r="F2236">
        <v>2</v>
      </c>
      <c r="G2236" t="s">
        <v>10</v>
      </c>
      <c r="H2236" t="s">
        <v>19707</v>
      </c>
      <c r="I2236" t="s">
        <v>30540</v>
      </c>
    </row>
    <row r="2237" spans="1:9">
      <c r="A2237" s="1">
        <v>0.81896696073044195</v>
      </c>
      <c r="B2237" s="1"/>
      <c r="C2237">
        <v>1</v>
      </c>
      <c r="D2237" t="s">
        <v>19692</v>
      </c>
      <c r="E2237" t="s">
        <v>33518</v>
      </c>
      <c r="F2237">
        <v>2</v>
      </c>
      <c r="G2237" t="s">
        <v>15</v>
      </c>
      <c r="H2237" t="s">
        <v>19693</v>
      </c>
      <c r="I2237" t="s">
        <v>30540</v>
      </c>
    </row>
    <row r="2238" spans="1:9">
      <c r="A2238" s="1">
        <v>0.31581801644838303</v>
      </c>
      <c r="B2238" s="1"/>
      <c r="C2238">
        <v>14</v>
      </c>
      <c r="D2238" t="s">
        <v>19680</v>
      </c>
      <c r="E2238" t="s">
        <v>33521</v>
      </c>
      <c r="F2238">
        <v>3</v>
      </c>
      <c r="G2238" t="s">
        <v>14</v>
      </c>
      <c r="H2238" t="s">
        <v>19681</v>
      </c>
      <c r="I2238" t="s">
        <v>30540</v>
      </c>
    </row>
    <row r="2239" spans="1:9">
      <c r="A2239" s="1">
        <v>0.49978535813228198</v>
      </c>
      <c r="B2239" s="1"/>
      <c r="C2239">
        <v>1</v>
      </c>
      <c r="D2239" t="s">
        <v>19674</v>
      </c>
      <c r="E2239" t="s">
        <v>33521</v>
      </c>
      <c r="F2239">
        <v>3</v>
      </c>
      <c r="G2239" t="s">
        <v>10</v>
      </c>
      <c r="H2239" t="s">
        <v>19675</v>
      </c>
      <c r="I2239" t="s">
        <v>30540</v>
      </c>
    </row>
    <row r="2240" spans="1:9">
      <c r="A2240" s="1">
        <v>8.8452023511569333E-3</v>
      </c>
      <c r="B2240" s="1"/>
      <c r="C2240">
        <v>19</v>
      </c>
      <c r="D2240" t="s">
        <v>19684</v>
      </c>
      <c r="E2240" t="s">
        <v>33521</v>
      </c>
      <c r="F2240">
        <v>2</v>
      </c>
      <c r="G2240" t="s">
        <v>0</v>
      </c>
      <c r="H2240" t="s">
        <v>19685</v>
      </c>
      <c r="I2240" t="s">
        <v>30540</v>
      </c>
    </row>
    <row r="2241" spans="1:9">
      <c r="A2241" s="1">
        <v>0.70416852878223335</v>
      </c>
      <c r="B2241" s="1"/>
      <c r="C2241">
        <v>13</v>
      </c>
      <c r="D2241" t="s">
        <v>19668</v>
      </c>
      <c r="E2241" t="s">
        <v>33523</v>
      </c>
      <c r="F2241">
        <v>3</v>
      </c>
      <c r="G2241" t="s">
        <v>14</v>
      </c>
      <c r="H2241" t="s">
        <v>19669</v>
      </c>
      <c r="I2241" t="s">
        <v>30540</v>
      </c>
    </row>
    <row r="2242" spans="1:9">
      <c r="A2242" s="1">
        <v>0.62587931747455994</v>
      </c>
      <c r="B2242" s="1"/>
      <c r="C2242">
        <v>14</v>
      </c>
      <c r="D2242" t="s">
        <v>19652</v>
      </c>
      <c r="E2242" t="s">
        <v>33525</v>
      </c>
      <c r="F2242">
        <v>3</v>
      </c>
      <c r="G2242" t="s">
        <v>1</v>
      </c>
      <c r="H2242" t="s">
        <v>19653</v>
      </c>
      <c r="I2242" t="s">
        <v>30540</v>
      </c>
    </row>
    <row r="2243" spans="1:9">
      <c r="A2243" s="1">
        <v>0.17665280335810463</v>
      </c>
      <c r="B2243" s="1"/>
      <c r="C2243">
        <v>10</v>
      </c>
      <c r="D2243" t="s">
        <v>19648</v>
      </c>
      <c r="E2243" t="s">
        <v>33525</v>
      </c>
      <c r="F2243">
        <v>3</v>
      </c>
      <c r="G2243" t="s">
        <v>10</v>
      </c>
      <c r="H2243" t="s">
        <v>19649</v>
      </c>
      <c r="I2243" t="s">
        <v>30540</v>
      </c>
    </row>
    <row r="2244" spans="1:9">
      <c r="A2244" s="1">
        <v>0.28323358562989265</v>
      </c>
      <c r="B2244" s="1"/>
      <c r="C2244">
        <v>6</v>
      </c>
      <c r="D2244" t="s">
        <v>19634</v>
      </c>
      <c r="E2244" t="s">
        <v>33527</v>
      </c>
      <c r="F2244">
        <v>3</v>
      </c>
      <c r="G2244" t="s">
        <v>1295</v>
      </c>
      <c r="H2244" t="s">
        <v>19635</v>
      </c>
      <c r="I2244" t="s">
        <v>30540</v>
      </c>
    </row>
    <row r="2245" spans="1:9">
      <c r="A2245" s="1">
        <v>0.13161873588430595</v>
      </c>
      <c r="B2245" s="1"/>
      <c r="C2245">
        <v>16</v>
      </c>
      <c r="D2245" t="s">
        <v>19628</v>
      </c>
      <c r="E2245" t="s">
        <v>33529</v>
      </c>
      <c r="F2245">
        <v>3</v>
      </c>
      <c r="G2245" t="s">
        <v>14</v>
      </c>
      <c r="H2245" t="s">
        <v>19629</v>
      </c>
      <c r="I2245" t="s">
        <v>30540</v>
      </c>
    </row>
    <row r="2246" spans="1:9">
      <c r="A2246" s="1">
        <v>0.86282354220870072</v>
      </c>
      <c r="B2246" s="1"/>
      <c r="C2246">
        <v>4</v>
      </c>
      <c r="D2246" t="s">
        <v>19622</v>
      </c>
      <c r="E2246" t="s">
        <v>33529</v>
      </c>
      <c r="F2246">
        <v>2</v>
      </c>
      <c r="G2246" t="s">
        <v>10</v>
      </c>
      <c r="H2246" t="s">
        <v>19623</v>
      </c>
      <c r="I2246" t="s">
        <v>30540</v>
      </c>
    </row>
    <row r="2247" spans="1:9">
      <c r="A2247" s="1">
        <v>0.45017675976577032</v>
      </c>
      <c r="B2247" s="1"/>
      <c r="C2247">
        <v>10</v>
      </c>
      <c r="D2247" t="s">
        <v>19614</v>
      </c>
      <c r="E2247" t="s">
        <v>33530</v>
      </c>
      <c r="F2247">
        <v>2</v>
      </c>
      <c r="G2247" t="s">
        <v>14</v>
      </c>
      <c r="H2247" t="s">
        <v>19615</v>
      </c>
      <c r="I2247" t="s">
        <v>30540</v>
      </c>
    </row>
    <row r="2248" spans="1:9">
      <c r="A2248" s="1">
        <v>0.96211921561777347</v>
      </c>
      <c r="B2248" s="1"/>
      <c r="C2248">
        <v>12</v>
      </c>
      <c r="D2248" t="s">
        <v>19600</v>
      </c>
      <c r="E2248" t="s">
        <v>33531</v>
      </c>
      <c r="F2248">
        <v>2</v>
      </c>
      <c r="G2248" t="s">
        <v>10</v>
      </c>
      <c r="H2248" t="s">
        <v>19601</v>
      </c>
      <c r="I2248" t="s">
        <v>30540</v>
      </c>
    </row>
    <row r="2249" spans="1:9">
      <c r="A2249" s="1">
        <v>1.5635338997436854E-2</v>
      </c>
      <c r="B2249" s="1"/>
      <c r="C2249">
        <v>6</v>
      </c>
      <c r="D2249" t="s">
        <v>19594</v>
      </c>
      <c r="E2249" t="s">
        <v>33532</v>
      </c>
      <c r="F2249">
        <v>3</v>
      </c>
      <c r="G2249" t="s">
        <v>3732</v>
      </c>
      <c r="H2249" t="s">
        <v>19595</v>
      </c>
      <c r="I2249" t="s">
        <v>30540</v>
      </c>
    </row>
    <row r="2250" spans="1:9">
      <c r="A2250" s="1">
        <v>5.6733431365365572E-3</v>
      </c>
      <c r="B2250" s="1"/>
      <c r="C2250">
        <v>11</v>
      </c>
      <c r="D2250" t="s">
        <v>19588</v>
      </c>
      <c r="E2250" t="s">
        <v>33534</v>
      </c>
      <c r="F2250">
        <v>3</v>
      </c>
      <c r="G2250" t="s">
        <v>14</v>
      </c>
      <c r="H2250" t="s">
        <v>19589</v>
      </c>
      <c r="I2250" t="s">
        <v>30540</v>
      </c>
    </row>
    <row r="2251" spans="1:9">
      <c r="A2251" s="1">
        <v>0.95518362550692903</v>
      </c>
      <c r="B2251" s="1"/>
      <c r="C2251">
        <v>3</v>
      </c>
      <c r="D2251" t="s">
        <v>19578</v>
      </c>
      <c r="E2251" t="s">
        <v>33534</v>
      </c>
      <c r="F2251">
        <v>2</v>
      </c>
      <c r="G2251" t="s">
        <v>10</v>
      </c>
      <c r="H2251" t="s">
        <v>19579</v>
      </c>
      <c r="I2251" t="s">
        <v>30540</v>
      </c>
    </row>
    <row r="2252" spans="1:9">
      <c r="A2252" s="1">
        <v>0.66490667135636194</v>
      </c>
      <c r="B2252" s="1"/>
      <c r="C2252">
        <v>15</v>
      </c>
      <c r="D2252" t="s">
        <v>19574</v>
      </c>
      <c r="E2252" t="s">
        <v>33535</v>
      </c>
      <c r="F2252">
        <v>2</v>
      </c>
      <c r="G2252" t="s">
        <v>14</v>
      </c>
      <c r="H2252" t="s">
        <v>19575</v>
      </c>
      <c r="I2252" t="s">
        <v>30540</v>
      </c>
    </row>
    <row r="2253" spans="1:9">
      <c r="A2253" s="1">
        <v>0.15154064122232191</v>
      </c>
      <c r="B2253" s="1"/>
      <c r="C2253">
        <v>13</v>
      </c>
      <c r="D2253" t="s">
        <v>19570</v>
      </c>
      <c r="E2253" t="s">
        <v>33535</v>
      </c>
      <c r="F2253">
        <v>2</v>
      </c>
      <c r="G2253" t="s">
        <v>13</v>
      </c>
      <c r="H2253" t="s">
        <v>19571</v>
      </c>
      <c r="I2253" t="s">
        <v>30540</v>
      </c>
    </row>
    <row r="2254" spans="1:9">
      <c r="A2254" s="1">
        <v>0.35805124230014518</v>
      </c>
      <c r="B2254" s="1"/>
      <c r="C2254">
        <v>2</v>
      </c>
      <c r="D2254" t="s">
        <v>19560</v>
      </c>
      <c r="E2254" t="s">
        <v>33536</v>
      </c>
      <c r="F2254">
        <v>2</v>
      </c>
      <c r="G2254" t="s">
        <v>1</v>
      </c>
      <c r="H2254" t="s">
        <v>19561</v>
      </c>
      <c r="I2254" t="s">
        <v>30540</v>
      </c>
    </row>
    <row r="2255" spans="1:9">
      <c r="A2255" s="1">
        <v>0.77578031805614822</v>
      </c>
      <c r="B2255" s="1"/>
      <c r="C2255">
        <v>14</v>
      </c>
      <c r="D2255" t="s">
        <v>19556</v>
      </c>
      <c r="E2255" t="s">
        <v>33538</v>
      </c>
      <c r="F2255">
        <v>2</v>
      </c>
      <c r="G2255" t="s">
        <v>14</v>
      </c>
      <c r="H2255" t="s">
        <v>19557</v>
      </c>
      <c r="I2255" t="s">
        <v>30540</v>
      </c>
    </row>
    <row r="2256" spans="1:9">
      <c r="A2256" s="1">
        <v>0.69409893568593106</v>
      </c>
      <c r="B2256" s="1"/>
      <c r="C2256">
        <v>14</v>
      </c>
      <c r="D2256" t="s">
        <v>19552</v>
      </c>
      <c r="E2256" t="s">
        <v>33539</v>
      </c>
      <c r="F2256">
        <v>2</v>
      </c>
      <c r="G2256" t="s">
        <v>14</v>
      </c>
      <c r="H2256" t="s">
        <v>19553</v>
      </c>
      <c r="I2256" t="s">
        <v>30540</v>
      </c>
    </row>
    <row r="2257" spans="1:9">
      <c r="A2257" s="1">
        <v>0.76593280970575794</v>
      </c>
      <c r="B2257" s="1"/>
      <c r="C2257">
        <v>12</v>
      </c>
      <c r="D2257" t="s">
        <v>19550</v>
      </c>
      <c r="E2257" t="s">
        <v>33539</v>
      </c>
      <c r="F2257">
        <v>2</v>
      </c>
      <c r="G2257" t="s">
        <v>14</v>
      </c>
      <c r="H2257" t="s">
        <v>19551</v>
      </c>
      <c r="I2257" t="s">
        <v>30540</v>
      </c>
    </row>
    <row r="2258" spans="1:9">
      <c r="A2258" s="1">
        <v>0.81224004479554979</v>
      </c>
      <c r="B2258" s="1"/>
      <c r="C2258">
        <v>7</v>
      </c>
      <c r="D2258" t="s">
        <v>19536</v>
      </c>
      <c r="E2258" t="s">
        <v>33540</v>
      </c>
      <c r="F2258">
        <v>3</v>
      </c>
      <c r="G2258" t="s">
        <v>14</v>
      </c>
      <c r="H2258" t="s">
        <v>19537</v>
      </c>
      <c r="I2258" t="s">
        <v>30540</v>
      </c>
    </row>
    <row r="2259" spans="1:9">
      <c r="A2259" s="1">
        <v>0.53265465090012731</v>
      </c>
      <c r="B2259" s="1"/>
      <c r="C2259">
        <v>15</v>
      </c>
      <c r="D2259" t="s">
        <v>19542</v>
      </c>
      <c r="E2259" t="s">
        <v>33540</v>
      </c>
      <c r="F2259">
        <v>3</v>
      </c>
      <c r="G2259" t="s">
        <v>14</v>
      </c>
      <c r="H2259" t="s">
        <v>19543</v>
      </c>
      <c r="I2259" t="s">
        <v>30540</v>
      </c>
    </row>
    <row r="2260" spans="1:9">
      <c r="A2260" s="1">
        <v>0.70127941481366429</v>
      </c>
      <c r="B2260" s="1"/>
      <c r="C2260">
        <v>13</v>
      </c>
      <c r="D2260" t="s">
        <v>19540</v>
      </c>
      <c r="E2260" t="s">
        <v>33540</v>
      </c>
      <c r="F2260">
        <v>2</v>
      </c>
      <c r="G2260" t="s">
        <v>14</v>
      </c>
      <c r="H2260" t="s">
        <v>19541</v>
      </c>
      <c r="I2260" t="s">
        <v>30540</v>
      </c>
    </row>
    <row r="2261" spans="1:9">
      <c r="A2261" s="1">
        <v>0.23028956060889794</v>
      </c>
      <c r="B2261" s="1"/>
      <c r="C2261">
        <v>9</v>
      </c>
      <c r="D2261" t="s">
        <v>19528</v>
      </c>
      <c r="E2261" t="s">
        <v>33541</v>
      </c>
      <c r="F2261">
        <v>3</v>
      </c>
      <c r="G2261" t="s">
        <v>10</v>
      </c>
      <c r="H2261" t="s">
        <v>19529</v>
      </c>
      <c r="I2261" t="s">
        <v>30540</v>
      </c>
    </row>
    <row r="2262" spans="1:9">
      <c r="A2262" s="1">
        <v>0.8036068410637961</v>
      </c>
      <c r="B2262" s="1"/>
      <c r="C2262">
        <v>13</v>
      </c>
      <c r="D2262" t="s">
        <v>19532</v>
      </c>
      <c r="E2262" t="s">
        <v>33541</v>
      </c>
      <c r="F2262">
        <v>3</v>
      </c>
      <c r="G2262" t="s">
        <v>10</v>
      </c>
      <c r="H2262" t="s">
        <v>19533</v>
      </c>
      <c r="I2262" t="s">
        <v>30540</v>
      </c>
    </row>
    <row r="2263" spans="1:9">
      <c r="A2263" s="1">
        <v>0.20003742513884837</v>
      </c>
      <c r="B2263" s="1"/>
      <c r="C2263">
        <v>9</v>
      </c>
      <c r="D2263" t="s">
        <v>19510</v>
      </c>
      <c r="E2263" t="s">
        <v>33544</v>
      </c>
      <c r="F2263">
        <v>3</v>
      </c>
      <c r="G2263" t="s">
        <v>14</v>
      </c>
      <c r="H2263" t="s">
        <v>19511</v>
      </c>
      <c r="I2263" t="s">
        <v>30540</v>
      </c>
    </row>
    <row r="2264" spans="1:9">
      <c r="A2264" s="1">
        <v>0.76718649268455863</v>
      </c>
      <c r="B2264" s="1"/>
      <c r="C2264">
        <v>4</v>
      </c>
      <c r="D2264" t="s">
        <v>19490</v>
      </c>
      <c r="E2264" t="s">
        <v>33548</v>
      </c>
      <c r="F2264">
        <v>3</v>
      </c>
      <c r="G2264" t="s">
        <v>14</v>
      </c>
      <c r="H2264" t="s">
        <v>19491</v>
      </c>
      <c r="I2264" t="s">
        <v>30540</v>
      </c>
    </row>
    <row r="2265" spans="1:9">
      <c r="A2265" s="1">
        <v>6.1821915209639644E-2</v>
      </c>
      <c r="B2265" s="1"/>
      <c r="C2265">
        <v>2</v>
      </c>
      <c r="D2265" t="s">
        <v>19488</v>
      </c>
      <c r="E2265" t="s">
        <v>33548</v>
      </c>
      <c r="F2265">
        <v>2</v>
      </c>
      <c r="G2265" t="s">
        <v>2</v>
      </c>
      <c r="H2265" t="s">
        <v>19489</v>
      </c>
      <c r="I2265" t="s">
        <v>30540</v>
      </c>
    </row>
    <row r="2266" spans="1:9">
      <c r="A2266" s="1">
        <v>0.29052917959016344</v>
      </c>
      <c r="B2266" s="1"/>
      <c r="C2266">
        <v>5</v>
      </c>
      <c r="D2266" t="s">
        <v>22955</v>
      </c>
      <c r="E2266" t="s">
        <v>33551</v>
      </c>
      <c r="F2266">
        <v>3</v>
      </c>
      <c r="G2266" t="s">
        <v>762</v>
      </c>
      <c r="H2266" t="s">
        <v>22956</v>
      </c>
      <c r="I2266" t="s">
        <v>30540</v>
      </c>
    </row>
    <row r="2267" spans="1:9">
      <c r="A2267" s="1">
        <v>0.30625021115768858</v>
      </c>
      <c r="B2267" s="1"/>
      <c r="C2267">
        <v>13</v>
      </c>
      <c r="D2267" t="s">
        <v>22959</v>
      </c>
      <c r="E2267" t="s">
        <v>33551</v>
      </c>
      <c r="F2267">
        <v>2</v>
      </c>
      <c r="G2267" t="s">
        <v>2229</v>
      </c>
      <c r="H2267" t="s">
        <v>22960</v>
      </c>
      <c r="I2267" t="s">
        <v>30540</v>
      </c>
    </row>
    <row r="2268" spans="1:9">
      <c r="A2268" s="1">
        <v>0.26653760479115263</v>
      </c>
      <c r="B2268" s="1"/>
      <c r="C2268">
        <v>14</v>
      </c>
      <c r="D2268" t="s">
        <v>22949</v>
      </c>
      <c r="E2268" t="s">
        <v>33552</v>
      </c>
      <c r="F2268">
        <v>2</v>
      </c>
      <c r="G2268" t="s">
        <v>10</v>
      </c>
      <c r="H2268" t="s">
        <v>22950</v>
      </c>
      <c r="I2268" t="s">
        <v>30540</v>
      </c>
    </row>
    <row r="2269" spans="1:9">
      <c r="A2269" s="1">
        <v>0.50911719475770811</v>
      </c>
      <c r="B2269" s="1"/>
      <c r="C2269">
        <v>15</v>
      </c>
      <c r="D2269" t="s">
        <v>22943</v>
      </c>
      <c r="E2269" t="s">
        <v>33553</v>
      </c>
      <c r="F2269">
        <v>1</v>
      </c>
      <c r="G2269" t="s">
        <v>14</v>
      </c>
      <c r="H2269" t="s">
        <v>22944</v>
      </c>
      <c r="I2269" t="s">
        <v>30540</v>
      </c>
    </row>
    <row r="2270" spans="1:9">
      <c r="A2270" s="1">
        <v>0.33299268526739001</v>
      </c>
      <c r="B2270" s="1"/>
      <c r="C2270">
        <v>14</v>
      </c>
      <c r="D2270" t="s">
        <v>22937</v>
      </c>
      <c r="E2270" t="s">
        <v>33554</v>
      </c>
      <c r="F2270">
        <v>3</v>
      </c>
      <c r="G2270" t="s">
        <v>13</v>
      </c>
      <c r="H2270" t="s">
        <v>22938</v>
      </c>
      <c r="I2270" t="s">
        <v>30540</v>
      </c>
    </row>
    <row r="2271" spans="1:9">
      <c r="A2271" s="1">
        <v>0.32482463923816229</v>
      </c>
      <c r="B2271" s="1"/>
      <c r="C2271">
        <v>6</v>
      </c>
      <c r="D2271" t="s">
        <v>22907</v>
      </c>
      <c r="E2271" t="s">
        <v>33556</v>
      </c>
      <c r="F2271">
        <v>3</v>
      </c>
      <c r="G2271" t="s">
        <v>14</v>
      </c>
      <c r="H2271" t="s">
        <v>22908</v>
      </c>
      <c r="I2271" t="s">
        <v>30540</v>
      </c>
    </row>
    <row r="2272" spans="1:9">
      <c r="A2272" s="1">
        <v>0.52688662090670746</v>
      </c>
      <c r="B2272" s="1"/>
      <c r="C2272">
        <v>15</v>
      </c>
      <c r="D2272" t="s">
        <v>22849</v>
      </c>
      <c r="E2272" t="s">
        <v>33564</v>
      </c>
      <c r="F2272">
        <v>3</v>
      </c>
      <c r="G2272" t="s">
        <v>9</v>
      </c>
      <c r="H2272" t="s">
        <v>22850</v>
      </c>
      <c r="I2272" t="s">
        <v>30540</v>
      </c>
    </row>
    <row r="2273" spans="1:9">
      <c r="A2273" s="1">
        <v>0.31256527808740031</v>
      </c>
      <c r="B2273" s="1"/>
      <c r="C2273">
        <v>3</v>
      </c>
      <c r="D2273" t="s">
        <v>22835</v>
      </c>
      <c r="E2273" t="s">
        <v>33565</v>
      </c>
      <c r="F2273">
        <v>3</v>
      </c>
      <c r="G2273" t="s">
        <v>14</v>
      </c>
      <c r="H2273" t="s">
        <v>22836</v>
      </c>
      <c r="I2273" t="s">
        <v>30540</v>
      </c>
    </row>
    <row r="2274" spans="1:9">
      <c r="A2274" s="1">
        <v>4.165912570496566E-2</v>
      </c>
      <c r="B2274" s="1"/>
      <c r="C2274">
        <v>13</v>
      </c>
      <c r="D2274" t="s">
        <v>22839</v>
      </c>
      <c r="E2274" t="s">
        <v>33565</v>
      </c>
      <c r="F2274">
        <v>1</v>
      </c>
      <c r="G2274" t="s">
        <v>0</v>
      </c>
      <c r="H2274" t="s">
        <v>22840</v>
      </c>
      <c r="I2274" t="s">
        <v>30540</v>
      </c>
    </row>
    <row r="2275" spans="1:9">
      <c r="A2275" s="1">
        <v>0.54637987662116316</v>
      </c>
      <c r="B2275" s="1"/>
      <c r="C2275">
        <v>4</v>
      </c>
      <c r="D2275" t="s">
        <v>22817</v>
      </c>
      <c r="E2275" t="s">
        <v>33568</v>
      </c>
      <c r="F2275">
        <v>2</v>
      </c>
      <c r="G2275" t="s">
        <v>2</v>
      </c>
      <c r="H2275" t="s">
        <v>22818</v>
      </c>
      <c r="I2275" t="s">
        <v>30540</v>
      </c>
    </row>
    <row r="2276" spans="1:9">
      <c r="A2276" s="1">
        <v>0.43959288907156979</v>
      </c>
      <c r="B2276" s="1"/>
      <c r="C2276">
        <v>8</v>
      </c>
      <c r="D2276" t="s">
        <v>22811</v>
      </c>
      <c r="E2276" t="s">
        <v>33569</v>
      </c>
      <c r="F2276">
        <v>3</v>
      </c>
      <c r="G2276" t="s">
        <v>10</v>
      </c>
      <c r="H2276" t="s">
        <v>22812</v>
      </c>
      <c r="I2276" t="s">
        <v>30540</v>
      </c>
    </row>
    <row r="2277" spans="1:9">
      <c r="A2277" s="1">
        <v>0.13494302005479009</v>
      </c>
      <c r="B2277" s="1"/>
      <c r="C2277">
        <v>7</v>
      </c>
      <c r="D2277" t="s">
        <v>22799</v>
      </c>
      <c r="E2277" t="s">
        <v>33571</v>
      </c>
      <c r="F2277">
        <v>3</v>
      </c>
      <c r="G2277" t="s">
        <v>774</v>
      </c>
      <c r="H2277" t="s">
        <v>22800</v>
      </c>
      <c r="I2277" t="s">
        <v>30540</v>
      </c>
    </row>
    <row r="2278" spans="1:9">
      <c r="A2278" s="1">
        <v>0.78321101363066237</v>
      </c>
      <c r="B2278" s="1"/>
      <c r="C2278">
        <v>6</v>
      </c>
      <c r="D2278" t="s">
        <v>22797</v>
      </c>
      <c r="E2278" t="s">
        <v>33571</v>
      </c>
      <c r="F2278">
        <v>2</v>
      </c>
      <c r="G2278" t="s">
        <v>1295</v>
      </c>
      <c r="H2278" t="s">
        <v>22798</v>
      </c>
      <c r="I2278" t="s">
        <v>30540</v>
      </c>
    </row>
    <row r="2279" spans="1:9">
      <c r="A2279" s="1">
        <v>0.16695955928473838</v>
      </c>
      <c r="B2279" s="1"/>
      <c r="C2279">
        <v>7</v>
      </c>
      <c r="D2279" t="s">
        <v>22771</v>
      </c>
      <c r="E2279" t="s">
        <v>33574</v>
      </c>
      <c r="F2279">
        <v>3</v>
      </c>
      <c r="G2279" t="s">
        <v>14</v>
      </c>
      <c r="H2279" t="s">
        <v>22772</v>
      </c>
      <c r="I2279" t="s">
        <v>30540</v>
      </c>
    </row>
    <row r="2280" spans="1:9">
      <c r="A2280" s="1">
        <v>0.84477822005782155</v>
      </c>
      <c r="B2280" s="1"/>
      <c r="C2280">
        <v>9</v>
      </c>
      <c r="D2280" t="s">
        <v>22753</v>
      </c>
      <c r="E2280" t="s">
        <v>33577</v>
      </c>
      <c r="F2280">
        <v>3</v>
      </c>
      <c r="G2280" t="s">
        <v>14</v>
      </c>
      <c r="H2280" t="s">
        <v>22754</v>
      </c>
      <c r="I2280" t="s">
        <v>30540</v>
      </c>
    </row>
    <row r="2281" spans="1:9">
      <c r="A2281" s="1">
        <v>0.5832217484750799</v>
      </c>
      <c r="B2281" s="1"/>
      <c r="C2281">
        <v>15</v>
      </c>
      <c r="D2281" t="s">
        <v>22733</v>
      </c>
      <c r="E2281" t="s">
        <v>33579</v>
      </c>
      <c r="F2281">
        <v>3</v>
      </c>
      <c r="G2281" t="s">
        <v>14</v>
      </c>
      <c r="H2281" t="s">
        <v>22734</v>
      </c>
      <c r="I2281" t="s">
        <v>30540</v>
      </c>
    </row>
    <row r="2282" spans="1:9">
      <c r="A2282" s="1">
        <v>0.26317036400317273</v>
      </c>
      <c r="B2282" s="1"/>
      <c r="C2282">
        <v>16</v>
      </c>
      <c r="D2282" t="s">
        <v>22735</v>
      </c>
      <c r="E2282" t="s">
        <v>33579</v>
      </c>
      <c r="F2282">
        <v>3</v>
      </c>
      <c r="G2282" t="s">
        <v>14</v>
      </c>
      <c r="H2282" t="s">
        <v>22736</v>
      </c>
      <c r="I2282" t="s">
        <v>30540</v>
      </c>
    </row>
    <row r="2283" spans="1:9">
      <c r="A2283" s="1">
        <v>0.89732731398400045</v>
      </c>
      <c r="B2283" s="1"/>
      <c r="C2283">
        <v>19</v>
      </c>
      <c r="D2283" t="s">
        <v>22727</v>
      </c>
      <c r="E2283" t="s">
        <v>33580</v>
      </c>
      <c r="F2283">
        <v>3</v>
      </c>
      <c r="G2283" t="s">
        <v>1431</v>
      </c>
      <c r="H2283" t="s">
        <v>22728</v>
      </c>
      <c r="I2283" t="s">
        <v>30540</v>
      </c>
    </row>
    <row r="2284" spans="1:9">
      <c r="A2284" s="1">
        <v>0.71922309383466676</v>
      </c>
      <c r="B2284" s="1"/>
      <c r="C2284">
        <v>14</v>
      </c>
      <c r="D2284" t="s">
        <v>22723</v>
      </c>
      <c r="E2284" t="s">
        <v>33580</v>
      </c>
      <c r="F2284">
        <v>3</v>
      </c>
      <c r="G2284" t="s">
        <v>14</v>
      </c>
      <c r="H2284" t="s">
        <v>22724</v>
      </c>
      <c r="I2284" t="s">
        <v>30540</v>
      </c>
    </row>
    <row r="2285" spans="1:9">
      <c r="A2285" s="1">
        <v>0.87872946527689377</v>
      </c>
      <c r="B2285" s="1"/>
      <c r="C2285">
        <v>13</v>
      </c>
      <c r="D2285" t="s">
        <v>22721</v>
      </c>
      <c r="E2285" t="s">
        <v>33580</v>
      </c>
      <c r="F2285">
        <v>2</v>
      </c>
      <c r="G2285" t="s">
        <v>771</v>
      </c>
      <c r="H2285" t="s">
        <v>22722</v>
      </c>
      <c r="I2285" t="s">
        <v>30540</v>
      </c>
    </row>
    <row r="2286" spans="1:9">
      <c r="A2286" s="1">
        <v>0.75943785534159547</v>
      </c>
      <c r="B2286" s="1"/>
      <c r="C2286">
        <v>7</v>
      </c>
      <c r="D2286" t="s">
        <v>22709</v>
      </c>
      <c r="E2286" t="s">
        <v>33582</v>
      </c>
      <c r="F2286">
        <v>3</v>
      </c>
      <c r="G2286" t="s">
        <v>14</v>
      </c>
      <c r="H2286" t="s">
        <v>22710</v>
      </c>
      <c r="I2286" t="s">
        <v>30540</v>
      </c>
    </row>
    <row r="2287" spans="1:9">
      <c r="A2287" s="1">
        <v>0.7589433860227901</v>
      </c>
      <c r="B2287" s="1"/>
      <c r="C2287">
        <v>6</v>
      </c>
      <c r="D2287" t="s">
        <v>22707</v>
      </c>
      <c r="E2287" t="s">
        <v>33582</v>
      </c>
      <c r="F2287">
        <v>3</v>
      </c>
      <c r="G2287" t="s">
        <v>10</v>
      </c>
      <c r="H2287" t="s">
        <v>22708</v>
      </c>
      <c r="I2287" t="s">
        <v>30540</v>
      </c>
    </row>
    <row r="2288" spans="1:9">
      <c r="A2288" s="1">
        <v>0.81492391419202559</v>
      </c>
      <c r="B2288" s="1"/>
      <c r="C2288">
        <v>6</v>
      </c>
      <c r="D2288" t="s">
        <v>22699</v>
      </c>
      <c r="E2288" t="s">
        <v>33583</v>
      </c>
      <c r="F2288">
        <v>2</v>
      </c>
      <c r="G2288" t="s">
        <v>14</v>
      </c>
      <c r="H2288" t="s">
        <v>22700</v>
      </c>
      <c r="I2288" t="s">
        <v>30540</v>
      </c>
    </row>
    <row r="2289" spans="1:9">
      <c r="A2289" s="1">
        <v>0.78697907859912408</v>
      </c>
      <c r="B2289" s="1"/>
      <c r="C2289">
        <v>11</v>
      </c>
      <c r="D2289" t="s">
        <v>22689</v>
      </c>
      <c r="E2289" t="s">
        <v>33584</v>
      </c>
      <c r="F2289">
        <v>3</v>
      </c>
      <c r="G2289" t="s">
        <v>14</v>
      </c>
      <c r="H2289" t="s">
        <v>22690</v>
      </c>
      <c r="I2289" t="s">
        <v>30540</v>
      </c>
    </row>
    <row r="2290" spans="1:9">
      <c r="A2290" s="1">
        <v>0.15456076794434692</v>
      </c>
      <c r="B2290" s="1"/>
      <c r="C2290">
        <v>14</v>
      </c>
      <c r="D2290" t="s">
        <v>22695</v>
      </c>
      <c r="E2290" t="s">
        <v>33584</v>
      </c>
      <c r="F2290">
        <v>2</v>
      </c>
      <c r="G2290" t="s">
        <v>14</v>
      </c>
      <c r="H2290" t="s">
        <v>22696</v>
      </c>
      <c r="I2290" t="s">
        <v>30540</v>
      </c>
    </row>
    <row r="2291" spans="1:9">
      <c r="A2291" s="1">
        <v>3.4811042703509321E-2</v>
      </c>
      <c r="B2291" s="1"/>
      <c r="C2291">
        <v>13</v>
      </c>
      <c r="D2291" t="s">
        <v>22681</v>
      </c>
      <c r="E2291" t="s">
        <v>33585</v>
      </c>
      <c r="F2291">
        <v>3</v>
      </c>
      <c r="G2291" t="s">
        <v>14</v>
      </c>
      <c r="H2291" t="s">
        <v>22682</v>
      </c>
      <c r="I2291" t="s">
        <v>30540</v>
      </c>
    </row>
    <row r="2292" spans="1:9">
      <c r="A2292" s="1">
        <v>0.94570197633253106</v>
      </c>
      <c r="B2292" s="1"/>
      <c r="C2292">
        <v>12</v>
      </c>
      <c r="D2292" t="s">
        <v>22663</v>
      </c>
      <c r="E2292" t="s">
        <v>33589</v>
      </c>
      <c r="F2292">
        <v>1</v>
      </c>
      <c r="G2292" t="s">
        <v>9</v>
      </c>
      <c r="H2292" t="s">
        <v>22664</v>
      </c>
      <c r="I2292" t="s">
        <v>30540</v>
      </c>
    </row>
    <row r="2293" spans="1:9">
      <c r="A2293" s="1">
        <v>0.54819560023728653</v>
      </c>
      <c r="B2293" s="1"/>
      <c r="C2293">
        <v>13</v>
      </c>
      <c r="D2293" t="s">
        <v>22655</v>
      </c>
      <c r="E2293" t="s">
        <v>33591</v>
      </c>
      <c r="F2293">
        <v>3</v>
      </c>
      <c r="G2293" t="s">
        <v>9</v>
      </c>
      <c r="H2293" t="s">
        <v>22656</v>
      </c>
      <c r="I2293" t="s">
        <v>30540</v>
      </c>
    </row>
    <row r="2294" spans="1:9">
      <c r="A2294" s="1">
        <v>4.2701459241381468E-2</v>
      </c>
      <c r="B2294" s="1"/>
      <c r="C2294">
        <v>13</v>
      </c>
      <c r="D2294" t="s">
        <v>22649</v>
      </c>
      <c r="E2294" t="s">
        <v>33592</v>
      </c>
      <c r="F2294">
        <v>2</v>
      </c>
      <c r="G2294" t="s">
        <v>9</v>
      </c>
      <c r="H2294" t="s">
        <v>22650</v>
      </c>
      <c r="I2294" t="s">
        <v>30540</v>
      </c>
    </row>
    <row r="2295" spans="1:9">
      <c r="A2295" s="1">
        <v>0.47551884049949611</v>
      </c>
      <c r="B2295" s="1"/>
      <c r="C2295">
        <v>13</v>
      </c>
      <c r="D2295" t="s">
        <v>22625</v>
      </c>
      <c r="E2295" t="s">
        <v>33596</v>
      </c>
      <c r="F2295">
        <v>2</v>
      </c>
      <c r="G2295" t="s">
        <v>0</v>
      </c>
      <c r="H2295" t="s">
        <v>22626</v>
      </c>
      <c r="I2295" t="s">
        <v>30540</v>
      </c>
    </row>
    <row r="2296" spans="1:9">
      <c r="A2296" s="1">
        <v>0.47432161400379358</v>
      </c>
      <c r="B2296" s="1"/>
      <c r="C2296">
        <v>11</v>
      </c>
      <c r="D2296" t="s">
        <v>22617</v>
      </c>
      <c r="E2296" t="s">
        <v>33597</v>
      </c>
      <c r="F2296">
        <v>2</v>
      </c>
      <c r="G2296" t="s">
        <v>10</v>
      </c>
      <c r="H2296" t="s">
        <v>22618</v>
      </c>
      <c r="I2296" t="s">
        <v>30540</v>
      </c>
    </row>
    <row r="2297" spans="1:9">
      <c r="A2297" s="1">
        <v>0.12289107281226774</v>
      </c>
      <c r="B2297" s="1"/>
      <c r="C2297">
        <v>6</v>
      </c>
      <c r="D2297" t="s">
        <v>22603</v>
      </c>
      <c r="E2297" t="s">
        <v>33599</v>
      </c>
      <c r="F2297">
        <v>2</v>
      </c>
      <c r="G2297" t="s">
        <v>10</v>
      </c>
      <c r="H2297" t="s">
        <v>22604</v>
      </c>
      <c r="I2297" t="s">
        <v>30540</v>
      </c>
    </row>
    <row r="2298" spans="1:9">
      <c r="A2298" s="1">
        <v>0.20661733436169416</v>
      </c>
      <c r="B2298" s="1"/>
      <c r="C2298">
        <v>4</v>
      </c>
      <c r="D2298" t="s">
        <v>22589</v>
      </c>
      <c r="E2298" t="s">
        <v>33600</v>
      </c>
      <c r="F2298">
        <v>3</v>
      </c>
      <c r="G2298" t="s">
        <v>10</v>
      </c>
      <c r="H2298" t="s">
        <v>22590</v>
      </c>
      <c r="I2298" t="s">
        <v>30540</v>
      </c>
    </row>
    <row r="2299" spans="1:9">
      <c r="A2299" s="1">
        <v>3.9403607237052385E-2</v>
      </c>
      <c r="B2299" s="1"/>
      <c r="C2299">
        <v>1</v>
      </c>
      <c r="D2299" t="s">
        <v>22567</v>
      </c>
      <c r="E2299" t="s">
        <v>33603</v>
      </c>
      <c r="F2299">
        <v>3</v>
      </c>
      <c r="G2299" t="s">
        <v>10</v>
      </c>
      <c r="H2299" t="s">
        <v>22568</v>
      </c>
      <c r="I2299" t="s">
        <v>30540</v>
      </c>
    </row>
    <row r="2300" spans="1:9">
      <c r="A2300" s="1">
        <v>0.91746063998915783</v>
      </c>
      <c r="B2300" s="1"/>
      <c r="C2300">
        <v>13</v>
      </c>
      <c r="D2300" t="s">
        <v>22575</v>
      </c>
      <c r="E2300" t="s">
        <v>33603</v>
      </c>
      <c r="F2300">
        <v>3</v>
      </c>
      <c r="G2300" t="s">
        <v>14</v>
      </c>
      <c r="H2300" t="s">
        <v>22576</v>
      </c>
      <c r="I2300" t="s">
        <v>30540</v>
      </c>
    </row>
    <row r="2301" spans="1:9">
      <c r="A2301" s="1">
        <v>0.10072765196998734</v>
      </c>
      <c r="B2301" s="1"/>
      <c r="C2301">
        <v>7</v>
      </c>
      <c r="D2301" t="s">
        <v>22571</v>
      </c>
      <c r="E2301" t="s">
        <v>33603</v>
      </c>
      <c r="F2301">
        <v>3</v>
      </c>
      <c r="G2301" t="s">
        <v>2</v>
      </c>
      <c r="H2301" t="s">
        <v>22572</v>
      </c>
      <c r="I2301" t="s">
        <v>30540</v>
      </c>
    </row>
    <row r="2302" spans="1:9">
      <c r="A2302" s="1">
        <v>0.6365096948447504</v>
      </c>
      <c r="B2302" s="1"/>
      <c r="C2302">
        <v>3</v>
      </c>
      <c r="D2302" t="s">
        <v>22569</v>
      </c>
      <c r="E2302" t="s">
        <v>33603</v>
      </c>
      <c r="F2302">
        <v>2</v>
      </c>
      <c r="G2302" t="s">
        <v>1</v>
      </c>
      <c r="H2302" t="s">
        <v>22570</v>
      </c>
      <c r="I2302" t="s">
        <v>30540</v>
      </c>
    </row>
    <row r="2303" spans="1:9">
      <c r="A2303" s="1">
        <v>0.99275041657514485</v>
      </c>
      <c r="B2303" s="1"/>
      <c r="C2303">
        <v>13</v>
      </c>
      <c r="D2303" t="s">
        <v>22561</v>
      </c>
      <c r="E2303" t="s">
        <v>33604</v>
      </c>
      <c r="F2303">
        <v>2</v>
      </c>
      <c r="G2303" t="s">
        <v>14</v>
      </c>
      <c r="H2303" t="s">
        <v>22562</v>
      </c>
      <c r="I2303" t="s">
        <v>30540</v>
      </c>
    </row>
    <row r="2304" spans="1:9">
      <c r="A2304" s="1">
        <v>0.4447006239667759</v>
      </c>
      <c r="B2304" s="1"/>
      <c r="C2304">
        <v>15</v>
      </c>
      <c r="D2304" t="s">
        <v>22547</v>
      </c>
      <c r="E2304" t="s">
        <v>33607</v>
      </c>
      <c r="F2304">
        <v>2</v>
      </c>
      <c r="G2304" t="s">
        <v>14</v>
      </c>
      <c r="H2304" t="s">
        <v>22548</v>
      </c>
      <c r="I2304" t="s">
        <v>30540</v>
      </c>
    </row>
    <row r="2305" spans="1:9">
      <c r="A2305" s="1">
        <v>0.63850441698913218</v>
      </c>
      <c r="B2305" s="1"/>
      <c r="C2305">
        <v>10</v>
      </c>
      <c r="D2305" t="s">
        <v>22541</v>
      </c>
      <c r="E2305" t="s">
        <v>33608</v>
      </c>
      <c r="F2305">
        <v>2</v>
      </c>
      <c r="G2305" t="s">
        <v>14</v>
      </c>
      <c r="H2305" t="s">
        <v>22542</v>
      </c>
      <c r="I2305" t="s">
        <v>30540</v>
      </c>
    </row>
    <row r="2306" spans="1:9">
      <c r="A2306" s="1">
        <v>0.63645880093877671</v>
      </c>
      <c r="B2306" s="1"/>
      <c r="C2306">
        <v>2</v>
      </c>
      <c r="D2306" t="s">
        <v>22535</v>
      </c>
      <c r="E2306" t="s">
        <v>33608</v>
      </c>
      <c r="F2306">
        <v>1</v>
      </c>
      <c r="G2306" t="s">
        <v>10</v>
      </c>
      <c r="H2306" t="s">
        <v>22536</v>
      </c>
      <c r="I2306" t="s">
        <v>30540</v>
      </c>
    </row>
    <row r="2307" spans="1:9">
      <c r="A2307" s="1">
        <v>0.42636405365440899</v>
      </c>
      <c r="B2307" s="1"/>
      <c r="C2307">
        <v>5</v>
      </c>
      <c r="D2307" t="s">
        <v>22527</v>
      </c>
      <c r="E2307" t="s">
        <v>33609</v>
      </c>
      <c r="F2307">
        <v>3</v>
      </c>
      <c r="G2307" t="s">
        <v>2</v>
      </c>
      <c r="H2307" t="s">
        <v>22528</v>
      </c>
      <c r="I2307" t="s">
        <v>30540</v>
      </c>
    </row>
    <row r="2308" spans="1:9">
      <c r="A2308" s="1">
        <v>0.75480311181585946</v>
      </c>
      <c r="B2308" s="1"/>
      <c r="C2308">
        <v>15</v>
      </c>
      <c r="D2308" t="s">
        <v>22531</v>
      </c>
      <c r="E2308" t="s">
        <v>33609</v>
      </c>
      <c r="F2308">
        <v>3</v>
      </c>
      <c r="G2308" t="s">
        <v>10</v>
      </c>
      <c r="H2308" t="s">
        <v>22532</v>
      </c>
      <c r="I2308" t="s">
        <v>30540</v>
      </c>
    </row>
    <row r="2309" spans="1:9">
      <c r="A2309" s="1">
        <v>0.36587769450772678</v>
      </c>
      <c r="B2309" s="1"/>
      <c r="C2309">
        <v>11</v>
      </c>
      <c r="D2309" t="s">
        <v>22529</v>
      </c>
      <c r="E2309" t="s">
        <v>33609</v>
      </c>
      <c r="F2309">
        <v>3</v>
      </c>
      <c r="G2309" t="s">
        <v>14</v>
      </c>
      <c r="H2309" t="s">
        <v>22530</v>
      </c>
      <c r="I2309" t="s">
        <v>30540</v>
      </c>
    </row>
    <row r="2310" spans="1:9">
      <c r="A2310" s="1">
        <v>0.68478749282118645</v>
      </c>
      <c r="B2310" s="1"/>
      <c r="C2310">
        <v>19</v>
      </c>
      <c r="D2310" t="s">
        <v>22533</v>
      </c>
      <c r="E2310" t="s">
        <v>33609</v>
      </c>
      <c r="F2310">
        <v>3</v>
      </c>
      <c r="G2310" t="s">
        <v>14</v>
      </c>
      <c r="H2310" t="s">
        <v>22534</v>
      </c>
      <c r="I2310" t="s">
        <v>30540</v>
      </c>
    </row>
    <row r="2311" spans="1:9">
      <c r="A2311" s="1">
        <v>0.90630627827827448</v>
      </c>
      <c r="B2311" s="1"/>
      <c r="C2311">
        <v>14</v>
      </c>
      <c r="D2311" t="s">
        <v>22523</v>
      </c>
      <c r="E2311" t="s">
        <v>33610</v>
      </c>
      <c r="F2311">
        <v>3</v>
      </c>
      <c r="G2311" t="s">
        <v>14</v>
      </c>
      <c r="H2311" t="s">
        <v>22524</v>
      </c>
      <c r="I2311" t="s">
        <v>30540</v>
      </c>
    </row>
    <row r="2312" spans="1:9">
      <c r="A2312" s="1">
        <v>0.77532525308105149</v>
      </c>
      <c r="B2312" s="1"/>
      <c r="C2312">
        <v>9</v>
      </c>
      <c r="D2312" t="s">
        <v>22519</v>
      </c>
      <c r="E2312" t="s">
        <v>33610</v>
      </c>
      <c r="F2312">
        <v>2</v>
      </c>
      <c r="G2312" t="s">
        <v>10</v>
      </c>
      <c r="H2312" t="s">
        <v>22520</v>
      </c>
      <c r="I2312" t="s">
        <v>30540</v>
      </c>
    </row>
    <row r="2313" spans="1:9">
      <c r="A2313" s="1">
        <v>0.56752216600731331</v>
      </c>
      <c r="B2313" s="1"/>
      <c r="C2313">
        <v>12</v>
      </c>
      <c r="D2313" t="s">
        <v>22513</v>
      </c>
      <c r="E2313" t="s">
        <v>33611</v>
      </c>
      <c r="F2313">
        <v>3</v>
      </c>
      <c r="G2313" t="s">
        <v>14</v>
      </c>
      <c r="H2313" t="s">
        <v>22514</v>
      </c>
      <c r="I2313" t="s">
        <v>30540</v>
      </c>
    </row>
    <row r="2314" spans="1:9">
      <c r="A2314" s="1">
        <v>0.53869398995093631</v>
      </c>
      <c r="B2314" s="1"/>
      <c r="C2314">
        <v>18</v>
      </c>
      <c r="D2314" t="s">
        <v>22497</v>
      </c>
      <c r="E2314" t="s">
        <v>33613</v>
      </c>
      <c r="F2314">
        <v>3</v>
      </c>
      <c r="G2314" t="s">
        <v>15</v>
      </c>
      <c r="H2314" t="s">
        <v>22498</v>
      </c>
      <c r="I2314" t="s">
        <v>30540</v>
      </c>
    </row>
    <row r="2315" spans="1:9">
      <c r="A2315" s="1">
        <v>0.31376009022652951</v>
      </c>
      <c r="B2315" s="1"/>
      <c r="C2315">
        <v>10</v>
      </c>
      <c r="D2315" t="s">
        <v>22493</v>
      </c>
      <c r="E2315" t="s">
        <v>33613</v>
      </c>
      <c r="F2315">
        <v>1</v>
      </c>
      <c r="G2315" t="s">
        <v>1431</v>
      </c>
      <c r="H2315" t="s">
        <v>22494</v>
      </c>
      <c r="I2315" t="s">
        <v>30540</v>
      </c>
    </row>
    <row r="2316" spans="1:9">
      <c r="A2316" s="1">
        <v>0.93544134997324158</v>
      </c>
      <c r="B2316" s="1"/>
      <c r="C2316">
        <v>4</v>
      </c>
      <c r="D2316" t="s">
        <v>22485</v>
      </c>
      <c r="E2316" t="s">
        <v>33614</v>
      </c>
      <c r="F2316">
        <v>3</v>
      </c>
      <c r="G2316" t="s">
        <v>13</v>
      </c>
      <c r="H2316" t="s">
        <v>22486</v>
      </c>
      <c r="I2316" t="s">
        <v>30540</v>
      </c>
    </row>
    <row r="2317" spans="1:9">
      <c r="A2317" s="1">
        <v>0.27749617797830228</v>
      </c>
      <c r="B2317" s="1"/>
      <c r="C2317">
        <v>2</v>
      </c>
      <c r="D2317" t="s">
        <v>22459</v>
      </c>
      <c r="E2317" t="s">
        <v>33617</v>
      </c>
      <c r="F2317">
        <v>2</v>
      </c>
      <c r="G2317" t="s">
        <v>9</v>
      </c>
      <c r="H2317" t="s">
        <v>22460</v>
      </c>
      <c r="I2317" t="s">
        <v>30540</v>
      </c>
    </row>
    <row r="2318" spans="1:9">
      <c r="A2318" s="1">
        <v>0.36079405910804419</v>
      </c>
      <c r="B2318" s="1"/>
      <c r="C2318">
        <v>9</v>
      </c>
      <c r="D2318" t="s">
        <v>22457</v>
      </c>
      <c r="E2318" t="s">
        <v>33618</v>
      </c>
      <c r="F2318">
        <v>3</v>
      </c>
      <c r="G2318" t="s">
        <v>3732</v>
      </c>
      <c r="H2318" t="s">
        <v>22458</v>
      </c>
      <c r="I2318" t="s">
        <v>30540</v>
      </c>
    </row>
    <row r="2319" spans="1:9">
      <c r="A2319" s="1">
        <v>0.84741349176792169</v>
      </c>
      <c r="B2319" s="1"/>
      <c r="C2319">
        <v>4</v>
      </c>
      <c r="D2319" t="s">
        <v>22447</v>
      </c>
      <c r="E2319" t="s">
        <v>33620</v>
      </c>
      <c r="F2319">
        <v>2</v>
      </c>
      <c r="G2319" t="s">
        <v>10</v>
      </c>
      <c r="H2319" t="s">
        <v>22448</v>
      </c>
      <c r="I2319" t="s">
        <v>30540</v>
      </c>
    </row>
    <row r="2320" spans="1:9">
      <c r="A2320" s="1">
        <v>0.98340575447365897</v>
      </c>
      <c r="B2320" s="1"/>
      <c r="C2320">
        <v>13</v>
      </c>
      <c r="D2320" t="s">
        <v>22445</v>
      </c>
      <c r="E2320" t="s">
        <v>33621</v>
      </c>
      <c r="F2320">
        <v>2</v>
      </c>
      <c r="G2320" t="s">
        <v>14</v>
      </c>
      <c r="H2320" t="s">
        <v>22446</v>
      </c>
      <c r="I2320" t="s">
        <v>30540</v>
      </c>
    </row>
    <row r="2321" spans="1:9">
      <c r="A2321" s="1">
        <v>0.63430828626726177</v>
      </c>
      <c r="B2321" s="1"/>
      <c r="C2321">
        <v>6</v>
      </c>
      <c r="D2321" t="s">
        <v>22437</v>
      </c>
      <c r="E2321" t="s">
        <v>33622</v>
      </c>
      <c r="F2321">
        <v>3</v>
      </c>
      <c r="G2321" t="s">
        <v>10</v>
      </c>
      <c r="H2321" t="s">
        <v>22438</v>
      </c>
      <c r="I2321" t="s">
        <v>30540</v>
      </c>
    </row>
    <row r="2322" spans="1:9">
      <c r="A2322" s="1">
        <v>0.97485121196055025</v>
      </c>
      <c r="B2322" s="1"/>
      <c r="C2322">
        <v>2</v>
      </c>
      <c r="D2322" t="s">
        <v>22429</v>
      </c>
      <c r="E2322" t="s">
        <v>33623</v>
      </c>
      <c r="F2322">
        <v>3</v>
      </c>
      <c r="G2322" t="s">
        <v>15</v>
      </c>
      <c r="H2322" t="s">
        <v>22430</v>
      </c>
      <c r="I2322" t="s">
        <v>30540</v>
      </c>
    </row>
    <row r="2323" spans="1:9">
      <c r="A2323" s="1">
        <v>0.51970340206701815</v>
      </c>
      <c r="B2323" s="1"/>
      <c r="C2323">
        <v>15</v>
      </c>
      <c r="D2323" t="s">
        <v>22433</v>
      </c>
      <c r="E2323" t="s">
        <v>33623</v>
      </c>
      <c r="F2323">
        <v>3</v>
      </c>
      <c r="G2323" t="s">
        <v>2738</v>
      </c>
      <c r="H2323" t="s">
        <v>22434</v>
      </c>
      <c r="I2323" t="s">
        <v>30540</v>
      </c>
    </row>
    <row r="2324" spans="1:9">
      <c r="A2324" s="1">
        <v>0.96273443430959083</v>
      </c>
      <c r="B2324" s="1"/>
      <c r="C2324">
        <v>1</v>
      </c>
      <c r="D2324" t="s">
        <v>22415</v>
      </c>
      <c r="E2324" t="s">
        <v>33625</v>
      </c>
      <c r="F2324">
        <v>2</v>
      </c>
      <c r="G2324" t="s">
        <v>2</v>
      </c>
      <c r="H2324" t="s">
        <v>22416</v>
      </c>
      <c r="I2324" t="s">
        <v>30540</v>
      </c>
    </row>
    <row r="2325" spans="1:9">
      <c r="A2325" s="1">
        <v>0.65282962313359283</v>
      </c>
      <c r="B2325" s="1"/>
      <c r="C2325">
        <v>1</v>
      </c>
      <c r="D2325" t="s">
        <v>22377</v>
      </c>
      <c r="E2325" t="s">
        <v>33630</v>
      </c>
      <c r="F2325">
        <v>3</v>
      </c>
      <c r="G2325" t="s">
        <v>2</v>
      </c>
      <c r="H2325" t="s">
        <v>22378</v>
      </c>
      <c r="I2325" t="s">
        <v>30540</v>
      </c>
    </row>
    <row r="2326" spans="1:9">
      <c r="A2326" s="1">
        <v>0.66577807192406757</v>
      </c>
      <c r="B2326" s="1"/>
      <c r="C2326">
        <v>11</v>
      </c>
      <c r="D2326" t="s">
        <v>22363</v>
      </c>
      <c r="E2326" t="s">
        <v>33632</v>
      </c>
      <c r="F2326">
        <v>2</v>
      </c>
      <c r="G2326" t="s">
        <v>14</v>
      </c>
      <c r="H2326" t="s">
        <v>22364</v>
      </c>
      <c r="I2326" t="s">
        <v>30540</v>
      </c>
    </row>
    <row r="2327" spans="1:9">
      <c r="A2327" s="1">
        <v>9.7663118588675601E-4</v>
      </c>
      <c r="B2327" s="1"/>
      <c r="C2327">
        <v>11</v>
      </c>
      <c r="D2327" t="s">
        <v>22357</v>
      </c>
      <c r="E2327" t="s">
        <v>33634</v>
      </c>
      <c r="F2327">
        <v>3</v>
      </c>
      <c r="G2327" t="s">
        <v>14</v>
      </c>
      <c r="H2327" t="s">
        <v>22358</v>
      </c>
      <c r="I2327" t="s">
        <v>30540</v>
      </c>
    </row>
    <row r="2328" spans="1:9">
      <c r="A2328" s="1">
        <v>0.34881147788421962</v>
      </c>
      <c r="B2328" s="1"/>
      <c r="C2328">
        <v>5</v>
      </c>
      <c r="D2328" t="s">
        <v>22349</v>
      </c>
      <c r="E2328" t="s">
        <v>33635</v>
      </c>
      <c r="F2328">
        <v>2</v>
      </c>
      <c r="G2328" t="s">
        <v>14</v>
      </c>
      <c r="H2328" t="s">
        <v>22350</v>
      </c>
      <c r="I2328" t="s">
        <v>30540</v>
      </c>
    </row>
    <row r="2329" spans="1:9">
      <c r="A2329" s="1">
        <v>0.15109125792514411</v>
      </c>
      <c r="B2329" s="1"/>
      <c r="C2329">
        <v>16</v>
      </c>
      <c r="D2329" t="s">
        <v>22335</v>
      </c>
      <c r="E2329" t="s">
        <v>33637</v>
      </c>
      <c r="F2329">
        <v>2</v>
      </c>
      <c r="G2329" t="s">
        <v>14</v>
      </c>
      <c r="H2329" t="s">
        <v>22336</v>
      </c>
      <c r="I2329" t="s">
        <v>30540</v>
      </c>
    </row>
    <row r="2330" spans="1:9">
      <c r="A2330" s="1">
        <v>4.0057124663385735E-2</v>
      </c>
      <c r="B2330" s="1"/>
      <c r="C2330">
        <v>9</v>
      </c>
      <c r="D2330" t="s">
        <v>22325</v>
      </c>
      <c r="E2330" t="s">
        <v>33639</v>
      </c>
      <c r="F2330">
        <v>2</v>
      </c>
      <c r="G2330" t="s">
        <v>14</v>
      </c>
      <c r="H2330" t="s">
        <v>22326</v>
      </c>
      <c r="I2330" t="s">
        <v>30540</v>
      </c>
    </row>
    <row r="2331" spans="1:9">
      <c r="A2331" s="1">
        <v>0.72391444392740367</v>
      </c>
      <c r="B2331" s="1"/>
      <c r="C2331">
        <v>5</v>
      </c>
      <c r="D2331" t="s">
        <v>22307</v>
      </c>
      <c r="E2331" t="s">
        <v>33642</v>
      </c>
      <c r="F2331">
        <v>2</v>
      </c>
      <c r="G2331" t="s">
        <v>15</v>
      </c>
      <c r="H2331" t="s">
        <v>22308</v>
      </c>
      <c r="I2331" t="s">
        <v>30540</v>
      </c>
    </row>
    <row r="2332" spans="1:9">
      <c r="A2332" s="1">
        <v>0.16387707778378358</v>
      </c>
      <c r="B2332" s="1"/>
      <c r="C2332">
        <v>3</v>
      </c>
      <c r="D2332" t="s">
        <v>22295</v>
      </c>
      <c r="E2332" t="s">
        <v>33643</v>
      </c>
      <c r="F2332">
        <v>3</v>
      </c>
      <c r="G2332" t="s">
        <v>10</v>
      </c>
      <c r="H2332" t="s">
        <v>22296</v>
      </c>
      <c r="I2332" t="s">
        <v>30540</v>
      </c>
    </row>
    <row r="2333" spans="1:9">
      <c r="A2333" s="1">
        <v>0.25066387347377972</v>
      </c>
      <c r="B2333" s="1"/>
      <c r="C2333">
        <v>11</v>
      </c>
      <c r="D2333" t="s">
        <v>22299</v>
      </c>
      <c r="E2333" t="s">
        <v>33643</v>
      </c>
      <c r="F2333">
        <v>2</v>
      </c>
      <c r="G2333" t="s">
        <v>14</v>
      </c>
      <c r="H2333" t="s">
        <v>22300</v>
      </c>
      <c r="I2333" t="s">
        <v>30540</v>
      </c>
    </row>
    <row r="2334" spans="1:9">
      <c r="A2334" s="1">
        <v>0.49912814387521731</v>
      </c>
      <c r="B2334" s="1"/>
      <c r="C2334">
        <v>1</v>
      </c>
      <c r="D2334" t="s">
        <v>22279</v>
      </c>
      <c r="E2334" t="s">
        <v>33645</v>
      </c>
      <c r="F2334">
        <v>3</v>
      </c>
      <c r="G2334" t="s">
        <v>14</v>
      </c>
      <c r="H2334" t="s">
        <v>22280</v>
      </c>
      <c r="I2334" t="s">
        <v>30540</v>
      </c>
    </row>
    <row r="2335" spans="1:9">
      <c r="A2335" s="1">
        <v>0.93147535497845091</v>
      </c>
      <c r="B2335" s="1"/>
      <c r="C2335">
        <v>4</v>
      </c>
      <c r="D2335" t="s">
        <v>22273</v>
      </c>
      <c r="E2335" t="s">
        <v>33646</v>
      </c>
      <c r="F2335">
        <v>2</v>
      </c>
      <c r="G2335" t="s">
        <v>769</v>
      </c>
      <c r="H2335" t="s">
        <v>22274</v>
      </c>
      <c r="I2335" t="s">
        <v>30540</v>
      </c>
    </row>
    <row r="2336" spans="1:9">
      <c r="A2336" s="1">
        <v>0.7118562878600625</v>
      </c>
      <c r="B2336" s="1"/>
      <c r="C2336">
        <v>2</v>
      </c>
      <c r="D2336" t="s">
        <v>22265</v>
      </c>
      <c r="E2336" t="s">
        <v>33647</v>
      </c>
      <c r="F2336">
        <v>2</v>
      </c>
      <c r="G2336" t="s">
        <v>2</v>
      </c>
      <c r="H2336" t="s">
        <v>22266</v>
      </c>
      <c r="I2336" t="s">
        <v>30540</v>
      </c>
    </row>
    <row r="2337" spans="1:9">
      <c r="A2337" s="1">
        <v>0.24776239987556659</v>
      </c>
      <c r="B2337" s="1"/>
      <c r="C2337">
        <v>11</v>
      </c>
      <c r="D2337" t="s">
        <v>22263</v>
      </c>
      <c r="E2337" t="s">
        <v>33648</v>
      </c>
      <c r="F2337">
        <v>2</v>
      </c>
      <c r="G2337" t="s">
        <v>14</v>
      </c>
      <c r="H2337" t="s">
        <v>22264</v>
      </c>
      <c r="I2337" t="s">
        <v>30540</v>
      </c>
    </row>
    <row r="2338" spans="1:9">
      <c r="A2338" s="1">
        <v>7.8309851246228246E-2</v>
      </c>
      <c r="B2338" s="1"/>
      <c r="C2338">
        <v>5</v>
      </c>
      <c r="D2338" t="s">
        <v>22259</v>
      </c>
      <c r="E2338" t="s">
        <v>33648</v>
      </c>
      <c r="F2338">
        <v>2</v>
      </c>
      <c r="G2338" t="s">
        <v>14</v>
      </c>
      <c r="H2338" t="s">
        <v>22260</v>
      </c>
      <c r="I2338" t="s">
        <v>30540</v>
      </c>
    </row>
    <row r="2339" spans="1:9">
      <c r="A2339" s="1">
        <v>4.1907386693809223E-2</v>
      </c>
      <c r="B2339" s="1"/>
      <c r="C2339">
        <v>13</v>
      </c>
      <c r="D2339" t="s">
        <v>22255</v>
      </c>
      <c r="E2339" t="s">
        <v>33649</v>
      </c>
      <c r="F2339">
        <v>2</v>
      </c>
      <c r="G2339" t="s">
        <v>0</v>
      </c>
      <c r="H2339" t="s">
        <v>22256</v>
      </c>
      <c r="I2339" t="s">
        <v>30540</v>
      </c>
    </row>
    <row r="2340" spans="1:9">
      <c r="A2340" s="1">
        <v>0.4097838087829706</v>
      </c>
      <c r="B2340" s="1"/>
      <c r="C2340">
        <v>7</v>
      </c>
      <c r="D2340" t="s">
        <v>22241</v>
      </c>
      <c r="E2340" t="s">
        <v>33651</v>
      </c>
      <c r="F2340">
        <v>3</v>
      </c>
      <c r="G2340" t="s">
        <v>14</v>
      </c>
      <c r="H2340" t="s">
        <v>22242</v>
      </c>
      <c r="I2340" t="s">
        <v>30540</v>
      </c>
    </row>
    <row r="2341" spans="1:9">
      <c r="A2341" s="1">
        <v>0.16525838396883841</v>
      </c>
      <c r="B2341" s="1"/>
      <c r="C2341">
        <v>12</v>
      </c>
      <c r="D2341" t="s">
        <v>22245</v>
      </c>
      <c r="E2341" t="s">
        <v>33651</v>
      </c>
      <c r="F2341">
        <v>3</v>
      </c>
      <c r="G2341" t="s">
        <v>14</v>
      </c>
      <c r="H2341" t="s">
        <v>22246</v>
      </c>
      <c r="I2341" t="s">
        <v>30540</v>
      </c>
    </row>
    <row r="2342" spans="1:9">
      <c r="A2342" s="1">
        <v>0.4877599229746189</v>
      </c>
      <c r="B2342" s="1"/>
      <c r="C2342">
        <v>1</v>
      </c>
      <c r="D2342" t="s">
        <v>22239</v>
      </c>
      <c r="E2342" t="s">
        <v>33651</v>
      </c>
      <c r="F2342">
        <v>2</v>
      </c>
      <c r="G2342" t="s">
        <v>10</v>
      </c>
      <c r="H2342" t="s">
        <v>22240</v>
      </c>
      <c r="I2342" t="s">
        <v>30540</v>
      </c>
    </row>
    <row r="2343" spans="1:9">
      <c r="A2343" s="1">
        <v>0.92163348539366396</v>
      </c>
      <c r="B2343" s="1"/>
      <c r="C2343">
        <v>1</v>
      </c>
      <c r="D2343" t="s">
        <v>22225</v>
      </c>
      <c r="E2343" t="s">
        <v>33653</v>
      </c>
      <c r="F2343">
        <v>3</v>
      </c>
      <c r="G2343" t="s">
        <v>2</v>
      </c>
      <c r="H2343" t="s">
        <v>22226</v>
      </c>
      <c r="I2343" t="s">
        <v>30540</v>
      </c>
    </row>
    <row r="2344" spans="1:9">
      <c r="A2344" s="1">
        <v>0.58693008752869036</v>
      </c>
      <c r="B2344" s="1"/>
      <c r="C2344">
        <v>15</v>
      </c>
      <c r="D2344" t="s">
        <v>22231</v>
      </c>
      <c r="E2344" t="s">
        <v>33653</v>
      </c>
      <c r="F2344">
        <v>3</v>
      </c>
      <c r="G2344" t="s">
        <v>1</v>
      </c>
      <c r="H2344" t="s">
        <v>22232</v>
      </c>
      <c r="I2344" t="s">
        <v>30540</v>
      </c>
    </row>
    <row r="2345" spans="1:9">
      <c r="A2345" s="1">
        <v>0.66894450683710716</v>
      </c>
      <c r="B2345" s="1"/>
      <c r="C2345">
        <v>10</v>
      </c>
      <c r="D2345" t="s">
        <v>22229</v>
      </c>
      <c r="E2345" t="s">
        <v>33653</v>
      </c>
      <c r="F2345">
        <v>2</v>
      </c>
      <c r="G2345" t="s">
        <v>14</v>
      </c>
      <c r="H2345" t="s">
        <v>22230</v>
      </c>
      <c r="I2345" t="s">
        <v>30540</v>
      </c>
    </row>
    <row r="2346" spans="1:9">
      <c r="A2346" s="1">
        <v>0.20903671221582132</v>
      </c>
      <c r="B2346" s="1"/>
      <c r="C2346">
        <v>12</v>
      </c>
      <c r="D2346" t="s">
        <v>22217</v>
      </c>
      <c r="E2346" t="s">
        <v>33655</v>
      </c>
      <c r="F2346">
        <v>1</v>
      </c>
      <c r="G2346" t="s">
        <v>762</v>
      </c>
      <c r="H2346" t="s">
        <v>22218</v>
      </c>
      <c r="I2346" t="s">
        <v>30540</v>
      </c>
    </row>
    <row r="2347" spans="1:9">
      <c r="A2347" s="1">
        <v>4.8664318030918419E-2</v>
      </c>
      <c r="B2347" s="1"/>
      <c r="C2347">
        <v>13</v>
      </c>
      <c r="D2347" t="s">
        <v>22205</v>
      </c>
      <c r="E2347" t="s">
        <v>33658</v>
      </c>
      <c r="F2347">
        <v>3</v>
      </c>
      <c r="G2347" t="s">
        <v>14</v>
      </c>
      <c r="H2347" t="s">
        <v>22206</v>
      </c>
      <c r="I2347" t="s">
        <v>30540</v>
      </c>
    </row>
    <row r="2348" spans="1:9">
      <c r="A2348" s="1">
        <v>0.97205752616890884</v>
      </c>
      <c r="B2348" s="1"/>
      <c r="C2348">
        <v>12</v>
      </c>
      <c r="D2348" t="s">
        <v>22197</v>
      </c>
      <c r="E2348" t="s">
        <v>33659</v>
      </c>
      <c r="F2348">
        <v>3</v>
      </c>
      <c r="G2348" t="s">
        <v>0</v>
      </c>
      <c r="H2348" t="s">
        <v>22198</v>
      </c>
      <c r="I2348" t="s">
        <v>30540</v>
      </c>
    </row>
    <row r="2349" spans="1:9">
      <c r="A2349" s="1">
        <v>0.8313813864785019</v>
      </c>
      <c r="B2349" s="1"/>
      <c r="C2349">
        <v>15</v>
      </c>
      <c r="D2349" t="s">
        <v>22201</v>
      </c>
      <c r="E2349" t="s">
        <v>33659</v>
      </c>
      <c r="F2349">
        <v>1</v>
      </c>
      <c r="G2349" t="s">
        <v>14</v>
      </c>
      <c r="H2349" t="s">
        <v>22202</v>
      </c>
      <c r="I2349" t="s">
        <v>30540</v>
      </c>
    </row>
    <row r="2350" spans="1:9">
      <c r="A2350" s="1">
        <v>0.77594006332887577</v>
      </c>
      <c r="B2350" s="1"/>
      <c r="C2350">
        <v>2</v>
      </c>
      <c r="D2350" t="s">
        <v>22185</v>
      </c>
      <c r="E2350" t="s">
        <v>33660</v>
      </c>
      <c r="F2350">
        <v>3</v>
      </c>
      <c r="G2350" t="s">
        <v>15</v>
      </c>
      <c r="H2350" t="s">
        <v>22186</v>
      </c>
      <c r="I2350" t="s">
        <v>30540</v>
      </c>
    </row>
    <row r="2351" spans="1:9">
      <c r="A2351" s="1">
        <v>0.2389543389918688</v>
      </c>
      <c r="B2351" s="1"/>
      <c r="C2351">
        <v>6</v>
      </c>
      <c r="D2351" t="s">
        <v>22189</v>
      </c>
      <c r="E2351" t="s">
        <v>33660</v>
      </c>
      <c r="F2351">
        <v>2</v>
      </c>
      <c r="G2351" t="s">
        <v>762</v>
      </c>
      <c r="H2351" t="s">
        <v>22190</v>
      </c>
      <c r="I2351" t="s">
        <v>30540</v>
      </c>
    </row>
    <row r="2352" spans="1:9">
      <c r="A2352" s="1">
        <v>0.85528598463933325</v>
      </c>
      <c r="B2352" s="1"/>
      <c r="C2352">
        <v>10</v>
      </c>
      <c r="D2352" t="s">
        <v>22171</v>
      </c>
      <c r="E2352" t="s">
        <v>33662</v>
      </c>
      <c r="F2352">
        <v>3</v>
      </c>
      <c r="G2352" t="s">
        <v>14</v>
      </c>
      <c r="H2352" t="s">
        <v>22172</v>
      </c>
      <c r="I2352" t="s">
        <v>30540</v>
      </c>
    </row>
    <row r="2353" spans="1:9">
      <c r="A2353" s="1">
        <v>0.19492889781352707</v>
      </c>
      <c r="B2353" s="1"/>
      <c r="C2353">
        <v>8</v>
      </c>
      <c r="D2353" t="s">
        <v>22169</v>
      </c>
      <c r="E2353" t="s">
        <v>33662</v>
      </c>
      <c r="F2353">
        <v>2</v>
      </c>
      <c r="G2353" t="s">
        <v>14</v>
      </c>
      <c r="H2353" t="s">
        <v>22170</v>
      </c>
      <c r="I2353" t="s">
        <v>30540</v>
      </c>
    </row>
    <row r="2354" spans="1:9">
      <c r="A2354" s="1">
        <v>0.72382126049811835</v>
      </c>
      <c r="B2354" s="1"/>
      <c r="C2354">
        <v>16</v>
      </c>
      <c r="D2354" t="s">
        <v>22161</v>
      </c>
      <c r="E2354" t="s">
        <v>33663</v>
      </c>
      <c r="F2354">
        <v>1</v>
      </c>
      <c r="G2354" t="s">
        <v>9</v>
      </c>
      <c r="H2354" t="s">
        <v>22162</v>
      </c>
      <c r="I2354" t="s">
        <v>30540</v>
      </c>
    </row>
    <row r="2355" spans="1:9">
      <c r="A2355" s="1">
        <v>0.63945708545997693</v>
      </c>
      <c r="B2355" s="1"/>
      <c r="C2355">
        <v>1</v>
      </c>
      <c r="D2355" t="s">
        <v>22149</v>
      </c>
      <c r="E2355" t="s">
        <v>33664</v>
      </c>
      <c r="F2355">
        <v>3</v>
      </c>
      <c r="G2355" t="s">
        <v>2</v>
      </c>
      <c r="H2355" t="s">
        <v>22150</v>
      </c>
      <c r="I2355" t="s">
        <v>30540</v>
      </c>
    </row>
    <row r="2356" spans="1:9">
      <c r="A2356" s="1">
        <v>0.46932047811811861</v>
      </c>
      <c r="B2356" s="1"/>
      <c r="C2356">
        <v>13</v>
      </c>
      <c r="D2356" t="s">
        <v>22151</v>
      </c>
      <c r="E2356" t="s">
        <v>33664</v>
      </c>
      <c r="F2356">
        <v>1</v>
      </c>
      <c r="G2356" t="s">
        <v>14</v>
      </c>
      <c r="H2356" t="s">
        <v>22152</v>
      </c>
      <c r="I2356" t="s">
        <v>30540</v>
      </c>
    </row>
    <row r="2357" spans="1:9">
      <c r="A2357" s="1">
        <v>0.83371166649280048</v>
      </c>
      <c r="B2357" s="1"/>
      <c r="C2357">
        <v>2</v>
      </c>
      <c r="D2357" t="s">
        <v>22145</v>
      </c>
      <c r="E2357" t="s">
        <v>33665</v>
      </c>
      <c r="F2357">
        <v>2</v>
      </c>
      <c r="G2357" t="s">
        <v>10</v>
      </c>
      <c r="H2357" t="s">
        <v>22146</v>
      </c>
      <c r="I2357" t="s">
        <v>30540</v>
      </c>
    </row>
    <row r="2358" spans="1:9">
      <c r="A2358" s="1">
        <v>0.5747381137795543</v>
      </c>
      <c r="B2358" s="1"/>
      <c r="C2358">
        <v>6</v>
      </c>
      <c r="D2358" t="s">
        <v>22147</v>
      </c>
      <c r="E2358" t="s">
        <v>33665</v>
      </c>
      <c r="F2358">
        <v>2</v>
      </c>
      <c r="G2358" t="s">
        <v>15</v>
      </c>
      <c r="H2358" t="s">
        <v>22148</v>
      </c>
      <c r="I2358" t="s">
        <v>30540</v>
      </c>
    </row>
    <row r="2359" spans="1:9">
      <c r="A2359" s="1">
        <v>0.72515908084944347</v>
      </c>
      <c r="B2359" s="1"/>
      <c r="C2359">
        <v>14</v>
      </c>
      <c r="D2359" t="s">
        <v>22141</v>
      </c>
      <c r="E2359" t="s">
        <v>33666</v>
      </c>
      <c r="F2359">
        <v>3</v>
      </c>
      <c r="G2359" t="s">
        <v>14</v>
      </c>
      <c r="H2359" t="s">
        <v>22142</v>
      </c>
      <c r="I2359" t="s">
        <v>30540</v>
      </c>
    </row>
    <row r="2360" spans="1:9">
      <c r="A2360" s="1">
        <v>0.9877788457903186</v>
      </c>
      <c r="B2360" s="1"/>
      <c r="C2360">
        <v>9</v>
      </c>
      <c r="D2360" t="s">
        <v>22139</v>
      </c>
      <c r="E2360" t="s">
        <v>33667</v>
      </c>
      <c r="F2360">
        <v>3</v>
      </c>
      <c r="G2360" t="s">
        <v>14</v>
      </c>
      <c r="H2360" t="s">
        <v>22140</v>
      </c>
      <c r="I2360" t="s">
        <v>30540</v>
      </c>
    </row>
    <row r="2361" spans="1:9">
      <c r="A2361" s="1">
        <v>8.4242688309285496E-2</v>
      </c>
      <c r="B2361" s="1"/>
      <c r="C2361">
        <v>8</v>
      </c>
      <c r="D2361" t="s">
        <v>22137</v>
      </c>
      <c r="E2361" t="s">
        <v>33667</v>
      </c>
      <c r="F2361">
        <v>2</v>
      </c>
      <c r="G2361" t="s">
        <v>14</v>
      </c>
      <c r="H2361" t="s">
        <v>22138</v>
      </c>
      <c r="I2361" t="s">
        <v>30540</v>
      </c>
    </row>
    <row r="2362" spans="1:9">
      <c r="A2362" s="1">
        <v>0.69224702406076266</v>
      </c>
      <c r="B2362" s="1"/>
      <c r="C2362">
        <v>16</v>
      </c>
      <c r="D2362" t="s">
        <v>22135</v>
      </c>
      <c r="E2362" t="s">
        <v>33668</v>
      </c>
      <c r="F2362">
        <v>3</v>
      </c>
      <c r="G2362" t="s">
        <v>14</v>
      </c>
      <c r="H2362" t="s">
        <v>22136</v>
      </c>
      <c r="I2362" t="s">
        <v>30540</v>
      </c>
    </row>
    <row r="2363" spans="1:9">
      <c r="A2363" s="1">
        <v>0.6461175250146538</v>
      </c>
      <c r="B2363" s="1"/>
      <c r="C2363">
        <v>16</v>
      </c>
      <c r="D2363" t="s">
        <v>22129</v>
      </c>
      <c r="E2363" t="s">
        <v>33669</v>
      </c>
      <c r="F2363">
        <v>3</v>
      </c>
      <c r="G2363" t="s">
        <v>0</v>
      </c>
      <c r="H2363" t="s">
        <v>22130</v>
      </c>
      <c r="I2363" t="s">
        <v>30540</v>
      </c>
    </row>
    <row r="2364" spans="1:9">
      <c r="A2364" s="1">
        <v>0.64818296340610493</v>
      </c>
      <c r="B2364" s="1"/>
      <c r="C2364">
        <v>9</v>
      </c>
      <c r="D2364" t="s">
        <v>22123</v>
      </c>
      <c r="E2364" t="s">
        <v>33669</v>
      </c>
      <c r="F2364">
        <v>3</v>
      </c>
      <c r="G2364" t="s">
        <v>14</v>
      </c>
      <c r="H2364" t="s">
        <v>22124</v>
      </c>
      <c r="I2364" t="s">
        <v>30540</v>
      </c>
    </row>
    <row r="2365" spans="1:9">
      <c r="A2365" s="1">
        <v>0.29626745520361264</v>
      </c>
      <c r="B2365" s="1"/>
      <c r="C2365">
        <v>4</v>
      </c>
      <c r="D2365" t="s">
        <v>22113</v>
      </c>
      <c r="E2365" t="s">
        <v>33670</v>
      </c>
      <c r="F2365">
        <v>3</v>
      </c>
      <c r="G2365" t="s">
        <v>3732</v>
      </c>
      <c r="H2365" t="s">
        <v>22114</v>
      </c>
      <c r="I2365" t="s">
        <v>30540</v>
      </c>
    </row>
    <row r="2366" spans="1:9">
      <c r="A2366" s="1">
        <v>0.21289925841241908</v>
      </c>
      <c r="B2366" s="1"/>
      <c r="C2366">
        <v>2</v>
      </c>
      <c r="D2366" t="s">
        <v>22103</v>
      </c>
      <c r="E2366" t="s">
        <v>33671</v>
      </c>
      <c r="F2366">
        <v>2</v>
      </c>
      <c r="G2366" t="s">
        <v>1</v>
      </c>
      <c r="H2366" t="s">
        <v>22104</v>
      </c>
      <c r="I2366" t="s">
        <v>30540</v>
      </c>
    </row>
    <row r="2367" spans="1:9">
      <c r="A2367" s="1">
        <v>0.36113891934038578</v>
      </c>
      <c r="B2367" s="1"/>
      <c r="C2367">
        <v>14</v>
      </c>
      <c r="D2367" t="s">
        <v>22101</v>
      </c>
      <c r="E2367" t="s">
        <v>33672</v>
      </c>
      <c r="F2367">
        <v>3</v>
      </c>
      <c r="G2367" t="s">
        <v>14</v>
      </c>
      <c r="H2367" t="s">
        <v>22102</v>
      </c>
      <c r="I2367" t="s">
        <v>30540</v>
      </c>
    </row>
    <row r="2368" spans="1:9">
      <c r="A2368" s="1">
        <v>0.92069090489168215</v>
      </c>
      <c r="B2368" s="1"/>
      <c r="C2368">
        <v>13</v>
      </c>
      <c r="D2368" t="s">
        <v>22097</v>
      </c>
      <c r="E2368" t="s">
        <v>33673</v>
      </c>
      <c r="F2368">
        <v>3</v>
      </c>
      <c r="G2368" t="s">
        <v>14</v>
      </c>
      <c r="H2368" t="s">
        <v>22098</v>
      </c>
      <c r="I2368" t="s">
        <v>30540</v>
      </c>
    </row>
    <row r="2369" spans="1:9">
      <c r="A2369" s="1">
        <v>0.47117835077902803</v>
      </c>
      <c r="B2369" s="1"/>
      <c r="C2369">
        <v>4</v>
      </c>
      <c r="D2369" t="s">
        <v>22091</v>
      </c>
      <c r="E2369" t="s">
        <v>33674</v>
      </c>
      <c r="F2369">
        <v>2</v>
      </c>
      <c r="G2369" t="s">
        <v>1</v>
      </c>
      <c r="H2369" t="s">
        <v>22092</v>
      </c>
      <c r="I2369" t="s">
        <v>30540</v>
      </c>
    </row>
    <row r="2370" spans="1:9">
      <c r="A2370" s="1">
        <v>0.45287279111102596</v>
      </c>
      <c r="B2370" s="1"/>
      <c r="C2370">
        <v>20</v>
      </c>
      <c r="D2370" t="s">
        <v>22089</v>
      </c>
      <c r="E2370" t="s">
        <v>33675</v>
      </c>
      <c r="F2370">
        <v>3</v>
      </c>
      <c r="G2370" t="s">
        <v>10</v>
      </c>
      <c r="H2370" t="s">
        <v>22090</v>
      </c>
      <c r="I2370" t="s">
        <v>30540</v>
      </c>
    </row>
    <row r="2371" spans="1:9">
      <c r="A2371" s="1">
        <v>0.89191270527329614</v>
      </c>
      <c r="B2371" s="1"/>
      <c r="C2371">
        <v>4</v>
      </c>
      <c r="D2371" t="s">
        <v>22081</v>
      </c>
      <c r="E2371" t="s">
        <v>33676</v>
      </c>
      <c r="F2371">
        <v>2</v>
      </c>
      <c r="G2371" t="s">
        <v>14</v>
      </c>
      <c r="H2371" t="s">
        <v>22082</v>
      </c>
      <c r="I2371" t="s">
        <v>30540</v>
      </c>
    </row>
    <row r="2372" spans="1:9">
      <c r="A2372" s="1">
        <v>0.45863072995086485</v>
      </c>
      <c r="B2372" s="1"/>
      <c r="C2372">
        <v>5</v>
      </c>
      <c r="D2372" t="s">
        <v>22075</v>
      </c>
      <c r="E2372" t="s">
        <v>33677</v>
      </c>
      <c r="F2372">
        <v>3</v>
      </c>
      <c r="G2372" t="s">
        <v>14</v>
      </c>
      <c r="H2372" t="s">
        <v>22076</v>
      </c>
      <c r="I2372" t="s">
        <v>30540</v>
      </c>
    </row>
    <row r="2373" spans="1:9">
      <c r="A2373" s="1">
        <v>0.90061001752305947</v>
      </c>
      <c r="B2373" s="1"/>
      <c r="C2373">
        <v>4</v>
      </c>
      <c r="D2373" t="s">
        <v>22073</v>
      </c>
      <c r="E2373" t="s">
        <v>33677</v>
      </c>
      <c r="F2373">
        <v>2</v>
      </c>
      <c r="G2373" t="s">
        <v>15</v>
      </c>
      <c r="H2373" t="s">
        <v>22074</v>
      </c>
      <c r="I2373" t="s">
        <v>30540</v>
      </c>
    </row>
    <row r="2374" spans="1:9">
      <c r="A2374" s="1">
        <v>1.5721198329735064E-2</v>
      </c>
      <c r="B2374" s="1"/>
      <c r="C2374">
        <v>6</v>
      </c>
      <c r="D2374" t="s">
        <v>22077</v>
      </c>
      <c r="E2374" t="s">
        <v>33677</v>
      </c>
      <c r="F2374">
        <v>1</v>
      </c>
      <c r="G2374" t="s">
        <v>15</v>
      </c>
      <c r="H2374" t="s">
        <v>22078</v>
      </c>
      <c r="I2374" t="s">
        <v>30540</v>
      </c>
    </row>
    <row r="2375" spans="1:9">
      <c r="A2375" s="1">
        <v>0.61197287213659357</v>
      </c>
      <c r="B2375" s="1"/>
      <c r="C2375">
        <v>2</v>
      </c>
      <c r="D2375" t="s">
        <v>22039</v>
      </c>
      <c r="E2375" t="s">
        <v>33680</v>
      </c>
      <c r="F2375">
        <v>2</v>
      </c>
      <c r="G2375" t="s">
        <v>10</v>
      </c>
      <c r="H2375" t="s">
        <v>22040</v>
      </c>
      <c r="I2375" t="s">
        <v>30540</v>
      </c>
    </row>
    <row r="2376" spans="1:9">
      <c r="A2376" s="1">
        <v>0.89000418885678123</v>
      </c>
      <c r="B2376" s="1"/>
      <c r="C2376">
        <v>12</v>
      </c>
      <c r="D2376" t="s">
        <v>22043</v>
      </c>
      <c r="E2376" t="s">
        <v>33680</v>
      </c>
      <c r="F2376">
        <v>2</v>
      </c>
      <c r="G2376" t="s">
        <v>762</v>
      </c>
      <c r="H2376" t="s">
        <v>22044</v>
      </c>
      <c r="I2376" t="s">
        <v>30540</v>
      </c>
    </row>
    <row r="2377" spans="1:9">
      <c r="A2377" s="1">
        <v>0.8867153979195963</v>
      </c>
      <c r="B2377" s="1"/>
      <c r="C2377">
        <v>14</v>
      </c>
      <c r="D2377" t="s">
        <v>22037</v>
      </c>
      <c r="E2377" t="s">
        <v>33681</v>
      </c>
      <c r="F2377">
        <v>2</v>
      </c>
      <c r="G2377" t="s">
        <v>14</v>
      </c>
      <c r="H2377" t="s">
        <v>22038</v>
      </c>
      <c r="I2377" t="s">
        <v>30540</v>
      </c>
    </row>
    <row r="2378" spans="1:9">
      <c r="A2378" s="1">
        <v>0.57997030146346928</v>
      </c>
      <c r="B2378" s="1"/>
      <c r="C2378">
        <v>20</v>
      </c>
      <c r="D2378" t="s">
        <v>22019</v>
      </c>
      <c r="E2378" t="s">
        <v>33685</v>
      </c>
      <c r="F2378">
        <v>2</v>
      </c>
      <c r="G2378" t="s">
        <v>10</v>
      </c>
      <c r="H2378" t="s">
        <v>22020</v>
      </c>
      <c r="I2378" t="s">
        <v>30540</v>
      </c>
    </row>
    <row r="2379" spans="1:9">
      <c r="A2379" s="1">
        <v>0.9466564408469762</v>
      </c>
      <c r="B2379" s="1"/>
      <c r="C2379">
        <v>10</v>
      </c>
      <c r="D2379" t="s">
        <v>22017</v>
      </c>
      <c r="E2379" t="s">
        <v>33685</v>
      </c>
      <c r="F2379">
        <v>1</v>
      </c>
      <c r="G2379" t="s">
        <v>1295</v>
      </c>
      <c r="H2379" t="s">
        <v>22018</v>
      </c>
      <c r="I2379" t="s">
        <v>30540</v>
      </c>
    </row>
    <row r="2380" spans="1:9">
      <c r="A2380" s="1">
        <v>0.89938921677102579</v>
      </c>
      <c r="B2380" s="1"/>
      <c r="C2380">
        <v>14</v>
      </c>
      <c r="D2380" t="s">
        <v>22011</v>
      </c>
      <c r="E2380" t="s">
        <v>33686</v>
      </c>
      <c r="F2380">
        <v>3</v>
      </c>
      <c r="G2380" t="s">
        <v>14</v>
      </c>
      <c r="H2380" t="s">
        <v>22012</v>
      </c>
      <c r="I2380" t="s">
        <v>30540</v>
      </c>
    </row>
    <row r="2381" spans="1:9">
      <c r="A2381" s="1">
        <v>0.86242988336282456</v>
      </c>
      <c r="B2381" s="1"/>
      <c r="C2381">
        <v>12</v>
      </c>
      <c r="D2381" t="s">
        <v>22009</v>
      </c>
      <c r="E2381" t="s">
        <v>33686</v>
      </c>
      <c r="F2381">
        <v>2</v>
      </c>
      <c r="G2381" t="s">
        <v>13</v>
      </c>
      <c r="H2381" t="s">
        <v>22010</v>
      </c>
      <c r="I2381" t="s">
        <v>30540</v>
      </c>
    </row>
    <row r="2382" spans="1:9">
      <c r="A2382" s="1">
        <v>0.88777809633962113</v>
      </c>
      <c r="B2382" s="1"/>
      <c r="C2382">
        <v>10</v>
      </c>
      <c r="D2382" t="s">
        <v>21993</v>
      </c>
      <c r="E2382" t="s">
        <v>33688</v>
      </c>
      <c r="F2382">
        <v>2</v>
      </c>
      <c r="G2382" t="s">
        <v>14</v>
      </c>
      <c r="H2382" t="s">
        <v>21994</v>
      </c>
      <c r="I2382" t="s">
        <v>30540</v>
      </c>
    </row>
    <row r="2383" spans="1:9">
      <c r="A2383" s="1">
        <v>0.59505506577915479</v>
      </c>
      <c r="B2383" s="1"/>
      <c r="C2383">
        <v>4</v>
      </c>
      <c r="D2383" t="s">
        <v>21983</v>
      </c>
      <c r="E2383" t="s">
        <v>33689</v>
      </c>
      <c r="F2383">
        <v>3</v>
      </c>
      <c r="G2383" t="s">
        <v>10</v>
      </c>
      <c r="H2383" t="s">
        <v>21984</v>
      </c>
      <c r="I2383" t="s">
        <v>30540</v>
      </c>
    </row>
    <row r="2384" spans="1:9">
      <c r="A2384" s="1">
        <v>0.54181462301242622</v>
      </c>
      <c r="B2384" s="1"/>
      <c r="C2384">
        <v>5</v>
      </c>
      <c r="D2384" t="s">
        <v>21975</v>
      </c>
      <c r="E2384" t="s">
        <v>33690</v>
      </c>
      <c r="F2384">
        <v>3</v>
      </c>
      <c r="G2384" t="s">
        <v>2</v>
      </c>
      <c r="H2384" t="s">
        <v>21976</v>
      </c>
      <c r="I2384" t="s">
        <v>30540</v>
      </c>
    </row>
    <row r="2385" spans="1:9">
      <c r="A2385" s="1">
        <v>0.91264548408637247</v>
      </c>
      <c r="B2385" s="1"/>
      <c r="C2385">
        <v>2</v>
      </c>
      <c r="D2385" t="s">
        <v>21973</v>
      </c>
      <c r="E2385" t="s">
        <v>33690</v>
      </c>
      <c r="F2385">
        <v>3</v>
      </c>
      <c r="G2385" t="s">
        <v>9</v>
      </c>
      <c r="H2385" t="s">
        <v>21974</v>
      </c>
      <c r="I2385" t="s">
        <v>30540</v>
      </c>
    </row>
    <row r="2386" spans="1:9">
      <c r="A2386" s="1">
        <v>0.14504182455071002</v>
      </c>
      <c r="B2386" s="1"/>
      <c r="C2386">
        <v>5</v>
      </c>
      <c r="D2386" t="s">
        <v>21923</v>
      </c>
      <c r="E2386" t="s">
        <v>33697</v>
      </c>
      <c r="F2386">
        <v>3</v>
      </c>
      <c r="G2386" t="s">
        <v>14</v>
      </c>
      <c r="H2386" t="s">
        <v>21924</v>
      </c>
      <c r="I2386" t="s">
        <v>30540</v>
      </c>
    </row>
    <row r="2387" spans="1:9">
      <c r="A2387" s="1">
        <v>0.75245211709326054</v>
      </c>
      <c r="B2387" s="1"/>
      <c r="C2387">
        <v>12</v>
      </c>
      <c r="D2387" t="s">
        <v>21929</v>
      </c>
      <c r="E2387" t="s">
        <v>33697</v>
      </c>
      <c r="F2387">
        <v>3</v>
      </c>
      <c r="G2387" t="s">
        <v>0</v>
      </c>
      <c r="H2387" t="s">
        <v>21930</v>
      </c>
      <c r="I2387" t="s">
        <v>30540</v>
      </c>
    </row>
    <row r="2388" spans="1:9">
      <c r="A2388" s="1">
        <v>0.32752952040092242</v>
      </c>
      <c r="B2388" s="1"/>
      <c r="C2388">
        <v>13</v>
      </c>
      <c r="D2388" t="s">
        <v>21931</v>
      </c>
      <c r="E2388" t="s">
        <v>33697</v>
      </c>
      <c r="F2388">
        <v>3</v>
      </c>
      <c r="G2388" t="s">
        <v>13</v>
      </c>
      <c r="H2388" t="s">
        <v>21932</v>
      </c>
      <c r="I2388" t="s">
        <v>30540</v>
      </c>
    </row>
    <row r="2389" spans="1:9">
      <c r="A2389" s="1">
        <v>0.10559670268943688</v>
      </c>
      <c r="B2389" s="1"/>
      <c r="C2389">
        <v>11</v>
      </c>
      <c r="D2389" t="s">
        <v>21909</v>
      </c>
      <c r="E2389" t="s">
        <v>33699</v>
      </c>
      <c r="F2389">
        <v>2</v>
      </c>
      <c r="G2389" t="s">
        <v>14</v>
      </c>
      <c r="H2389" t="s">
        <v>21910</v>
      </c>
      <c r="I2389" t="s">
        <v>30540</v>
      </c>
    </row>
    <row r="2390" spans="1:9">
      <c r="A2390" s="1">
        <v>0.86132910563268528</v>
      </c>
      <c r="B2390" s="1"/>
      <c r="C2390">
        <v>13</v>
      </c>
      <c r="D2390" t="s">
        <v>21913</v>
      </c>
      <c r="E2390" t="s">
        <v>33699</v>
      </c>
      <c r="F2390">
        <v>2</v>
      </c>
      <c r="G2390" t="s">
        <v>14</v>
      </c>
      <c r="H2390" t="s">
        <v>21914</v>
      </c>
      <c r="I2390" t="s">
        <v>30540</v>
      </c>
    </row>
    <row r="2391" spans="1:9">
      <c r="A2391" s="1">
        <v>0.75244873337597407</v>
      </c>
      <c r="B2391" s="1"/>
      <c r="C2391">
        <v>2</v>
      </c>
      <c r="D2391" t="s">
        <v>21901</v>
      </c>
      <c r="E2391" t="s">
        <v>33700</v>
      </c>
      <c r="F2391">
        <v>3</v>
      </c>
      <c r="G2391" t="s">
        <v>10</v>
      </c>
      <c r="H2391" t="s">
        <v>21902</v>
      </c>
      <c r="I2391" t="s">
        <v>30540</v>
      </c>
    </row>
    <row r="2392" spans="1:9">
      <c r="A2392" s="1">
        <v>0.39799321472257865</v>
      </c>
      <c r="B2392" s="1"/>
      <c r="C2392">
        <v>6</v>
      </c>
      <c r="D2392" t="s">
        <v>21897</v>
      </c>
      <c r="E2392" t="s">
        <v>33701</v>
      </c>
      <c r="F2392">
        <v>3</v>
      </c>
      <c r="G2392" t="s">
        <v>14</v>
      </c>
      <c r="H2392" t="s">
        <v>21898</v>
      </c>
      <c r="I2392" t="s">
        <v>30540</v>
      </c>
    </row>
    <row r="2393" spans="1:9">
      <c r="A2393" s="1">
        <v>0.79495591379489661</v>
      </c>
      <c r="B2393" s="1"/>
      <c r="C2393">
        <v>14</v>
      </c>
      <c r="D2393" t="s">
        <v>21899</v>
      </c>
      <c r="E2393" t="s">
        <v>33701</v>
      </c>
      <c r="F2393">
        <v>3</v>
      </c>
      <c r="G2393" t="s">
        <v>14</v>
      </c>
      <c r="H2393" t="s">
        <v>21900</v>
      </c>
      <c r="I2393" t="s">
        <v>30540</v>
      </c>
    </row>
    <row r="2394" spans="1:9">
      <c r="A2394" s="1">
        <v>0.64700848790184307</v>
      </c>
      <c r="B2394" s="1"/>
      <c r="C2394">
        <v>3</v>
      </c>
      <c r="D2394" t="s">
        <v>21895</v>
      </c>
      <c r="E2394" t="s">
        <v>33701</v>
      </c>
      <c r="F2394">
        <v>2</v>
      </c>
      <c r="G2394" t="s">
        <v>10</v>
      </c>
      <c r="H2394" t="s">
        <v>21896</v>
      </c>
      <c r="I2394" t="s">
        <v>30540</v>
      </c>
    </row>
    <row r="2395" spans="1:9">
      <c r="A2395" s="1">
        <v>0.10891606733452086</v>
      </c>
      <c r="B2395" s="1"/>
      <c r="C2395">
        <v>16</v>
      </c>
      <c r="D2395" t="s">
        <v>21891</v>
      </c>
      <c r="E2395" t="s">
        <v>33702</v>
      </c>
      <c r="F2395">
        <v>3</v>
      </c>
      <c r="G2395" t="s">
        <v>14</v>
      </c>
      <c r="H2395" t="s">
        <v>21892</v>
      </c>
      <c r="I2395" t="s">
        <v>30540</v>
      </c>
    </row>
    <row r="2396" spans="1:9">
      <c r="A2396" s="1">
        <v>0.6076503456411807</v>
      </c>
      <c r="B2396" s="1"/>
      <c r="C2396">
        <v>7</v>
      </c>
      <c r="D2396" t="s">
        <v>21889</v>
      </c>
      <c r="E2396" t="s">
        <v>33702</v>
      </c>
      <c r="F2396">
        <v>2</v>
      </c>
      <c r="G2396" t="s">
        <v>14</v>
      </c>
      <c r="H2396" t="s">
        <v>21890</v>
      </c>
      <c r="I2396" t="s">
        <v>30540</v>
      </c>
    </row>
    <row r="2397" spans="1:9">
      <c r="A2397" s="1">
        <v>7.4968167395160101E-2</v>
      </c>
      <c r="B2397" s="1"/>
      <c r="C2397">
        <v>12</v>
      </c>
      <c r="D2397" t="s">
        <v>21885</v>
      </c>
      <c r="E2397" t="s">
        <v>33703</v>
      </c>
      <c r="F2397">
        <v>1</v>
      </c>
      <c r="G2397" t="s">
        <v>14</v>
      </c>
      <c r="H2397" t="s">
        <v>21886</v>
      </c>
      <c r="I2397" t="s">
        <v>30540</v>
      </c>
    </row>
    <row r="2398" spans="1:9">
      <c r="A2398" s="1">
        <v>0.71693483864988994</v>
      </c>
      <c r="B2398" s="1"/>
      <c r="C2398">
        <v>17</v>
      </c>
      <c r="D2398" t="s">
        <v>21867</v>
      </c>
      <c r="E2398" t="s">
        <v>33707</v>
      </c>
      <c r="F2398">
        <v>2</v>
      </c>
      <c r="G2398" t="s">
        <v>1</v>
      </c>
      <c r="H2398" t="s">
        <v>21868</v>
      </c>
      <c r="I2398" t="s">
        <v>30540</v>
      </c>
    </row>
    <row r="2399" spans="1:9">
      <c r="A2399" s="1">
        <v>9.4406257910444435E-2</v>
      </c>
      <c r="B2399" s="1"/>
      <c r="C2399">
        <v>1</v>
      </c>
      <c r="D2399" t="s">
        <v>21851</v>
      </c>
      <c r="E2399" t="s">
        <v>33708</v>
      </c>
      <c r="F2399">
        <v>2</v>
      </c>
      <c r="G2399" t="s">
        <v>2</v>
      </c>
      <c r="H2399" t="s">
        <v>21852</v>
      </c>
      <c r="I2399" t="s">
        <v>30540</v>
      </c>
    </row>
    <row r="2400" spans="1:9">
      <c r="A2400" s="1">
        <v>0.69167574460118475</v>
      </c>
      <c r="B2400" s="1"/>
      <c r="C2400">
        <v>6</v>
      </c>
      <c r="D2400" t="s">
        <v>21857</v>
      </c>
      <c r="E2400" t="s">
        <v>33708</v>
      </c>
      <c r="F2400">
        <v>2</v>
      </c>
      <c r="G2400" t="s">
        <v>14</v>
      </c>
      <c r="H2400" t="s">
        <v>21858</v>
      </c>
      <c r="I2400" t="s">
        <v>30540</v>
      </c>
    </row>
    <row r="2401" spans="1:9">
      <c r="A2401" s="1">
        <v>0.35910120986848881</v>
      </c>
      <c r="B2401" s="1"/>
      <c r="C2401">
        <v>18</v>
      </c>
      <c r="D2401" t="s">
        <v>21843</v>
      </c>
      <c r="E2401" t="s">
        <v>33710</v>
      </c>
      <c r="F2401">
        <v>3</v>
      </c>
      <c r="G2401" t="s">
        <v>10</v>
      </c>
      <c r="H2401" t="s">
        <v>21844</v>
      </c>
      <c r="I2401" t="s">
        <v>30540</v>
      </c>
    </row>
    <row r="2402" spans="1:9">
      <c r="A2402" s="1">
        <v>9.1011006393295957E-2</v>
      </c>
      <c r="B2402" s="1"/>
      <c r="C2402">
        <v>1</v>
      </c>
      <c r="D2402" t="s">
        <v>21833</v>
      </c>
      <c r="E2402" t="s">
        <v>33710</v>
      </c>
      <c r="F2402">
        <v>3</v>
      </c>
      <c r="G2402" t="s">
        <v>775</v>
      </c>
      <c r="H2402" t="s">
        <v>21834</v>
      </c>
      <c r="I2402" t="s">
        <v>30540</v>
      </c>
    </row>
    <row r="2403" spans="1:9">
      <c r="A2403" s="1">
        <v>0.74726293757447404</v>
      </c>
      <c r="B2403" s="1"/>
      <c r="C2403">
        <v>13</v>
      </c>
      <c r="D2403" t="s">
        <v>21841</v>
      </c>
      <c r="E2403" t="s">
        <v>33710</v>
      </c>
      <c r="F2403">
        <v>1</v>
      </c>
      <c r="G2403" t="s">
        <v>9</v>
      </c>
      <c r="H2403" t="s">
        <v>21842</v>
      </c>
      <c r="I2403" t="s">
        <v>30540</v>
      </c>
    </row>
    <row r="2404" spans="1:9">
      <c r="A2404" s="1">
        <v>0.42674619126930491</v>
      </c>
      <c r="B2404" s="1"/>
      <c r="C2404">
        <v>3</v>
      </c>
      <c r="D2404" t="s">
        <v>21823</v>
      </c>
      <c r="E2404" t="s">
        <v>33711</v>
      </c>
      <c r="F2404">
        <v>3</v>
      </c>
      <c r="G2404" t="s">
        <v>2</v>
      </c>
      <c r="H2404" t="s">
        <v>21824</v>
      </c>
      <c r="I2404" t="s">
        <v>30540</v>
      </c>
    </row>
    <row r="2405" spans="1:9">
      <c r="A2405" s="1">
        <v>0.81355060331145823</v>
      </c>
      <c r="B2405" s="1"/>
      <c r="C2405">
        <v>8</v>
      </c>
      <c r="D2405" t="s">
        <v>21815</v>
      </c>
      <c r="E2405" t="s">
        <v>33712</v>
      </c>
      <c r="F2405">
        <v>3</v>
      </c>
      <c r="G2405" t="s">
        <v>14</v>
      </c>
      <c r="H2405" t="s">
        <v>21816</v>
      </c>
      <c r="I2405" t="s">
        <v>30540</v>
      </c>
    </row>
    <row r="2406" spans="1:9">
      <c r="A2406" s="1">
        <v>0.31838174622203497</v>
      </c>
      <c r="B2406" s="1"/>
      <c r="C2406">
        <v>9</v>
      </c>
      <c r="D2406" t="s">
        <v>21817</v>
      </c>
      <c r="E2406" t="s">
        <v>33712</v>
      </c>
      <c r="F2406">
        <v>3</v>
      </c>
      <c r="G2406" t="s">
        <v>14</v>
      </c>
      <c r="H2406" t="s">
        <v>21818</v>
      </c>
      <c r="I2406" t="s">
        <v>30540</v>
      </c>
    </row>
    <row r="2407" spans="1:9">
      <c r="A2407" s="1">
        <v>8.7350829368528227E-2</v>
      </c>
      <c r="B2407" s="1"/>
      <c r="C2407">
        <v>10</v>
      </c>
      <c r="D2407" t="s">
        <v>21819</v>
      </c>
      <c r="E2407" t="s">
        <v>33712</v>
      </c>
      <c r="F2407">
        <v>2</v>
      </c>
      <c r="G2407" t="s">
        <v>14</v>
      </c>
      <c r="H2407" t="s">
        <v>21820</v>
      </c>
      <c r="I2407" t="s">
        <v>30540</v>
      </c>
    </row>
    <row r="2408" spans="1:9">
      <c r="A2408" s="1">
        <v>0.15682575891698569</v>
      </c>
      <c r="B2408" s="1"/>
      <c r="C2408">
        <v>7</v>
      </c>
      <c r="D2408" t="s">
        <v>21809</v>
      </c>
      <c r="E2408" t="s">
        <v>33713</v>
      </c>
      <c r="F2408">
        <v>2</v>
      </c>
      <c r="G2408" t="s">
        <v>14</v>
      </c>
      <c r="H2408" t="s">
        <v>21810</v>
      </c>
      <c r="I2408" t="s">
        <v>30540</v>
      </c>
    </row>
    <row r="2409" spans="1:9">
      <c r="A2409" s="1">
        <v>5.352702390128139E-2</v>
      </c>
      <c r="B2409" s="1"/>
      <c r="C2409">
        <v>10</v>
      </c>
      <c r="D2409" t="s">
        <v>21811</v>
      </c>
      <c r="E2409" t="s">
        <v>33713</v>
      </c>
      <c r="F2409">
        <v>2</v>
      </c>
      <c r="G2409" t="s">
        <v>14</v>
      </c>
      <c r="H2409" t="s">
        <v>21812</v>
      </c>
      <c r="I2409" t="s">
        <v>30540</v>
      </c>
    </row>
    <row r="2410" spans="1:9">
      <c r="A2410" s="1">
        <v>0.78019255838906176</v>
      </c>
      <c r="B2410" s="1"/>
      <c r="C2410">
        <v>12</v>
      </c>
      <c r="D2410" t="s">
        <v>21813</v>
      </c>
      <c r="E2410" t="s">
        <v>33713</v>
      </c>
      <c r="F2410">
        <v>2</v>
      </c>
      <c r="G2410" t="s">
        <v>14</v>
      </c>
      <c r="H2410" t="s">
        <v>21814</v>
      </c>
      <c r="I2410" t="s">
        <v>30540</v>
      </c>
    </row>
    <row r="2411" spans="1:9">
      <c r="A2411" s="1">
        <v>0.96639872844292707</v>
      </c>
      <c r="B2411" s="1"/>
      <c r="C2411">
        <v>12</v>
      </c>
      <c r="D2411" t="s">
        <v>21805</v>
      </c>
      <c r="E2411" t="s">
        <v>33714</v>
      </c>
      <c r="F2411">
        <v>2</v>
      </c>
      <c r="G2411" t="s">
        <v>10</v>
      </c>
      <c r="H2411" t="s">
        <v>21806</v>
      </c>
      <c r="I2411" t="s">
        <v>30540</v>
      </c>
    </row>
    <row r="2412" spans="1:9">
      <c r="A2412" s="1">
        <v>0.13266350617190514</v>
      </c>
      <c r="B2412" s="1"/>
      <c r="C2412">
        <v>19</v>
      </c>
      <c r="D2412" t="s">
        <v>21801</v>
      </c>
      <c r="E2412" t="s">
        <v>33715</v>
      </c>
      <c r="F2412">
        <v>3</v>
      </c>
      <c r="G2412" t="s">
        <v>770</v>
      </c>
      <c r="H2412" t="s">
        <v>21802</v>
      </c>
      <c r="I2412" t="s">
        <v>30540</v>
      </c>
    </row>
    <row r="2413" spans="1:9">
      <c r="A2413" s="1">
        <v>0.91083681611155276</v>
      </c>
      <c r="B2413" s="1"/>
      <c r="C2413">
        <v>13</v>
      </c>
      <c r="D2413" t="s">
        <v>21797</v>
      </c>
      <c r="E2413" t="s">
        <v>33716</v>
      </c>
      <c r="F2413">
        <v>2</v>
      </c>
      <c r="G2413" t="s">
        <v>14</v>
      </c>
      <c r="H2413" t="s">
        <v>21798</v>
      </c>
      <c r="I2413" t="s">
        <v>30540</v>
      </c>
    </row>
    <row r="2414" spans="1:9">
      <c r="A2414" s="1">
        <v>0.3155947179512969</v>
      </c>
      <c r="B2414" s="1"/>
      <c r="C2414">
        <v>11</v>
      </c>
      <c r="D2414" t="s">
        <v>21793</v>
      </c>
      <c r="E2414" t="s">
        <v>33717</v>
      </c>
      <c r="F2414">
        <v>2</v>
      </c>
      <c r="G2414" t="s">
        <v>14</v>
      </c>
      <c r="H2414" t="s">
        <v>21794</v>
      </c>
      <c r="I2414" t="s">
        <v>30540</v>
      </c>
    </row>
    <row r="2415" spans="1:9">
      <c r="A2415" s="1">
        <v>0.91936277469122107</v>
      </c>
      <c r="B2415" s="1"/>
      <c r="C2415">
        <v>2</v>
      </c>
      <c r="D2415" t="s">
        <v>21785</v>
      </c>
      <c r="E2415" t="s">
        <v>33717</v>
      </c>
      <c r="F2415">
        <v>2</v>
      </c>
      <c r="G2415" t="s">
        <v>2</v>
      </c>
      <c r="H2415" t="s">
        <v>21786</v>
      </c>
      <c r="I2415" t="s">
        <v>30540</v>
      </c>
    </row>
    <row r="2416" spans="1:9">
      <c r="A2416" s="1">
        <v>0.62313905515153167</v>
      </c>
      <c r="B2416" s="1"/>
      <c r="C2416">
        <v>8</v>
      </c>
      <c r="D2416" t="s">
        <v>21771</v>
      </c>
      <c r="E2416" t="s">
        <v>33719</v>
      </c>
      <c r="F2416">
        <v>3</v>
      </c>
      <c r="G2416" t="s">
        <v>14</v>
      </c>
      <c r="H2416" t="s">
        <v>21772</v>
      </c>
      <c r="I2416" t="s">
        <v>30540</v>
      </c>
    </row>
    <row r="2417" spans="1:9">
      <c r="A2417" s="1">
        <v>1.1875220605513603E-2</v>
      </c>
      <c r="B2417" s="1"/>
      <c r="C2417">
        <v>6</v>
      </c>
      <c r="D2417" t="s">
        <v>21769</v>
      </c>
      <c r="E2417" t="s">
        <v>33719</v>
      </c>
      <c r="F2417">
        <v>2</v>
      </c>
      <c r="G2417" t="s">
        <v>10</v>
      </c>
      <c r="H2417" t="s">
        <v>21770</v>
      </c>
      <c r="I2417" t="s">
        <v>30540</v>
      </c>
    </row>
    <row r="2418" spans="1:9">
      <c r="A2418" s="1">
        <v>0.61939130310310753</v>
      </c>
      <c r="B2418" s="1"/>
      <c r="C2418">
        <v>13</v>
      </c>
      <c r="D2418" t="s">
        <v>21777</v>
      </c>
      <c r="E2418" t="s">
        <v>33719</v>
      </c>
      <c r="F2418">
        <v>2</v>
      </c>
      <c r="G2418" t="s">
        <v>14</v>
      </c>
      <c r="H2418" t="s">
        <v>21778</v>
      </c>
      <c r="I2418" t="s">
        <v>30540</v>
      </c>
    </row>
    <row r="2419" spans="1:9">
      <c r="A2419" s="1">
        <v>0.93107290834442547</v>
      </c>
      <c r="B2419" s="1"/>
      <c r="C2419">
        <v>12</v>
      </c>
      <c r="D2419" t="s">
        <v>21765</v>
      </c>
      <c r="E2419" t="s">
        <v>33720</v>
      </c>
      <c r="F2419">
        <v>2</v>
      </c>
      <c r="G2419" t="s">
        <v>14</v>
      </c>
      <c r="H2419" t="s">
        <v>21766</v>
      </c>
      <c r="I2419" t="s">
        <v>30540</v>
      </c>
    </row>
    <row r="2420" spans="1:9">
      <c r="A2420" s="1">
        <v>0.39921164005166576</v>
      </c>
      <c r="B2420" s="1"/>
      <c r="C2420">
        <v>8</v>
      </c>
      <c r="D2420" t="s">
        <v>21747</v>
      </c>
      <c r="E2420" t="s">
        <v>33722</v>
      </c>
      <c r="F2420">
        <v>2</v>
      </c>
      <c r="G2420" t="s">
        <v>14</v>
      </c>
      <c r="H2420" t="s">
        <v>21748</v>
      </c>
      <c r="I2420" t="s">
        <v>30540</v>
      </c>
    </row>
    <row r="2421" spans="1:9">
      <c r="A2421" s="1">
        <v>0.52920097372004216</v>
      </c>
      <c r="B2421" s="1"/>
      <c r="C2421">
        <v>13</v>
      </c>
      <c r="D2421" t="s">
        <v>21741</v>
      </c>
      <c r="E2421" t="s">
        <v>33723</v>
      </c>
      <c r="F2421">
        <v>2</v>
      </c>
      <c r="G2421" t="s">
        <v>14</v>
      </c>
      <c r="H2421" t="s">
        <v>21742</v>
      </c>
      <c r="I2421" t="s">
        <v>30540</v>
      </c>
    </row>
    <row r="2422" spans="1:9">
      <c r="A2422" s="1">
        <v>0.66326238231882029</v>
      </c>
      <c r="B2422" s="1"/>
      <c r="C2422">
        <v>8</v>
      </c>
      <c r="D2422" t="s">
        <v>21737</v>
      </c>
      <c r="E2422" t="s">
        <v>33723</v>
      </c>
      <c r="F2422">
        <v>2</v>
      </c>
      <c r="G2422" t="s">
        <v>14</v>
      </c>
      <c r="H2422" t="s">
        <v>21738</v>
      </c>
      <c r="I2422" t="s">
        <v>30540</v>
      </c>
    </row>
    <row r="2423" spans="1:9">
      <c r="A2423" s="1">
        <v>0.46253046509800244</v>
      </c>
      <c r="B2423" s="1"/>
      <c r="C2423">
        <v>11</v>
      </c>
      <c r="D2423" t="s">
        <v>21723</v>
      </c>
      <c r="E2423" t="s">
        <v>33726</v>
      </c>
      <c r="F2423">
        <v>2</v>
      </c>
      <c r="G2423" t="s">
        <v>14</v>
      </c>
      <c r="H2423" t="s">
        <v>21724</v>
      </c>
      <c r="I2423" t="s">
        <v>30540</v>
      </c>
    </row>
    <row r="2424" spans="1:9">
      <c r="A2424" s="1">
        <v>0.23123091886038993</v>
      </c>
      <c r="B2424" s="1"/>
      <c r="C2424">
        <v>8</v>
      </c>
      <c r="D2424" t="s">
        <v>21713</v>
      </c>
      <c r="E2424" t="s">
        <v>33727</v>
      </c>
      <c r="F2424">
        <v>3</v>
      </c>
      <c r="G2424" t="s">
        <v>14</v>
      </c>
      <c r="H2424" t="s">
        <v>21714</v>
      </c>
      <c r="I2424" t="s">
        <v>30540</v>
      </c>
    </row>
    <row r="2425" spans="1:9">
      <c r="A2425" s="1">
        <v>0.85366583654997163</v>
      </c>
      <c r="B2425" s="1"/>
      <c r="C2425">
        <v>14</v>
      </c>
      <c r="D2425" t="s">
        <v>21688</v>
      </c>
      <c r="E2425" t="s">
        <v>33732</v>
      </c>
      <c r="F2425">
        <v>1</v>
      </c>
      <c r="G2425" t="s">
        <v>14</v>
      </c>
      <c r="H2425" t="s">
        <v>21689</v>
      </c>
      <c r="I2425" t="s">
        <v>30540</v>
      </c>
    </row>
    <row r="2426" spans="1:9">
      <c r="A2426" s="1">
        <v>0.7085990278929174</v>
      </c>
      <c r="B2426" s="1"/>
      <c r="C2426">
        <v>4</v>
      </c>
      <c r="D2426" t="s">
        <v>21668</v>
      </c>
      <c r="E2426" t="s">
        <v>33734</v>
      </c>
      <c r="F2426">
        <v>3</v>
      </c>
      <c r="G2426" t="s">
        <v>1431</v>
      </c>
      <c r="H2426" t="s">
        <v>21669</v>
      </c>
      <c r="I2426" t="s">
        <v>30540</v>
      </c>
    </row>
    <row r="2427" spans="1:9">
      <c r="A2427" s="1">
        <v>0.25502225207512919</v>
      </c>
      <c r="B2427" s="1"/>
      <c r="C2427">
        <v>6</v>
      </c>
      <c r="D2427" t="s">
        <v>21664</v>
      </c>
      <c r="E2427" t="s">
        <v>33735</v>
      </c>
      <c r="F2427">
        <v>2</v>
      </c>
      <c r="G2427" t="s">
        <v>14</v>
      </c>
      <c r="H2427" t="s">
        <v>21665</v>
      </c>
      <c r="I2427" t="s">
        <v>30540</v>
      </c>
    </row>
    <row r="2428" spans="1:9">
      <c r="A2428" s="1">
        <v>0.90840618120846461</v>
      </c>
      <c r="B2428" s="1"/>
      <c r="C2428">
        <v>12</v>
      </c>
      <c r="D2428" t="s">
        <v>21660</v>
      </c>
      <c r="E2428" t="s">
        <v>33736</v>
      </c>
      <c r="F2428">
        <v>3</v>
      </c>
      <c r="G2428" t="s">
        <v>2</v>
      </c>
      <c r="H2428" t="s">
        <v>21661</v>
      </c>
      <c r="I2428" t="s">
        <v>30540</v>
      </c>
    </row>
    <row r="2429" spans="1:9">
      <c r="A2429" s="1">
        <v>0.90945740539929609</v>
      </c>
      <c r="B2429" s="1"/>
      <c r="C2429">
        <v>8</v>
      </c>
      <c r="D2429" t="s">
        <v>21652</v>
      </c>
      <c r="E2429" t="s">
        <v>33737</v>
      </c>
      <c r="F2429">
        <v>3</v>
      </c>
      <c r="G2429" t="s">
        <v>14</v>
      </c>
      <c r="H2429" t="s">
        <v>21653</v>
      </c>
      <c r="I2429" t="s">
        <v>30540</v>
      </c>
    </row>
    <row r="2430" spans="1:9">
      <c r="A2430" s="1">
        <v>0.7420786107040509</v>
      </c>
      <c r="B2430" s="1"/>
      <c r="C2430">
        <v>1</v>
      </c>
      <c r="D2430" t="s">
        <v>21646</v>
      </c>
      <c r="E2430" t="s">
        <v>33737</v>
      </c>
      <c r="F2430">
        <v>3</v>
      </c>
      <c r="G2430" t="s">
        <v>2</v>
      </c>
      <c r="H2430" t="s">
        <v>21647</v>
      </c>
      <c r="I2430" t="s">
        <v>30540</v>
      </c>
    </row>
    <row r="2431" spans="1:9">
      <c r="A2431" s="1">
        <v>0.63292636536176017</v>
      </c>
      <c r="B2431" s="1"/>
      <c r="C2431">
        <v>3</v>
      </c>
      <c r="D2431" t="s">
        <v>21638</v>
      </c>
      <c r="E2431" t="s">
        <v>33738</v>
      </c>
      <c r="F2431">
        <v>3</v>
      </c>
      <c r="G2431" t="s">
        <v>1</v>
      </c>
      <c r="H2431" t="s">
        <v>21639</v>
      </c>
      <c r="I2431" t="s">
        <v>30540</v>
      </c>
    </row>
    <row r="2432" spans="1:9">
      <c r="A2432" s="1">
        <v>0.80975189944634396</v>
      </c>
      <c r="B2432" s="1"/>
      <c r="C2432">
        <v>5</v>
      </c>
      <c r="D2432" t="s">
        <v>21610</v>
      </c>
      <c r="E2432" t="s">
        <v>33742</v>
      </c>
      <c r="F2432">
        <v>2</v>
      </c>
      <c r="G2432" t="s">
        <v>0</v>
      </c>
      <c r="H2432" t="s">
        <v>21611</v>
      </c>
      <c r="I2432" t="s">
        <v>30540</v>
      </c>
    </row>
    <row r="2433" spans="1:9">
      <c r="A2433" s="1">
        <v>0.77256397426339185</v>
      </c>
      <c r="B2433" s="1"/>
      <c r="C2433">
        <v>11</v>
      </c>
      <c r="D2433" t="s">
        <v>21614</v>
      </c>
      <c r="E2433" t="s">
        <v>33742</v>
      </c>
      <c r="F2433">
        <v>2</v>
      </c>
      <c r="G2433" t="s">
        <v>10</v>
      </c>
      <c r="H2433" t="s">
        <v>21615</v>
      </c>
      <c r="I2433" t="s">
        <v>30540</v>
      </c>
    </row>
    <row r="2434" spans="1:9">
      <c r="A2434" s="1">
        <v>0.72807833352199736</v>
      </c>
      <c r="B2434" s="1"/>
      <c r="C2434">
        <v>11</v>
      </c>
      <c r="D2434" t="s">
        <v>21598</v>
      </c>
      <c r="E2434" t="s">
        <v>33744</v>
      </c>
      <c r="F2434">
        <v>3</v>
      </c>
      <c r="G2434" t="s">
        <v>14</v>
      </c>
      <c r="H2434" t="s">
        <v>21599</v>
      </c>
      <c r="I2434" t="s">
        <v>30540</v>
      </c>
    </row>
    <row r="2435" spans="1:9">
      <c r="A2435" s="1">
        <v>0.26328872418999272</v>
      </c>
      <c r="B2435" s="1"/>
      <c r="C2435">
        <v>11</v>
      </c>
      <c r="D2435" t="s">
        <v>21592</v>
      </c>
      <c r="E2435" t="s">
        <v>33745</v>
      </c>
      <c r="F2435">
        <v>3</v>
      </c>
      <c r="G2435" t="s">
        <v>10</v>
      </c>
      <c r="H2435" t="s">
        <v>21593</v>
      </c>
      <c r="I2435" t="s">
        <v>30540</v>
      </c>
    </row>
    <row r="2436" spans="1:9">
      <c r="A2436" s="1">
        <v>0.69575646378831779</v>
      </c>
      <c r="B2436" s="1"/>
      <c r="C2436">
        <v>8</v>
      </c>
      <c r="D2436" t="s">
        <v>21590</v>
      </c>
      <c r="E2436" t="s">
        <v>33745</v>
      </c>
      <c r="F2436">
        <v>2</v>
      </c>
      <c r="G2436" t="s">
        <v>10</v>
      </c>
      <c r="H2436" t="s">
        <v>21591</v>
      </c>
      <c r="I2436" t="s">
        <v>30540</v>
      </c>
    </row>
    <row r="2437" spans="1:9">
      <c r="A2437" s="1">
        <v>0.64330131693044168</v>
      </c>
      <c r="B2437" s="1"/>
      <c r="C2437">
        <v>12</v>
      </c>
      <c r="D2437" t="s">
        <v>21572</v>
      </c>
      <c r="E2437" t="s">
        <v>33747</v>
      </c>
      <c r="F2437">
        <v>3</v>
      </c>
      <c r="G2437" t="s">
        <v>14</v>
      </c>
      <c r="H2437" t="s">
        <v>21573</v>
      </c>
      <c r="I2437" t="s">
        <v>30540</v>
      </c>
    </row>
    <row r="2438" spans="1:9">
      <c r="A2438" s="1">
        <v>0.80713551759794711</v>
      </c>
      <c r="B2438" s="1"/>
      <c r="C2438">
        <v>10</v>
      </c>
      <c r="D2438" t="s">
        <v>21552</v>
      </c>
      <c r="E2438" t="s">
        <v>33749</v>
      </c>
      <c r="F2438">
        <v>3</v>
      </c>
      <c r="G2438" t="s">
        <v>14</v>
      </c>
      <c r="H2438" t="s">
        <v>21553</v>
      </c>
      <c r="I2438" t="s">
        <v>30540</v>
      </c>
    </row>
    <row r="2439" spans="1:9">
      <c r="A2439" s="1">
        <v>0.17849372336173053</v>
      </c>
      <c r="B2439" s="1"/>
      <c r="C2439">
        <v>17</v>
      </c>
      <c r="D2439" t="s">
        <v>21542</v>
      </c>
      <c r="E2439" t="s">
        <v>33751</v>
      </c>
      <c r="F2439">
        <v>3</v>
      </c>
      <c r="G2439" t="s">
        <v>14</v>
      </c>
      <c r="H2439" t="s">
        <v>21543</v>
      </c>
      <c r="I2439" t="s">
        <v>30540</v>
      </c>
    </row>
    <row r="2440" spans="1:9">
      <c r="A2440" s="1">
        <v>0.43933700548702759</v>
      </c>
      <c r="B2440" s="1"/>
      <c r="C2440">
        <v>11</v>
      </c>
      <c r="D2440" t="s">
        <v>21536</v>
      </c>
      <c r="E2440" t="s">
        <v>33752</v>
      </c>
      <c r="F2440">
        <v>2</v>
      </c>
      <c r="G2440" t="s">
        <v>14</v>
      </c>
      <c r="H2440" t="s">
        <v>21537</v>
      </c>
      <c r="I2440" t="s">
        <v>30540</v>
      </c>
    </row>
    <row r="2441" spans="1:9">
      <c r="A2441" s="1">
        <v>4.7665666785925653E-2</v>
      </c>
      <c r="B2441" s="1"/>
      <c r="C2441">
        <v>5</v>
      </c>
      <c r="D2441" t="s">
        <v>21524</v>
      </c>
      <c r="E2441" t="s">
        <v>33754</v>
      </c>
      <c r="F2441">
        <v>3</v>
      </c>
      <c r="G2441" t="s">
        <v>9</v>
      </c>
      <c r="H2441" t="s">
        <v>21525</v>
      </c>
      <c r="I2441" t="s">
        <v>30540</v>
      </c>
    </row>
    <row r="2442" spans="1:9">
      <c r="A2442" s="1">
        <v>0.56681375801665501</v>
      </c>
      <c r="B2442" s="1"/>
      <c r="C2442">
        <v>12</v>
      </c>
      <c r="D2442" t="s">
        <v>21528</v>
      </c>
      <c r="E2442" t="s">
        <v>33754</v>
      </c>
      <c r="F2442">
        <v>2</v>
      </c>
      <c r="G2442" t="s">
        <v>0</v>
      </c>
      <c r="H2442" t="s">
        <v>21529</v>
      </c>
      <c r="I2442" t="s">
        <v>30540</v>
      </c>
    </row>
    <row r="2443" spans="1:9">
      <c r="A2443" s="1">
        <v>0.8133621518477524</v>
      </c>
      <c r="B2443" s="1"/>
      <c r="C2443">
        <v>5</v>
      </c>
      <c r="D2443" t="s">
        <v>21512</v>
      </c>
      <c r="E2443" t="s">
        <v>33755</v>
      </c>
      <c r="F2443">
        <v>2</v>
      </c>
      <c r="G2443" t="s">
        <v>14</v>
      </c>
      <c r="H2443" t="s">
        <v>21513</v>
      </c>
      <c r="I2443" t="s">
        <v>30540</v>
      </c>
    </row>
    <row r="2444" spans="1:9">
      <c r="A2444" s="1">
        <v>0.35151739570791141</v>
      </c>
      <c r="B2444" s="1"/>
      <c r="C2444">
        <v>12</v>
      </c>
      <c r="D2444" t="s">
        <v>21502</v>
      </c>
      <c r="E2444" t="s">
        <v>33756</v>
      </c>
      <c r="F2444">
        <v>2</v>
      </c>
      <c r="G2444" t="s">
        <v>14</v>
      </c>
      <c r="H2444" t="s">
        <v>21503</v>
      </c>
      <c r="I2444" t="s">
        <v>30540</v>
      </c>
    </row>
    <row r="2445" spans="1:9">
      <c r="A2445" s="1">
        <v>0.27343424463600086</v>
      </c>
      <c r="B2445" s="1"/>
      <c r="C2445">
        <v>4</v>
      </c>
      <c r="D2445" t="s">
        <v>21490</v>
      </c>
      <c r="E2445" t="s">
        <v>33757</v>
      </c>
      <c r="F2445">
        <v>3</v>
      </c>
      <c r="G2445" t="s">
        <v>2</v>
      </c>
      <c r="H2445" t="s">
        <v>21491</v>
      </c>
      <c r="I2445" t="s">
        <v>30540</v>
      </c>
    </row>
    <row r="2446" spans="1:9">
      <c r="A2446" s="1">
        <v>0.55260037248096627</v>
      </c>
      <c r="B2446" s="1"/>
      <c r="C2446">
        <v>11</v>
      </c>
      <c r="D2446" t="s">
        <v>21494</v>
      </c>
      <c r="E2446" t="s">
        <v>33757</v>
      </c>
      <c r="F2446">
        <v>3</v>
      </c>
      <c r="G2446" t="s">
        <v>0</v>
      </c>
      <c r="H2446" t="s">
        <v>21495</v>
      </c>
      <c r="I2446" t="s">
        <v>30540</v>
      </c>
    </row>
    <row r="2447" spans="1:9">
      <c r="A2447" s="1">
        <v>0.42252394502844126</v>
      </c>
      <c r="B2447" s="1"/>
      <c r="C2447">
        <v>3</v>
      </c>
      <c r="D2447" t="s">
        <v>21464</v>
      </c>
      <c r="E2447" t="s">
        <v>33760</v>
      </c>
      <c r="F2447">
        <v>2</v>
      </c>
      <c r="G2447" t="s">
        <v>0</v>
      </c>
      <c r="H2447" t="s">
        <v>21465</v>
      </c>
      <c r="I2447" t="s">
        <v>30540</v>
      </c>
    </row>
    <row r="2448" spans="1:9">
      <c r="A2448" s="1">
        <v>0.31771711560698557</v>
      </c>
      <c r="B2448" s="1"/>
      <c r="C2448">
        <v>15</v>
      </c>
      <c r="D2448" t="s">
        <v>21472</v>
      </c>
      <c r="E2448" t="s">
        <v>33760</v>
      </c>
      <c r="F2448">
        <v>1</v>
      </c>
      <c r="G2448" t="s">
        <v>2</v>
      </c>
      <c r="H2448" t="s">
        <v>21473</v>
      </c>
      <c r="I2448" t="s">
        <v>30540</v>
      </c>
    </row>
    <row r="2449" spans="1:9">
      <c r="A2449" s="1">
        <v>0.28020409770852484</v>
      </c>
      <c r="B2449" s="1"/>
      <c r="C2449">
        <v>1</v>
      </c>
      <c r="D2449" t="s">
        <v>21454</v>
      </c>
      <c r="E2449" t="s">
        <v>33761</v>
      </c>
      <c r="F2449">
        <v>2</v>
      </c>
      <c r="G2449" t="s">
        <v>10</v>
      </c>
      <c r="H2449" t="s">
        <v>21455</v>
      </c>
      <c r="I2449" t="s">
        <v>30540</v>
      </c>
    </row>
    <row r="2450" spans="1:9">
      <c r="A2450" s="1">
        <v>0.61504177811508565</v>
      </c>
      <c r="B2450" s="1"/>
      <c r="C2450">
        <v>8</v>
      </c>
      <c r="D2450" t="s">
        <v>21458</v>
      </c>
      <c r="E2450" t="s">
        <v>33761</v>
      </c>
      <c r="F2450">
        <v>2</v>
      </c>
      <c r="G2450" t="s">
        <v>10</v>
      </c>
      <c r="H2450" t="s">
        <v>21459</v>
      </c>
      <c r="I2450" t="s">
        <v>30540</v>
      </c>
    </row>
    <row r="2451" spans="1:9">
      <c r="A2451" s="1">
        <v>0.16226001586435823</v>
      </c>
      <c r="B2451" s="1"/>
      <c r="C2451">
        <v>2</v>
      </c>
      <c r="D2451" t="s">
        <v>21440</v>
      </c>
      <c r="E2451" t="s">
        <v>33762</v>
      </c>
      <c r="F2451">
        <v>3</v>
      </c>
      <c r="G2451" t="s">
        <v>10</v>
      </c>
      <c r="H2451" t="s">
        <v>21441</v>
      </c>
      <c r="I2451" t="s">
        <v>30540</v>
      </c>
    </row>
    <row r="2452" spans="1:9">
      <c r="A2452" s="1">
        <v>2.3337418248189801E-2</v>
      </c>
      <c r="B2452" s="1"/>
      <c r="C2452">
        <v>6</v>
      </c>
      <c r="D2452" t="s">
        <v>21446</v>
      </c>
      <c r="E2452" t="s">
        <v>33762</v>
      </c>
      <c r="F2452">
        <v>3</v>
      </c>
      <c r="G2452" t="s">
        <v>766</v>
      </c>
      <c r="H2452" t="s">
        <v>21447</v>
      </c>
      <c r="I2452" t="s">
        <v>30540</v>
      </c>
    </row>
    <row r="2453" spans="1:9">
      <c r="A2453" s="1">
        <v>4.929848071227283E-2</v>
      </c>
      <c r="B2453" s="1"/>
      <c r="C2453">
        <v>20</v>
      </c>
      <c r="D2453" t="s">
        <v>21452</v>
      </c>
      <c r="E2453" t="s">
        <v>33762</v>
      </c>
      <c r="F2453">
        <v>3</v>
      </c>
      <c r="G2453" t="s">
        <v>14</v>
      </c>
      <c r="H2453" t="s">
        <v>21453</v>
      </c>
      <c r="I2453" t="s">
        <v>30540</v>
      </c>
    </row>
    <row r="2454" spans="1:9">
      <c r="A2454" s="1">
        <v>6.1609585427702007E-2</v>
      </c>
      <c r="B2454" s="1"/>
      <c r="C2454">
        <v>4</v>
      </c>
      <c r="D2454" t="s">
        <v>21442</v>
      </c>
      <c r="E2454" t="s">
        <v>33762</v>
      </c>
      <c r="F2454">
        <v>2</v>
      </c>
      <c r="G2454" t="s">
        <v>766</v>
      </c>
      <c r="H2454" t="s">
        <v>21443</v>
      </c>
      <c r="I2454" t="s">
        <v>30540</v>
      </c>
    </row>
    <row r="2455" spans="1:9">
      <c r="A2455" s="1">
        <v>3.3994356150139793E-2</v>
      </c>
      <c r="B2455" s="1"/>
      <c r="C2455">
        <v>15</v>
      </c>
      <c r="D2455" t="s">
        <v>21430</v>
      </c>
      <c r="E2455" t="s">
        <v>33764</v>
      </c>
      <c r="F2455">
        <v>3</v>
      </c>
      <c r="G2455" t="s">
        <v>1</v>
      </c>
      <c r="H2455" t="s">
        <v>21431</v>
      </c>
      <c r="I2455" t="s">
        <v>30540</v>
      </c>
    </row>
    <row r="2456" spans="1:9">
      <c r="A2456" s="1">
        <v>0.67701113335984064</v>
      </c>
      <c r="B2456" s="1"/>
      <c r="C2456">
        <v>6</v>
      </c>
      <c r="D2456" t="s">
        <v>21428</v>
      </c>
      <c r="E2456" t="s">
        <v>33764</v>
      </c>
      <c r="F2456">
        <v>2</v>
      </c>
      <c r="G2456" t="s">
        <v>14</v>
      </c>
      <c r="H2456" t="s">
        <v>21429</v>
      </c>
      <c r="I2456" t="s">
        <v>30540</v>
      </c>
    </row>
    <row r="2457" spans="1:9">
      <c r="A2457" s="1">
        <v>0.28716673672965887</v>
      </c>
      <c r="B2457" s="1"/>
      <c r="C2457">
        <v>7</v>
      </c>
      <c r="D2457" t="s">
        <v>21414</v>
      </c>
      <c r="E2457" t="s">
        <v>33766</v>
      </c>
      <c r="F2457">
        <v>2</v>
      </c>
      <c r="G2457" t="s">
        <v>14</v>
      </c>
      <c r="H2457" t="s">
        <v>21415</v>
      </c>
      <c r="I2457" t="s">
        <v>30540</v>
      </c>
    </row>
    <row r="2458" spans="1:9">
      <c r="A2458" s="1">
        <v>0.82573584929141342</v>
      </c>
      <c r="B2458" s="1"/>
      <c r="C2458">
        <v>15</v>
      </c>
      <c r="D2458" t="s">
        <v>21410</v>
      </c>
      <c r="E2458" t="s">
        <v>33767</v>
      </c>
      <c r="F2458">
        <v>2</v>
      </c>
      <c r="G2458" t="s">
        <v>14</v>
      </c>
      <c r="H2458" t="s">
        <v>21411</v>
      </c>
      <c r="I2458" t="s">
        <v>30540</v>
      </c>
    </row>
    <row r="2459" spans="1:9">
      <c r="A2459" s="1">
        <v>0.33635943817017189</v>
      </c>
      <c r="B2459" s="1"/>
      <c r="C2459">
        <v>11</v>
      </c>
      <c r="D2459" t="s">
        <v>21396</v>
      </c>
      <c r="E2459" t="s">
        <v>33769</v>
      </c>
      <c r="F2459">
        <v>3</v>
      </c>
      <c r="G2459" t="s">
        <v>14</v>
      </c>
      <c r="H2459" t="s">
        <v>21397</v>
      </c>
      <c r="I2459" t="s">
        <v>30540</v>
      </c>
    </row>
    <row r="2460" spans="1:9">
      <c r="A2460" s="1">
        <v>0.37467048799513292</v>
      </c>
      <c r="B2460" s="1"/>
      <c r="C2460">
        <v>18</v>
      </c>
      <c r="D2460" t="s">
        <v>21392</v>
      </c>
      <c r="E2460" t="s">
        <v>33770</v>
      </c>
      <c r="F2460">
        <v>3</v>
      </c>
      <c r="G2460" t="s">
        <v>14</v>
      </c>
      <c r="H2460" t="s">
        <v>21393</v>
      </c>
      <c r="I2460" t="s">
        <v>30540</v>
      </c>
    </row>
    <row r="2461" spans="1:9">
      <c r="A2461" s="1">
        <v>0.5770430328912084</v>
      </c>
      <c r="B2461" s="1"/>
      <c r="C2461">
        <v>9</v>
      </c>
      <c r="D2461" t="s">
        <v>21386</v>
      </c>
      <c r="E2461" t="s">
        <v>33770</v>
      </c>
      <c r="F2461">
        <v>3</v>
      </c>
      <c r="G2461" t="s">
        <v>14</v>
      </c>
      <c r="H2461" t="s">
        <v>21387</v>
      </c>
      <c r="I2461" t="s">
        <v>30540</v>
      </c>
    </row>
    <row r="2462" spans="1:9">
      <c r="A2462" s="1">
        <v>0.5282478620820622</v>
      </c>
      <c r="B2462" s="1"/>
      <c r="C2462">
        <v>10</v>
      </c>
      <c r="D2462" t="s">
        <v>21388</v>
      </c>
      <c r="E2462" t="s">
        <v>33770</v>
      </c>
      <c r="F2462">
        <v>3</v>
      </c>
      <c r="G2462" t="s">
        <v>14</v>
      </c>
      <c r="H2462" t="s">
        <v>21389</v>
      </c>
      <c r="I2462" t="s">
        <v>30540</v>
      </c>
    </row>
    <row r="2463" spans="1:9">
      <c r="A2463" s="1">
        <v>0.25024978481968929</v>
      </c>
      <c r="B2463" s="1"/>
      <c r="C2463">
        <v>8</v>
      </c>
      <c r="D2463" t="s">
        <v>21384</v>
      </c>
      <c r="E2463" t="s">
        <v>33770</v>
      </c>
      <c r="F2463">
        <v>3</v>
      </c>
      <c r="G2463" t="s">
        <v>2</v>
      </c>
      <c r="H2463" t="s">
        <v>21385</v>
      </c>
      <c r="I2463" t="s">
        <v>30540</v>
      </c>
    </row>
    <row r="2464" spans="1:9">
      <c r="A2464" s="1">
        <v>0.12373592593456373</v>
      </c>
      <c r="B2464" s="1"/>
      <c r="C2464">
        <v>3</v>
      </c>
      <c r="D2464" t="s">
        <v>21382</v>
      </c>
      <c r="E2464" t="s">
        <v>33770</v>
      </c>
      <c r="F2464">
        <v>2</v>
      </c>
      <c r="G2464" t="s">
        <v>2</v>
      </c>
      <c r="H2464" t="s">
        <v>21383</v>
      </c>
      <c r="I2464" t="s">
        <v>30540</v>
      </c>
    </row>
    <row r="2465" spans="1:9">
      <c r="A2465" s="1">
        <v>0.14728212893406001</v>
      </c>
      <c r="B2465" s="1"/>
      <c r="C2465">
        <v>17</v>
      </c>
      <c r="D2465" t="s">
        <v>21380</v>
      </c>
      <c r="E2465" t="s">
        <v>33771</v>
      </c>
      <c r="F2465">
        <v>3</v>
      </c>
      <c r="G2465" t="s">
        <v>14</v>
      </c>
      <c r="H2465" t="s">
        <v>21381</v>
      </c>
      <c r="I2465" t="s">
        <v>30540</v>
      </c>
    </row>
    <row r="2466" spans="1:9">
      <c r="A2466" s="1">
        <v>0.37012376164217631</v>
      </c>
      <c r="B2466" s="1"/>
      <c r="C2466">
        <v>9</v>
      </c>
      <c r="D2466" t="s">
        <v>21376</v>
      </c>
      <c r="E2466" t="s">
        <v>33771</v>
      </c>
      <c r="F2466">
        <v>2</v>
      </c>
      <c r="G2466" t="s">
        <v>13</v>
      </c>
      <c r="H2466" t="s">
        <v>21377</v>
      </c>
      <c r="I2466" t="s">
        <v>30540</v>
      </c>
    </row>
    <row r="2467" spans="1:9">
      <c r="A2467" s="1">
        <v>0.74449628523921241</v>
      </c>
      <c r="B2467" s="1"/>
      <c r="C2467">
        <v>10</v>
      </c>
      <c r="D2467" t="s">
        <v>21346</v>
      </c>
      <c r="E2467" t="s">
        <v>33775</v>
      </c>
      <c r="F2467">
        <v>3</v>
      </c>
      <c r="G2467" t="s">
        <v>0</v>
      </c>
      <c r="H2467" t="s">
        <v>21347</v>
      </c>
      <c r="I2467" t="s">
        <v>30540</v>
      </c>
    </row>
    <row r="2468" spans="1:9">
      <c r="A2468" s="1">
        <v>0.69806253850073252</v>
      </c>
      <c r="B2468" s="1"/>
      <c r="C2468">
        <v>7</v>
      </c>
      <c r="D2468" t="s">
        <v>21334</v>
      </c>
      <c r="E2468" t="s">
        <v>33776</v>
      </c>
      <c r="F2468">
        <v>2</v>
      </c>
      <c r="G2468" t="s">
        <v>13</v>
      </c>
      <c r="H2468" t="s">
        <v>21335</v>
      </c>
      <c r="I2468" t="s">
        <v>30540</v>
      </c>
    </row>
    <row r="2469" spans="1:9">
      <c r="A2469" s="1">
        <v>0.66855045737256669</v>
      </c>
      <c r="B2469" s="1"/>
      <c r="C2469">
        <v>8</v>
      </c>
      <c r="D2469" t="s">
        <v>21336</v>
      </c>
      <c r="E2469" t="s">
        <v>33776</v>
      </c>
      <c r="F2469">
        <v>1</v>
      </c>
      <c r="G2469" t="s">
        <v>0</v>
      </c>
      <c r="H2469" t="s">
        <v>21337</v>
      </c>
      <c r="I2469" t="s">
        <v>30540</v>
      </c>
    </row>
    <row r="2470" spans="1:9">
      <c r="A2470" s="1">
        <v>0.55209192386417283</v>
      </c>
      <c r="B2470" s="1"/>
      <c r="C2470">
        <v>3</v>
      </c>
      <c r="D2470" t="s">
        <v>21326</v>
      </c>
      <c r="E2470" t="s">
        <v>33777</v>
      </c>
      <c r="F2470">
        <v>3</v>
      </c>
      <c r="G2470" t="s">
        <v>10</v>
      </c>
      <c r="H2470" t="s">
        <v>21327</v>
      </c>
      <c r="I2470" t="s">
        <v>30540</v>
      </c>
    </row>
    <row r="2471" spans="1:9">
      <c r="A2471" s="1">
        <v>0.39232944785661583</v>
      </c>
      <c r="B2471" s="1"/>
      <c r="C2471">
        <v>8</v>
      </c>
      <c r="D2471" t="s">
        <v>21314</v>
      </c>
      <c r="E2471" t="s">
        <v>33779</v>
      </c>
      <c r="F2471">
        <v>3</v>
      </c>
      <c r="G2471" t="s">
        <v>14</v>
      </c>
      <c r="H2471" t="s">
        <v>21315</v>
      </c>
      <c r="I2471" t="s">
        <v>30540</v>
      </c>
    </row>
    <row r="2472" spans="1:9">
      <c r="A2472" s="1">
        <v>0.59433760540109037</v>
      </c>
      <c r="B2472" s="1"/>
      <c r="C2472">
        <v>12</v>
      </c>
      <c r="D2472" t="s">
        <v>21318</v>
      </c>
      <c r="E2472" t="s">
        <v>33779</v>
      </c>
      <c r="F2472">
        <v>2</v>
      </c>
      <c r="G2472" t="s">
        <v>14</v>
      </c>
      <c r="H2472" t="s">
        <v>21319</v>
      </c>
      <c r="I2472" t="s">
        <v>30540</v>
      </c>
    </row>
    <row r="2473" spans="1:9">
      <c r="A2473" s="1">
        <v>0.42540593831330054</v>
      </c>
      <c r="B2473" s="1"/>
      <c r="C2473">
        <v>8</v>
      </c>
      <c r="D2473" t="s">
        <v>21304</v>
      </c>
      <c r="E2473" t="s">
        <v>33780</v>
      </c>
      <c r="F2473">
        <v>3</v>
      </c>
      <c r="G2473" t="s">
        <v>0</v>
      </c>
      <c r="H2473" t="s">
        <v>21305</v>
      </c>
      <c r="I2473" t="s">
        <v>30540</v>
      </c>
    </row>
    <row r="2474" spans="1:9">
      <c r="A2474" s="1">
        <v>0.55169989500273198</v>
      </c>
      <c r="B2474" s="1"/>
      <c r="C2474">
        <v>2</v>
      </c>
      <c r="D2474" t="s">
        <v>21298</v>
      </c>
      <c r="E2474" t="s">
        <v>33780</v>
      </c>
      <c r="F2474">
        <v>2</v>
      </c>
      <c r="G2474" t="s">
        <v>14</v>
      </c>
      <c r="H2474" t="s">
        <v>21299</v>
      </c>
      <c r="I2474" t="s">
        <v>30540</v>
      </c>
    </row>
    <row r="2475" spans="1:9">
      <c r="A2475" s="1">
        <v>0.88751800285037585</v>
      </c>
      <c r="B2475" s="1"/>
      <c r="C2475">
        <v>2</v>
      </c>
      <c r="D2475" t="s">
        <v>21282</v>
      </c>
      <c r="E2475" t="s">
        <v>33783</v>
      </c>
      <c r="F2475">
        <v>3</v>
      </c>
      <c r="G2475" t="s">
        <v>14</v>
      </c>
      <c r="H2475" t="s">
        <v>21283</v>
      </c>
      <c r="I2475" t="s">
        <v>30540</v>
      </c>
    </row>
    <row r="2476" spans="1:9">
      <c r="A2476" s="1">
        <v>0.48556692073281227</v>
      </c>
      <c r="B2476" s="1"/>
      <c r="C2476">
        <v>3</v>
      </c>
      <c r="D2476" t="s">
        <v>21284</v>
      </c>
      <c r="E2476" t="s">
        <v>33783</v>
      </c>
      <c r="F2476">
        <v>3</v>
      </c>
      <c r="G2476" t="s">
        <v>14</v>
      </c>
      <c r="H2476" t="s">
        <v>21285</v>
      </c>
      <c r="I2476" t="s">
        <v>30540</v>
      </c>
    </row>
    <row r="2477" spans="1:9">
      <c r="A2477" s="1">
        <v>0.26728937436588929</v>
      </c>
      <c r="B2477" s="1"/>
      <c r="C2477">
        <v>16</v>
      </c>
      <c r="D2477" t="s">
        <v>21276</v>
      </c>
      <c r="E2477" t="s">
        <v>33785</v>
      </c>
      <c r="F2477">
        <v>3</v>
      </c>
      <c r="G2477" t="s">
        <v>14</v>
      </c>
      <c r="H2477" t="s">
        <v>21277</v>
      </c>
      <c r="I2477" t="s">
        <v>30540</v>
      </c>
    </row>
    <row r="2478" spans="1:9">
      <c r="A2478" s="1">
        <v>0.37276744113338678</v>
      </c>
      <c r="B2478" s="1"/>
      <c r="C2478">
        <v>5</v>
      </c>
      <c r="D2478" t="s">
        <v>21264</v>
      </c>
      <c r="E2478" t="s">
        <v>33786</v>
      </c>
      <c r="F2478">
        <v>3</v>
      </c>
      <c r="G2478" t="s">
        <v>10</v>
      </c>
      <c r="H2478" t="s">
        <v>21265</v>
      </c>
      <c r="I2478" t="s">
        <v>30540</v>
      </c>
    </row>
    <row r="2479" spans="1:9">
      <c r="A2479" s="1">
        <v>0.94560150602343218</v>
      </c>
      <c r="B2479" s="1"/>
      <c r="C2479">
        <v>5</v>
      </c>
      <c r="D2479" t="s">
        <v>21254</v>
      </c>
      <c r="E2479" t="s">
        <v>33787</v>
      </c>
      <c r="F2479">
        <v>2</v>
      </c>
      <c r="G2479" t="s">
        <v>774</v>
      </c>
      <c r="H2479" t="s">
        <v>21255</v>
      </c>
      <c r="I2479" t="s">
        <v>30540</v>
      </c>
    </row>
    <row r="2480" spans="1:9">
      <c r="A2480" s="1">
        <v>0.27556793476983699</v>
      </c>
      <c r="B2480" s="1"/>
      <c r="C2480">
        <v>3</v>
      </c>
      <c r="D2480" t="s">
        <v>21244</v>
      </c>
      <c r="E2480" t="s">
        <v>33790</v>
      </c>
      <c r="F2480">
        <v>2</v>
      </c>
      <c r="G2480" t="s">
        <v>14</v>
      </c>
      <c r="H2480" t="s">
        <v>21245</v>
      </c>
      <c r="I2480" t="s">
        <v>30540</v>
      </c>
    </row>
    <row r="2481" spans="1:9">
      <c r="A2481" s="1">
        <v>0.14363269102930465</v>
      </c>
      <c r="B2481" s="1"/>
      <c r="C2481">
        <v>18</v>
      </c>
      <c r="D2481" t="s">
        <v>24885</v>
      </c>
      <c r="E2481" t="s">
        <v>33791</v>
      </c>
      <c r="F2481">
        <v>3</v>
      </c>
      <c r="G2481" t="s">
        <v>2</v>
      </c>
      <c r="H2481" t="s">
        <v>24886</v>
      </c>
      <c r="I2481" t="s">
        <v>30540</v>
      </c>
    </row>
    <row r="2482" spans="1:9">
      <c r="A2482" s="1">
        <v>0.97852175772375627</v>
      </c>
      <c r="B2482" s="1"/>
      <c r="C2482">
        <v>9</v>
      </c>
      <c r="D2482" t="s">
        <v>24875</v>
      </c>
      <c r="E2482" t="s">
        <v>33791</v>
      </c>
      <c r="F2482">
        <v>2</v>
      </c>
      <c r="G2482" t="s">
        <v>9</v>
      </c>
      <c r="H2482" t="s">
        <v>24876</v>
      </c>
      <c r="I2482" t="s">
        <v>30540</v>
      </c>
    </row>
    <row r="2483" spans="1:9">
      <c r="A2483" s="1">
        <v>0.65690064587240771</v>
      </c>
      <c r="B2483" s="1"/>
      <c r="C2483">
        <v>14</v>
      </c>
      <c r="D2483" t="s">
        <v>24879</v>
      </c>
      <c r="E2483" t="s">
        <v>33791</v>
      </c>
      <c r="F2483">
        <v>2</v>
      </c>
      <c r="G2483" t="s">
        <v>10</v>
      </c>
      <c r="H2483" t="s">
        <v>24880</v>
      </c>
      <c r="I2483" t="s">
        <v>30540</v>
      </c>
    </row>
    <row r="2484" spans="1:9">
      <c r="A2484" s="1">
        <v>0.36945300831432193</v>
      </c>
      <c r="B2484" s="1"/>
      <c r="C2484">
        <v>8</v>
      </c>
      <c r="D2484" t="s">
        <v>24871</v>
      </c>
      <c r="E2484" t="s">
        <v>33792</v>
      </c>
      <c r="F2484">
        <v>3</v>
      </c>
      <c r="G2484" t="s">
        <v>14</v>
      </c>
      <c r="H2484" t="s">
        <v>24872</v>
      </c>
      <c r="I2484" t="s">
        <v>30540</v>
      </c>
    </row>
    <row r="2485" spans="1:9">
      <c r="A2485" s="1">
        <v>0.75707257037359477</v>
      </c>
      <c r="B2485" s="1"/>
      <c r="C2485">
        <v>4</v>
      </c>
      <c r="D2485" t="s">
        <v>24859</v>
      </c>
      <c r="E2485" t="s">
        <v>33793</v>
      </c>
      <c r="F2485">
        <v>3</v>
      </c>
      <c r="G2485" t="s">
        <v>13</v>
      </c>
      <c r="H2485" t="s">
        <v>24860</v>
      </c>
      <c r="I2485" t="s">
        <v>30540</v>
      </c>
    </row>
    <row r="2486" spans="1:9">
      <c r="A2486" s="1">
        <v>0.72319894548011265</v>
      </c>
      <c r="B2486" s="1"/>
      <c r="C2486">
        <v>6</v>
      </c>
      <c r="D2486" t="s">
        <v>24861</v>
      </c>
      <c r="E2486" t="s">
        <v>33793</v>
      </c>
      <c r="F2486">
        <v>3</v>
      </c>
      <c r="G2486" t="s">
        <v>14</v>
      </c>
      <c r="H2486" t="s">
        <v>24862</v>
      </c>
      <c r="I2486" t="s">
        <v>30540</v>
      </c>
    </row>
    <row r="2487" spans="1:9">
      <c r="A2487" s="1">
        <v>0.63193706652757475</v>
      </c>
      <c r="B2487" s="1"/>
      <c r="C2487">
        <v>9</v>
      </c>
      <c r="D2487" t="s">
        <v>24865</v>
      </c>
      <c r="E2487" t="s">
        <v>33793</v>
      </c>
      <c r="F2487">
        <v>2</v>
      </c>
      <c r="G2487" t="s">
        <v>1</v>
      </c>
      <c r="H2487" t="s">
        <v>24866</v>
      </c>
      <c r="I2487" t="s">
        <v>30540</v>
      </c>
    </row>
    <row r="2488" spans="1:9">
      <c r="A2488" s="1">
        <v>0.42815270280191331</v>
      </c>
      <c r="B2488" s="1"/>
      <c r="C2488">
        <v>7</v>
      </c>
      <c r="D2488" t="s">
        <v>24863</v>
      </c>
      <c r="E2488" t="s">
        <v>33793</v>
      </c>
      <c r="F2488">
        <v>1</v>
      </c>
      <c r="G2488" t="s">
        <v>14</v>
      </c>
      <c r="H2488" t="s">
        <v>24864</v>
      </c>
      <c r="I2488" t="s">
        <v>30540</v>
      </c>
    </row>
    <row r="2489" spans="1:9">
      <c r="A2489" s="1">
        <v>0.58462822759486111</v>
      </c>
      <c r="B2489" s="1"/>
      <c r="C2489">
        <v>15</v>
      </c>
      <c r="D2489" t="s">
        <v>24857</v>
      </c>
      <c r="E2489" t="s">
        <v>33794</v>
      </c>
      <c r="F2489">
        <v>2</v>
      </c>
      <c r="G2489" t="s">
        <v>14</v>
      </c>
      <c r="H2489" t="s">
        <v>24858</v>
      </c>
      <c r="I2489" t="s">
        <v>30540</v>
      </c>
    </row>
    <row r="2490" spans="1:9">
      <c r="A2490" s="1">
        <v>0.4624433658668029</v>
      </c>
      <c r="B2490" s="1"/>
      <c r="C2490">
        <v>13</v>
      </c>
      <c r="D2490" t="s">
        <v>24847</v>
      </c>
      <c r="E2490" t="s">
        <v>33795</v>
      </c>
      <c r="F2490">
        <v>2</v>
      </c>
      <c r="G2490" t="s">
        <v>14</v>
      </c>
      <c r="H2490" t="s">
        <v>24848</v>
      </c>
      <c r="I2490" t="s">
        <v>30540</v>
      </c>
    </row>
    <row r="2491" spans="1:9">
      <c r="A2491" s="1">
        <v>0.44859053130180304</v>
      </c>
      <c r="B2491" s="1"/>
      <c r="C2491">
        <v>16</v>
      </c>
      <c r="D2491" t="s">
        <v>24839</v>
      </c>
      <c r="E2491" t="s">
        <v>33796</v>
      </c>
      <c r="F2491">
        <v>2</v>
      </c>
      <c r="G2491" t="s">
        <v>14</v>
      </c>
      <c r="H2491" t="s">
        <v>24840</v>
      </c>
      <c r="I2491" t="s">
        <v>30540</v>
      </c>
    </row>
    <row r="2492" spans="1:9">
      <c r="A2492" s="1">
        <v>0.96348190229074693</v>
      </c>
      <c r="B2492" s="1"/>
      <c r="C2492">
        <v>16</v>
      </c>
      <c r="D2492" t="s">
        <v>24819</v>
      </c>
      <c r="E2492" t="s">
        <v>33798</v>
      </c>
      <c r="F2492">
        <v>3</v>
      </c>
      <c r="G2492" t="s">
        <v>2</v>
      </c>
      <c r="H2492" t="s">
        <v>24820</v>
      </c>
      <c r="I2492" t="s">
        <v>30540</v>
      </c>
    </row>
    <row r="2493" spans="1:9">
      <c r="A2493" s="1">
        <v>8.0299506635350237E-2</v>
      </c>
      <c r="B2493" s="1"/>
      <c r="C2493">
        <v>14</v>
      </c>
      <c r="D2493" t="s">
        <v>24817</v>
      </c>
      <c r="E2493" t="s">
        <v>33798</v>
      </c>
      <c r="F2493">
        <v>3</v>
      </c>
      <c r="G2493" t="s">
        <v>2</v>
      </c>
      <c r="H2493" t="s">
        <v>24818</v>
      </c>
      <c r="I2493" t="s">
        <v>30540</v>
      </c>
    </row>
    <row r="2494" spans="1:9">
      <c r="A2494" s="1">
        <v>0.92120177014875748</v>
      </c>
      <c r="B2494" s="1"/>
      <c r="C2494">
        <v>11</v>
      </c>
      <c r="D2494" t="s">
        <v>24795</v>
      </c>
      <c r="E2494" t="s">
        <v>33801</v>
      </c>
      <c r="F2494">
        <v>2</v>
      </c>
      <c r="G2494" t="s">
        <v>1</v>
      </c>
      <c r="H2494" t="s">
        <v>24796</v>
      </c>
      <c r="I2494" t="s">
        <v>30540</v>
      </c>
    </row>
    <row r="2495" spans="1:9">
      <c r="A2495" s="1">
        <v>0.49883671782218231</v>
      </c>
      <c r="B2495" s="1"/>
      <c r="C2495">
        <v>11</v>
      </c>
      <c r="D2495" t="s">
        <v>24787</v>
      </c>
      <c r="E2495" t="s">
        <v>33802</v>
      </c>
      <c r="F2495">
        <v>3</v>
      </c>
      <c r="G2495" t="s">
        <v>14</v>
      </c>
      <c r="H2495" t="s">
        <v>24788</v>
      </c>
      <c r="I2495" t="s">
        <v>30540</v>
      </c>
    </row>
    <row r="2496" spans="1:9">
      <c r="A2496" s="1">
        <v>0.26654451075749963</v>
      </c>
      <c r="B2496" s="1"/>
      <c r="C2496">
        <v>12</v>
      </c>
      <c r="D2496" t="s">
        <v>24779</v>
      </c>
      <c r="E2496" t="s">
        <v>33803</v>
      </c>
      <c r="F2496">
        <v>3</v>
      </c>
      <c r="G2496" t="s">
        <v>0</v>
      </c>
      <c r="H2496" t="s">
        <v>24780</v>
      </c>
      <c r="I2496" t="s">
        <v>30540</v>
      </c>
    </row>
    <row r="2497" spans="1:9">
      <c r="A2497" s="1">
        <v>0.9383967709363793</v>
      </c>
      <c r="B2497" s="1"/>
      <c r="C2497">
        <v>10</v>
      </c>
      <c r="D2497" t="s">
        <v>24777</v>
      </c>
      <c r="E2497" t="s">
        <v>33803</v>
      </c>
      <c r="F2497">
        <v>2</v>
      </c>
      <c r="G2497" t="s">
        <v>14</v>
      </c>
      <c r="H2497" t="s">
        <v>24778</v>
      </c>
      <c r="I2497" t="s">
        <v>30540</v>
      </c>
    </row>
    <row r="2498" spans="1:9">
      <c r="A2498" s="1">
        <v>0.89185245180467299</v>
      </c>
      <c r="B2498" s="1"/>
      <c r="C2498">
        <v>12</v>
      </c>
      <c r="D2498" t="s">
        <v>24771</v>
      </c>
      <c r="E2498" t="s">
        <v>33804</v>
      </c>
      <c r="F2498">
        <v>3</v>
      </c>
      <c r="G2498" t="s">
        <v>14</v>
      </c>
      <c r="H2498" t="s">
        <v>24772</v>
      </c>
      <c r="I2498" t="s">
        <v>30540</v>
      </c>
    </row>
    <row r="2499" spans="1:9">
      <c r="A2499" s="1">
        <v>0.92917045039022816</v>
      </c>
      <c r="B2499" s="1"/>
      <c r="C2499">
        <v>7</v>
      </c>
      <c r="D2499" t="s">
        <v>24767</v>
      </c>
      <c r="E2499" t="s">
        <v>33805</v>
      </c>
      <c r="F2499">
        <v>1</v>
      </c>
      <c r="G2499" t="s">
        <v>14</v>
      </c>
      <c r="H2499" t="s">
        <v>24768</v>
      </c>
      <c r="I2499" t="s">
        <v>30540</v>
      </c>
    </row>
    <row r="2500" spans="1:9">
      <c r="A2500" s="1">
        <v>0.97233397631472462</v>
      </c>
      <c r="B2500" s="1"/>
      <c r="C2500">
        <v>14</v>
      </c>
      <c r="D2500" t="s">
        <v>24763</v>
      </c>
      <c r="E2500" t="s">
        <v>33806</v>
      </c>
      <c r="F2500">
        <v>3</v>
      </c>
      <c r="G2500" t="s">
        <v>9</v>
      </c>
      <c r="H2500" t="s">
        <v>24764</v>
      </c>
      <c r="I2500" t="s">
        <v>30540</v>
      </c>
    </row>
    <row r="2501" spans="1:9">
      <c r="A2501" s="1">
        <v>0.38933603790538951</v>
      </c>
      <c r="B2501" s="1"/>
      <c r="C2501">
        <v>4</v>
      </c>
      <c r="D2501" t="s">
        <v>24757</v>
      </c>
      <c r="E2501" t="s">
        <v>33806</v>
      </c>
      <c r="F2501">
        <v>2</v>
      </c>
      <c r="G2501" t="s">
        <v>2</v>
      </c>
      <c r="H2501" t="s">
        <v>24758</v>
      </c>
      <c r="I2501" t="s">
        <v>30540</v>
      </c>
    </row>
    <row r="2502" spans="1:9">
      <c r="A2502" s="1">
        <v>0.84081141876656562</v>
      </c>
      <c r="B2502" s="1"/>
      <c r="C2502">
        <v>10</v>
      </c>
      <c r="D2502" t="s">
        <v>24755</v>
      </c>
      <c r="E2502" t="s">
        <v>33807</v>
      </c>
      <c r="F2502">
        <v>3</v>
      </c>
      <c r="G2502" t="s">
        <v>1</v>
      </c>
      <c r="H2502" t="s">
        <v>24756</v>
      </c>
      <c r="I2502" t="s">
        <v>30540</v>
      </c>
    </row>
    <row r="2503" spans="1:9">
      <c r="A2503" s="1">
        <v>0.45639874896375487</v>
      </c>
      <c r="B2503" s="1"/>
      <c r="C2503">
        <v>11</v>
      </c>
      <c r="D2503" t="s">
        <v>24717</v>
      </c>
      <c r="E2503" t="s">
        <v>33812</v>
      </c>
      <c r="F2503">
        <v>3</v>
      </c>
      <c r="G2503" t="s">
        <v>14</v>
      </c>
      <c r="H2503" t="s">
        <v>24718</v>
      </c>
      <c r="I2503" t="s">
        <v>30540</v>
      </c>
    </row>
    <row r="2504" spans="1:9">
      <c r="A2504" s="1">
        <v>0.67652651128466523</v>
      </c>
      <c r="B2504" s="1"/>
      <c r="C2504">
        <v>11</v>
      </c>
      <c r="D2504" t="s">
        <v>24713</v>
      </c>
      <c r="E2504" t="s">
        <v>33813</v>
      </c>
      <c r="F2504">
        <v>3</v>
      </c>
      <c r="G2504" t="s">
        <v>13</v>
      </c>
      <c r="H2504" t="s">
        <v>24714</v>
      </c>
      <c r="I2504" t="s">
        <v>30540</v>
      </c>
    </row>
    <row r="2505" spans="1:9">
      <c r="A2505" s="1">
        <v>0.37014415989920924</v>
      </c>
      <c r="B2505" s="1"/>
      <c r="C2505">
        <v>10</v>
      </c>
      <c r="D2505" t="s">
        <v>24711</v>
      </c>
      <c r="E2505" t="s">
        <v>33813</v>
      </c>
      <c r="F2505">
        <v>2</v>
      </c>
      <c r="G2505" t="s">
        <v>14</v>
      </c>
      <c r="H2505" t="s">
        <v>24712</v>
      </c>
      <c r="I2505" t="s">
        <v>30540</v>
      </c>
    </row>
    <row r="2506" spans="1:9">
      <c r="A2506" s="1">
        <v>0.61929749013667279</v>
      </c>
      <c r="B2506" s="1"/>
      <c r="C2506">
        <v>20</v>
      </c>
      <c r="D2506" t="s">
        <v>24703</v>
      </c>
      <c r="E2506" t="s">
        <v>33815</v>
      </c>
      <c r="F2506">
        <v>2</v>
      </c>
      <c r="G2506" t="s">
        <v>774</v>
      </c>
      <c r="H2506" t="s">
        <v>24704</v>
      </c>
      <c r="I2506" t="s">
        <v>30540</v>
      </c>
    </row>
    <row r="2507" spans="1:9">
      <c r="A2507" s="1">
        <v>0.60860432398664588</v>
      </c>
      <c r="B2507" s="1"/>
      <c r="C2507">
        <v>7</v>
      </c>
      <c r="D2507" t="s">
        <v>24685</v>
      </c>
      <c r="E2507" t="s">
        <v>33816</v>
      </c>
      <c r="F2507">
        <v>2</v>
      </c>
      <c r="G2507" t="s">
        <v>9</v>
      </c>
      <c r="H2507" t="s">
        <v>24686</v>
      </c>
      <c r="I2507" t="s">
        <v>30540</v>
      </c>
    </row>
    <row r="2508" spans="1:9">
      <c r="A2508" s="1">
        <v>0.9749798077131282</v>
      </c>
      <c r="B2508" s="1"/>
      <c r="C2508">
        <v>13</v>
      </c>
      <c r="D2508" t="s">
        <v>24689</v>
      </c>
      <c r="E2508" t="s">
        <v>33816</v>
      </c>
      <c r="F2508">
        <v>2</v>
      </c>
      <c r="G2508" t="s">
        <v>0</v>
      </c>
      <c r="H2508" t="s">
        <v>24690</v>
      </c>
      <c r="I2508" t="s">
        <v>30540</v>
      </c>
    </row>
    <row r="2509" spans="1:9">
      <c r="A2509" s="1">
        <v>0.58275341706379857</v>
      </c>
      <c r="B2509" s="1"/>
      <c r="C2509">
        <v>3</v>
      </c>
      <c r="D2509" t="s">
        <v>24669</v>
      </c>
      <c r="E2509" t="s">
        <v>33817</v>
      </c>
      <c r="F2509">
        <v>3</v>
      </c>
      <c r="G2509" t="s">
        <v>14</v>
      </c>
      <c r="H2509" t="s">
        <v>24670</v>
      </c>
      <c r="I2509" t="s">
        <v>30540</v>
      </c>
    </row>
    <row r="2510" spans="1:9">
      <c r="A2510" s="1">
        <v>0.17708781900363191</v>
      </c>
      <c r="B2510" s="1"/>
      <c r="C2510">
        <v>17</v>
      </c>
      <c r="D2510" t="s">
        <v>24681</v>
      </c>
      <c r="E2510" t="s">
        <v>33817</v>
      </c>
      <c r="F2510">
        <v>3</v>
      </c>
      <c r="G2510" t="s">
        <v>2</v>
      </c>
      <c r="H2510" t="s">
        <v>24682</v>
      </c>
      <c r="I2510" t="s">
        <v>30540</v>
      </c>
    </row>
    <row r="2511" spans="1:9">
      <c r="A2511" s="1">
        <v>0.92971789572459829</v>
      </c>
      <c r="B2511" s="1"/>
      <c r="C2511">
        <v>9</v>
      </c>
      <c r="D2511" t="s">
        <v>24673</v>
      </c>
      <c r="E2511" t="s">
        <v>33817</v>
      </c>
      <c r="F2511">
        <v>2</v>
      </c>
      <c r="G2511" t="s">
        <v>14</v>
      </c>
      <c r="H2511" t="s">
        <v>24674</v>
      </c>
      <c r="I2511" t="s">
        <v>30540</v>
      </c>
    </row>
    <row r="2512" spans="1:9">
      <c r="A2512" s="1">
        <v>0.75476808926458727</v>
      </c>
      <c r="B2512" s="1"/>
      <c r="C2512">
        <v>2</v>
      </c>
      <c r="D2512" t="s">
        <v>24667</v>
      </c>
      <c r="E2512" t="s">
        <v>33817</v>
      </c>
      <c r="F2512">
        <v>2</v>
      </c>
      <c r="G2512" t="s">
        <v>2</v>
      </c>
      <c r="H2512" t="s">
        <v>24668</v>
      </c>
      <c r="I2512" t="s">
        <v>30540</v>
      </c>
    </row>
    <row r="2513" spans="1:9">
      <c r="A2513" s="1">
        <v>0.87572469169646394</v>
      </c>
      <c r="B2513" s="1"/>
      <c r="C2513">
        <v>4</v>
      </c>
      <c r="D2513" t="s">
        <v>24671</v>
      </c>
      <c r="E2513" t="s">
        <v>33817</v>
      </c>
      <c r="F2513">
        <v>2</v>
      </c>
      <c r="G2513" t="s">
        <v>9</v>
      </c>
      <c r="H2513" t="s">
        <v>24672</v>
      </c>
      <c r="I2513" t="s">
        <v>30540</v>
      </c>
    </row>
    <row r="2514" spans="1:9">
      <c r="A2514" s="1">
        <v>2.4671986486513031E-3</v>
      </c>
      <c r="B2514" s="1"/>
      <c r="C2514">
        <v>15</v>
      </c>
      <c r="D2514" t="s">
        <v>24677</v>
      </c>
      <c r="E2514" t="s">
        <v>33817</v>
      </c>
      <c r="F2514">
        <v>2</v>
      </c>
      <c r="G2514" t="s">
        <v>14</v>
      </c>
      <c r="H2514" t="s">
        <v>24678</v>
      </c>
      <c r="I2514" t="s">
        <v>30540</v>
      </c>
    </row>
    <row r="2515" spans="1:9">
      <c r="A2515" s="1">
        <v>0.28343665116929362</v>
      </c>
      <c r="B2515" s="1"/>
      <c r="C2515">
        <v>16</v>
      </c>
      <c r="D2515" t="s">
        <v>24679</v>
      </c>
      <c r="E2515" t="s">
        <v>33817</v>
      </c>
      <c r="F2515">
        <v>2</v>
      </c>
      <c r="G2515" t="s">
        <v>14</v>
      </c>
      <c r="H2515" t="s">
        <v>24680</v>
      </c>
      <c r="I2515" t="s">
        <v>30540</v>
      </c>
    </row>
    <row r="2516" spans="1:9">
      <c r="A2516" s="1">
        <v>0.57842848178072515</v>
      </c>
      <c r="B2516" s="1"/>
      <c r="C2516">
        <v>3</v>
      </c>
      <c r="D2516" t="s">
        <v>24655</v>
      </c>
      <c r="E2516" t="s">
        <v>33818</v>
      </c>
      <c r="F2516">
        <v>3</v>
      </c>
      <c r="G2516" t="s">
        <v>1</v>
      </c>
      <c r="H2516" t="s">
        <v>24656</v>
      </c>
      <c r="I2516" t="s">
        <v>30540</v>
      </c>
    </row>
    <row r="2517" spans="1:9">
      <c r="A2517" s="1">
        <v>0.83053422608292815</v>
      </c>
      <c r="B2517" s="1"/>
      <c r="C2517">
        <v>10</v>
      </c>
      <c r="D2517" t="s">
        <v>24659</v>
      </c>
      <c r="E2517" t="s">
        <v>33818</v>
      </c>
      <c r="F2517">
        <v>2</v>
      </c>
      <c r="G2517" t="s">
        <v>2</v>
      </c>
      <c r="H2517" t="s">
        <v>24660</v>
      </c>
      <c r="I2517" t="s">
        <v>30540</v>
      </c>
    </row>
    <row r="2518" spans="1:9">
      <c r="A2518" s="1">
        <v>0.99759560501106059</v>
      </c>
      <c r="B2518" s="1"/>
      <c r="C2518">
        <v>13</v>
      </c>
      <c r="D2518" t="s">
        <v>24629</v>
      </c>
      <c r="E2518" t="s">
        <v>33821</v>
      </c>
      <c r="F2518">
        <v>3</v>
      </c>
      <c r="G2518" t="s">
        <v>14</v>
      </c>
      <c r="H2518" t="s">
        <v>24630</v>
      </c>
      <c r="I2518" t="s">
        <v>30540</v>
      </c>
    </row>
    <row r="2519" spans="1:9">
      <c r="A2519" s="1">
        <v>0.10757675085508045</v>
      </c>
      <c r="B2519" s="1"/>
      <c r="C2519">
        <v>10</v>
      </c>
      <c r="D2519" t="s">
        <v>24623</v>
      </c>
      <c r="E2519" t="s">
        <v>33821</v>
      </c>
      <c r="F2519">
        <v>3</v>
      </c>
      <c r="G2519" t="s">
        <v>1</v>
      </c>
      <c r="H2519" t="s">
        <v>24624</v>
      </c>
      <c r="I2519" t="s">
        <v>30540</v>
      </c>
    </row>
    <row r="2520" spans="1:9">
      <c r="A2520" s="1">
        <v>0.64440650893636331</v>
      </c>
      <c r="B2520" s="1"/>
      <c r="C2520">
        <v>13</v>
      </c>
      <c r="D2520" t="s">
        <v>24619</v>
      </c>
      <c r="E2520" t="s">
        <v>33822</v>
      </c>
      <c r="F2520">
        <v>2</v>
      </c>
      <c r="G2520" t="s">
        <v>14</v>
      </c>
      <c r="H2520" t="s">
        <v>24620</v>
      </c>
      <c r="I2520" t="s">
        <v>30540</v>
      </c>
    </row>
    <row r="2521" spans="1:9">
      <c r="A2521" s="1">
        <v>0.5191478367185548</v>
      </c>
      <c r="B2521" s="1"/>
      <c r="C2521">
        <v>2</v>
      </c>
      <c r="D2521" t="s">
        <v>24615</v>
      </c>
      <c r="E2521" t="s">
        <v>33822</v>
      </c>
      <c r="F2521">
        <v>2</v>
      </c>
      <c r="G2521" t="s">
        <v>14</v>
      </c>
      <c r="H2521" t="s">
        <v>24616</v>
      </c>
      <c r="I2521" t="s">
        <v>30540</v>
      </c>
    </row>
    <row r="2522" spans="1:9">
      <c r="A2522" s="1">
        <v>0.82867250372959123</v>
      </c>
      <c r="B2522" s="1"/>
      <c r="C2522">
        <v>12</v>
      </c>
      <c r="D2522" t="s">
        <v>24611</v>
      </c>
      <c r="E2522" t="s">
        <v>33823</v>
      </c>
      <c r="F2522">
        <v>2</v>
      </c>
      <c r="G2522" t="s">
        <v>13</v>
      </c>
      <c r="H2522" t="s">
        <v>24612</v>
      </c>
      <c r="I2522" t="s">
        <v>30540</v>
      </c>
    </row>
    <row r="2523" spans="1:9">
      <c r="A2523" s="1">
        <v>0.51479348015466697</v>
      </c>
      <c r="B2523" s="1"/>
      <c r="C2523">
        <v>9</v>
      </c>
      <c r="D2523" t="s">
        <v>24597</v>
      </c>
      <c r="E2523" t="s">
        <v>33824</v>
      </c>
      <c r="F2523">
        <v>2</v>
      </c>
      <c r="G2523" t="s">
        <v>14</v>
      </c>
      <c r="H2523" t="s">
        <v>24598</v>
      </c>
      <c r="I2523" t="s">
        <v>30540</v>
      </c>
    </row>
    <row r="2524" spans="1:9">
      <c r="A2524" s="1">
        <v>0.70571588914031391</v>
      </c>
      <c r="B2524" s="1"/>
      <c r="C2524">
        <v>12</v>
      </c>
      <c r="D2524" t="s">
        <v>24599</v>
      </c>
      <c r="E2524" t="s">
        <v>33824</v>
      </c>
      <c r="F2524">
        <v>1</v>
      </c>
      <c r="G2524" t="s">
        <v>13</v>
      </c>
      <c r="H2524" t="s">
        <v>24600</v>
      </c>
      <c r="I2524" t="s">
        <v>30540</v>
      </c>
    </row>
    <row r="2525" spans="1:9">
      <c r="A2525" s="1">
        <v>0.57285676002120001</v>
      </c>
      <c r="B2525" s="1"/>
      <c r="C2525">
        <v>16</v>
      </c>
      <c r="D2525" t="s">
        <v>24587</v>
      </c>
      <c r="E2525" t="s">
        <v>33826</v>
      </c>
      <c r="F2525">
        <v>3</v>
      </c>
      <c r="G2525" t="s">
        <v>14</v>
      </c>
      <c r="H2525" t="s">
        <v>24588</v>
      </c>
      <c r="I2525" t="s">
        <v>30540</v>
      </c>
    </row>
    <row r="2526" spans="1:9">
      <c r="A2526" s="1">
        <v>0.86312981937934463</v>
      </c>
      <c r="B2526" s="1"/>
      <c r="C2526">
        <v>16</v>
      </c>
      <c r="D2526" t="s">
        <v>24579</v>
      </c>
      <c r="E2526" t="s">
        <v>33827</v>
      </c>
      <c r="F2526">
        <v>3</v>
      </c>
      <c r="G2526" t="s">
        <v>9</v>
      </c>
      <c r="H2526" t="s">
        <v>24580</v>
      </c>
      <c r="I2526" t="s">
        <v>30540</v>
      </c>
    </row>
    <row r="2527" spans="1:9">
      <c r="A2527" s="1">
        <v>0.62847779869539255</v>
      </c>
      <c r="B2527" s="1"/>
      <c r="C2527">
        <v>7</v>
      </c>
      <c r="D2527" t="s">
        <v>24575</v>
      </c>
      <c r="E2527" t="s">
        <v>33827</v>
      </c>
      <c r="F2527">
        <v>3</v>
      </c>
      <c r="G2527" t="s">
        <v>9</v>
      </c>
      <c r="H2527" t="s">
        <v>24576</v>
      </c>
      <c r="I2527" t="s">
        <v>30540</v>
      </c>
    </row>
    <row r="2528" spans="1:9">
      <c r="A2528" s="1">
        <v>0.68172532374912875</v>
      </c>
      <c r="B2528" s="1"/>
      <c r="C2528">
        <v>6</v>
      </c>
      <c r="D2528" t="s">
        <v>24561</v>
      </c>
      <c r="E2528" t="s">
        <v>33828</v>
      </c>
      <c r="F2528">
        <v>3</v>
      </c>
      <c r="G2528" t="s">
        <v>9</v>
      </c>
      <c r="H2528" t="s">
        <v>24562</v>
      </c>
      <c r="I2528" t="s">
        <v>30540</v>
      </c>
    </row>
    <row r="2529" spans="1:9">
      <c r="A2529" s="1">
        <v>0.74689747560393249</v>
      </c>
      <c r="B2529" s="1"/>
      <c r="C2529">
        <v>5</v>
      </c>
      <c r="D2529" t="s">
        <v>24559</v>
      </c>
      <c r="E2529" t="s">
        <v>33829</v>
      </c>
      <c r="F2529">
        <v>2</v>
      </c>
      <c r="G2529" t="s">
        <v>9</v>
      </c>
      <c r="H2529" t="s">
        <v>24560</v>
      </c>
      <c r="I2529" t="s">
        <v>30540</v>
      </c>
    </row>
    <row r="2530" spans="1:9">
      <c r="A2530" s="1">
        <v>8.2786899167000882E-2</v>
      </c>
      <c r="B2530" s="1"/>
      <c r="C2530">
        <v>15</v>
      </c>
      <c r="D2530" t="s">
        <v>24553</v>
      </c>
      <c r="E2530" t="s">
        <v>33830</v>
      </c>
      <c r="F2530">
        <v>3</v>
      </c>
      <c r="G2530" t="s">
        <v>9</v>
      </c>
      <c r="H2530" t="s">
        <v>24554</v>
      </c>
      <c r="I2530" t="s">
        <v>30540</v>
      </c>
    </row>
    <row r="2531" spans="1:9">
      <c r="A2531" s="1">
        <v>0.26978924673649907</v>
      </c>
      <c r="B2531" s="1"/>
      <c r="C2531">
        <v>12</v>
      </c>
      <c r="D2531" t="s">
        <v>24549</v>
      </c>
      <c r="E2531" t="s">
        <v>33831</v>
      </c>
      <c r="F2531">
        <v>1</v>
      </c>
      <c r="G2531" t="s">
        <v>9</v>
      </c>
      <c r="H2531" t="s">
        <v>24550</v>
      </c>
      <c r="I2531" t="s">
        <v>30540</v>
      </c>
    </row>
    <row r="2532" spans="1:9">
      <c r="A2532" s="1">
        <v>0.70174561959153137</v>
      </c>
      <c r="B2532" s="1"/>
      <c r="C2532">
        <v>15</v>
      </c>
      <c r="D2532" t="s">
        <v>24519</v>
      </c>
      <c r="E2532" t="s">
        <v>33836</v>
      </c>
      <c r="F2532">
        <v>2</v>
      </c>
      <c r="G2532" t="s">
        <v>14</v>
      </c>
      <c r="H2532" t="s">
        <v>24520</v>
      </c>
      <c r="I2532" t="s">
        <v>30540</v>
      </c>
    </row>
    <row r="2533" spans="1:9">
      <c r="A2533" s="1">
        <v>0.74546017845606405</v>
      </c>
      <c r="B2533" s="1"/>
      <c r="C2533">
        <v>18</v>
      </c>
      <c r="D2533" t="s">
        <v>24511</v>
      </c>
      <c r="E2533" t="s">
        <v>33837</v>
      </c>
      <c r="F2533">
        <v>3</v>
      </c>
      <c r="G2533" t="s">
        <v>14</v>
      </c>
      <c r="H2533" t="s">
        <v>24512</v>
      </c>
      <c r="I2533" t="s">
        <v>30540</v>
      </c>
    </row>
    <row r="2534" spans="1:9">
      <c r="A2534" s="1">
        <v>0.11425939477926983</v>
      </c>
      <c r="B2534" s="1"/>
      <c r="C2534">
        <v>12</v>
      </c>
      <c r="D2534" t="s">
        <v>24477</v>
      </c>
      <c r="E2534" t="s">
        <v>33840</v>
      </c>
      <c r="F2534">
        <v>2</v>
      </c>
      <c r="G2534" t="s">
        <v>13</v>
      </c>
      <c r="H2534" t="s">
        <v>24478</v>
      </c>
      <c r="I2534" t="s">
        <v>30540</v>
      </c>
    </row>
    <row r="2535" spans="1:9">
      <c r="A2535" s="1">
        <v>0.68305910425160121</v>
      </c>
      <c r="B2535" s="1"/>
      <c r="C2535">
        <v>10</v>
      </c>
      <c r="D2535" t="s">
        <v>24461</v>
      </c>
      <c r="E2535" t="s">
        <v>33841</v>
      </c>
      <c r="F2535">
        <v>3</v>
      </c>
      <c r="G2535" t="s">
        <v>14</v>
      </c>
      <c r="H2535" t="s">
        <v>24462</v>
      </c>
      <c r="I2535" t="s">
        <v>30540</v>
      </c>
    </row>
    <row r="2536" spans="1:9">
      <c r="A2536" s="1">
        <v>7.0493403524128917E-3</v>
      </c>
      <c r="B2536" s="1"/>
      <c r="C2536">
        <v>8</v>
      </c>
      <c r="D2536" t="s">
        <v>24459</v>
      </c>
      <c r="E2536" t="s">
        <v>33841</v>
      </c>
      <c r="F2536">
        <v>3</v>
      </c>
      <c r="G2536" t="s">
        <v>13</v>
      </c>
      <c r="H2536" t="s">
        <v>24460</v>
      </c>
      <c r="I2536" t="s">
        <v>30540</v>
      </c>
    </row>
    <row r="2537" spans="1:9">
      <c r="A2537" s="1">
        <v>3.1557741907390913E-2</v>
      </c>
      <c r="B2537" s="1"/>
      <c r="C2537">
        <v>7</v>
      </c>
      <c r="D2537" t="s">
        <v>24417</v>
      </c>
      <c r="E2537" t="s">
        <v>33845</v>
      </c>
      <c r="F2537">
        <v>2</v>
      </c>
      <c r="G2537" t="s">
        <v>3732</v>
      </c>
      <c r="H2537" t="s">
        <v>24418</v>
      </c>
      <c r="I2537" t="s">
        <v>30540</v>
      </c>
    </row>
    <row r="2538" spans="1:9">
      <c r="A2538" s="1">
        <v>0.58411387190642061</v>
      </c>
      <c r="B2538" s="1"/>
      <c r="C2538">
        <v>12</v>
      </c>
      <c r="D2538" t="s">
        <v>24405</v>
      </c>
      <c r="E2538" t="s">
        <v>33846</v>
      </c>
      <c r="F2538">
        <v>2</v>
      </c>
      <c r="G2538" t="s">
        <v>14</v>
      </c>
      <c r="H2538" t="s">
        <v>24406</v>
      </c>
      <c r="I2538" t="s">
        <v>30540</v>
      </c>
    </row>
    <row r="2539" spans="1:9">
      <c r="A2539" s="1">
        <v>0.39499963061819898</v>
      </c>
      <c r="B2539" s="1"/>
      <c r="C2539">
        <v>2</v>
      </c>
      <c r="D2539" t="s">
        <v>24377</v>
      </c>
      <c r="E2539" t="s">
        <v>33850</v>
      </c>
      <c r="F2539">
        <v>3</v>
      </c>
      <c r="G2539" t="s">
        <v>10</v>
      </c>
      <c r="H2539" t="s">
        <v>24378</v>
      </c>
      <c r="I2539" t="s">
        <v>30540</v>
      </c>
    </row>
    <row r="2540" spans="1:9">
      <c r="A2540" s="1">
        <v>0.13666131437666618</v>
      </c>
      <c r="B2540" s="1"/>
      <c r="C2540">
        <v>10</v>
      </c>
      <c r="D2540" t="s">
        <v>24373</v>
      </c>
      <c r="E2540" t="s">
        <v>33851</v>
      </c>
      <c r="F2540">
        <v>3</v>
      </c>
      <c r="G2540" t="s">
        <v>14</v>
      </c>
      <c r="H2540" t="s">
        <v>24374</v>
      </c>
      <c r="I2540" t="s">
        <v>30540</v>
      </c>
    </row>
    <row r="2541" spans="1:9">
      <c r="A2541" s="1">
        <v>0.13628310001379595</v>
      </c>
      <c r="B2541" s="1"/>
      <c r="C2541">
        <v>13</v>
      </c>
      <c r="D2541" t="s">
        <v>24361</v>
      </c>
      <c r="E2541" t="s">
        <v>33852</v>
      </c>
      <c r="F2541">
        <v>2</v>
      </c>
      <c r="G2541" t="s">
        <v>14</v>
      </c>
      <c r="H2541" t="s">
        <v>24362</v>
      </c>
      <c r="I2541" t="s">
        <v>30540</v>
      </c>
    </row>
    <row r="2542" spans="1:9">
      <c r="A2542" s="1">
        <v>1.7916217845128979E-2</v>
      </c>
      <c r="B2542" s="1"/>
      <c r="C2542">
        <v>3</v>
      </c>
      <c r="D2542" t="s">
        <v>24347</v>
      </c>
      <c r="E2542" t="s">
        <v>33853</v>
      </c>
      <c r="F2542">
        <v>2</v>
      </c>
      <c r="G2542" t="s">
        <v>14</v>
      </c>
      <c r="H2542" t="s">
        <v>24348</v>
      </c>
      <c r="I2542" t="s">
        <v>30540</v>
      </c>
    </row>
    <row r="2543" spans="1:9">
      <c r="A2543" s="1">
        <v>0.98079832397474709</v>
      </c>
      <c r="B2543" s="1"/>
      <c r="C2543">
        <v>13</v>
      </c>
      <c r="D2543" t="s">
        <v>24355</v>
      </c>
      <c r="E2543" t="s">
        <v>33853</v>
      </c>
      <c r="F2543">
        <v>2</v>
      </c>
      <c r="G2543" t="s">
        <v>1</v>
      </c>
      <c r="H2543" t="s">
        <v>24356</v>
      </c>
      <c r="I2543" t="s">
        <v>30540</v>
      </c>
    </row>
    <row r="2544" spans="1:9">
      <c r="A2544" s="1">
        <v>0.79806293714128695</v>
      </c>
      <c r="B2544" s="1"/>
      <c r="C2544">
        <v>14</v>
      </c>
      <c r="D2544" t="s">
        <v>24335</v>
      </c>
      <c r="E2544" t="s">
        <v>33855</v>
      </c>
      <c r="F2544">
        <v>3</v>
      </c>
      <c r="G2544" t="s">
        <v>14</v>
      </c>
      <c r="H2544" t="s">
        <v>24336</v>
      </c>
      <c r="I2544" t="s">
        <v>30540</v>
      </c>
    </row>
    <row r="2545" spans="1:9">
      <c r="A2545" s="1">
        <v>0.3689861255851884</v>
      </c>
      <c r="B2545" s="1"/>
      <c r="C2545">
        <v>19</v>
      </c>
      <c r="D2545" t="s">
        <v>24337</v>
      </c>
      <c r="E2545" t="s">
        <v>33855</v>
      </c>
      <c r="F2545">
        <v>3</v>
      </c>
      <c r="G2545" t="s">
        <v>14</v>
      </c>
      <c r="H2545" t="s">
        <v>24338</v>
      </c>
      <c r="I2545" t="s">
        <v>30540</v>
      </c>
    </row>
    <row r="2546" spans="1:9">
      <c r="A2546" s="1">
        <v>0.96045884333803666</v>
      </c>
      <c r="B2546" s="1"/>
      <c r="C2546">
        <v>16</v>
      </c>
      <c r="D2546" t="s">
        <v>24327</v>
      </c>
      <c r="E2546" t="s">
        <v>33856</v>
      </c>
      <c r="F2546">
        <v>1</v>
      </c>
      <c r="G2546" t="s">
        <v>9</v>
      </c>
      <c r="H2546" t="s">
        <v>24328</v>
      </c>
      <c r="I2546" t="s">
        <v>30540</v>
      </c>
    </row>
    <row r="2547" spans="1:9">
      <c r="A2547" s="1">
        <v>0.98876763055562089</v>
      </c>
      <c r="B2547" s="1"/>
      <c r="C2547">
        <v>12</v>
      </c>
      <c r="D2547" t="s">
        <v>24315</v>
      </c>
      <c r="E2547" t="s">
        <v>33857</v>
      </c>
      <c r="F2547">
        <v>3</v>
      </c>
      <c r="G2547" t="s">
        <v>14</v>
      </c>
      <c r="H2547" t="s">
        <v>24316</v>
      </c>
      <c r="I2547" t="s">
        <v>30540</v>
      </c>
    </row>
    <row r="2548" spans="1:9">
      <c r="A2548" s="1">
        <v>0.34480479701789823</v>
      </c>
      <c r="B2548" s="1"/>
      <c r="C2548">
        <v>6</v>
      </c>
      <c r="D2548" t="s">
        <v>24289</v>
      </c>
      <c r="E2548" t="s">
        <v>33861</v>
      </c>
      <c r="F2548">
        <v>3</v>
      </c>
      <c r="G2548" t="s">
        <v>10</v>
      </c>
      <c r="H2548" t="s">
        <v>24290</v>
      </c>
      <c r="I2548" t="s">
        <v>30540</v>
      </c>
    </row>
    <row r="2549" spans="1:9">
      <c r="A2549" s="1">
        <v>0.56188380564550722</v>
      </c>
      <c r="B2549" s="1"/>
      <c r="C2549">
        <v>5</v>
      </c>
      <c r="D2549" t="s">
        <v>24287</v>
      </c>
      <c r="E2549" t="s">
        <v>33861</v>
      </c>
      <c r="F2549">
        <v>3</v>
      </c>
      <c r="G2549" t="s">
        <v>14</v>
      </c>
      <c r="H2549" t="s">
        <v>24288</v>
      </c>
      <c r="I2549" t="s">
        <v>30540</v>
      </c>
    </row>
    <row r="2550" spans="1:9">
      <c r="A2550" s="1">
        <v>0.72098850889182309</v>
      </c>
      <c r="B2550" s="1"/>
      <c r="C2550">
        <v>9</v>
      </c>
      <c r="D2550" t="s">
        <v>24281</v>
      </c>
      <c r="E2550" t="s">
        <v>33862</v>
      </c>
      <c r="F2550">
        <v>2</v>
      </c>
      <c r="G2550" t="s">
        <v>14</v>
      </c>
      <c r="H2550" t="s">
        <v>24282</v>
      </c>
      <c r="I2550" t="s">
        <v>30540</v>
      </c>
    </row>
    <row r="2551" spans="1:9">
      <c r="A2551" s="1">
        <v>0.60041715110594596</v>
      </c>
      <c r="B2551" s="1"/>
      <c r="C2551">
        <v>14</v>
      </c>
      <c r="D2551" t="s">
        <v>24285</v>
      </c>
      <c r="E2551" t="s">
        <v>33862</v>
      </c>
      <c r="F2551">
        <v>2</v>
      </c>
      <c r="G2551" t="s">
        <v>14</v>
      </c>
      <c r="H2551" t="s">
        <v>24286</v>
      </c>
      <c r="I2551" t="s">
        <v>30540</v>
      </c>
    </row>
    <row r="2552" spans="1:9">
      <c r="A2552" s="1">
        <v>0.49466772845246931</v>
      </c>
      <c r="B2552" s="1"/>
      <c r="C2552">
        <v>4</v>
      </c>
      <c r="D2552" t="s">
        <v>24273</v>
      </c>
      <c r="E2552" t="s">
        <v>33863</v>
      </c>
      <c r="F2552">
        <v>3</v>
      </c>
      <c r="G2552" t="s">
        <v>14</v>
      </c>
      <c r="H2552" t="s">
        <v>24274</v>
      </c>
      <c r="I2552" t="s">
        <v>30540</v>
      </c>
    </row>
    <row r="2553" spans="1:9">
      <c r="A2553" s="1">
        <v>0.73668493372634025</v>
      </c>
      <c r="B2553" s="1"/>
      <c r="C2553">
        <v>14</v>
      </c>
      <c r="D2553" t="s">
        <v>24277</v>
      </c>
      <c r="E2553" t="s">
        <v>33863</v>
      </c>
      <c r="F2553">
        <v>2</v>
      </c>
      <c r="G2553" t="s">
        <v>14</v>
      </c>
      <c r="H2553" t="s">
        <v>24278</v>
      </c>
      <c r="I2553" t="s">
        <v>30540</v>
      </c>
    </row>
    <row r="2554" spans="1:9">
      <c r="A2554" s="1">
        <v>0.33658220862524435</v>
      </c>
      <c r="B2554" s="1"/>
      <c r="C2554">
        <v>6</v>
      </c>
      <c r="D2554" t="s">
        <v>24267</v>
      </c>
      <c r="E2554" t="s">
        <v>33864</v>
      </c>
      <c r="F2554">
        <v>1</v>
      </c>
      <c r="G2554" t="s">
        <v>3732</v>
      </c>
      <c r="H2554" t="s">
        <v>24268</v>
      </c>
      <c r="I2554" t="s">
        <v>30540</v>
      </c>
    </row>
    <row r="2555" spans="1:9">
      <c r="A2555" s="1">
        <v>0.19212125841334382</v>
      </c>
      <c r="B2555" s="1"/>
      <c r="C2555">
        <v>1</v>
      </c>
      <c r="D2555" t="s">
        <v>24265</v>
      </c>
      <c r="E2555" t="s">
        <v>33864</v>
      </c>
      <c r="F2555">
        <v>1</v>
      </c>
      <c r="G2555" t="s">
        <v>775</v>
      </c>
      <c r="H2555" t="s">
        <v>24266</v>
      </c>
      <c r="I2555" t="s">
        <v>30540</v>
      </c>
    </row>
    <row r="2556" spans="1:9">
      <c r="A2556" s="1">
        <v>0.78516308647795507</v>
      </c>
      <c r="B2556" s="1"/>
      <c r="C2556">
        <v>1</v>
      </c>
      <c r="D2556" t="s">
        <v>24255</v>
      </c>
      <c r="E2556" t="s">
        <v>33865</v>
      </c>
      <c r="F2556">
        <v>3</v>
      </c>
      <c r="G2556" t="s">
        <v>2</v>
      </c>
      <c r="H2556" t="s">
        <v>24256</v>
      </c>
      <c r="I2556" t="s">
        <v>30540</v>
      </c>
    </row>
    <row r="2557" spans="1:9">
      <c r="A2557" s="1">
        <v>0.22591305838584375</v>
      </c>
      <c r="B2557" s="1"/>
      <c r="C2557">
        <v>13</v>
      </c>
      <c r="D2557" t="s">
        <v>24243</v>
      </c>
      <c r="E2557" t="s">
        <v>33867</v>
      </c>
      <c r="F2557">
        <v>3</v>
      </c>
      <c r="G2557" t="s">
        <v>14</v>
      </c>
      <c r="H2557" t="s">
        <v>24244</v>
      </c>
      <c r="I2557" t="s">
        <v>30540</v>
      </c>
    </row>
    <row r="2558" spans="1:9">
      <c r="A2558" s="1">
        <v>0.48782353827380465</v>
      </c>
      <c r="B2558" s="1"/>
      <c r="C2558">
        <v>7</v>
      </c>
      <c r="D2558" t="s">
        <v>24237</v>
      </c>
      <c r="E2558" t="s">
        <v>33867</v>
      </c>
      <c r="F2558">
        <v>3</v>
      </c>
      <c r="G2558" t="s">
        <v>14</v>
      </c>
      <c r="H2558" t="s">
        <v>24238</v>
      </c>
      <c r="I2558" t="s">
        <v>30540</v>
      </c>
    </row>
    <row r="2559" spans="1:9">
      <c r="A2559" s="1">
        <v>0.22442759342212693</v>
      </c>
      <c r="B2559" s="1"/>
      <c r="C2559">
        <v>15</v>
      </c>
      <c r="D2559" t="s">
        <v>24233</v>
      </c>
      <c r="E2559" t="s">
        <v>33868</v>
      </c>
      <c r="F2559">
        <v>2</v>
      </c>
      <c r="G2559" t="s">
        <v>14</v>
      </c>
      <c r="H2559" t="s">
        <v>24234</v>
      </c>
      <c r="I2559" t="s">
        <v>30540</v>
      </c>
    </row>
    <row r="2560" spans="1:9">
      <c r="A2560" s="1">
        <v>0.84467060850015241</v>
      </c>
      <c r="B2560" s="1"/>
      <c r="C2560">
        <v>11</v>
      </c>
      <c r="D2560" t="s">
        <v>24217</v>
      </c>
      <c r="E2560" t="s">
        <v>33870</v>
      </c>
      <c r="F2560">
        <v>2</v>
      </c>
      <c r="G2560" t="s">
        <v>14</v>
      </c>
      <c r="H2560" t="s">
        <v>24218</v>
      </c>
      <c r="I2560" t="s">
        <v>30540</v>
      </c>
    </row>
    <row r="2561" spans="1:9">
      <c r="A2561" s="1">
        <v>0.80345402805637367</v>
      </c>
      <c r="B2561" s="1"/>
      <c r="C2561">
        <v>15</v>
      </c>
      <c r="D2561" t="s">
        <v>24213</v>
      </c>
      <c r="E2561" t="s">
        <v>33871</v>
      </c>
      <c r="F2561">
        <v>2</v>
      </c>
      <c r="G2561" t="s">
        <v>10</v>
      </c>
      <c r="H2561" t="s">
        <v>24214</v>
      </c>
      <c r="I2561" t="s">
        <v>30540</v>
      </c>
    </row>
    <row r="2562" spans="1:9">
      <c r="A2562" s="1">
        <v>0.47072870058744942</v>
      </c>
      <c r="B2562" s="1"/>
      <c r="C2562">
        <v>15</v>
      </c>
      <c r="D2562" t="s">
        <v>24211</v>
      </c>
      <c r="E2562" t="s">
        <v>33872</v>
      </c>
      <c r="F2562">
        <v>2</v>
      </c>
      <c r="G2562" t="s">
        <v>14</v>
      </c>
      <c r="H2562" t="s">
        <v>24212</v>
      </c>
      <c r="I2562" t="s">
        <v>30540</v>
      </c>
    </row>
    <row r="2563" spans="1:9">
      <c r="A2563" s="1">
        <v>0.34073562373863875</v>
      </c>
      <c r="B2563" s="1"/>
      <c r="C2563">
        <v>16</v>
      </c>
      <c r="D2563" t="s">
        <v>24195</v>
      </c>
      <c r="E2563" t="s">
        <v>33874</v>
      </c>
      <c r="F2563">
        <v>3</v>
      </c>
      <c r="G2563" t="s">
        <v>0</v>
      </c>
      <c r="H2563" t="s">
        <v>24196</v>
      </c>
      <c r="I2563" t="s">
        <v>30540</v>
      </c>
    </row>
    <row r="2564" spans="1:9">
      <c r="A2564" s="1">
        <v>0.33082545451882162</v>
      </c>
      <c r="B2564" s="1"/>
      <c r="C2564">
        <v>16</v>
      </c>
      <c r="D2564" t="s">
        <v>24181</v>
      </c>
      <c r="E2564" t="s">
        <v>33875</v>
      </c>
      <c r="F2564">
        <v>3</v>
      </c>
      <c r="G2564" t="s">
        <v>14</v>
      </c>
      <c r="H2564" t="s">
        <v>24182</v>
      </c>
      <c r="I2564" t="s">
        <v>30540</v>
      </c>
    </row>
    <row r="2565" spans="1:9">
      <c r="A2565" s="1">
        <v>0.51965344570790484</v>
      </c>
      <c r="B2565" s="1"/>
      <c r="C2565">
        <v>19</v>
      </c>
      <c r="D2565" t="s">
        <v>24185</v>
      </c>
      <c r="E2565" t="s">
        <v>33875</v>
      </c>
      <c r="F2565">
        <v>2</v>
      </c>
      <c r="G2565" t="s">
        <v>14</v>
      </c>
      <c r="H2565" t="s">
        <v>24186</v>
      </c>
      <c r="I2565" t="s">
        <v>30540</v>
      </c>
    </row>
    <row r="2566" spans="1:9">
      <c r="A2566" s="1">
        <v>0.49169416667116106</v>
      </c>
      <c r="B2566" s="1"/>
      <c r="C2566">
        <v>9</v>
      </c>
      <c r="D2566" t="s">
        <v>24167</v>
      </c>
      <c r="E2566" t="s">
        <v>33877</v>
      </c>
      <c r="F2566">
        <v>3</v>
      </c>
      <c r="G2566" t="s">
        <v>14</v>
      </c>
      <c r="H2566" t="s">
        <v>24168</v>
      </c>
      <c r="I2566" t="s">
        <v>30540</v>
      </c>
    </row>
    <row r="2567" spans="1:9">
      <c r="A2567" s="1">
        <v>0.60225011574586595</v>
      </c>
      <c r="B2567" s="1"/>
      <c r="C2567">
        <v>7</v>
      </c>
      <c r="D2567" t="s">
        <v>24159</v>
      </c>
      <c r="E2567" t="s">
        <v>33878</v>
      </c>
      <c r="F2567">
        <v>2</v>
      </c>
      <c r="G2567" t="s">
        <v>0</v>
      </c>
      <c r="H2567" t="s">
        <v>24160</v>
      </c>
      <c r="I2567" t="s">
        <v>30540</v>
      </c>
    </row>
    <row r="2568" spans="1:9">
      <c r="A2568" s="1">
        <v>0.45969821978626568</v>
      </c>
      <c r="B2568" s="1"/>
      <c r="C2568">
        <v>3</v>
      </c>
      <c r="D2568" t="s">
        <v>24157</v>
      </c>
      <c r="E2568" t="s">
        <v>33878</v>
      </c>
      <c r="F2568">
        <v>2</v>
      </c>
      <c r="G2568" t="s">
        <v>10</v>
      </c>
      <c r="H2568" t="s">
        <v>24158</v>
      </c>
      <c r="I2568" t="s">
        <v>30540</v>
      </c>
    </row>
    <row r="2569" spans="1:9">
      <c r="A2569" s="1">
        <v>0.85543925223301864</v>
      </c>
      <c r="B2569" s="1"/>
      <c r="C2569">
        <v>8</v>
      </c>
      <c r="D2569" t="s">
        <v>24155</v>
      </c>
      <c r="E2569" t="s">
        <v>33879</v>
      </c>
      <c r="F2569">
        <v>3</v>
      </c>
      <c r="G2569" t="s">
        <v>10</v>
      </c>
      <c r="H2569" t="s">
        <v>24156</v>
      </c>
      <c r="I2569" t="s">
        <v>30540</v>
      </c>
    </row>
    <row r="2570" spans="1:9">
      <c r="A2570" s="1">
        <v>0.53552351439812096</v>
      </c>
      <c r="B2570" s="1"/>
      <c r="C2570">
        <v>17</v>
      </c>
      <c r="D2570" t="s">
        <v>24149</v>
      </c>
      <c r="E2570" t="s">
        <v>33880</v>
      </c>
      <c r="F2570">
        <v>2</v>
      </c>
      <c r="G2570" t="s">
        <v>14</v>
      </c>
      <c r="H2570" t="s">
        <v>24150</v>
      </c>
      <c r="I2570" t="s">
        <v>30540</v>
      </c>
    </row>
    <row r="2571" spans="1:9">
      <c r="A2571" s="1">
        <v>0.61822944093374532</v>
      </c>
      <c r="B2571" s="1"/>
      <c r="C2571">
        <v>9</v>
      </c>
      <c r="D2571" t="s">
        <v>24131</v>
      </c>
      <c r="E2571" t="s">
        <v>33882</v>
      </c>
      <c r="F2571">
        <v>1</v>
      </c>
      <c r="G2571" t="s">
        <v>14</v>
      </c>
      <c r="H2571" t="s">
        <v>24132</v>
      </c>
      <c r="I2571" t="s">
        <v>30540</v>
      </c>
    </row>
    <row r="2572" spans="1:9">
      <c r="A2572" s="1">
        <v>0.14981181878413818</v>
      </c>
      <c r="B2572" s="1"/>
      <c r="C2572">
        <v>5</v>
      </c>
      <c r="D2572" t="s">
        <v>24097</v>
      </c>
      <c r="E2572" t="s">
        <v>33886</v>
      </c>
      <c r="F2572">
        <v>2</v>
      </c>
      <c r="G2572" t="s">
        <v>14</v>
      </c>
      <c r="H2572" t="s">
        <v>24098</v>
      </c>
      <c r="I2572" t="s">
        <v>30540</v>
      </c>
    </row>
    <row r="2573" spans="1:9">
      <c r="A2573" s="1">
        <v>0.92214829001117438</v>
      </c>
      <c r="B2573" s="1"/>
      <c r="C2573">
        <v>15</v>
      </c>
      <c r="D2573" t="s">
        <v>24069</v>
      </c>
      <c r="E2573" t="s">
        <v>33889</v>
      </c>
      <c r="F2573">
        <v>3</v>
      </c>
      <c r="G2573" t="s">
        <v>14</v>
      </c>
      <c r="H2573" t="s">
        <v>24070</v>
      </c>
      <c r="I2573" t="s">
        <v>30540</v>
      </c>
    </row>
    <row r="2574" spans="1:9">
      <c r="A2574" s="1">
        <v>0.88422331261369125</v>
      </c>
      <c r="B2574" s="1"/>
      <c r="C2574">
        <v>18</v>
      </c>
      <c r="D2574" t="s">
        <v>24065</v>
      </c>
      <c r="E2574" t="s">
        <v>33890</v>
      </c>
      <c r="F2574">
        <v>3</v>
      </c>
      <c r="G2574" t="s">
        <v>14</v>
      </c>
      <c r="H2574" t="s">
        <v>24066</v>
      </c>
      <c r="I2574" t="s">
        <v>30540</v>
      </c>
    </row>
    <row r="2575" spans="1:9">
      <c r="A2575" s="1">
        <v>0.83115232677753559</v>
      </c>
      <c r="B2575" s="1"/>
      <c r="C2575">
        <v>16</v>
      </c>
      <c r="D2575" t="s">
        <v>24061</v>
      </c>
      <c r="E2575" t="s">
        <v>33890</v>
      </c>
      <c r="F2575">
        <v>2</v>
      </c>
      <c r="G2575" t="s">
        <v>2</v>
      </c>
      <c r="H2575" t="s">
        <v>24062</v>
      </c>
      <c r="I2575" t="s">
        <v>30540</v>
      </c>
    </row>
    <row r="2576" spans="1:9">
      <c r="A2576" s="1">
        <v>0.7068320769027574</v>
      </c>
      <c r="B2576" s="1"/>
      <c r="C2576">
        <v>6</v>
      </c>
      <c r="D2576" t="s">
        <v>24049</v>
      </c>
      <c r="E2576" t="s">
        <v>33891</v>
      </c>
      <c r="F2576">
        <v>3</v>
      </c>
      <c r="G2576" t="s">
        <v>14</v>
      </c>
      <c r="H2576" t="s">
        <v>24050</v>
      </c>
      <c r="I2576" t="s">
        <v>30540</v>
      </c>
    </row>
    <row r="2577" spans="1:9">
      <c r="A2577" s="1">
        <v>0.97746215949517734</v>
      </c>
      <c r="B2577" s="1"/>
      <c r="C2577">
        <v>15</v>
      </c>
      <c r="D2577" t="s">
        <v>24055</v>
      </c>
      <c r="E2577" t="s">
        <v>33891</v>
      </c>
      <c r="F2577">
        <v>1</v>
      </c>
      <c r="G2577" t="s">
        <v>14</v>
      </c>
      <c r="H2577" t="s">
        <v>24056</v>
      </c>
      <c r="I2577" t="s">
        <v>30540</v>
      </c>
    </row>
    <row r="2578" spans="1:9">
      <c r="A2578" s="1">
        <v>0.13915495565253144</v>
      </c>
      <c r="B2578" s="1"/>
      <c r="C2578">
        <v>4</v>
      </c>
      <c r="D2578" t="s">
        <v>24039</v>
      </c>
      <c r="E2578" t="s">
        <v>33892</v>
      </c>
      <c r="F2578">
        <v>3</v>
      </c>
      <c r="G2578" t="s">
        <v>2</v>
      </c>
      <c r="H2578" t="s">
        <v>24040</v>
      </c>
      <c r="I2578" t="s">
        <v>30540</v>
      </c>
    </row>
    <row r="2579" spans="1:9">
      <c r="A2579" s="1">
        <v>0.84583775057763422</v>
      </c>
      <c r="B2579" s="1"/>
      <c r="C2579">
        <v>11</v>
      </c>
      <c r="D2579" t="s">
        <v>24033</v>
      </c>
      <c r="E2579" t="s">
        <v>33893</v>
      </c>
      <c r="F2579">
        <v>2</v>
      </c>
      <c r="G2579" t="s">
        <v>14</v>
      </c>
      <c r="H2579" t="s">
        <v>24034</v>
      </c>
      <c r="I2579" t="s">
        <v>30540</v>
      </c>
    </row>
    <row r="2580" spans="1:9">
      <c r="A2580" s="1">
        <v>0.38263269067242089</v>
      </c>
      <c r="B2580" s="1"/>
      <c r="C2580">
        <v>5</v>
      </c>
      <c r="D2580" t="s">
        <v>24023</v>
      </c>
      <c r="E2580" t="s">
        <v>33894</v>
      </c>
      <c r="F2580">
        <v>3</v>
      </c>
      <c r="G2580" t="s">
        <v>14</v>
      </c>
      <c r="H2580" t="s">
        <v>24024</v>
      </c>
      <c r="I2580" t="s">
        <v>30540</v>
      </c>
    </row>
    <row r="2581" spans="1:9">
      <c r="A2581" s="1">
        <v>0.15776969325884749</v>
      </c>
      <c r="B2581" s="1"/>
      <c r="C2581">
        <v>2</v>
      </c>
      <c r="D2581" t="s">
        <v>24001</v>
      </c>
      <c r="E2581" t="s">
        <v>33897</v>
      </c>
      <c r="F2581">
        <v>3</v>
      </c>
      <c r="G2581" t="s">
        <v>10</v>
      </c>
      <c r="H2581" t="s">
        <v>24002</v>
      </c>
      <c r="I2581" t="s">
        <v>30540</v>
      </c>
    </row>
    <row r="2582" spans="1:9">
      <c r="A2582" s="1">
        <v>0.93584322939659093</v>
      </c>
      <c r="B2582" s="1"/>
      <c r="C2582">
        <v>15</v>
      </c>
      <c r="D2582" t="s">
        <v>24003</v>
      </c>
      <c r="E2582" t="s">
        <v>33897</v>
      </c>
      <c r="F2582">
        <v>2</v>
      </c>
      <c r="G2582" t="s">
        <v>14</v>
      </c>
      <c r="H2582" t="s">
        <v>24004</v>
      </c>
      <c r="I2582" t="s">
        <v>30540</v>
      </c>
    </row>
    <row r="2583" spans="1:9">
      <c r="A2583" s="1">
        <v>0.64299402945120809</v>
      </c>
      <c r="B2583" s="1"/>
      <c r="C2583">
        <v>6</v>
      </c>
      <c r="D2583" t="s">
        <v>23995</v>
      </c>
      <c r="E2583" t="s">
        <v>33898</v>
      </c>
      <c r="F2583">
        <v>3</v>
      </c>
      <c r="G2583" t="s">
        <v>14</v>
      </c>
      <c r="H2583" t="s">
        <v>23996</v>
      </c>
      <c r="I2583" t="s">
        <v>30540</v>
      </c>
    </row>
    <row r="2584" spans="1:9">
      <c r="A2584" s="1">
        <v>0.73269823905463871</v>
      </c>
      <c r="B2584" s="1"/>
      <c r="C2584">
        <v>14</v>
      </c>
      <c r="D2584" t="s">
        <v>23999</v>
      </c>
      <c r="E2584" t="s">
        <v>33898</v>
      </c>
      <c r="F2584">
        <v>3</v>
      </c>
      <c r="G2584" t="s">
        <v>0</v>
      </c>
      <c r="H2584" t="s">
        <v>24000</v>
      </c>
      <c r="I2584" t="s">
        <v>30540</v>
      </c>
    </row>
    <row r="2585" spans="1:9">
      <c r="A2585" s="1">
        <v>7.9700004513194478E-2</v>
      </c>
      <c r="B2585" s="1"/>
      <c r="C2585">
        <v>16</v>
      </c>
      <c r="D2585" t="s">
        <v>23991</v>
      </c>
      <c r="E2585" t="s">
        <v>33899</v>
      </c>
      <c r="F2585">
        <v>2</v>
      </c>
      <c r="G2585" t="s">
        <v>14</v>
      </c>
      <c r="H2585" t="s">
        <v>23992</v>
      </c>
      <c r="I2585" t="s">
        <v>30540</v>
      </c>
    </row>
    <row r="2586" spans="1:9">
      <c r="A2586" s="1">
        <v>0.42698595633651903</v>
      </c>
      <c r="B2586" s="1"/>
      <c r="C2586">
        <v>11</v>
      </c>
      <c r="D2586" t="s">
        <v>23979</v>
      </c>
      <c r="E2586" t="s">
        <v>33900</v>
      </c>
      <c r="F2586">
        <v>3</v>
      </c>
      <c r="G2586" t="s">
        <v>14</v>
      </c>
      <c r="H2586" t="s">
        <v>23980</v>
      </c>
      <c r="I2586" t="s">
        <v>30540</v>
      </c>
    </row>
    <row r="2587" spans="1:9">
      <c r="A2587" s="1">
        <v>0.17521408910498026</v>
      </c>
      <c r="B2587" s="1"/>
      <c r="C2587">
        <v>15</v>
      </c>
      <c r="D2587" t="s">
        <v>23973</v>
      </c>
      <c r="E2587" t="s">
        <v>33901</v>
      </c>
      <c r="F2587">
        <v>3</v>
      </c>
      <c r="G2587" t="s">
        <v>14</v>
      </c>
      <c r="H2587" t="s">
        <v>23974</v>
      </c>
      <c r="I2587" t="s">
        <v>30540</v>
      </c>
    </row>
    <row r="2588" spans="1:9">
      <c r="A2588" s="1">
        <v>0.14984006479267376</v>
      </c>
      <c r="B2588" s="1"/>
      <c r="C2588">
        <v>10</v>
      </c>
      <c r="D2588" t="s">
        <v>23969</v>
      </c>
      <c r="E2588" t="s">
        <v>33901</v>
      </c>
      <c r="F2588">
        <v>3</v>
      </c>
      <c r="G2588" t="s">
        <v>9</v>
      </c>
      <c r="H2588" t="s">
        <v>23970</v>
      </c>
      <c r="I2588" t="s">
        <v>30540</v>
      </c>
    </row>
    <row r="2589" spans="1:9">
      <c r="A2589" s="1">
        <v>0.71631072284578146</v>
      </c>
      <c r="B2589" s="1"/>
      <c r="C2589">
        <v>7</v>
      </c>
      <c r="D2589" t="s">
        <v>23967</v>
      </c>
      <c r="E2589" t="s">
        <v>33901</v>
      </c>
      <c r="F2589">
        <v>2</v>
      </c>
      <c r="G2589" t="s">
        <v>14</v>
      </c>
      <c r="H2589" t="s">
        <v>23968</v>
      </c>
      <c r="I2589" t="s">
        <v>30540</v>
      </c>
    </row>
    <row r="2590" spans="1:9">
      <c r="A2590" s="1">
        <v>0.80926153818715463</v>
      </c>
      <c r="B2590" s="1"/>
      <c r="C2590">
        <v>10</v>
      </c>
      <c r="D2590" t="s">
        <v>23963</v>
      </c>
      <c r="E2590" t="s">
        <v>33902</v>
      </c>
      <c r="F2590">
        <v>1</v>
      </c>
      <c r="G2590" t="s">
        <v>762</v>
      </c>
      <c r="H2590" t="s">
        <v>23964</v>
      </c>
      <c r="I2590" t="s">
        <v>30540</v>
      </c>
    </row>
    <row r="2591" spans="1:9">
      <c r="A2591" s="1">
        <v>0.51982336682692132</v>
      </c>
      <c r="B2591" s="1"/>
      <c r="C2591">
        <v>5</v>
      </c>
      <c r="D2591" t="s">
        <v>23947</v>
      </c>
      <c r="E2591" t="s">
        <v>33904</v>
      </c>
      <c r="F2591">
        <v>2</v>
      </c>
      <c r="G2591" t="s">
        <v>14</v>
      </c>
      <c r="H2591" t="s">
        <v>23948</v>
      </c>
      <c r="I2591" t="s">
        <v>30540</v>
      </c>
    </row>
    <row r="2592" spans="1:9">
      <c r="A2592" s="1">
        <v>0.37830457372667703</v>
      </c>
      <c r="B2592" s="1"/>
      <c r="C2592">
        <v>5</v>
      </c>
      <c r="D2592" t="s">
        <v>23939</v>
      </c>
      <c r="E2592" t="s">
        <v>33905</v>
      </c>
      <c r="F2592">
        <v>2</v>
      </c>
      <c r="G2592" t="s">
        <v>14</v>
      </c>
      <c r="H2592" t="s">
        <v>23940</v>
      </c>
      <c r="I2592" t="s">
        <v>30540</v>
      </c>
    </row>
    <row r="2593" spans="1:9">
      <c r="A2593" s="1">
        <v>4.8911605198059482E-2</v>
      </c>
      <c r="B2593" s="1"/>
      <c r="C2593">
        <v>7</v>
      </c>
      <c r="D2593" t="s">
        <v>23931</v>
      </c>
      <c r="E2593" t="s">
        <v>33906</v>
      </c>
      <c r="F2593">
        <v>3</v>
      </c>
      <c r="G2593" t="s">
        <v>10</v>
      </c>
      <c r="H2593" t="s">
        <v>23932</v>
      </c>
      <c r="I2593" t="s">
        <v>30540</v>
      </c>
    </row>
    <row r="2594" spans="1:9">
      <c r="A2594" s="1">
        <v>1.7405469982650357E-2</v>
      </c>
      <c r="B2594" s="1"/>
      <c r="C2594">
        <v>12</v>
      </c>
      <c r="D2594" t="s">
        <v>23933</v>
      </c>
      <c r="E2594" t="s">
        <v>33906</v>
      </c>
      <c r="F2594">
        <v>2</v>
      </c>
      <c r="G2594" t="s">
        <v>762</v>
      </c>
      <c r="H2594" t="s">
        <v>23934</v>
      </c>
      <c r="I2594" t="s">
        <v>30540</v>
      </c>
    </row>
    <row r="2595" spans="1:9">
      <c r="A2595" s="1">
        <v>4.7981986219522432E-2</v>
      </c>
      <c r="B2595" s="1"/>
      <c r="C2595">
        <v>18</v>
      </c>
      <c r="D2595" t="s">
        <v>23937</v>
      </c>
      <c r="E2595" t="s">
        <v>33906</v>
      </c>
      <c r="F2595">
        <v>2</v>
      </c>
      <c r="G2595" t="s">
        <v>3107</v>
      </c>
      <c r="H2595" t="s">
        <v>23938</v>
      </c>
      <c r="I2595" t="s">
        <v>30540</v>
      </c>
    </row>
    <row r="2596" spans="1:9">
      <c r="A2596" s="1">
        <v>0.17751152567473216</v>
      </c>
      <c r="B2596" s="1"/>
      <c r="C2596">
        <v>9</v>
      </c>
      <c r="D2596" t="s">
        <v>23921</v>
      </c>
      <c r="E2596" t="s">
        <v>33907</v>
      </c>
      <c r="F2596">
        <v>2</v>
      </c>
      <c r="G2596" t="s">
        <v>13</v>
      </c>
      <c r="H2596" t="s">
        <v>23922</v>
      </c>
      <c r="I2596" t="s">
        <v>30540</v>
      </c>
    </row>
    <row r="2597" spans="1:9">
      <c r="A2597" s="1">
        <v>0.78032200234595939</v>
      </c>
      <c r="B2597" s="1"/>
      <c r="C2597">
        <v>13</v>
      </c>
      <c r="D2597" t="s">
        <v>23923</v>
      </c>
      <c r="E2597" t="s">
        <v>33907</v>
      </c>
      <c r="F2597">
        <v>2</v>
      </c>
      <c r="G2597" t="s">
        <v>14</v>
      </c>
      <c r="H2597" t="s">
        <v>23924</v>
      </c>
      <c r="I2597" t="s">
        <v>30540</v>
      </c>
    </row>
    <row r="2598" spans="1:9">
      <c r="A2598" s="1">
        <v>1.2230269757805057E-2</v>
      </c>
      <c r="B2598" s="1"/>
      <c r="C2598">
        <v>7</v>
      </c>
      <c r="D2598" t="s">
        <v>23919</v>
      </c>
      <c r="E2598" t="s">
        <v>33907</v>
      </c>
      <c r="F2598">
        <v>0</v>
      </c>
      <c r="G2598" t="s">
        <v>9</v>
      </c>
      <c r="H2598" t="s">
        <v>23920</v>
      </c>
      <c r="I2598" t="s">
        <v>30540</v>
      </c>
    </row>
    <row r="2599" spans="1:9">
      <c r="A2599" s="1">
        <v>0.93281245002055657</v>
      </c>
      <c r="B2599" s="1"/>
      <c r="C2599">
        <v>13</v>
      </c>
      <c r="D2599" t="s">
        <v>23911</v>
      </c>
      <c r="E2599" t="s">
        <v>33908</v>
      </c>
      <c r="F2599">
        <v>2</v>
      </c>
      <c r="G2599" t="s">
        <v>14</v>
      </c>
      <c r="H2599" t="s">
        <v>23912</v>
      </c>
      <c r="I2599" t="s">
        <v>30540</v>
      </c>
    </row>
    <row r="2600" spans="1:9">
      <c r="A2600" s="1">
        <v>0.21249815582002329</v>
      </c>
      <c r="B2600" s="1"/>
      <c r="C2600">
        <v>16</v>
      </c>
      <c r="D2600" t="s">
        <v>23891</v>
      </c>
      <c r="E2600" t="s">
        <v>33910</v>
      </c>
      <c r="F2600">
        <v>2</v>
      </c>
      <c r="G2600" t="s">
        <v>14</v>
      </c>
      <c r="H2600" t="s">
        <v>23892</v>
      </c>
      <c r="I2600" t="s">
        <v>30540</v>
      </c>
    </row>
    <row r="2601" spans="1:9">
      <c r="A2601" s="1">
        <v>0.38972275924044553</v>
      </c>
      <c r="B2601" s="1"/>
      <c r="C2601">
        <v>10</v>
      </c>
      <c r="D2601" t="s">
        <v>23881</v>
      </c>
      <c r="E2601" t="s">
        <v>33911</v>
      </c>
      <c r="F2601">
        <v>3</v>
      </c>
      <c r="G2601" t="s">
        <v>10</v>
      </c>
      <c r="H2601" t="s">
        <v>23882</v>
      </c>
      <c r="I2601" t="s">
        <v>30540</v>
      </c>
    </row>
    <row r="2602" spans="1:9">
      <c r="A2602" s="1">
        <v>0.95665688871816068</v>
      </c>
      <c r="B2602" s="1"/>
      <c r="C2602">
        <v>1</v>
      </c>
      <c r="D2602" t="s">
        <v>23875</v>
      </c>
      <c r="E2602" t="s">
        <v>33911</v>
      </c>
      <c r="F2602">
        <v>3</v>
      </c>
      <c r="G2602" t="s">
        <v>775</v>
      </c>
      <c r="H2602" t="s">
        <v>23876</v>
      </c>
      <c r="I2602" t="s">
        <v>30540</v>
      </c>
    </row>
    <row r="2603" spans="1:9">
      <c r="A2603" s="1">
        <v>0.39757420789834574</v>
      </c>
      <c r="B2603" s="1"/>
      <c r="C2603">
        <v>17</v>
      </c>
      <c r="D2603" t="s">
        <v>23865</v>
      </c>
      <c r="E2603" t="s">
        <v>33913</v>
      </c>
      <c r="F2603">
        <v>3</v>
      </c>
      <c r="G2603" t="s">
        <v>14</v>
      </c>
      <c r="H2603" t="s">
        <v>23866</v>
      </c>
      <c r="I2603" t="s">
        <v>30540</v>
      </c>
    </row>
    <row r="2604" spans="1:9">
      <c r="A2604" s="1">
        <v>0.85972663833819929</v>
      </c>
      <c r="B2604" s="1"/>
      <c r="C2604">
        <v>11</v>
      </c>
      <c r="D2604" t="s">
        <v>23859</v>
      </c>
      <c r="E2604" t="s">
        <v>33913</v>
      </c>
      <c r="F2604">
        <v>2</v>
      </c>
      <c r="G2604" t="s">
        <v>14</v>
      </c>
      <c r="H2604" t="s">
        <v>23860</v>
      </c>
      <c r="I2604" t="s">
        <v>30540</v>
      </c>
    </row>
    <row r="2605" spans="1:9">
      <c r="A2605" s="1">
        <v>0.53033031546409204</v>
      </c>
      <c r="B2605" s="1"/>
      <c r="C2605">
        <v>10</v>
      </c>
      <c r="D2605" t="s">
        <v>23831</v>
      </c>
      <c r="E2605" t="s">
        <v>33917</v>
      </c>
      <c r="F2605">
        <v>3</v>
      </c>
      <c r="G2605" t="s">
        <v>14</v>
      </c>
      <c r="H2605" t="s">
        <v>23832</v>
      </c>
      <c r="I2605" t="s">
        <v>30540</v>
      </c>
    </row>
    <row r="2606" spans="1:9">
      <c r="A2606" s="1">
        <v>0.84009663925137457</v>
      </c>
      <c r="B2606" s="1"/>
      <c r="C2606">
        <v>14</v>
      </c>
      <c r="D2606" t="s">
        <v>23835</v>
      </c>
      <c r="E2606" t="s">
        <v>33917</v>
      </c>
      <c r="F2606">
        <v>2</v>
      </c>
      <c r="G2606" t="s">
        <v>14</v>
      </c>
      <c r="H2606" t="s">
        <v>23836</v>
      </c>
      <c r="I2606" t="s">
        <v>30540</v>
      </c>
    </row>
    <row r="2607" spans="1:9">
      <c r="A2607" s="1">
        <v>0.83917240001159743</v>
      </c>
      <c r="B2607" s="1"/>
      <c r="C2607">
        <v>17</v>
      </c>
      <c r="D2607" t="s">
        <v>23823</v>
      </c>
      <c r="E2607" t="s">
        <v>33919</v>
      </c>
      <c r="F2607">
        <v>2</v>
      </c>
      <c r="G2607" t="s">
        <v>14</v>
      </c>
      <c r="H2607" t="s">
        <v>23824</v>
      </c>
      <c r="I2607" t="s">
        <v>30540</v>
      </c>
    </row>
    <row r="2608" spans="1:9">
      <c r="A2608" s="1">
        <v>3.1713109656410055E-2</v>
      </c>
      <c r="B2608" s="1"/>
      <c r="C2608">
        <v>3</v>
      </c>
      <c r="D2608" t="s">
        <v>23807</v>
      </c>
      <c r="E2608" t="s">
        <v>33920</v>
      </c>
      <c r="F2608">
        <v>3</v>
      </c>
      <c r="G2608" t="s">
        <v>762</v>
      </c>
      <c r="H2608" t="s">
        <v>23808</v>
      </c>
      <c r="I2608" t="s">
        <v>30540</v>
      </c>
    </row>
    <row r="2609" spans="1:9">
      <c r="A2609" s="1">
        <v>0.2778304084910469</v>
      </c>
      <c r="B2609" s="1"/>
      <c r="C2609">
        <v>10</v>
      </c>
      <c r="D2609" t="s">
        <v>23803</v>
      </c>
      <c r="E2609" t="s">
        <v>33921</v>
      </c>
      <c r="F2609">
        <v>1</v>
      </c>
      <c r="G2609" t="s">
        <v>14</v>
      </c>
      <c r="H2609" t="s">
        <v>23804</v>
      </c>
      <c r="I2609" t="s">
        <v>30540</v>
      </c>
    </row>
    <row r="2610" spans="1:9">
      <c r="A2610" s="1">
        <v>0.34079238520671074</v>
      </c>
      <c r="B2610" s="1"/>
      <c r="C2610">
        <v>4</v>
      </c>
      <c r="D2610" t="s">
        <v>23789</v>
      </c>
      <c r="E2610" t="s">
        <v>33923</v>
      </c>
      <c r="F2610">
        <v>3</v>
      </c>
      <c r="G2610" t="s">
        <v>14</v>
      </c>
      <c r="H2610" t="s">
        <v>23790</v>
      </c>
      <c r="I2610" t="s">
        <v>30540</v>
      </c>
    </row>
    <row r="2611" spans="1:9">
      <c r="A2611" s="1">
        <v>0.88255596796840086</v>
      </c>
      <c r="B2611" s="1"/>
      <c r="C2611">
        <v>1</v>
      </c>
      <c r="D2611" t="s">
        <v>23767</v>
      </c>
      <c r="E2611" t="s">
        <v>33925</v>
      </c>
      <c r="F2611">
        <v>3</v>
      </c>
      <c r="G2611" t="s">
        <v>1431</v>
      </c>
      <c r="H2611" t="s">
        <v>23768</v>
      </c>
      <c r="I2611" t="s">
        <v>30540</v>
      </c>
    </row>
    <row r="2612" spans="1:9">
      <c r="A2612" s="1">
        <v>0.77908526016175261</v>
      </c>
      <c r="B2612" s="1"/>
      <c r="C2612">
        <v>20</v>
      </c>
      <c r="D2612" t="s">
        <v>23775</v>
      </c>
      <c r="E2612" t="s">
        <v>33925</v>
      </c>
      <c r="F2612">
        <v>3</v>
      </c>
      <c r="G2612" t="s">
        <v>2</v>
      </c>
      <c r="H2612" t="s">
        <v>23776</v>
      </c>
      <c r="I2612" t="s">
        <v>30540</v>
      </c>
    </row>
    <row r="2613" spans="1:9">
      <c r="A2613" s="1">
        <v>0.63550861869572373</v>
      </c>
      <c r="B2613" s="1"/>
      <c r="C2613">
        <v>15</v>
      </c>
      <c r="D2613" t="s">
        <v>23765</v>
      </c>
      <c r="E2613" t="s">
        <v>33926</v>
      </c>
      <c r="F2613">
        <v>3</v>
      </c>
      <c r="G2613" t="s">
        <v>14</v>
      </c>
      <c r="H2613" t="s">
        <v>23766</v>
      </c>
      <c r="I2613" t="s">
        <v>30540</v>
      </c>
    </row>
    <row r="2614" spans="1:9">
      <c r="A2614" s="1">
        <v>0.55189802706167479</v>
      </c>
      <c r="B2614" s="1"/>
      <c r="C2614">
        <v>7</v>
      </c>
      <c r="D2614" t="s">
        <v>23759</v>
      </c>
      <c r="E2614" t="s">
        <v>33927</v>
      </c>
      <c r="F2614">
        <v>1</v>
      </c>
      <c r="G2614" t="s">
        <v>14</v>
      </c>
      <c r="H2614" t="s">
        <v>23760</v>
      </c>
      <c r="I2614" t="s">
        <v>30540</v>
      </c>
    </row>
    <row r="2615" spans="1:9">
      <c r="A2615" s="1">
        <v>0.99163761015633123</v>
      </c>
      <c r="B2615" s="1"/>
      <c r="C2615">
        <v>11</v>
      </c>
      <c r="D2615" t="s">
        <v>23743</v>
      </c>
      <c r="E2615" t="s">
        <v>33930</v>
      </c>
      <c r="F2615">
        <v>3</v>
      </c>
      <c r="G2615" t="s">
        <v>3732</v>
      </c>
      <c r="H2615" t="s">
        <v>23744</v>
      </c>
      <c r="I2615" t="s">
        <v>30540</v>
      </c>
    </row>
    <row r="2616" spans="1:9">
      <c r="A2616" s="1">
        <v>0.78444259163470575</v>
      </c>
      <c r="B2616" s="1"/>
      <c r="C2616">
        <v>10</v>
      </c>
      <c r="D2616" t="s">
        <v>23737</v>
      </c>
      <c r="E2616" t="s">
        <v>33931</v>
      </c>
      <c r="F2616">
        <v>2</v>
      </c>
      <c r="G2616" t="s">
        <v>14</v>
      </c>
      <c r="H2616" t="s">
        <v>23738</v>
      </c>
      <c r="I2616" t="s">
        <v>30540</v>
      </c>
    </row>
    <row r="2617" spans="1:9">
      <c r="A2617" s="1">
        <v>0.34234863014426986</v>
      </c>
      <c r="B2617" s="1"/>
      <c r="C2617">
        <v>11</v>
      </c>
      <c r="D2617" t="s">
        <v>23739</v>
      </c>
      <c r="E2617" t="s">
        <v>33931</v>
      </c>
      <c r="F2617">
        <v>1</v>
      </c>
      <c r="G2617" t="s">
        <v>10</v>
      </c>
      <c r="H2617" t="s">
        <v>23740</v>
      </c>
      <c r="I2617" t="s">
        <v>30540</v>
      </c>
    </row>
    <row r="2618" spans="1:9">
      <c r="A2618" s="1">
        <v>0.32255523137198183</v>
      </c>
      <c r="B2618" s="1"/>
      <c r="C2618">
        <v>10</v>
      </c>
      <c r="D2618" t="s">
        <v>23731</v>
      </c>
      <c r="E2618" t="s">
        <v>33932</v>
      </c>
      <c r="F2618">
        <v>3</v>
      </c>
      <c r="G2618" t="s">
        <v>14</v>
      </c>
      <c r="H2618" t="s">
        <v>23732</v>
      </c>
      <c r="I2618" t="s">
        <v>30540</v>
      </c>
    </row>
    <row r="2619" spans="1:9">
      <c r="A2619" s="1">
        <v>0.55654291614371698</v>
      </c>
      <c r="B2619" s="1"/>
      <c r="C2619">
        <v>17</v>
      </c>
      <c r="D2619" t="s">
        <v>23719</v>
      </c>
      <c r="E2619" t="s">
        <v>33934</v>
      </c>
      <c r="F2619">
        <v>2</v>
      </c>
      <c r="G2619" t="s">
        <v>14</v>
      </c>
      <c r="H2619" t="s">
        <v>23720</v>
      </c>
      <c r="I2619" t="s">
        <v>30540</v>
      </c>
    </row>
    <row r="2620" spans="1:9">
      <c r="A2620" s="1">
        <v>0.69631053268637733</v>
      </c>
      <c r="B2620" s="1"/>
      <c r="C2620">
        <v>15</v>
      </c>
      <c r="D2620" t="s">
        <v>23680</v>
      </c>
      <c r="E2620" t="s">
        <v>33939</v>
      </c>
      <c r="F2620">
        <v>3</v>
      </c>
      <c r="G2620" t="s">
        <v>2738</v>
      </c>
      <c r="H2620" t="s">
        <v>23681</v>
      </c>
      <c r="I2620" t="s">
        <v>30540</v>
      </c>
    </row>
    <row r="2621" spans="1:9">
      <c r="A2621" s="1">
        <v>0.4108667416589239</v>
      </c>
      <c r="B2621" s="1"/>
      <c r="C2621">
        <v>6</v>
      </c>
      <c r="D2621" t="s">
        <v>23674</v>
      </c>
      <c r="E2621" t="s">
        <v>33939</v>
      </c>
      <c r="F2621">
        <v>2</v>
      </c>
      <c r="G2621" t="s">
        <v>3732</v>
      </c>
      <c r="H2621" t="s">
        <v>23675</v>
      </c>
      <c r="I2621" t="s">
        <v>30540</v>
      </c>
    </row>
    <row r="2622" spans="1:9">
      <c r="A2622" s="1">
        <v>0.32939949846363425</v>
      </c>
      <c r="B2622" s="1"/>
      <c r="C2622">
        <v>11</v>
      </c>
      <c r="D2622" t="s">
        <v>23666</v>
      </c>
      <c r="E2622" t="s">
        <v>33941</v>
      </c>
      <c r="F2622">
        <v>2</v>
      </c>
      <c r="G2622" t="s">
        <v>10</v>
      </c>
      <c r="H2622" t="s">
        <v>23667</v>
      </c>
      <c r="I2622" t="s">
        <v>30540</v>
      </c>
    </row>
    <row r="2623" spans="1:9">
      <c r="A2623" s="1">
        <v>0.684277297915455</v>
      </c>
      <c r="B2623" s="1"/>
      <c r="C2623">
        <v>13</v>
      </c>
      <c r="D2623" t="s">
        <v>23654</v>
      </c>
      <c r="E2623" t="s">
        <v>33942</v>
      </c>
      <c r="F2623">
        <v>1</v>
      </c>
      <c r="G2623" t="s">
        <v>2</v>
      </c>
      <c r="H2623" t="s">
        <v>23655</v>
      </c>
      <c r="I2623" t="s">
        <v>30540</v>
      </c>
    </row>
    <row r="2624" spans="1:9">
      <c r="A2624" s="1">
        <v>0.37767870489039335</v>
      </c>
      <c r="B2624" s="1"/>
      <c r="C2624">
        <v>16</v>
      </c>
      <c r="D2624" t="s">
        <v>23658</v>
      </c>
      <c r="E2624" t="s">
        <v>33942</v>
      </c>
      <c r="F2624">
        <v>1</v>
      </c>
      <c r="G2624" t="s">
        <v>2</v>
      </c>
      <c r="H2624" t="s">
        <v>23659</v>
      </c>
      <c r="I2624" t="s">
        <v>30540</v>
      </c>
    </row>
    <row r="2625" spans="1:9">
      <c r="A2625" s="1">
        <v>0.11538303510983516</v>
      </c>
      <c r="B2625" s="1"/>
      <c r="C2625">
        <v>7</v>
      </c>
      <c r="D2625" t="s">
        <v>23646</v>
      </c>
      <c r="E2625" t="s">
        <v>33943</v>
      </c>
      <c r="F2625">
        <v>3</v>
      </c>
      <c r="G2625" t="s">
        <v>14</v>
      </c>
      <c r="H2625" t="s">
        <v>23647</v>
      </c>
      <c r="I2625" t="s">
        <v>30540</v>
      </c>
    </row>
    <row r="2626" spans="1:9">
      <c r="A2626" s="1">
        <v>0.32740736573110241</v>
      </c>
      <c r="B2626" s="1"/>
      <c r="C2626">
        <v>12</v>
      </c>
      <c r="D2626" t="s">
        <v>23634</v>
      </c>
      <c r="E2626" t="s">
        <v>33946</v>
      </c>
      <c r="F2626">
        <v>3</v>
      </c>
      <c r="G2626" t="s">
        <v>14</v>
      </c>
      <c r="H2626" t="s">
        <v>23635</v>
      </c>
      <c r="I2626" t="s">
        <v>30540</v>
      </c>
    </row>
    <row r="2627" spans="1:9">
      <c r="A2627" s="1">
        <v>0.72283814001389968</v>
      </c>
      <c r="B2627" s="1"/>
      <c r="C2627">
        <v>13</v>
      </c>
      <c r="D2627" t="s">
        <v>23622</v>
      </c>
      <c r="E2627" t="s">
        <v>33947</v>
      </c>
      <c r="F2627">
        <v>1</v>
      </c>
      <c r="G2627" t="s">
        <v>14</v>
      </c>
      <c r="H2627" t="s">
        <v>23623</v>
      </c>
      <c r="I2627" t="s">
        <v>30540</v>
      </c>
    </row>
    <row r="2628" spans="1:9">
      <c r="A2628" s="1">
        <v>0.41153684731368312</v>
      </c>
      <c r="B2628" s="1"/>
      <c r="C2628">
        <v>14</v>
      </c>
      <c r="D2628" t="s">
        <v>23608</v>
      </c>
      <c r="E2628" t="s">
        <v>33949</v>
      </c>
      <c r="F2628">
        <v>2</v>
      </c>
      <c r="G2628" t="s">
        <v>10</v>
      </c>
      <c r="H2628" t="s">
        <v>23609</v>
      </c>
      <c r="I2628" t="s">
        <v>30540</v>
      </c>
    </row>
    <row r="2629" spans="1:9">
      <c r="A2629" s="1">
        <v>9.1063708639904428E-2</v>
      </c>
      <c r="B2629" s="1"/>
      <c r="C2629">
        <v>2</v>
      </c>
      <c r="D2629" t="s">
        <v>23600</v>
      </c>
      <c r="E2629" t="s">
        <v>33950</v>
      </c>
      <c r="F2629">
        <v>2</v>
      </c>
      <c r="G2629" t="s">
        <v>1</v>
      </c>
      <c r="H2629" t="s">
        <v>23601</v>
      </c>
      <c r="I2629" t="s">
        <v>30540</v>
      </c>
    </row>
    <row r="2630" spans="1:9">
      <c r="A2630" s="1">
        <v>0.94787949143826633</v>
      </c>
      <c r="B2630" s="1"/>
      <c r="C2630">
        <v>16</v>
      </c>
      <c r="D2630" t="s">
        <v>23604</v>
      </c>
      <c r="E2630" t="s">
        <v>33950</v>
      </c>
      <c r="F2630">
        <v>2</v>
      </c>
      <c r="G2630" t="s">
        <v>14</v>
      </c>
      <c r="H2630" t="s">
        <v>23605</v>
      </c>
      <c r="I2630" t="s">
        <v>30540</v>
      </c>
    </row>
    <row r="2631" spans="1:9">
      <c r="A2631" s="1">
        <v>0.94815733547616465</v>
      </c>
      <c r="B2631" s="1"/>
      <c r="C2631">
        <v>6</v>
      </c>
      <c r="D2631" t="s">
        <v>23594</v>
      </c>
      <c r="E2631" t="s">
        <v>33952</v>
      </c>
      <c r="F2631">
        <v>2</v>
      </c>
      <c r="G2631" t="s">
        <v>15</v>
      </c>
      <c r="H2631" t="s">
        <v>23595</v>
      </c>
      <c r="I2631" t="s">
        <v>30540</v>
      </c>
    </row>
    <row r="2632" spans="1:9">
      <c r="A2632" s="1">
        <v>0.59735814436074008</v>
      </c>
      <c r="B2632" s="1"/>
      <c r="C2632">
        <v>13</v>
      </c>
      <c r="D2632" t="s">
        <v>23588</v>
      </c>
      <c r="E2632" t="s">
        <v>33953</v>
      </c>
      <c r="F2632">
        <v>2</v>
      </c>
      <c r="G2632" t="s">
        <v>15</v>
      </c>
      <c r="H2632" t="s">
        <v>23589</v>
      </c>
      <c r="I2632" t="s">
        <v>30540</v>
      </c>
    </row>
    <row r="2633" spans="1:9">
      <c r="A2633" s="1">
        <v>0.49759825959258874</v>
      </c>
      <c r="B2633" s="1"/>
      <c r="C2633">
        <v>16</v>
      </c>
      <c r="D2633" t="s">
        <v>23570</v>
      </c>
      <c r="E2633" t="s">
        <v>33955</v>
      </c>
      <c r="F2633">
        <v>3</v>
      </c>
      <c r="G2633" t="s">
        <v>14</v>
      </c>
      <c r="H2633" t="s">
        <v>23571</v>
      </c>
      <c r="I2633" t="s">
        <v>30540</v>
      </c>
    </row>
    <row r="2634" spans="1:9">
      <c r="A2634" s="1">
        <v>0.10373072273286865</v>
      </c>
      <c r="B2634" s="1"/>
      <c r="C2634">
        <v>8</v>
      </c>
      <c r="D2634" t="s">
        <v>23568</v>
      </c>
      <c r="E2634" t="s">
        <v>33955</v>
      </c>
      <c r="F2634">
        <v>2</v>
      </c>
      <c r="G2634" t="s">
        <v>14</v>
      </c>
      <c r="H2634" t="s">
        <v>23569</v>
      </c>
      <c r="I2634" t="s">
        <v>30540</v>
      </c>
    </row>
    <row r="2635" spans="1:9">
      <c r="A2635" s="1">
        <v>7.4928919421491158E-2</v>
      </c>
      <c r="B2635" s="1"/>
      <c r="C2635">
        <v>17</v>
      </c>
      <c r="D2635" t="s">
        <v>23556</v>
      </c>
      <c r="E2635" t="s">
        <v>33957</v>
      </c>
      <c r="F2635">
        <v>3</v>
      </c>
      <c r="G2635" t="s">
        <v>10</v>
      </c>
      <c r="H2635" t="s">
        <v>23557</v>
      </c>
      <c r="I2635" t="s">
        <v>30540</v>
      </c>
    </row>
    <row r="2636" spans="1:9">
      <c r="A2636" s="1">
        <v>0.41954926461525721</v>
      </c>
      <c r="B2636" s="1"/>
      <c r="C2636">
        <v>16</v>
      </c>
      <c r="D2636" t="s">
        <v>23546</v>
      </c>
      <c r="E2636" t="s">
        <v>33960</v>
      </c>
      <c r="F2636">
        <v>1</v>
      </c>
      <c r="G2636" t="s">
        <v>15</v>
      </c>
      <c r="H2636" t="s">
        <v>23547</v>
      </c>
      <c r="I2636" t="s">
        <v>30540</v>
      </c>
    </row>
    <row r="2637" spans="1:9">
      <c r="A2637" s="1">
        <v>0.2958610409454534</v>
      </c>
      <c r="B2637" s="1"/>
      <c r="C2637">
        <v>17</v>
      </c>
      <c r="D2637" t="s">
        <v>23536</v>
      </c>
      <c r="E2637" t="s">
        <v>33961</v>
      </c>
      <c r="F2637">
        <v>3</v>
      </c>
      <c r="G2637" t="s">
        <v>14</v>
      </c>
      <c r="H2637" t="s">
        <v>23537</v>
      </c>
      <c r="I2637" t="s">
        <v>30540</v>
      </c>
    </row>
    <row r="2638" spans="1:9">
      <c r="A2638" s="1">
        <v>0.27265124707876376</v>
      </c>
      <c r="B2638" s="1"/>
      <c r="C2638">
        <v>11</v>
      </c>
      <c r="D2638" t="s">
        <v>23512</v>
      </c>
      <c r="E2638" t="s">
        <v>33963</v>
      </c>
      <c r="F2638">
        <v>3</v>
      </c>
      <c r="G2638" t="s">
        <v>15</v>
      </c>
      <c r="H2638" t="s">
        <v>23513</v>
      </c>
      <c r="I2638" t="s">
        <v>30540</v>
      </c>
    </row>
    <row r="2639" spans="1:9">
      <c r="A2639" s="1">
        <v>0.86592829669648086</v>
      </c>
      <c r="B2639" s="1"/>
      <c r="C2639">
        <v>20</v>
      </c>
      <c r="D2639" t="s">
        <v>23520</v>
      </c>
      <c r="E2639" t="s">
        <v>33963</v>
      </c>
      <c r="F2639">
        <v>2</v>
      </c>
      <c r="G2639" t="s">
        <v>14</v>
      </c>
      <c r="H2639" t="s">
        <v>23521</v>
      </c>
      <c r="I2639" t="s">
        <v>30540</v>
      </c>
    </row>
    <row r="2640" spans="1:9">
      <c r="A2640" s="1">
        <v>0.19618383924597205</v>
      </c>
      <c r="B2640" s="1"/>
      <c r="C2640">
        <v>15</v>
      </c>
      <c r="D2640" t="s">
        <v>23496</v>
      </c>
      <c r="E2640" t="s">
        <v>33965</v>
      </c>
      <c r="F2640">
        <v>2</v>
      </c>
      <c r="G2640" t="s">
        <v>14</v>
      </c>
      <c r="H2640" t="s">
        <v>23497</v>
      </c>
      <c r="I2640" t="s">
        <v>30540</v>
      </c>
    </row>
    <row r="2641" spans="1:9">
      <c r="A2641" s="1">
        <v>0.86431678338624518</v>
      </c>
      <c r="B2641" s="1"/>
      <c r="C2641">
        <v>13</v>
      </c>
      <c r="D2641" t="s">
        <v>23486</v>
      </c>
      <c r="E2641" t="s">
        <v>33966</v>
      </c>
      <c r="F2641">
        <v>3</v>
      </c>
      <c r="G2641" t="s">
        <v>14</v>
      </c>
      <c r="H2641" t="s">
        <v>23487</v>
      </c>
      <c r="I2641" t="s">
        <v>30540</v>
      </c>
    </row>
    <row r="2642" spans="1:9">
      <c r="A2642" s="1">
        <v>0.69575149095354638</v>
      </c>
      <c r="B2642" s="1"/>
      <c r="C2642">
        <v>12</v>
      </c>
      <c r="D2642" t="s">
        <v>23480</v>
      </c>
      <c r="E2642" t="s">
        <v>33967</v>
      </c>
      <c r="F2642">
        <v>2</v>
      </c>
      <c r="G2642" t="s">
        <v>766</v>
      </c>
      <c r="H2642" t="s">
        <v>23481</v>
      </c>
      <c r="I2642" t="s">
        <v>30540</v>
      </c>
    </row>
    <row r="2643" spans="1:9">
      <c r="A2643" s="1">
        <v>0.88334394930467608</v>
      </c>
      <c r="B2643" s="1"/>
      <c r="C2643">
        <v>16</v>
      </c>
      <c r="D2643" t="s">
        <v>23472</v>
      </c>
      <c r="E2643" t="s">
        <v>33968</v>
      </c>
      <c r="F2643">
        <v>2</v>
      </c>
      <c r="G2643" t="s">
        <v>1</v>
      </c>
      <c r="H2643" t="s">
        <v>23473</v>
      </c>
      <c r="I2643" t="s">
        <v>30540</v>
      </c>
    </row>
    <row r="2644" spans="1:9">
      <c r="A2644" s="1">
        <v>0.67083316306341334</v>
      </c>
      <c r="B2644" s="1"/>
      <c r="C2644">
        <v>3</v>
      </c>
      <c r="D2644" t="s">
        <v>23466</v>
      </c>
      <c r="E2644" t="s">
        <v>33968</v>
      </c>
      <c r="F2644">
        <v>2</v>
      </c>
      <c r="G2644" t="s">
        <v>9</v>
      </c>
      <c r="H2644" t="s">
        <v>23467</v>
      </c>
      <c r="I2644" t="s">
        <v>30540</v>
      </c>
    </row>
    <row r="2645" spans="1:9">
      <c r="A2645" s="1">
        <v>0.66002639595250889</v>
      </c>
      <c r="B2645" s="1"/>
      <c r="C2645">
        <v>8</v>
      </c>
      <c r="D2645" t="s">
        <v>23454</v>
      </c>
      <c r="E2645" t="s">
        <v>33970</v>
      </c>
      <c r="F2645">
        <v>3</v>
      </c>
      <c r="G2645" t="s">
        <v>14</v>
      </c>
      <c r="H2645" t="s">
        <v>23455</v>
      </c>
      <c r="I2645" t="s">
        <v>30540</v>
      </c>
    </row>
    <row r="2646" spans="1:9">
      <c r="A2646" s="1">
        <v>0.49809573316899913</v>
      </c>
      <c r="B2646" s="1"/>
      <c r="C2646">
        <v>2</v>
      </c>
      <c r="D2646" t="s">
        <v>23434</v>
      </c>
      <c r="E2646" t="s">
        <v>33971</v>
      </c>
      <c r="F2646">
        <v>3</v>
      </c>
      <c r="G2646" t="s">
        <v>13</v>
      </c>
      <c r="H2646" t="s">
        <v>23435</v>
      </c>
      <c r="I2646" t="s">
        <v>30540</v>
      </c>
    </row>
    <row r="2647" spans="1:9">
      <c r="A2647" s="1">
        <v>0.76944791984985839</v>
      </c>
      <c r="B2647" s="1"/>
      <c r="C2647">
        <v>10</v>
      </c>
      <c r="D2647" t="s">
        <v>23444</v>
      </c>
      <c r="E2647" t="s">
        <v>33971</v>
      </c>
      <c r="F2647">
        <v>2</v>
      </c>
      <c r="G2647" t="s">
        <v>14</v>
      </c>
      <c r="H2647" t="s">
        <v>23445</v>
      </c>
      <c r="I2647" t="s">
        <v>30540</v>
      </c>
    </row>
    <row r="2648" spans="1:9">
      <c r="A2648" s="1">
        <v>0.55893694608553757</v>
      </c>
      <c r="B2648" s="1"/>
      <c r="C2648">
        <v>12</v>
      </c>
      <c r="D2648" t="s">
        <v>23446</v>
      </c>
      <c r="E2648" t="s">
        <v>33971</v>
      </c>
      <c r="F2648">
        <v>1</v>
      </c>
      <c r="G2648" t="s">
        <v>14</v>
      </c>
      <c r="H2648" t="s">
        <v>23447</v>
      </c>
      <c r="I2648" t="s">
        <v>30540</v>
      </c>
    </row>
    <row r="2649" spans="1:9">
      <c r="A2649" s="1">
        <v>0.43487676648183526</v>
      </c>
      <c r="B2649" s="1"/>
      <c r="C2649">
        <v>18</v>
      </c>
      <c r="D2649" t="s">
        <v>23430</v>
      </c>
      <c r="E2649" t="s">
        <v>33972</v>
      </c>
      <c r="F2649">
        <v>3</v>
      </c>
      <c r="G2649" t="s">
        <v>15</v>
      </c>
      <c r="H2649" t="s">
        <v>23431</v>
      </c>
      <c r="I2649" t="s">
        <v>30540</v>
      </c>
    </row>
    <row r="2650" spans="1:9">
      <c r="A2650" s="1">
        <v>0.63212041345288128</v>
      </c>
      <c r="B2650" s="1"/>
      <c r="C2650">
        <v>11</v>
      </c>
      <c r="D2650" t="s">
        <v>23416</v>
      </c>
      <c r="E2650" t="s">
        <v>33973</v>
      </c>
      <c r="F2650">
        <v>3</v>
      </c>
      <c r="G2650" t="s">
        <v>14</v>
      </c>
      <c r="H2650" t="s">
        <v>23417</v>
      </c>
      <c r="I2650" t="s">
        <v>30540</v>
      </c>
    </row>
    <row r="2651" spans="1:9">
      <c r="A2651" s="1">
        <v>0.90129345602190303</v>
      </c>
      <c r="B2651" s="1"/>
      <c r="C2651">
        <v>17</v>
      </c>
      <c r="D2651" t="s">
        <v>23418</v>
      </c>
      <c r="E2651" t="s">
        <v>33973</v>
      </c>
      <c r="F2651">
        <v>3</v>
      </c>
      <c r="G2651" t="s">
        <v>14</v>
      </c>
      <c r="H2651" t="s">
        <v>23419</v>
      </c>
      <c r="I2651" t="s">
        <v>30540</v>
      </c>
    </row>
    <row r="2652" spans="1:9">
      <c r="A2652" s="1">
        <v>0.17693205180573945</v>
      </c>
      <c r="B2652" s="1"/>
      <c r="C2652">
        <v>9</v>
      </c>
      <c r="D2652" t="s">
        <v>23414</v>
      </c>
      <c r="E2652" t="s">
        <v>33973</v>
      </c>
      <c r="F2652">
        <v>2</v>
      </c>
      <c r="G2652" t="s">
        <v>14</v>
      </c>
      <c r="H2652" t="s">
        <v>23415</v>
      </c>
      <c r="I2652" t="s">
        <v>30540</v>
      </c>
    </row>
    <row r="2653" spans="1:9">
      <c r="A2653" s="1">
        <v>0.68739368663006239</v>
      </c>
      <c r="B2653" s="1"/>
      <c r="C2653">
        <v>2</v>
      </c>
      <c r="D2653" t="s">
        <v>23404</v>
      </c>
      <c r="E2653" t="s">
        <v>33974</v>
      </c>
      <c r="F2653">
        <v>2</v>
      </c>
      <c r="G2653" t="s">
        <v>2</v>
      </c>
      <c r="H2653" t="s">
        <v>23405</v>
      </c>
      <c r="I2653" t="s">
        <v>30540</v>
      </c>
    </row>
    <row r="2654" spans="1:9">
      <c r="A2654" s="1">
        <v>0.60497473980649763</v>
      </c>
      <c r="B2654" s="1"/>
      <c r="C2654">
        <v>5</v>
      </c>
      <c r="D2654" t="s">
        <v>23402</v>
      </c>
      <c r="E2654" t="s">
        <v>33975</v>
      </c>
      <c r="F2654">
        <v>2</v>
      </c>
      <c r="G2654" t="s">
        <v>0</v>
      </c>
      <c r="H2654" t="s">
        <v>23403</v>
      </c>
      <c r="I2654" t="s">
        <v>30540</v>
      </c>
    </row>
    <row r="2655" spans="1:9">
      <c r="A2655" s="1">
        <v>0.69226533826535208</v>
      </c>
      <c r="B2655" s="1"/>
      <c r="C2655">
        <v>13</v>
      </c>
      <c r="D2655" t="s">
        <v>23398</v>
      </c>
      <c r="E2655" t="s">
        <v>33976</v>
      </c>
      <c r="F2655">
        <v>1</v>
      </c>
      <c r="G2655" t="s">
        <v>14</v>
      </c>
      <c r="H2655" t="s">
        <v>23399</v>
      </c>
      <c r="I2655" t="s">
        <v>30540</v>
      </c>
    </row>
    <row r="2656" spans="1:9">
      <c r="A2656" s="1">
        <v>3.6912904666021706E-2</v>
      </c>
      <c r="B2656" s="1"/>
      <c r="C2656">
        <v>16</v>
      </c>
      <c r="D2656" t="s">
        <v>23392</v>
      </c>
      <c r="E2656" t="s">
        <v>33977</v>
      </c>
      <c r="F2656">
        <v>3</v>
      </c>
      <c r="G2656" t="s">
        <v>14</v>
      </c>
      <c r="H2656" t="s">
        <v>23393</v>
      </c>
      <c r="I2656" t="s">
        <v>30540</v>
      </c>
    </row>
    <row r="2657" spans="1:9">
      <c r="A2657" s="1">
        <v>3.8742785720584094E-2</v>
      </c>
      <c r="B2657" s="1"/>
      <c r="C2657">
        <v>6</v>
      </c>
      <c r="D2657" t="s">
        <v>23370</v>
      </c>
      <c r="E2657" t="s">
        <v>33980</v>
      </c>
      <c r="F2657">
        <v>3</v>
      </c>
      <c r="G2657" t="s">
        <v>14</v>
      </c>
      <c r="H2657" t="s">
        <v>23371</v>
      </c>
      <c r="I2657" t="s">
        <v>30540</v>
      </c>
    </row>
    <row r="2658" spans="1:9">
      <c r="A2658" s="1">
        <v>0.72624565239986794</v>
      </c>
      <c r="B2658" s="1"/>
      <c r="C2658">
        <v>19</v>
      </c>
      <c r="D2658" t="s">
        <v>23376</v>
      </c>
      <c r="E2658" t="s">
        <v>33980</v>
      </c>
      <c r="F2658">
        <v>2</v>
      </c>
      <c r="G2658" t="s">
        <v>14</v>
      </c>
      <c r="H2658" t="s">
        <v>23377</v>
      </c>
      <c r="I2658" t="s">
        <v>30540</v>
      </c>
    </row>
    <row r="2659" spans="1:9">
      <c r="A2659" s="1">
        <v>0.46258721155295335</v>
      </c>
      <c r="B2659" s="1"/>
      <c r="C2659">
        <v>8</v>
      </c>
      <c r="D2659" t="s">
        <v>23372</v>
      </c>
      <c r="E2659" t="s">
        <v>33980</v>
      </c>
      <c r="F2659">
        <v>1</v>
      </c>
      <c r="G2659" t="s">
        <v>2</v>
      </c>
      <c r="H2659" t="s">
        <v>23373</v>
      </c>
      <c r="I2659" t="s">
        <v>30540</v>
      </c>
    </row>
    <row r="2660" spans="1:9">
      <c r="A2660" s="1">
        <v>0.77456737589584856</v>
      </c>
      <c r="B2660" s="1"/>
      <c r="C2660">
        <v>1</v>
      </c>
      <c r="D2660" t="s">
        <v>23348</v>
      </c>
      <c r="E2660" t="s">
        <v>33982</v>
      </c>
      <c r="F2660">
        <v>1</v>
      </c>
      <c r="G2660" t="s">
        <v>10</v>
      </c>
      <c r="H2660" t="s">
        <v>23349</v>
      </c>
      <c r="I2660" t="s">
        <v>30540</v>
      </c>
    </row>
    <row r="2661" spans="1:9">
      <c r="A2661" s="1">
        <v>0.98780965329597203</v>
      </c>
      <c r="B2661" s="1"/>
      <c r="C2661">
        <v>11</v>
      </c>
      <c r="D2661" t="s">
        <v>23354</v>
      </c>
      <c r="E2661" t="s">
        <v>33982</v>
      </c>
      <c r="F2661">
        <v>1</v>
      </c>
      <c r="G2661" t="s">
        <v>762</v>
      </c>
      <c r="H2661" t="s">
        <v>23355</v>
      </c>
      <c r="I2661" t="s">
        <v>30540</v>
      </c>
    </row>
    <row r="2662" spans="1:9">
      <c r="A2662" s="1">
        <v>0.18851348213396868</v>
      </c>
      <c r="B2662" s="1"/>
      <c r="C2662">
        <v>13</v>
      </c>
      <c r="D2662" t="s">
        <v>23356</v>
      </c>
      <c r="E2662" t="s">
        <v>33982</v>
      </c>
      <c r="F2662">
        <v>1</v>
      </c>
      <c r="G2662" t="s">
        <v>14</v>
      </c>
      <c r="H2662" t="s">
        <v>23357</v>
      </c>
      <c r="I2662" t="s">
        <v>30540</v>
      </c>
    </row>
    <row r="2663" spans="1:9">
      <c r="A2663" s="1">
        <v>0.7912779329917089</v>
      </c>
      <c r="B2663" s="1"/>
      <c r="C2663">
        <v>7</v>
      </c>
      <c r="D2663" t="s">
        <v>23340</v>
      </c>
      <c r="E2663" t="s">
        <v>33983</v>
      </c>
      <c r="F2663">
        <v>1</v>
      </c>
      <c r="G2663" t="s">
        <v>9</v>
      </c>
      <c r="H2663" t="s">
        <v>23341</v>
      </c>
      <c r="I2663" t="s">
        <v>30540</v>
      </c>
    </row>
    <row r="2664" spans="1:9">
      <c r="A2664" s="1">
        <v>0.22566297945769431</v>
      </c>
      <c r="B2664" s="1"/>
      <c r="C2664">
        <v>12</v>
      </c>
      <c r="D2664" t="s">
        <v>23326</v>
      </c>
      <c r="E2664" t="s">
        <v>33985</v>
      </c>
      <c r="F2664">
        <v>3</v>
      </c>
      <c r="G2664" t="s">
        <v>14</v>
      </c>
      <c r="H2664" t="s">
        <v>23327</v>
      </c>
      <c r="I2664" t="s">
        <v>30540</v>
      </c>
    </row>
    <row r="2665" spans="1:9">
      <c r="A2665" s="1">
        <v>0.32170619014566959</v>
      </c>
      <c r="B2665" s="1"/>
      <c r="C2665">
        <v>2</v>
      </c>
      <c r="D2665" t="s">
        <v>23300</v>
      </c>
      <c r="E2665" t="s">
        <v>33987</v>
      </c>
      <c r="F2665">
        <v>3</v>
      </c>
      <c r="G2665" t="s">
        <v>10</v>
      </c>
      <c r="H2665" t="s">
        <v>23301</v>
      </c>
      <c r="I2665" t="s">
        <v>30540</v>
      </c>
    </row>
    <row r="2666" spans="1:9">
      <c r="A2666" s="1">
        <v>0.35264910058782528</v>
      </c>
      <c r="B2666" s="1"/>
      <c r="C2666">
        <v>10</v>
      </c>
      <c r="D2666" t="s">
        <v>23304</v>
      </c>
      <c r="E2666" t="s">
        <v>33987</v>
      </c>
      <c r="F2666">
        <v>2</v>
      </c>
      <c r="G2666" t="s">
        <v>1295</v>
      </c>
      <c r="H2666" t="s">
        <v>23305</v>
      </c>
      <c r="I2666" t="s">
        <v>30540</v>
      </c>
    </row>
    <row r="2667" spans="1:9">
      <c r="A2667" s="1">
        <v>0.87143416821586706</v>
      </c>
      <c r="B2667" s="1"/>
      <c r="C2667">
        <v>13</v>
      </c>
      <c r="D2667" t="s">
        <v>23306</v>
      </c>
      <c r="E2667" t="s">
        <v>33987</v>
      </c>
      <c r="F2667">
        <v>2</v>
      </c>
      <c r="G2667" t="s">
        <v>2</v>
      </c>
      <c r="H2667" t="s">
        <v>23307</v>
      </c>
      <c r="I2667" t="s">
        <v>30540</v>
      </c>
    </row>
    <row r="2668" spans="1:9">
      <c r="A2668" s="1">
        <v>0.80386697360406811</v>
      </c>
      <c r="B2668" s="1"/>
      <c r="C2668">
        <v>8</v>
      </c>
      <c r="D2668" t="s">
        <v>23302</v>
      </c>
      <c r="E2668" t="s">
        <v>33987</v>
      </c>
      <c r="F2668">
        <v>2</v>
      </c>
      <c r="G2668" t="s">
        <v>762</v>
      </c>
      <c r="H2668" t="s">
        <v>23303</v>
      </c>
      <c r="I2668" t="s">
        <v>30540</v>
      </c>
    </row>
    <row r="2669" spans="1:9">
      <c r="A2669" s="1">
        <v>0.76788727581717298</v>
      </c>
      <c r="B2669" s="1"/>
      <c r="C2669">
        <v>3</v>
      </c>
      <c r="D2669" t="s">
        <v>23292</v>
      </c>
      <c r="E2669" t="s">
        <v>33988</v>
      </c>
      <c r="F2669">
        <v>3</v>
      </c>
      <c r="G2669" t="s">
        <v>2</v>
      </c>
      <c r="H2669" t="s">
        <v>23293</v>
      </c>
      <c r="I2669" t="s">
        <v>30540</v>
      </c>
    </row>
    <row r="2670" spans="1:9">
      <c r="A2670" s="1">
        <v>0.59631190868380868</v>
      </c>
      <c r="B2670" s="1"/>
      <c r="C2670">
        <v>7</v>
      </c>
      <c r="D2670" t="s">
        <v>23281</v>
      </c>
      <c r="E2670" t="s">
        <v>33989</v>
      </c>
      <c r="F2670">
        <v>3</v>
      </c>
      <c r="G2670" t="s">
        <v>14</v>
      </c>
      <c r="H2670" t="s">
        <v>23282</v>
      </c>
      <c r="I2670" t="s">
        <v>30540</v>
      </c>
    </row>
    <row r="2671" spans="1:9">
      <c r="A2671" s="1">
        <v>0.39633559322024348</v>
      </c>
      <c r="B2671" s="1"/>
      <c r="C2671">
        <v>13</v>
      </c>
      <c r="D2671" t="s">
        <v>23277</v>
      </c>
      <c r="E2671" t="s">
        <v>33990</v>
      </c>
      <c r="F2671">
        <v>2</v>
      </c>
      <c r="G2671" t="s">
        <v>14</v>
      </c>
      <c r="H2671" t="s">
        <v>23278</v>
      </c>
      <c r="I2671" t="s">
        <v>30540</v>
      </c>
    </row>
    <row r="2672" spans="1:9">
      <c r="A2672" s="1">
        <v>0.6823177654663829</v>
      </c>
      <c r="B2672" s="1"/>
      <c r="C2672">
        <v>11</v>
      </c>
      <c r="D2672" t="s">
        <v>23273</v>
      </c>
      <c r="E2672" t="s">
        <v>33990</v>
      </c>
      <c r="F2672">
        <v>2</v>
      </c>
      <c r="G2672" t="s">
        <v>14</v>
      </c>
      <c r="H2672" t="s">
        <v>23274</v>
      </c>
      <c r="I2672" t="s">
        <v>30540</v>
      </c>
    </row>
    <row r="2673" spans="1:9">
      <c r="A2673" s="1">
        <v>0.5204209501933974</v>
      </c>
      <c r="B2673" s="1"/>
      <c r="C2673">
        <v>2</v>
      </c>
      <c r="D2673" t="s">
        <v>23259</v>
      </c>
      <c r="E2673" t="s">
        <v>33991</v>
      </c>
      <c r="F2673">
        <v>3</v>
      </c>
      <c r="G2673" t="s">
        <v>10</v>
      </c>
      <c r="H2673" t="s">
        <v>23260</v>
      </c>
      <c r="I2673" t="s">
        <v>30540</v>
      </c>
    </row>
    <row r="2674" spans="1:9">
      <c r="A2674" s="1">
        <v>0.96067249212934347</v>
      </c>
      <c r="B2674" s="1"/>
      <c r="C2674">
        <v>17</v>
      </c>
      <c r="D2674" t="s">
        <v>23257</v>
      </c>
      <c r="E2674" t="s">
        <v>33992</v>
      </c>
      <c r="F2674">
        <v>3</v>
      </c>
      <c r="G2674" t="s">
        <v>14</v>
      </c>
      <c r="H2674" t="s">
        <v>23258</v>
      </c>
      <c r="I2674" t="s">
        <v>30540</v>
      </c>
    </row>
    <row r="2675" spans="1:9">
      <c r="A2675" s="1">
        <v>9.000932143177065E-2</v>
      </c>
      <c r="B2675" s="1"/>
      <c r="C2675">
        <v>4</v>
      </c>
      <c r="D2675" t="s">
        <v>23247</v>
      </c>
      <c r="E2675" t="s">
        <v>33993</v>
      </c>
      <c r="F2675">
        <v>2</v>
      </c>
      <c r="G2675" t="s">
        <v>10</v>
      </c>
      <c r="H2675" t="s">
        <v>23248</v>
      </c>
      <c r="I2675" t="s">
        <v>30540</v>
      </c>
    </row>
    <row r="2676" spans="1:9">
      <c r="A2676" s="1">
        <v>3.2019853670065657E-2</v>
      </c>
      <c r="B2676" s="1"/>
      <c r="C2676">
        <v>13</v>
      </c>
      <c r="D2676" t="s">
        <v>23245</v>
      </c>
      <c r="E2676" t="s">
        <v>33994</v>
      </c>
      <c r="F2676">
        <v>3</v>
      </c>
      <c r="G2676" t="s">
        <v>14</v>
      </c>
      <c r="H2676" t="s">
        <v>23246</v>
      </c>
      <c r="I2676" t="s">
        <v>30540</v>
      </c>
    </row>
    <row r="2677" spans="1:9">
      <c r="A2677" s="1">
        <v>0.19560048942384278</v>
      </c>
      <c r="B2677" s="1"/>
      <c r="C2677">
        <v>6</v>
      </c>
      <c r="D2677" t="s">
        <v>23215</v>
      </c>
      <c r="E2677" t="s">
        <v>33998</v>
      </c>
      <c r="F2677">
        <v>2</v>
      </c>
      <c r="G2677" t="s">
        <v>14</v>
      </c>
      <c r="H2677" t="s">
        <v>23216</v>
      </c>
      <c r="I2677" t="s">
        <v>30540</v>
      </c>
    </row>
    <row r="2678" spans="1:9">
      <c r="A2678" s="1">
        <v>0.12342408215894607</v>
      </c>
      <c r="B2678" s="1"/>
      <c r="C2678">
        <v>7</v>
      </c>
      <c r="D2678" t="s">
        <v>23217</v>
      </c>
      <c r="E2678" t="s">
        <v>33998</v>
      </c>
      <c r="F2678">
        <v>2</v>
      </c>
      <c r="G2678" t="s">
        <v>1</v>
      </c>
      <c r="H2678" t="s">
        <v>23218</v>
      </c>
      <c r="I2678" t="s">
        <v>30540</v>
      </c>
    </row>
    <row r="2679" spans="1:9">
      <c r="A2679" s="1">
        <v>0.74915853172236702</v>
      </c>
      <c r="B2679" s="1"/>
      <c r="C2679">
        <v>4</v>
      </c>
      <c r="D2679" t="s">
        <v>23211</v>
      </c>
      <c r="E2679" t="s">
        <v>33998</v>
      </c>
      <c r="F2679">
        <v>1</v>
      </c>
      <c r="G2679" t="s">
        <v>10</v>
      </c>
      <c r="H2679" t="s">
        <v>23212</v>
      </c>
      <c r="I2679" t="s">
        <v>30540</v>
      </c>
    </row>
    <row r="2680" spans="1:9">
      <c r="A2680" s="1">
        <v>0.13613037609087009</v>
      </c>
      <c r="B2680" s="1"/>
      <c r="C2680">
        <v>1</v>
      </c>
      <c r="D2680" t="s">
        <v>23207</v>
      </c>
      <c r="E2680" t="s">
        <v>33998</v>
      </c>
      <c r="F2680">
        <v>1</v>
      </c>
      <c r="G2680" t="s">
        <v>10</v>
      </c>
      <c r="H2680" t="s">
        <v>23208</v>
      </c>
      <c r="I2680" t="s">
        <v>30540</v>
      </c>
    </row>
    <row r="2681" spans="1:9">
      <c r="A2681" s="1">
        <v>0.85595066272691867</v>
      </c>
      <c r="B2681" s="1"/>
      <c r="C2681">
        <v>5</v>
      </c>
      <c r="D2681" t="s">
        <v>23201</v>
      </c>
      <c r="E2681" t="s">
        <v>33999</v>
      </c>
      <c r="F2681">
        <v>2</v>
      </c>
      <c r="G2681" t="s">
        <v>15</v>
      </c>
      <c r="H2681" t="s">
        <v>23202</v>
      </c>
      <c r="I2681" t="s">
        <v>30540</v>
      </c>
    </row>
    <row r="2682" spans="1:9">
      <c r="A2682" s="1">
        <v>0.76241513481966849</v>
      </c>
      <c r="B2682" s="1"/>
      <c r="C2682">
        <v>12</v>
      </c>
      <c r="D2682" t="s">
        <v>23203</v>
      </c>
      <c r="E2682" t="s">
        <v>33999</v>
      </c>
      <c r="F2682">
        <v>1</v>
      </c>
      <c r="G2682" t="s">
        <v>14</v>
      </c>
      <c r="H2682" t="s">
        <v>23204</v>
      </c>
      <c r="I2682" t="s">
        <v>30540</v>
      </c>
    </row>
    <row r="2683" spans="1:9">
      <c r="A2683" s="1">
        <v>0.53655810865846354</v>
      </c>
      <c r="B2683" s="1"/>
      <c r="C2683">
        <v>12</v>
      </c>
      <c r="D2683" t="s">
        <v>23195</v>
      </c>
      <c r="E2683" t="s">
        <v>34000</v>
      </c>
      <c r="F2683">
        <v>1</v>
      </c>
      <c r="G2683" t="s">
        <v>2</v>
      </c>
      <c r="H2683" t="s">
        <v>23196</v>
      </c>
      <c r="I2683" t="s">
        <v>30540</v>
      </c>
    </row>
    <row r="2684" spans="1:9">
      <c r="A2684" s="1">
        <v>7.2560644417717479E-2</v>
      </c>
      <c r="B2684" s="1"/>
      <c r="C2684">
        <v>1</v>
      </c>
      <c r="D2684" t="s">
        <v>23181</v>
      </c>
      <c r="E2684" t="s">
        <v>34001</v>
      </c>
      <c r="F2684">
        <v>2</v>
      </c>
      <c r="G2684" t="s">
        <v>2</v>
      </c>
      <c r="H2684" t="s">
        <v>23182</v>
      </c>
      <c r="I2684" t="s">
        <v>30540</v>
      </c>
    </row>
    <row r="2685" spans="1:9">
      <c r="A2685" s="1">
        <v>5.1472417947333371E-2</v>
      </c>
      <c r="B2685" s="1"/>
      <c r="C2685">
        <v>3</v>
      </c>
      <c r="D2685" t="s">
        <v>23153</v>
      </c>
      <c r="E2685" t="s">
        <v>34004</v>
      </c>
      <c r="F2685">
        <v>3</v>
      </c>
      <c r="G2685" t="s">
        <v>9</v>
      </c>
      <c r="H2685" t="s">
        <v>23154</v>
      </c>
      <c r="I2685" t="s">
        <v>30540</v>
      </c>
    </row>
    <row r="2686" spans="1:9">
      <c r="A2686" s="1">
        <v>0.92813150946934087</v>
      </c>
      <c r="B2686" s="1"/>
      <c r="C2686">
        <v>8</v>
      </c>
      <c r="D2686" t="s">
        <v>23157</v>
      </c>
      <c r="E2686" t="s">
        <v>34004</v>
      </c>
      <c r="F2686">
        <v>2</v>
      </c>
      <c r="G2686" t="s">
        <v>14</v>
      </c>
      <c r="H2686" t="s">
        <v>23158</v>
      </c>
      <c r="I2686" t="s">
        <v>30540</v>
      </c>
    </row>
    <row r="2687" spans="1:9">
      <c r="A2687" s="1">
        <v>0.69003817311493754</v>
      </c>
      <c r="B2687" s="1"/>
      <c r="C2687">
        <v>20</v>
      </c>
      <c r="D2687" t="s">
        <v>23133</v>
      </c>
      <c r="E2687" t="s">
        <v>34007</v>
      </c>
      <c r="F2687">
        <v>3</v>
      </c>
      <c r="G2687" t="s">
        <v>766</v>
      </c>
      <c r="H2687" t="s">
        <v>23134</v>
      </c>
      <c r="I2687" t="s">
        <v>30540</v>
      </c>
    </row>
    <row r="2688" spans="1:9">
      <c r="A2688" s="1">
        <v>0.92503053656634127</v>
      </c>
      <c r="B2688" s="1"/>
      <c r="C2688">
        <v>1</v>
      </c>
      <c r="D2688" t="s">
        <v>23121</v>
      </c>
      <c r="E2688" t="s">
        <v>34009</v>
      </c>
      <c r="F2688">
        <v>3</v>
      </c>
      <c r="G2688" t="s">
        <v>2</v>
      </c>
      <c r="H2688" t="s">
        <v>23122</v>
      </c>
      <c r="I2688" t="s">
        <v>30540</v>
      </c>
    </row>
    <row r="2689" spans="1:9">
      <c r="A2689" s="1">
        <v>0.20343003817855876</v>
      </c>
      <c r="B2689" s="1"/>
      <c r="C2689">
        <v>14</v>
      </c>
      <c r="D2689" t="s">
        <v>23125</v>
      </c>
      <c r="E2689" t="s">
        <v>34009</v>
      </c>
      <c r="F2689">
        <v>2</v>
      </c>
      <c r="G2689" t="s">
        <v>14</v>
      </c>
      <c r="H2689" t="s">
        <v>23126</v>
      </c>
      <c r="I2689" t="s">
        <v>30540</v>
      </c>
    </row>
    <row r="2690" spans="1:9">
      <c r="A2690" s="1">
        <v>4.3312691929242919E-2</v>
      </c>
      <c r="B2690" s="1"/>
      <c r="C2690">
        <v>16</v>
      </c>
      <c r="D2690" t="s">
        <v>23117</v>
      </c>
      <c r="E2690" t="s">
        <v>34010</v>
      </c>
      <c r="F2690">
        <v>3</v>
      </c>
      <c r="G2690" t="s">
        <v>13</v>
      </c>
      <c r="H2690" t="s">
        <v>23118</v>
      </c>
      <c r="I2690" t="s">
        <v>30540</v>
      </c>
    </row>
    <row r="2691" spans="1:9">
      <c r="A2691" s="1">
        <v>0.65305914817482968</v>
      </c>
      <c r="B2691" s="1"/>
      <c r="C2691">
        <v>14</v>
      </c>
      <c r="D2691" t="s">
        <v>23115</v>
      </c>
      <c r="E2691" t="s">
        <v>34010</v>
      </c>
      <c r="F2691">
        <v>2</v>
      </c>
      <c r="G2691" t="s">
        <v>14</v>
      </c>
      <c r="H2691" t="s">
        <v>23116</v>
      </c>
      <c r="I2691" t="s">
        <v>30540</v>
      </c>
    </row>
    <row r="2692" spans="1:9">
      <c r="A2692" s="1">
        <v>0.50340022780974414</v>
      </c>
      <c r="B2692" s="1"/>
      <c r="C2692">
        <v>20</v>
      </c>
      <c r="D2692" t="s">
        <v>23101</v>
      </c>
      <c r="E2692" t="s">
        <v>34012</v>
      </c>
      <c r="F2692">
        <v>3</v>
      </c>
      <c r="G2692" t="s">
        <v>14</v>
      </c>
      <c r="H2692" t="s">
        <v>23102</v>
      </c>
      <c r="I2692" t="s">
        <v>30540</v>
      </c>
    </row>
    <row r="2693" spans="1:9">
      <c r="A2693" s="1">
        <v>0.13886361408005077</v>
      </c>
      <c r="B2693" s="1"/>
      <c r="C2693">
        <v>1</v>
      </c>
      <c r="D2693" t="s">
        <v>23085</v>
      </c>
      <c r="E2693" t="s">
        <v>34014</v>
      </c>
      <c r="F2693">
        <v>3</v>
      </c>
      <c r="G2693" t="s">
        <v>2</v>
      </c>
      <c r="H2693" t="s">
        <v>23086</v>
      </c>
      <c r="I2693" t="s">
        <v>30540</v>
      </c>
    </row>
    <row r="2694" spans="1:9">
      <c r="A2694" s="1">
        <v>0.16344677193830004</v>
      </c>
      <c r="B2694" s="1"/>
      <c r="C2694">
        <v>7</v>
      </c>
      <c r="D2694" t="s">
        <v>23081</v>
      </c>
      <c r="E2694" t="s">
        <v>34015</v>
      </c>
      <c r="F2694">
        <v>3</v>
      </c>
      <c r="G2694" t="s">
        <v>1</v>
      </c>
      <c r="H2694" t="s">
        <v>23082</v>
      </c>
      <c r="I2694" t="s">
        <v>30540</v>
      </c>
    </row>
    <row r="2695" spans="1:9">
      <c r="A2695" s="1">
        <v>0.54825710816907847</v>
      </c>
      <c r="B2695" s="1"/>
      <c r="C2695">
        <v>2</v>
      </c>
      <c r="D2695" t="s">
        <v>23079</v>
      </c>
      <c r="E2695" t="s">
        <v>34015</v>
      </c>
      <c r="F2695">
        <v>3</v>
      </c>
      <c r="G2695" t="s">
        <v>0</v>
      </c>
      <c r="H2695" t="s">
        <v>23080</v>
      </c>
      <c r="I2695" t="s">
        <v>30540</v>
      </c>
    </row>
    <row r="2696" spans="1:9">
      <c r="A2696" s="1">
        <v>0.13206038219889971</v>
      </c>
      <c r="B2696" s="1"/>
      <c r="C2696">
        <v>1</v>
      </c>
      <c r="D2696" t="s">
        <v>23061</v>
      </c>
      <c r="E2696" t="s">
        <v>34018</v>
      </c>
      <c r="F2696">
        <v>3</v>
      </c>
      <c r="G2696" t="s">
        <v>2</v>
      </c>
      <c r="H2696" t="s">
        <v>23062</v>
      </c>
      <c r="I2696" t="s">
        <v>30540</v>
      </c>
    </row>
    <row r="2697" spans="1:9">
      <c r="A2697" s="1">
        <v>0.22232228021525124</v>
      </c>
      <c r="B2697" s="1"/>
      <c r="C2697">
        <v>7</v>
      </c>
      <c r="D2697" t="s">
        <v>23063</v>
      </c>
      <c r="E2697" t="s">
        <v>34018</v>
      </c>
      <c r="F2697">
        <v>3</v>
      </c>
      <c r="G2697" t="s">
        <v>9</v>
      </c>
      <c r="H2697" t="s">
        <v>23064</v>
      </c>
      <c r="I2697" t="s">
        <v>30540</v>
      </c>
    </row>
    <row r="2698" spans="1:9">
      <c r="A2698" s="1">
        <v>0.27895186484848267</v>
      </c>
      <c r="B2698" s="1"/>
      <c r="C2698">
        <v>4</v>
      </c>
      <c r="D2698" t="s">
        <v>23053</v>
      </c>
      <c r="E2698" t="s">
        <v>34019</v>
      </c>
      <c r="F2698">
        <v>3</v>
      </c>
      <c r="G2698" t="s">
        <v>2</v>
      </c>
      <c r="H2698" t="s">
        <v>23054</v>
      </c>
      <c r="I2698" t="s">
        <v>30540</v>
      </c>
    </row>
    <row r="2699" spans="1:9">
      <c r="A2699" s="1">
        <v>0.46177491119474834</v>
      </c>
      <c r="B2699" s="1"/>
      <c r="C2699">
        <v>13</v>
      </c>
      <c r="D2699" t="s">
        <v>23057</v>
      </c>
      <c r="E2699" t="s">
        <v>34019</v>
      </c>
      <c r="F2699">
        <v>2</v>
      </c>
      <c r="G2699" t="s">
        <v>14</v>
      </c>
      <c r="H2699" t="s">
        <v>23058</v>
      </c>
      <c r="I2699" t="s">
        <v>30540</v>
      </c>
    </row>
    <row r="2700" spans="1:9">
      <c r="A2700" s="1">
        <v>0.706962014539955</v>
      </c>
      <c r="B2700" s="1"/>
      <c r="C2700">
        <v>8</v>
      </c>
      <c r="D2700" t="s">
        <v>23045</v>
      </c>
      <c r="E2700" t="s">
        <v>34020</v>
      </c>
      <c r="F2700">
        <v>2</v>
      </c>
      <c r="G2700" t="s">
        <v>1</v>
      </c>
      <c r="H2700" t="s">
        <v>23046</v>
      </c>
      <c r="I2700" t="s">
        <v>30540</v>
      </c>
    </row>
    <row r="2701" spans="1:9">
      <c r="A2701" s="1">
        <v>0.85679078273096321</v>
      </c>
      <c r="B2701" s="1"/>
      <c r="C2701">
        <v>10</v>
      </c>
      <c r="D2701" t="s">
        <v>23037</v>
      </c>
      <c r="E2701" t="s">
        <v>34021</v>
      </c>
      <c r="F2701">
        <v>3</v>
      </c>
      <c r="G2701" t="s">
        <v>1</v>
      </c>
      <c r="H2701" t="s">
        <v>23038</v>
      </c>
      <c r="I2701" t="s">
        <v>30540</v>
      </c>
    </row>
    <row r="2702" spans="1:9">
      <c r="A2702" s="1">
        <v>0.38448581461587206</v>
      </c>
      <c r="B2702" s="1"/>
      <c r="C2702">
        <v>2</v>
      </c>
      <c r="D2702" t="s">
        <v>23031</v>
      </c>
      <c r="E2702" t="s">
        <v>34022</v>
      </c>
      <c r="F2702">
        <v>2</v>
      </c>
      <c r="G2702" t="s">
        <v>10</v>
      </c>
      <c r="H2702" t="s">
        <v>23032</v>
      </c>
      <c r="I2702" t="s">
        <v>30540</v>
      </c>
    </row>
    <row r="2703" spans="1:9">
      <c r="A2703" s="1">
        <v>0.53733348748737653</v>
      </c>
      <c r="B2703" s="1"/>
      <c r="C2703">
        <v>15</v>
      </c>
      <c r="D2703" t="s">
        <v>23027</v>
      </c>
      <c r="E2703" t="s">
        <v>34023</v>
      </c>
      <c r="F2703">
        <v>2</v>
      </c>
      <c r="G2703" t="s">
        <v>10</v>
      </c>
      <c r="H2703" t="s">
        <v>23028</v>
      </c>
      <c r="I2703" t="s">
        <v>30540</v>
      </c>
    </row>
    <row r="2704" spans="1:9">
      <c r="A2704" s="1">
        <v>0.36759906181529778</v>
      </c>
      <c r="B2704" s="1"/>
      <c r="C2704">
        <v>3</v>
      </c>
      <c r="D2704" t="s">
        <v>23021</v>
      </c>
      <c r="E2704" t="s">
        <v>34023</v>
      </c>
      <c r="F2704">
        <v>2</v>
      </c>
      <c r="G2704" t="s">
        <v>10</v>
      </c>
      <c r="H2704" t="s">
        <v>23022</v>
      </c>
      <c r="I2704" t="s">
        <v>30540</v>
      </c>
    </row>
    <row r="2705" spans="1:9">
      <c r="A2705" s="1">
        <v>0.35008523435313865</v>
      </c>
      <c r="B2705" s="1"/>
      <c r="C2705">
        <v>11</v>
      </c>
      <c r="D2705" t="s">
        <v>22999</v>
      </c>
      <c r="E2705" t="s">
        <v>34027</v>
      </c>
      <c r="F2705">
        <v>2</v>
      </c>
      <c r="G2705" t="s">
        <v>770</v>
      </c>
      <c r="H2705" t="s">
        <v>23000</v>
      </c>
      <c r="I2705" t="s">
        <v>30540</v>
      </c>
    </row>
    <row r="2706" spans="1:9">
      <c r="A2706" s="1">
        <v>0.85202593899663837</v>
      </c>
      <c r="B2706" s="1"/>
      <c r="C2706">
        <v>14</v>
      </c>
      <c r="D2706" t="s">
        <v>22993</v>
      </c>
      <c r="E2706" t="s">
        <v>34028</v>
      </c>
      <c r="F2706">
        <v>3</v>
      </c>
      <c r="G2706" t="s">
        <v>14</v>
      </c>
      <c r="H2706" t="s">
        <v>22994</v>
      </c>
      <c r="I2706" t="s">
        <v>30540</v>
      </c>
    </row>
    <row r="2707" spans="1:9">
      <c r="A2707" s="1">
        <v>0.73220728381439437</v>
      </c>
      <c r="B2707" s="1"/>
      <c r="C2707">
        <v>8</v>
      </c>
      <c r="D2707" t="s">
        <v>22987</v>
      </c>
      <c r="E2707" t="s">
        <v>34029</v>
      </c>
      <c r="F2707">
        <v>2</v>
      </c>
      <c r="G2707" t="s">
        <v>14</v>
      </c>
      <c r="H2707" t="s">
        <v>22988</v>
      </c>
      <c r="I2707" t="s">
        <v>30540</v>
      </c>
    </row>
    <row r="2708" spans="1:9">
      <c r="A2708" s="1">
        <v>0.13821705582912613</v>
      </c>
      <c r="B2708" s="1"/>
      <c r="C2708">
        <v>8</v>
      </c>
      <c r="D2708" t="s">
        <v>26681</v>
      </c>
      <c r="E2708" t="s">
        <v>34033</v>
      </c>
      <c r="F2708">
        <v>3</v>
      </c>
      <c r="G2708" t="s">
        <v>14</v>
      </c>
      <c r="H2708" t="s">
        <v>26682</v>
      </c>
      <c r="I2708" t="s">
        <v>30540</v>
      </c>
    </row>
    <row r="2709" spans="1:9">
      <c r="A2709" s="1">
        <v>0.87259421965818551</v>
      </c>
      <c r="B2709" s="1"/>
      <c r="C2709">
        <v>9</v>
      </c>
      <c r="D2709" t="s">
        <v>26671</v>
      </c>
      <c r="E2709" t="s">
        <v>34034</v>
      </c>
      <c r="F2709">
        <v>2</v>
      </c>
      <c r="G2709" t="s">
        <v>14</v>
      </c>
      <c r="H2709" t="s">
        <v>26672</v>
      </c>
      <c r="I2709" t="s">
        <v>30540</v>
      </c>
    </row>
    <row r="2710" spans="1:9">
      <c r="A2710" s="1">
        <v>0.55427340732361008</v>
      </c>
      <c r="B2710" s="1"/>
      <c r="C2710">
        <v>16</v>
      </c>
      <c r="D2710" t="s">
        <v>26665</v>
      </c>
      <c r="E2710" t="s">
        <v>34035</v>
      </c>
      <c r="F2710">
        <v>2</v>
      </c>
      <c r="G2710" t="s">
        <v>14</v>
      </c>
      <c r="H2710" t="s">
        <v>26666</v>
      </c>
      <c r="I2710" t="s">
        <v>30540</v>
      </c>
    </row>
    <row r="2711" spans="1:9">
      <c r="A2711" s="1">
        <v>0.97718775458529472</v>
      </c>
      <c r="B2711" s="1"/>
      <c r="C2711">
        <v>4</v>
      </c>
      <c r="D2711" t="s">
        <v>26653</v>
      </c>
      <c r="E2711" t="s">
        <v>34036</v>
      </c>
      <c r="F2711">
        <v>2</v>
      </c>
      <c r="G2711" t="s">
        <v>10</v>
      </c>
      <c r="H2711" t="s">
        <v>26654</v>
      </c>
      <c r="I2711" t="s">
        <v>30540</v>
      </c>
    </row>
    <row r="2712" spans="1:9">
      <c r="A2712" s="1">
        <v>0.26578913603427601</v>
      </c>
      <c r="B2712" s="1"/>
      <c r="C2712">
        <v>10</v>
      </c>
      <c r="D2712" t="s">
        <v>26647</v>
      </c>
      <c r="E2712" t="s">
        <v>34037</v>
      </c>
      <c r="F2712">
        <v>3</v>
      </c>
      <c r="G2712" t="s">
        <v>9</v>
      </c>
      <c r="H2712" t="s">
        <v>26648</v>
      </c>
      <c r="I2712" t="s">
        <v>30540</v>
      </c>
    </row>
    <row r="2713" spans="1:9">
      <c r="A2713" s="1">
        <v>0.82679960877828751</v>
      </c>
      <c r="B2713" s="1"/>
      <c r="C2713">
        <v>13</v>
      </c>
      <c r="D2713" t="s">
        <v>26637</v>
      </c>
      <c r="E2713" t="s">
        <v>34038</v>
      </c>
      <c r="F2713">
        <v>3</v>
      </c>
      <c r="G2713" t="s">
        <v>9</v>
      </c>
      <c r="H2713" t="s">
        <v>26638</v>
      </c>
      <c r="I2713" t="s">
        <v>30540</v>
      </c>
    </row>
    <row r="2714" spans="1:9">
      <c r="A2714" s="1">
        <v>0.24028639701885646</v>
      </c>
      <c r="B2714" s="1"/>
      <c r="C2714">
        <v>10</v>
      </c>
      <c r="D2714" t="s">
        <v>26629</v>
      </c>
      <c r="E2714" t="s">
        <v>34039</v>
      </c>
      <c r="F2714">
        <v>2</v>
      </c>
      <c r="G2714" t="s">
        <v>2</v>
      </c>
      <c r="H2714" t="s">
        <v>26630</v>
      </c>
      <c r="I2714" t="s">
        <v>30540</v>
      </c>
    </row>
    <row r="2715" spans="1:9">
      <c r="A2715" s="1">
        <v>0.47354818409631205</v>
      </c>
      <c r="B2715" s="1"/>
      <c r="C2715">
        <v>2</v>
      </c>
      <c r="D2715" t="s">
        <v>26619</v>
      </c>
      <c r="E2715" t="s">
        <v>34040</v>
      </c>
      <c r="F2715">
        <v>2</v>
      </c>
      <c r="G2715" t="s">
        <v>9</v>
      </c>
      <c r="H2715" t="s">
        <v>26620</v>
      </c>
      <c r="I2715" t="s">
        <v>30540</v>
      </c>
    </row>
    <row r="2716" spans="1:9">
      <c r="A2716" s="1">
        <v>0.85201602820190403</v>
      </c>
      <c r="B2716" s="1"/>
      <c r="C2716">
        <v>2</v>
      </c>
      <c r="D2716" t="s">
        <v>26609</v>
      </c>
      <c r="E2716" t="s">
        <v>34042</v>
      </c>
      <c r="F2716">
        <v>3</v>
      </c>
      <c r="G2716" t="s">
        <v>9</v>
      </c>
      <c r="H2716" t="s">
        <v>26610</v>
      </c>
      <c r="I2716" t="s">
        <v>30540</v>
      </c>
    </row>
    <row r="2717" spans="1:9">
      <c r="A2717" s="1">
        <v>0.56851878044853676</v>
      </c>
      <c r="B2717" s="1"/>
      <c r="C2717">
        <v>14</v>
      </c>
      <c r="D2717" t="s">
        <v>26603</v>
      </c>
      <c r="E2717" t="s">
        <v>34043</v>
      </c>
      <c r="F2717">
        <v>3</v>
      </c>
      <c r="G2717" t="s">
        <v>14</v>
      </c>
      <c r="H2717" t="s">
        <v>26604</v>
      </c>
      <c r="I2717" t="s">
        <v>30540</v>
      </c>
    </row>
    <row r="2718" spans="1:9">
      <c r="A2718" s="1">
        <v>0.5896580042516919</v>
      </c>
      <c r="B2718" s="1"/>
      <c r="C2718">
        <v>19</v>
      </c>
      <c r="D2718" t="s">
        <v>26565</v>
      </c>
      <c r="E2718" t="s">
        <v>34049</v>
      </c>
      <c r="F2718">
        <v>3</v>
      </c>
      <c r="G2718" t="s">
        <v>14</v>
      </c>
      <c r="H2718" t="s">
        <v>26566</v>
      </c>
      <c r="I2718" t="s">
        <v>30540</v>
      </c>
    </row>
    <row r="2719" spans="1:9">
      <c r="A2719" s="1">
        <v>5.5085846531581772E-2</v>
      </c>
      <c r="B2719" s="1"/>
      <c r="C2719">
        <v>2</v>
      </c>
      <c r="D2719" t="s">
        <v>26555</v>
      </c>
      <c r="E2719" t="s">
        <v>34049</v>
      </c>
      <c r="F2719">
        <v>3</v>
      </c>
      <c r="G2719" t="s">
        <v>14</v>
      </c>
      <c r="H2719" t="s">
        <v>26556</v>
      </c>
      <c r="I2719" t="s">
        <v>30540</v>
      </c>
    </row>
    <row r="2720" spans="1:9">
      <c r="A2720" s="1">
        <v>0.45833631264958374</v>
      </c>
      <c r="B2720" s="1"/>
      <c r="C2720">
        <v>6</v>
      </c>
      <c r="D2720" t="s">
        <v>26549</v>
      </c>
      <c r="E2720" t="s">
        <v>34050</v>
      </c>
      <c r="F2720">
        <v>2</v>
      </c>
      <c r="G2720" t="s">
        <v>14</v>
      </c>
      <c r="H2720" t="s">
        <v>26550</v>
      </c>
      <c r="I2720" t="s">
        <v>30540</v>
      </c>
    </row>
    <row r="2721" spans="1:9">
      <c r="A2721" s="1">
        <v>0.52848143148644511</v>
      </c>
      <c r="B2721" s="1"/>
      <c r="C2721">
        <v>11</v>
      </c>
      <c r="D2721" t="s">
        <v>26551</v>
      </c>
      <c r="E2721" t="s">
        <v>34050</v>
      </c>
      <c r="F2721">
        <v>1</v>
      </c>
      <c r="G2721" t="s">
        <v>14</v>
      </c>
      <c r="H2721" t="s">
        <v>26552</v>
      </c>
      <c r="I2721" t="s">
        <v>30540</v>
      </c>
    </row>
    <row r="2722" spans="1:9">
      <c r="A2722" s="1">
        <v>0.72121562725703336</v>
      </c>
      <c r="B2722" s="1"/>
      <c r="C2722">
        <v>17</v>
      </c>
      <c r="D2722" t="s">
        <v>26535</v>
      </c>
      <c r="E2722" t="s">
        <v>34052</v>
      </c>
      <c r="F2722">
        <v>2</v>
      </c>
      <c r="G2722" t="s">
        <v>14</v>
      </c>
      <c r="H2722" t="s">
        <v>26536</v>
      </c>
      <c r="I2722" t="s">
        <v>30540</v>
      </c>
    </row>
    <row r="2723" spans="1:9">
      <c r="A2723" s="1">
        <v>0.90660978871672349</v>
      </c>
      <c r="B2723" s="1"/>
      <c r="C2723">
        <v>2</v>
      </c>
      <c r="D2723" t="s">
        <v>26515</v>
      </c>
      <c r="E2723" t="s">
        <v>34054</v>
      </c>
      <c r="F2723">
        <v>2</v>
      </c>
      <c r="G2723" t="s">
        <v>14</v>
      </c>
      <c r="H2723" t="s">
        <v>26516</v>
      </c>
      <c r="I2723" t="s">
        <v>30540</v>
      </c>
    </row>
    <row r="2724" spans="1:9">
      <c r="A2724" s="1">
        <v>0.88020410313433539</v>
      </c>
      <c r="B2724" s="1"/>
      <c r="C2724">
        <v>10</v>
      </c>
      <c r="D2724" t="s">
        <v>26511</v>
      </c>
      <c r="E2724" t="s">
        <v>34055</v>
      </c>
      <c r="F2724">
        <v>2</v>
      </c>
      <c r="G2724" t="s">
        <v>14</v>
      </c>
      <c r="H2724" t="s">
        <v>26512</v>
      </c>
      <c r="I2724" t="s">
        <v>30540</v>
      </c>
    </row>
    <row r="2725" spans="1:9">
      <c r="A2725" s="1">
        <v>0.95271367662056838</v>
      </c>
      <c r="B2725" s="1"/>
      <c r="C2725">
        <v>12</v>
      </c>
      <c r="D2725" t="s">
        <v>26499</v>
      </c>
      <c r="E2725" t="s">
        <v>34058</v>
      </c>
      <c r="F2725">
        <v>2</v>
      </c>
      <c r="G2725" t="s">
        <v>14</v>
      </c>
      <c r="H2725" t="s">
        <v>26500</v>
      </c>
      <c r="I2725" t="s">
        <v>30540</v>
      </c>
    </row>
    <row r="2726" spans="1:9">
      <c r="A2726" s="1">
        <v>0.65709678771831703</v>
      </c>
      <c r="B2726" s="1"/>
      <c r="C2726">
        <v>9</v>
      </c>
      <c r="D2726" t="s">
        <v>26489</v>
      </c>
      <c r="E2726" t="s">
        <v>34059</v>
      </c>
      <c r="F2726">
        <v>3</v>
      </c>
      <c r="G2726" t="s">
        <v>1</v>
      </c>
      <c r="H2726" t="s">
        <v>26490</v>
      </c>
      <c r="I2726" t="s">
        <v>30540</v>
      </c>
    </row>
    <row r="2727" spans="1:9">
      <c r="A2727" s="1">
        <v>0.64734902625319701</v>
      </c>
      <c r="B2727" s="1"/>
      <c r="C2727">
        <v>7</v>
      </c>
      <c r="D2727" t="s">
        <v>26469</v>
      </c>
      <c r="E2727" t="s">
        <v>34062</v>
      </c>
      <c r="F2727">
        <v>2</v>
      </c>
      <c r="G2727" t="s">
        <v>14</v>
      </c>
      <c r="H2727" t="s">
        <v>26470</v>
      </c>
      <c r="I2727" t="s">
        <v>30540</v>
      </c>
    </row>
    <row r="2728" spans="1:9">
      <c r="A2728" s="1">
        <v>0.67387798505759533</v>
      </c>
      <c r="B2728" s="1"/>
      <c r="C2728">
        <v>12</v>
      </c>
      <c r="D2728" t="s">
        <v>26455</v>
      </c>
      <c r="E2728" t="s">
        <v>34064</v>
      </c>
      <c r="F2728">
        <v>3</v>
      </c>
      <c r="G2728" t="s">
        <v>14</v>
      </c>
      <c r="H2728" t="s">
        <v>26456</v>
      </c>
      <c r="I2728" t="s">
        <v>30540</v>
      </c>
    </row>
    <row r="2729" spans="1:9">
      <c r="A2729" s="1">
        <v>0.39564307970365398</v>
      </c>
      <c r="B2729" s="1"/>
      <c r="C2729">
        <v>1</v>
      </c>
      <c r="D2729" t="s">
        <v>26451</v>
      </c>
      <c r="E2729" t="s">
        <v>34064</v>
      </c>
      <c r="F2729">
        <v>2</v>
      </c>
      <c r="G2729" t="s">
        <v>14</v>
      </c>
      <c r="H2729" t="s">
        <v>26452</v>
      </c>
      <c r="I2729" t="s">
        <v>30540</v>
      </c>
    </row>
    <row r="2730" spans="1:9">
      <c r="A2730" s="1">
        <v>0.34036956777870553</v>
      </c>
      <c r="B2730" s="1"/>
      <c r="C2730">
        <v>17</v>
      </c>
      <c r="D2730" t="s">
        <v>26457</v>
      </c>
      <c r="E2730" t="s">
        <v>34064</v>
      </c>
      <c r="F2730">
        <v>2</v>
      </c>
      <c r="G2730" t="s">
        <v>14</v>
      </c>
      <c r="H2730" t="s">
        <v>26458</v>
      </c>
      <c r="I2730" t="s">
        <v>30540</v>
      </c>
    </row>
    <row r="2731" spans="1:9">
      <c r="A2731" s="1">
        <v>8.8613468490785108E-2</v>
      </c>
      <c r="B2731" s="1"/>
      <c r="C2731">
        <v>5</v>
      </c>
      <c r="D2731" t="s">
        <v>26453</v>
      </c>
      <c r="E2731" t="s">
        <v>34064</v>
      </c>
      <c r="F2731">
        <v>2</v>
      </c>
      <c r="G2731" t="s">
        <v>14</v>
      </c>
      <c r="H2731" t="s">
        <v>26454</v>
      </c>
      <c r="I2731" t="s">
        <v>30540</v>
      </c>
    </row>
    <row r="2732" spans="1:9">
      <c r="A2732" s="1">
        <v>0.6351330806028167</v>
      </c>
      <c r="B2732" s="1"/>
      <c r="C2732">
        <v>11</v>
      </c>
      <c r="D2732" t="s">
        <v>26437</v>
      </c>
      <c r="E2732" t="s">
        <v>34066</v>
      </c>
      <c r="F2732">
        <v>3</v>
      </c>
      <c r="G2732" t="s">
        <v>14</v>
      </c>
      <c r="H2732" t="s">
        <v>26438</v>
      </c>
      <c r="I2732" t="s">
        <v>30540</v>
      </c>
    </row>
    <row r="2733" spans="1:9">
      <c r="A2733" s="1">
        <v>0.18756971545753243</v>
      </c>
      <c r="B2733" s="1"/>
      <c r="C2733">
        <v>14</v>
      </c>
      <c r="D2733" t="s">
        <v>26417</v>
      </c>
      <c r="E2733" t="s">
        <v>34069</v>
      </c>
      <c r="F2733">
        <v>2</v>
      </c>
      <c r="G2733" t="s">
        <v>0</v>
      </c>
      <c r="H2733" t="s">
        <v>26418</v>
      </c>
      <c r="I2733" t="s">
        <v>30540</v>
      </c>
    </row>
    <row r="2734" spans="1:9">
      <c r="A2734" s="1">
        <v>0.11327173724955897</v>
      </c>
      <c r="B2734" s="1"/>
      <c r="C2734">
        <v>4</v>
      </c>
      <c r="D2734" t="s">
        <v>26401</v>
      </c>
      <c r="E2734" t="s">
        <v>34071</v>
      </c>
      <c r="F2734">
        <v>3</v>
      </c>
      <c r="G2734" t="s">
        <v>769</v>
      </c>
      <c r="H2734" t="s">
        <v>26402</v>
      </c>
      <c r="I2734" t="s">
        <v>30540</v>
      </c>
    </row>
    <row r="2735" spans="1:9">
      <c r="A2735" s="1">
        <v>0.58522466390609451</v>
      </c>
      <c r="B2735" s="1"/>
      <c r="C2735">
        <v>19</v>
      </c>
      <c r="D2735" t="s">
        <v>26397</v>
      </c>
      <c r="E2735" t="s">
        <v>34072</v>
      </c>
      <c r="F2735">
        <v>3</v>
      </c>
      <c r="G2735" t="s">
        <v>9</v>
      </c>
      <c r="H2735" t="s">
        <v>26398</v>
      </c>
      <c r="I2735" t="s">
        <v>30540</v>
      </c>
    </row>
    <row r="2736" spans="1:9">
      <c r="A2736" s="1">
        <v>0.21258886034749536</v>
      </c>
      <c r="B2736" s="1"/>
      <c r="C2736">
        <v>2</v>
      </c>
      <c r="D2736" t="s">
        <v>26391</v>
      </c>
      <c r="E2736" t="s">
        <v>34072</v>
      </c>
      <c r="F2736">
        <v>2</v>
      </c>
      <c r="G2736" t="s">
        <v>13</v>
      </c>
      <c r="H2736" t="s">
        <v>26392</v>
      </c>
      <c r="I2736" t="s">
        <v>30540</v>
      </c>
    </row>
    <row r="2737" spans="1:9">
      <c r="A2737" s="1">
        <v>0.2497296974258103</v>
      </c>
      <c r="B2737" s="1"/>
      <c r="C2737">
        <v>12</v>
      </c>
      <c r="D2737" t="s">
        <v>26383</v>
      </c>
      <c r="E2737" t="s">
        <v>34074</v>
      </c>
      <c r="F2737">
        <v>3</v>
      </c>
      <c r="G2737" t="s">
        <v>9</v>
      </c>
      <c r="H2737" t="s">
        <v>26384</v>
      </c>
      <c r="I2737" t="s">
        <v>30540</v>
      </c>
    </row>
    <row r="2738" spans="1:9">
      <c r="A2738" s="1">
        <v>4.3217469417473175E-2</v>
      </c>
      <c r="B2738" s="1"/>
      <c r="C2738">
        <v>2</v>
      </c>
      <c r="D2738" t="s">
        <v>26375</v>
      </c>
      <c r="E2738" t="s">
        <v>34074</v>
      </c>
      <c r="F2738">
        <v>3</v>
      </c>
      <c r="G2738" t="s">
        <v>15</v>
      </c>
      <c r="H2738" t="s">
        <v>26376</v>
      </c>
      <c r="I2738" t="s">
        <v>30540</v>
      </c>
    </row>
    <row r="2739" spans="1:9">
      <c r="A2739" s="1">
        <v>4.8651284450983323E-2</v>
      </c>
      <c r="B2739" s="1"/>
      <c r="C2739">
        <v>6</v>
      </c>
      <c r="D2739" t="s">
        <v>26333</v>
      </c>
      <c r="E2739" t="s">
        <v>34080</v>
      </c>
      <c r="F2739">
        <v>3</v>
      </c>
      <c r="G2739" t="s">
        <v>9</v>
      </c>
      <c r="H2739" t="s">
        <v>26334</v>
      </c>
      <c r="I2739" t="s">
        <v>30540</v>
      </c>
    </row>
    <row r="2740" spans="1:9">
      <c r="A2740" s="1">
        <v>0.92055836021936521</v>
      </c>
      <c r="B2740" s="1"/>
      <c r="C2740">
        <v>10</v>
      </c>
      <c r="D2740" t="s">
        <v>26327</v>
      </c>
      <c r="E2740" t="s">
        <v>34081</v>
      </c>
      <c r="F2740">
        <v>2</v>
      </c>
      <c r="G2740" t="s">
        <v>766</v>
      </c>
      <c r="H2740" t="s">
        <v>26328</v>
      </c>
      <c r="I2740" t="s">
        <v>30540</v>
      </c>
    </row>
    <row r="2741" spans="1:9">
      <c r="A2741" s="1">
        <v>0.93570910218616088</v>
      </c>
      <c r="B2741" s="1"/>
      <c r="C2741">
        <v>4</v>
      </c>
      <c r="D2741" t="s">
        <v>26315</v>
      </c>
      <c r="E2741" t="s">
        <v>34082</v>
      </c>
      <c r="F2741">
        <v>2</v>
      </c>
      <c r="G2741" t="s">
        <v>9</v>
      </c>
      <c r="H2741" t="s">
        <v>26316</v>
      </c>
      <c r="I2741" t="s">
        <v>30540</v>
      </c>
    </row>
    <row r="2742" spans="1:9">
      <c r="A2742" s="1">
        <v>0.28526563126455817</v>
      </c>
      <c r="B2742" s="1"/>
      <c r="C2742">
        <v>19</v>
      </c>
      <c r="D2742" t="s">
        <v>26319</v>
      </c>
      <c r="E2742" t="s">
        <v>34082</v>
      </c>
      <c r="F2742">
        <v>2</v>
      </c>
      <c r="G2742" t="s">
        <v>14</v>
      </c>
      <c r="H2742" t="s">
        <v>26320</v>
      </c>
      <c r="I2742" t="s">
        <v>30540</v>
      </c>
    </row>
    <row r="2743" spans="1:9">
      <c r="A2743" s="1">
        <v>6.9827384325227504E-2</v>
      </c>
      <c r="B2743" s="1"/>
      <c r="C2743">
        <v>5</v>
      </c>
      <c r="D2743" t="s">
        <v>26275</v>
      </c>
      <c r="E2743" t="s">
        <v>34086</v>
      </c>
      <c r="F2743">
        <v>2</v>
      </c>
      <c r="G2743" t="s">
        <v>1</v>
      </c>
      <c r="H2743" t="s">
        <v>26276</v>
      </c>
      <c r="I2743" t="s">
        <v>30540</v>
      </c>
    </row>
    <row r="2744" spans="1:9">
      <c r="A2744" s="1">
        <v>0.73836122126877268</v>
      </c>
      <c r="B2744" s="1"/>
      <c r="C2744">
        <v>16</v>
      </c>
      <c r="D2744" t="s">
        <v>26271</v>
      </c>
      <c r="E2744" t="s">
        <v>34087</v>
      </c>
      <c r="F2744">
        <v>3</v>
      </c>
      <c r="G2744" t="s">
        <v>0</v>
      </c>
      <c r="H2744" t="s">
        <v>26272</v>
      </c>
      <c r="I2744" t="s">
        <v>30540</v>
      </c>
    </row>
    <row r="2745" spans="1:9">
      <c r="A2745" s="1">
        <v>0.28338426380267157</v>
      </c>
      <c r="B2745" s="1"/>
      <c r="C2745">
        <v>13</v>
      </c>
      <c r="D2745" t="s">
        <v>26259</v>
      </c>
      <c r="E2745" t="s">
        <v>34088</v>
      </c>
      <c r="F2745">
        <v>3</v>
      </c>
      <c r="G2745" t="s">
        <v>14</v>
      </c>
      <c r="H2745" t="s">
        <v>26260</v>
      </c>
      <c r="I2745" t="s">
        <v>30540</v>
      </c>
    </row>
    <row r="2746" spans="1:9">
      <c r="A2746" s="1">
        <v>8.9010350638465074E-2</v>
      </c>
      <c r="B2746" s="1"/>
      <c r="C2746">
        <v>15</v>
      </c>
      <c r="D2746" t="s">
        <v>26243</v>
      </c>
      <c r="E2746" t="s">
        <v>34090</v>
      </c>
      <c r="F2746">
        <v>2</v>
      </c>
      <c r="G2746" t="s">
        <v>14</v>
      </c>
      <c r="H2746" t="s">
        <v>26244</v>
      </c>
      <c r="I2746" t="s">
        <v>30540</v>
      </c>
    </row>
    <row r="2747" spans="1:9">
      <c r="A2747" s="1">
        <v>0.31348229785876236</v>
      </c>
      <c r="B2747" s="1"/>
      <c r="C2747">
        <v>7</v>
      </c>
      <c r="D2747" t="s">
        <v>26233</v>
      </c>
      <c r="E2747" t="s">
        <v>34091</v>
      </c>
      <c r="F2747">
        <v>3</v>
      </c>
      <c r="G2747" t="s">
        <v>9</v>
      </c>
      <c r="H2747" t="s">
        <v>26234</v>
      </c>
      <c r="I2747" t="s">
        <v>30540</v>
      </c>
    </row>
    <row r="2748" spans="1:9">
      <c r="A2748" s="1">
        <v>6.5456120160946485E-2</v>
      </c>
      <c r="B2748" s="1"/>
      <c r="C2748">
        <v>11</v>
      </c>
      <c r="D2748" t="s">
        <v>26235</v>
      </c>
      <c r="E2748" t="s">
        <v>34091</v>
      </c>
      <c r="F2748">
        <v>3</v>
      </c>
      <c r="G2748" t="s">
        <v>14</v>
      </c>
      <c r="H2748" t="s">
        <v>26236</v>
      </c>
      <c r="I2748" t="s">
        <v>30540</v>
      </c>
    </row>
    <row r="2749" spans="1:9">
      <c r="A2749" s="1">
        <v>0.75606213911156828</v>
      </c>
      <c r="B2749" s="1"/>
      <c r="C2749">
        <v>2</v>
      </c>
      <c r="D2749" t="s">
        <v>26221</v>
      </c>
      <c r="E2749" t="s">
        <v>34092</v>
      </c>
      <c r="F2749">
        <v>3</v>
      </c>
      <c r="G2749" t="s">
        <v>9</v>
      </c>
      <c r="H2749" t="s">
        <v>26222</v>
      </c>
      <c r="I2749" t="s">
        <v>30540</v>
      </c>
    </row>
    <row r="2750" spans="1:9">
      <c r="A2750" s="1">
        <v>0.1784266828008626</v>
      </c>
      <c r="B2750" s="1"/>
      <c r="C2750">
        <v>4</v>
      </c>
      <c r="D2750" t="s">
        <v>26223</v>
      </c>
      <c r="E2750" t="s">
        <v>34092</v>
      </c>
      <c r="F2750">
        <v>2</v>
      </c>
      <c r="G2750" t="s">
        <v>2</v>
      </c>
      <c r="H2750" t="s">
        <v>26224</v>
      </c>
      <c r="I2750" t="s">
        <v>30540</v>
      </c>
    </row>
    <row r="2751" spans="1:9">
      <c r="A2751" s="1">
        <v>0.82476779757258667</v>
      </c>
      <c r="B2751" s="1"/>
      <c r="C2751">
        <v>16</v>
      </c>
      <c r="D2751" t="s">
        <v>26229</v>
      </c>
      <c r="E2751" t="s">
        <v>34092</v>
      </c>
      <c r="F2751">
        <v>2</v>
      </c>
      <c r="G2751" t="s">
        <v>15</v>
      </c>
      <c r="H2751" t="s">
        <v>26230</v>
      </c>
      <c r="I2751" t="s">
        <v>30540</v>
      </c>
    </row>
    <row r="2752" spans="1:9">
      <c r="A2752" s="1">
        <v>0.63225834018186355</v>
      </c>
      <c r="B2752" s="1"/>
      <c r="C2752">
        <v>7</v>
      </c>
      <c r="D2752" t="s">
        <v>26203</v>
      </c>
      <c r="E2752" t="s">
        <v>34094</v>
      </c>
      <c r="F2752">
        <v>3</v>
      </c>
      <c r="G2752" t="s">
        <v>2</v>
      </c>
      <c r="H2752" t="s">
        <v>26204</v>
      </c>
      <c r="I2752" t="s">
        <v>30540</v>
      </c>
    </row>
    <row r="2753" spans="1:9">
      <c r="A2753" s="1">
        <v>0.76211523017317795</v>
      </c>
      <c r="B2753" s="1"/>
      <c r="C2753">
        <v>12</v>
      </c>
      <c r="D2753" t="s">
        <v>26165</v>
      </c>
      <c r="E2753" t="s">
        <v>34098</v>
      </c>
      <c r="F2753">
        <v>3</v>
      </c>
      <c r="G2753" t="s">
        <v>14</v>
      </c>
      <c r="H2753" t="s">
        <v>26166</v>
      </c>
      <c r="I2753" t="s">
        <v>30540</v>
      </c>
    </row>
    <row r="2754" spans="1:9">
      <c r="A2754" s="1">
        <v>0.28769921181191493</v>
      </c>
      <c r="B2754" s="1"/>
      <c r="C2754">
        <v>3</v>
      </c>
      <c r="D2754" t="s">
        <v>26161</v>
      </c>
      <c r="E2754" t="s">
        <v>34098</v>
      </c>
      <c r="F2754">
        <v>2</v>
      </c>
      <c r="G2754" t="s">
        <v>10</v>
      </c>
      <c r="H2754" t="s">
        <v>26162</v>
      </c>
      <c r="I2754" t="s">
        <v>30540</v>
      </c>
    </row>
    <row r="2755" spans="1:9">
      <c r="A2755" s="1">
        <v>0.67323065111992653</v>
      </c>
      <c r="B2755" s="1"/>
      <c r="C2755">
        <v>10</v>
      </c>
      <c r="D2755" t="s">
        <v>26145</v>
      </c>
      <c r="E2755" t="s">
        <v>34100</v>
      </c>
      <c r="F2755">
        <v>2</v>
      </c>
      <c r="G2755" t="s">
        <v>2738</v>
      </c>
      <c r="H2755" t="s">
        <v>26146</v>
      </c>
      <c r="I2755" t="s">
        <v>30540</v>
      </c>
    </row>
    <row r="2756" spans="1:9">
      <c r="A2756" s="1">
        <v>0.94010339144907451</v>
      </c>
      <c r="B2756" s="1"/>
      <c r="C2756">
        <v>20</v>
      </c>
      <c r="D2756" t="s">
        <v>26143</v>
      </c>
      <c r="E2756" t="s">
        <v>34101</v>
      </c>
      <c r="F2756">
        <v>1</v>
      </c>
      <c r="G2756" t="s">
        <v>14</v>
      </c>
      <c r="H2756" t="s">
        <v>26144</v>
      </c>
      <c r="I2756" t="s">
        <v>30540</v>
      </c>
    </row>
    <row r="2757" spans="1:9">
      <c r="A2757" s="1">
        <v>0.27341587295442704</v>
      </c>
      <c r="B2757" s="1"/>
      <c r="C2757">
        <v>16</v>
      </c>
      <c r="D2757" t="s">
        <v>26133</v>
      </c>
      <c r="E2757" t="s">
        <v>34102</v>
      </c>
      <c r="F2757">
        <v>2</v>
      </c>
      <c r="G2757" t="s">
        <v>14</v>
      </c>
      <c r="H2757" t="s">
        <v>26134</v>
      </c>
      <c r="I2757" t="s">
        <v>30540</v>
      </c>
    </row>
    <row r="2758" spans="1:9">
      <c r="A2758" s="1">
        <v>0.80895081031839433</v>
      </c>
      <c r="B2758" s="1"/>
      <c r="C2758">
        <v>15</v>
      </c>
      <c r="D2758" t="s">
        <v>26131</v>
      </c>
      <c r="E2758" t="s">
        <v>34102</v>
      </c>
      <c r="F2758">
        <v>2</v>
      </c>
      <c r="G2758" t="s">
        <v>14</v>
      </c>
      <c r="H2758" t="s">
        <v>26132</v>
      </c>
      <c r="I2758" t="s">
        <v>30540</v>
      </c>
    </row>
    <row r="2759" spans="1:9">
      <c r="A2759" s="1">
        <v>0.77164541862896174</v>
      </c>
      <c r="B2759" s="1"/>
      <c r="C2759">
        <v>5</v>
      </c>
      <c r="D2759" t="s">
        <v>26129</v>
      </c>
      <c r="E2759" t="s">
        <v>34102</v>
      </c>
      <c r="F2759">
        <v>2</v>
      </c>
      <c r="G2759" t="s">
        <v>14</v>
      </c>
      <c r="H2759" t="s">
        <v>26130</v>
      </c>
      <c r="I2759" t="s">
        <v>30540</v>
      </c>
    </row>
    <row r="2760" spans="1:9">
      <c r="A2760" s="1">
        <v>7.1421307483065744E-2</v>
      </c>
      <c r="B2760" s="1"/>
      <c r="C2760">
        <v>13</v>
      </c>
      <c r="D2760" t="s">
        <v>26127</v>
      </c>
      <c r="E2760" t="s">
        <v>34103</v>
      </c>
      <c r="F2760">
        <v>2</v>
      </c>
      <c r="G2760" t="s">
        <v>14</v>
      </c>
      <c r="H2760" t="s">
        <v>26128</v>
      </c>
      <c r="I2760" t="s">
        <v>30540</v>
      </c>
    </row>
    <row r="2761" spans="1:9">
      <c r="A2761" s="1">
        <v>0.60364784276001393</v>
      </c>
      <c r="B2761" s="1"/>
      <c r="C2761">
        <v>15</v>
      </c>
      <c r="D2761" t="s">
        <v>26107</v>
      </c>
      <c r="E2761" t="s">
        <v>34108</v>
      </c>
      <c r="F2761">
        <v>2</v>
      </c>
      <c r="G2761" t="s">
        <v>2</v>
      </c>
      <c r="H2761" t="s">
        <v>26108</v>
      </c>
      <c r="I2761" t="s">
        <v>30540</v>
      </c>
    </row>
    <row r="2762" spans="1:9">
      <c r="A2762" s="1">
        <v>0.41171559128531399</v>
      </c>
      <c r="B2762" s="1"/>
      <c r="C2762">
        <v>13</v>
      </c>
      <c r="D2762" t="s">
        <v>26089</v>
      </c>
      <c r="E2762" t="s">
        <v>34110</v>
      </c>
      <c r="F2762">
        <v>2</v>
      </c>
      <c r="G2762" t="s">
        <v>14</v>
      </c>
      <c r="H2762" t="s">
        <v>26090</v>
      </c>
      <c r="I2762" t="s">
        <v>30540</v>
      </c>
    </row>
    <row r="2763" spans="1:9">
      <c r="A2763" s="1">
        <v>0.18699526268941935</v>
      </c>
      <c r="B2763" s="1"/>
      <c r="C2763">
        <v>17</v>
      </c>
      <c r="D2763" t="s">
        <v>26079</v>
      </c>
      <c r="E2763" t="s">
        <v>34112</v>
      </c>
      <c r="F2763">
        <v>3</v>
      </c>
      <c r="G2763" t="s">
        <v>14</v>
      </c>
      <c r="H2763" t="s">
        <v>26080</v>
      </c>
      <c r="I2763" t="s">
        <v>30540</v>
      </c>
    </row>
    <row r="2764" spans="1:9">
      <c r="A2764" s="1">
        <v>0.37903984414355774</v>
      </c>
      <c r="B2764" s="1"/>
      <c r="C2764">
        <v>13</v>
      </c>
      <c r="D2764" t="s">
        <v>26055</v>
      </c>
      <c r="E2764" t="s">
        <v>34115</v>
      </c>
      <c r="F2764">
        <v>3</v>
      </c>
      <c r="G2764" t="s">
        <v>1</v>
      </c>
      <c r="H2764" t="s">
        <v>26056</v>
      </c>
      <c r="I2764" t="s">
        <v>30540</v>
      </c>
    </row>
    <row r="2765" spans="1:9">
      <c r="A2765" s="1">
        <v>0.65057352973048665</v>
      </c>
      <c r="B2765" s="1"/>
      <c r="C2765">
        <v>10</v>
      </c>
      <c r="D2765" t="s">
        <v>26049</v>
      </c>
      <c r="E2765" t="s">
        <v>34115</v>
      </c>
      <c r="F2765">
        <v>3</v>
      </c>
      <c r="G2765" t="s">
        <v>14</v>
      </c>
      <c r="H2765" t="s">
        <v>26050</v>
      </c>
      <c r="I2765" t="s">
        <v>30540</v>
      </c>
    </row>
    <row r="2766" spans="1:9">
      <c r="A2766" s="1">
        <v>0.77368626221847392</v>
      </c>
      <c r="B2766" s="1"/>
      <c r="C2766">
        <v>5</v>
      </c>
      <c r="D2766" t="s">
        <v>26045</v>
      </c>
      <c r="E2766" t="s">
        <v>34115</v>
      </c>
      <c r="F2766">
        <v>2</v>
      </c>
      <c r="G2766" t="s">
        <v>14</v>
      </c>
      <c r="H2766" t="s">
        <v>26046</v>
      </c>
      <c r="I2766" t="s">
        <v>30540</v>
      </c>
    </row>
    <row r="2767" spans="1:9">
      <c r="A2767" s="1">
        <v>0.24694244008950794</v>
      </c>
      <c r="B2767" s="1"/>
      <c r="C2767">
        <v>2</v>
      </c>
      <c r="D2767" t="s">
        <v>26043</v>
      </c>
      <c r="E2767" t="s">
        <v>34115</v>
      </c>
      <c r="F2767">
        <v>2</v>
      </c>
      <c r="G2767" t="s">
        <v>15</v>
      </c>
      <c r="H2767" t="s">
        <v>26044</v>
      </c>
      <c r="I2767" t="s">
        <v>30540</v>
      </c>
    </row>
    <row r="2768" spans="1:9">
      <c r="A2768" s="1">
        <v>0.52737578053803946</v>
      </c>
      <c r="B2768" s="1"/>
      <c r="C2768">
        <v>15</v>
      </c>
      <c r="D2768" t="s">
        <v>26057</v>
      </c>
      <c r="E2768" t="s">
        <v>34115</v>
      </c>
      <c r="F2768">
        <v>2</v>
      </c>
      <c r="G2768" t="s">
        <v>14</v>
      </c>
      <c r="H2768" t="s">
        <v>26058</v>
      </c>
      <c r="I2768" t="s">
        <v>30540</v>
      </c>
    </row>
    <row r="2769" spans="1:9">
      <c r="A2769" s="1">
        <v>0.25196844884692449</v>
      </c>
      <c r="B2769" s="1"/>
      <c r="C2769">
        <v>20</v>
      </c>
      <c r="D2769" t="s">
        <v>26041</v>
      </c>
      <c r="E2769" t="s">
        <v>34116</v>
      </c>
      <c r="F2769">
        <v>2</v>
      </c>
      <c r="G2769" t="s">
        <v>14</v>
      </c>
      <c r="H2769" t="s">
        <v>26042</v>
      </c>
      <c r="I2769" t="s">
        <v>30540</v>
      </c>
    </row>
    <row r="2770" spans="1:9">
      <c r="A2770" s="1">
        <v>0.77680155401726125</v>
      </c>
      <c r="B2770" s="1"/>
      <c r="C2770">
        <v>5</v>
      </c>
      <c r="D2770" t="s">
        <v>26037</v>
      </c>
      <c r="E2770" t="s">
        <v>34116</v>
      </c>
      <c r="F2770">
        <v>2</v>
      </c>
      <c r="G2770" t="s">
        <v>15</v>
      </c>
      <c r="H2770" t="s">
        <v>26038</v>
      </c>
      <c r="I2770" t="s">
        <v>30540</v>
      </c>
    </row>
    <row r="2771" spans="1:9">
      <c r="A2771" s="1">
        <v>0.39980098655579654</v>
      </c>
      <c r="B2771" s="1"/>
      <c r="C2771">
        <v>4</v>
      </c>
      <c r="D2771" t="s">
        <v>26035</v>
      </c>
      <c r="E2771" t="s">
        <v>34116</v>
      </c>
      <c r="F2771">
        <v>2</v>
      </c>
      <c r="G2771" t="s">
        <v>14</v>
      </c>
      <c r="H2771" t="s">
        <v>26036</v>
      </c>
      <c r="I2771" t="s">
        <v>30540</v>
      </c>
    </row>
    <row r="2772" spans="1:9">
      <c r="A2772" s="1">
        <v>0.44778223369810888</v>
      </c>
      <c r="B2772" s="1"/>
      <c r="C2772">
        <v>15</v>
      </c>
      <c r="D2772" t="s">
        <v>26031</v>
      </c>
      <c r="E2772" t="s">
        <v>34117</v>
      </c>
      <c r="F2772">
        <v>2</v>
      </c>
      <c r="G2772" t="s">
        <v>14</v>
      </c>
      <c r="H2772" t="s">
        <v>26032</v>
      </c>
      <c r="I2772" t="s">
        <v>30540</v>
      </c>
    </row>
    <row r="2773" spans="1:9">
      <c r="A2773" s="1">
        <v>0.8348510291179807</v>
      </c>
      <c r="B2773" s="1"/>
      <c r="C2773">
        <v>12</v>
      </c>
      <c r="D2773" t="s">
        <v>26027</v>
      </c>
      <c r="E2773" t="s">
        <v>34117</v>
      </c>
      <c r="F2773">
        <v>2</v>
      </c>
      <c r="G2773" t="s">
        <v>14</v>
      </c>
      <c r="H2773" t="s">
        <v>26028</v>
      </c>
      <c r="I2773" t="s">
        <v>30540</v>
      </c>
    </row>
    <row r="2774" spans="1:9">
      <c r="A2774" s="1">
        <v>0.83534086133253083</v>
      </c>
      <c r="B2774" s="1"/>
      <c r="C2774">
        <v>11</v>
      </c>
      <c r="D2774" t="s">
        <v>26023</v>
      </c>
      <c r="E2774" t="s">
        <v>34118</v>
      </c>
      <c r="F2774">
        <v>3</v>
      </c>
      <c r="G2774" t="s">
        <v>10</v>
      </c>
      <c r="H2774" t="s">
        <v>26024</v>
      </c>
      <c r="I2774" t="s">
        <v>30540</v>
      </c>
    </row>
    <row r="2775" spans="1:9">
      <c r="A2775" s="1">
        <v>8.1625431732116782E-2</v>
      </c>
      <c r="B2775" s="1"/>
      <c r="C2775">
        <v>10</v>
      </c>
      <c r="D2775" t="s">
        <v>26021</v>
      </c>
      <c r="E2775" t="s">
        <v>34118</v>
      </c>
      <c r="F2775">
        <v>2</v>
      </c>
      <c r="G2775" t="s">
        <v>1</v>
      </c>
      <c r="H2775" t="s">
        <v>26022</v>
      </c>
      <c r="I2775" t="s">
        <v>30540</v>
      </c>
    </row>
    <row r="2776" spans="1:9">
      <c r="A2776" s="1">
        <v>0.94580368616738753</v>
      </c>
      <c r="B2776" s="1"/>
      <c r="C2776">
        <v>13</v>
      </c>
      <c r="D2776" t="s">
        <v>26025</v>
      </c>
      <c r="E2776" t="s">
        <v>34118</v>
      </c>
      <c r="F2776">
        <v>2</v>
      </c>
      <c r="G2776" t="s">
        <v>10</v>
      </c>
      <c r="H2776" t="s">
        <v>26026</v>
      </c>
      <c r="I2776" t="s">
        <v>30540</v>
      </c>
    </row>
    <row r="2777" spans="1:9">
      <c r="A2777" s="1">
        <v>0.6549420155477419</v>
      </c>
      <c r="B2777" s="1"/>
      <c r="C2777">
        <v>8</v>
      </c>
      <c r="D2777" t="s">
        <v>26019</v>
      </c>
      <c r="E2777" t="s">
        <v>34118</v>
      </c>
      <c r="F2777">
        <v>2</v>
      </c>
      <c r="G2777" t="s">
        <v>10</v>
      </c>
      <c r="H2777" t="s">
        <v>26020</v>
      </c>
      <c r="I2777" t="s">
        <v>30540</v>
      </c>
    </row>
    <row r="2778" spans="1:9">
      <c r="A2778" s="1">
        <v>0.54299626936515799</v>
      </c>
      <c r="B2778" s="1"/>
      <c r="C2778">
        <v>13</v>
      </c>
      <c r="D2778" t="s">
        <v>26009</v>
      </c>
      <c r="E2778" t="s">
        <v>34120</v>
      </c>
      <c r="F2778">
        <v>2</v>
      </c>
      <c r="G2778" t="s">
        <v>14</v>
      </c>
      <c r="H2778" t="s">
        <v>26010</v>
      </c>
      <c r="I2778" t="s">
        <v>30540</v>
      </c>
    </row>
    <row r="2779" spans="1:9">
      <c r="A2779" s="1">
        <v>0.72378288405772695</v>
      </c>
      <c r="B2779" s="1"/>
      <c r="C2779">
        <v>17</v>
      </c>
      <c r="D2779" t="s">
        <v>26011</v>
      </c>
      <c r="E2779" t="s">
        <v>34120</v>
      </c>
      <c r="F2779">
        <v>1</v>
      </c>
      <c r="G2779" t="s">
        <v>14</v>
      </c>
      <c r="H2779" t="s">
        <v>26012</v>
      </c>
      <c r="I2779" t="s">
        <v>30540</v>
      </c>
    </row>
    <row r="2780" spans="1:9">
      <c r="A2780" s="1">
        <v>0.5029143257214681</v>
      </c>
      <c r="B2780" s="1"/>
      <c r="C2780">
        <v>13</v>
      </c>
      <c r="D2780" t="s">
        <v>26005</v>
      </c>
      <c r="E2780" t="s">
        <v>34122</v>
      </c>
      <c r="F2780">
        <v>3</v>
      </c>
      <c r="G2780" t="s">
        <v>14</v>
      </c>
      <c r="H2780" t="s">
        <v>26006</v>
      </c>
      <c r="I2780" t="s">
        <v>30540</v>
      </c>
    </row>
    <row r="2781" spans="1:9">
      <c r="A2781" s="1">
        <v>9.0349461083498506E-2</v>
      </c>
      <c r="B2781" s="1"/>
      <c r="C2781">
        <v>7</v>
      </c>
      <c r="D2781" t="s">
        <v>25997</v>
      </c>
      <c r="E2781" t="s">
        <v>34123</v>
      </c>
      <c r="F2781">
        <v>3</v>
      </c>
      <c r="G2781" t="s">
        <v>14</v>
      </c>
      <c r="H2781" t="s">
        <v>25998</v>
      </c>
      <c r="I2781" t="s">
        <v>30540</v>
      </c>
    </row>
    <row r="2782" spans="1:9">
      <c r="A2782" s="1">
        <v>0.34814096303400899</v>
      </c>
      <c r="B2782" s="1"/>
      <c r="C2782">
        <v>19</v>
      </c>
      <c r="D2782" t="s">
        <v>26003</v>
      </c>
      <c r="E2782" t="s">
        <v>34123</v>
      </c>
      <c r="F2782">
        <v>3</v>
      </c>
      <c r="G2782" t="s">
        <v>14</v>
      </c>
      <c r="H2782" t="s">
        <v>26004</v>
      </c>
      <c r="I2782" t="s">
        <v>30540</v>
      </c>
    </row>
    <row r="2783" spans="1:9">
      <c r="A2783" s="1">
        <v>0.90943226490246765</v>
      </c>
      <c r="B2783" s="1"/>
      <c r="C2783">
        <v>17</v>
      </c>
      <c r="D2783" t="s">
        <v>26001</v>
      </c>
      <c r="E2783" t="s">
        <v>34123</v>
      </c>
      <c r="F2783">
        <v>2</v>
      </c>
      <c r="G2783" t="s">
        <v>14</v>
      </c>
      <c r="H2783" t="s">
        <v>26002</v>
      </c>
      <c r="I2783" t="s">
        <v>30540</v>
      </c>
    </row>
    <row r="2784" spans="1:9">
      <c r="A2784" s="1">
        <v>0.35089506345909705</v>
      </c>
      <c r="B2784" s="1"/>
      <c r="C2784">
        <v>8</v>
      </c>
      <c r="D2784" t="s">
        <v>25999</v>
      </c>
      <c r="E2784" t="s">
        <v>34123</v>
      </c>
      <c r="F2784">
        <v>2</v>
      </c>
      <c r="G2784" t="s">
        <v>14</v>
      </c>
      <c r="H2784" t="s">
        <v>26000</v>
      </c>
      <c r="I2784" t="s">
        <v>30540</v>
      </c>
    </row>
    <row r="2785" spans="1:9">
      <c r="A2785" s="1">
        <v>0.84195609922825321</v>
      </c>
      <c r="B2785" s="1"/>
      <c r="C2785">
        <v>19</v>
      </c>
      <c r="D2785" t="s">
        <v>25993</v>
      </c>
      <c r="E2785" t="s">
        <v>34124</v>
      </c>
      <c r="F2785">
        <v>3</v>
      </c>
      <c r="G2785" t="s">
        <v>1295</v>
      </c>
      <c r="H2785" t="s">
        <v>25994</v>
      </c>
      <c r="I2785" t="s">
        <v>30540</v>
      </c>
    </row>
    <row r="2786" spans="1:9">
      <c r="A2786" s="1">
        <v>7.3960769219172162E-2</v>
      </c>
      <c r="B2786" s="1"/>
      <c r="C2786">
        <v>14</v>
      </c>
      <c r="D2786" t="s">
        <v>25985</v>
      </c>
      <c r="E2786" t="s">
        <v>34125</v>
      </c>
      <c r="F2786">
        <v>3</v>
      </c>
      <c r="G2786" t="s">
        <v>14</v>
      </c>
      <c r="H2786" t="s">
        <v>25986</v>
      </c>
      <c r="I2786" t="s">
        <v>30540</v>
      </c>
    </row>
    <row r="2787" spans="1:9">
      <c r="A2787" s="1">
        <v>0.28948515912907369</v>
      </c>
      <c r="B2787" s="1"/>
      <c r="C2787">
        <v>5</v>
      </c>
      <c r="D2787" t="s">
        <v>25979</v>
      </c>
      <c r="E2787" t="s">
        <v>34125</v>
      </c>
      <c r="F2787">
        <v>2</v>
      </c>
      <c r="G2787" t="s">
        <v>14</v>
      </c>
      <c r="H2787" t="s">
        <v>25980</v>
      </c>
      <c r="I2787" t="s">
        <v>30540</v>
      </c>
    </row>
    <row r="2788" spans="1:9">
      <c r="A2788" s="1">
        <v>0.61602349765951991</v>
      </c>
      <c r="B2788" s="1"/>
      <c r="C2788">
        <v>9</v>
      </c>
      <c r="D2788" t="s">
        <v>25969</v>
      </c>
      <c r="E2788" t="s">
        <v>34126</v>
      </c>
      <c r="F2788">
        <v>2</v>
      </c>
      <c r="G2788" t="s">
        <v>9</v>
      </c>
      <c r="H2788" t="s">
        <v>25970</v>
      </c>
      <c r="I2788" t="s">
        <v>30540</v>
      </c>
    </row>
    <row r="2789" spans="1:9">
      <c r="A2789" s="1">
        <v>0.62628073157268294</v>
      </c>
      <c r="B2789" s="1"/>
      <c r="C2789">
        <v>11</v>
      </c>
      <c r="D2789" t="s">
        <v>25971</v>
      </c>
      <c r="E2789" t="s">
        <v>34126</v>
      </c>
      <c r="F2789">
        <v>2</v>
      </c>
      <c r="G2789" t="s">
        <v>14</v>
      </c>
      <c r="H2789" t="s">
        <v>25972</v>
      </c>
      <c r="I2789" t="s">
        <v>30540</v>
      </c>
    </row>
    <row r="2790" spans="1:9">
      <c r="A2790" s="1">
        <v>0.98492656720699145</v>
      </c>
      <c r="B2790" s="1"/>
      <c r="C2790">
        <v>3</v>
      </c>
      <c r="D2790" t="s">
        <v>25959</v>
      </c>
      <c r="E2790" t="s">
        <v>34127</v>
      </c>
      <c r="F2790">
        <v>3</v>
      </c>
      <c r="G2790" t="s">
        <v>2</v>
      </c>
      <c r="H2790" t="s">
        <v>25960</v>
      </c>
      <c r="I2790" t="s">
        <v>30540</v>
      </c>
    </row>
    <row r="2791" spans="1:9">
      <c r="A2791" s="1">
        <v>0.27387150764494528</v>
      </c>
      <c r="B2791" s="1"/>
      <c r="C2791">
        <v>4</v>
      </c>
      <c r="D2791" t="s">
        <v>25961</v>
      </c>
      <c r="E2791" t="s">
        <v>34127</v>
      </c>
      <c r="F2791">
        <v>2</v>
      </c>
      <c r="G2791" t="s">
        <v>14</v>
      </c>
      <c r="H2791" t="s">
        <v>25962</v>
      </c>
      <c r="I2791" t="s">
        <v>30540</v>
      </c>
    </row>
    <row r="2792" spans="1:9">
      <c r="A2792" s="1">
        <v>0.7862777798423306</v>
      </c>
      <c r="B2792" s="1"/>
      <c r="C2792">
        <v>9</v>
      </c>
      <c r="D2792" t="s">
        <v>25937</v>
      </c>
      <c r="E2792" t="s">
        <v>34130</v>
      </c>
      <c r="F2792">
        <v>3</v>
      </c>
      <c r="G2792" t="s">
        <v>14</v>
      </c>
      <c r="H2792" t="s">
        <v>25938</v>
      </c>
      <c r="I2792" t="s">
        <v>30540</v>
      </c>
    </row>
    <row r="2793" spans="1:9">
      <c r="A2793" s="1">
        <v>0.81436464944503861</v>
      </c>
      <c r="B2793" s="1"/>
      <c r="C2793">
        <v>13</v>
      </c>
      <c r="D2793" t="s">
        <v>25939</v>
      </c>
      <c r="E2793" t="s">
        <v>34130</v>
      </c>
      <c r="F2793">
        <v>3</v>
      </c>
      <c r="G2793" t="s">
        <v>14</v>
      </c>
      <c r="H2793" t="s">
        <v>25940</v>
      </c>
      <c r="I2793" t="s">
        <v>30540</v>
      </c>
    </row>
    <row r="2794" spans="1:9">
      <c r="A2794" s="1">
        <v>0.2965700114428389</v>
      </c>
      <c r="B2794" s="1"/>
      <c r="C2794">
        <v>18</v>
      </c>
      <c r="D2794" t="s">
        <v>25927</v>
      </c>
      <c r="E2794" t="s">
        <v>34131</v>
      </c>
      <c r="F2794">
        <v>2</v>
      </c>
      <c r="G2794" t="s">
        <v>14</v>
      </c>
      <c r="H2794" t="s">
        <v>25928</v>
      </c>
      <c r="I2794" t="s">
        <v>30540</v>
      </c>
    </row>
    <row r="2795" spans="1:9">
      <c r="A2795" s="1">
        <v>1.3676649907323313E-2</v>
      </c>
      <c r="B2795" s="1"/>
      <c r="C2795">
        <v>7</v>
      </c>
      <c r="D2795" t="s">
        <v>25915</v>
      </c>
      <c r="E2795" t="s">
        <v>34132</v>
      </c>
      <c r="F2795">
        <v>2</v>
      </c>
      <c r="G2795" t="s">
        <v>1</v>
      </c>
      <c r="H2795" t="s">
        <v>25916</v>
      </c>
      <c r="I2795" t="s">
        <v>30540</v>
      </c>
    </row>
    <row r="2796" spans="1:9">
      <c r="A2796" s="1">
        <v>0.93432534481065099</v>
      </c>
      <c r="B2796" s="1"/>
      <c r="C2796">
        <v>14</v>
      </c>
      <c r="D2796" t="s">
        <v>25905</v>
      </c>
      <c r="E2796" t="s">
        <v>34133</v>
      </c>
      <c r="F2796">
        <v>2</v>
      </c>
      <c r="G2796" t="s">
        <v>14</v>
      </c>
      <c r="H2796" t="s">
        <v>25906</v>
      </c>
      <c r="I2796" t="s">
        <v>30540</v>
      </c>
    </row>
    <row r="2797" spans="1:9">
      <c r="A2797" s="1">
        <v>0.41402953823468791</v>
      </c>
      <c r="B2797" s="1"/>
      <c r="C2797">
        <v>17</v>
      </c>
      <c r="D2797" t="s">
        <v>25909</v>
      </c>
      <c r="E2797" t="s">
        <v>34133</v>
      </c>
      <c r="F2797">
        <v>2</v>
      </c>
      <c r="G2797" t="s">
        <v>1</v>
      </c>
      <c r="H2797" t="s">
        <v>25910</v>
      </c>
      <c r="I2797" t="s">
        <v>30540</v>
      </c>
    </row>
    <row r="2798" spans="1:9">
      <c r="A2798" s="1">
        <v>0.79194279880127871</v>
      </c>
      <c r="B2798" s="1"/>
      <c r="C2798">
        <v>13</v>
      </c>
      <c r="D2798" t="s">
        <v>25891</v>
      </c>
      <c r="E2798" t="s">
        <v>34136</v>
      </c>
      <c r="F2798">
        <v>2</v>
      </c>
      <c r="G2798" t="s">
        <v>1</v>
      </c>
      <c r="H2798" t="s">
        <v>25892</v>
      </c>
      <c r="I2798" t="s">
        <v>30540</v>
      </c>
    </row>
    <row r="2799" spans="1:9">
      <c r="A2799" s="1">
        <v>0.11135692053959689</v>
      </c>
      <c r="B2799" s="1"/>
      <c r="C2799">
        <v>3</v>
      </c>
      <c r="D2799" t="s">
        <v>25877</v>
      </c>
      <c r="E2799" t="s">
        <v>34137</v>
      </c>
      <c r="F2799">
        <v>3</v>
      </c>
      <c r="G2799" t="s">
        <v>15</v>
      </c>
      <c r="H2799" t="s">
        <v>25878</v>
      </c>
      <c r="I2799" t="s">
        <v>30540</v>
      </c>
    </row>
    <row r="2800" spans="1:9">
      <c r="A2800" s="1">
        <v>0.62653826837718607</v>
      </c>
      <c r="B2800" s="1"/>
      <c r="C2800">
        <v>9</v>
      </c>
      <c r="D2800" t="s">
        <v>25881</v>
      </c>
      <c r="E2800" t="s">
        <v>34137</v>
      </c>
      <c r="F2800">
        <v>3</v>
      </c>
      <c r="G2800" t="s">
        <v>0</v>
      </c>
      <c r="H2800" t="s">
        <v>25882</v>
      </c>
      <c r="I2800" t="s">
        <v>30540</v>
      </c>
    </row>
    <row r="2801" spans="1:9">
      <c r="A2801" s="1">
        <v>0.66195346595395854</v>
      </c>
      <c r="B2801" s="1"/>
      <c r="C2801">
        <v>11</v>
      </c>
      <c r="D2801" t="s">
        <v>25885</v>
      </c>
      <c r="E2801" t="s">
        <v>34137</v>
      </c>
      <c r="F2801">
        <v>2</v>
      </c>
      <c r="G2801" t="s">
        <v>1</v>
      </c>
      <c r="H2801" t="s">
        <v>25886</v>
      </c>
      <c r="I2801" t="s">
        <v>30540</v>
      </c>
    </row>
    <row r="2802" spans="1:9">
      <c r="A2802" s="1">
        <v>0.71253377465161416</v>
      </c>
      <c r="B2802" s="1"/>
      <c r="C2802">
        <v>8</v>
      </c>
      <c r="D2802" t="s">
        <v>25859</v>
      </c>
      <c r="E2802" t="s">
        <v>34139</v>
      </c>
      <c r="F2802">
        <v>1</v>
      </c>
      <c r="G2802" t="s">
        <v>14</v>
      </c>
      <c r="H2802" t="s">
        <v>25860</v>
      </c>
      <c r="I2802" t="s">
        <v>30540</v>
      </c>
    </row>
    <row r="2803" spans="1:9">
      <c r="A2803" s="1">
        <v>0.6517297926829364</v>
      </c>
      <c r="B2803" s="1"/>
      <c r="C2803">
        <v>1</v>
      </c>
      <c r="D2803" t="s">
        <v>25851</v>
      </c>
      <c r="E2803" t="s">
        <v>34140</v>
      </c>
      <c r="F2803">
        <v>3</v>
      </c>
      <c r="G2803" t="s">
        <v>2</v>
      </c>
      <c r="H2803" t="s">
        <v>25852</v>
      </c>
      <c r="I2803" t="s">
        <v>30540</v>
      </c>
    </row>
    <row r="2804" spans="1:9">
      <c r="A2804" s="1">
        <v>0.92717689509132084</v>
      </c>
      <c r="B2804" s="1"/>
      <c r="C2804">
        <v>13</v>
      </c>
      <c r="D2804" t="s">
        <v>25857</v>
      </c>
      <c r="E2804" t="s">
        <v>34140</v>
      </c>
      <c r="F2804">
        <v>3</v>
      </c>
      <c r="G2804" t="s">
        <v>1</v>
      </c>
      <c r="H2804" t="s">
        <v>25858</v>
      </c>
      <c r="I2804" t="s">
        <v>30540</v>
      </c>
    </row>
    <row r="2805" spans="1:9">
      <c r="A2805" s="1">
        <v>0.88038750097957186</v>
      </c>
      <c r="B2805" s="1"/>
      <c r="C2805">
        <v>10</v>
      </c>
      <c r="D2805" t="s">
        <v>25845</v>
      </c>
      <c r="E2805" t="s">
        <v>34141</v>
      </c>
      <c r="F2805">
        <v>3</v>
      </c>
      <c r="G2805" t="s">
        <v>9</v>
      </c>
      <c r="H2805" t="s">
        <v>25846</v>
      </c>
      <c r="I2805" t="s">
        <v>30540</v>
      </c>
    </row>
    <row r="2806" spans="1:9">
      <c r="A2806" s="1">
        <v>0.24287263942855442</v>
      </c>
      <c r="B2806" s="1"/>
      <c r="C2806">
        <v>1</v>
      </c>
      <c r="D2806" t="s">
        <v>25829</v>
      </c>
      <c r="E2806" t="s">
        <v>34143</v>
      </c>
      <c r="F2806">
        <v>2</v>
      </c>
      <c r="G2806" t="s">
        <v>2</v>
      </c>
      <c r="H2806" t="s">
        <v>25830</v>
      </c>
      <c r="I2806" t="s">
        <v>30540</v>
      </c>
    </row>
    <row r="2807" spans="1:9">
      <c r="A2807" s="1">
        <v>9.0136504828103869E-2</v>
      </c>
      <c r="B2807" s="1"/>
      <c r="C2807">
        <v>1</v>
      </c>
      <c r="D2807" t="s">
        <v>25807</v>
      </c>
      <c r="E2807" t="s">
        <v>34146</v>
      </c>
      <c r="F2807">
        <v>3</v>
      </c>
      <c r="G2807" t="s">
        <v>2</v>
      </c>
      <c r="H2807" t="s">
        <v>25808</v>
      </c>
      <c r="I2807" t="s">
        <v>30540</v>
      </c>
    </row>
    <row r="2808" spans="1:9">
      <c r="A2808" s="1">
        <v>0.98354507744032937</v>
      </c>
      <c r="B2808" s="1"/>
      <c r="C2808">
        <v>5</v>
      </c>
      <c r="D2808" t="s">
        <v>25811</v>
      </c>
      <c r="E2808" t="s">
        <v>34146</v>
      </c>
      <c r="F2808">
        <v>2</v>
      </c>
      <c r="G2808" t="s">
        <v>13</v>
      </c>
      <c r="H2808" t="s">
        <v>25812</v>
      </c>
      <c r="I2808" t="s">
        <v>30540</v>
      </c>
    </row>
    <row r="2809" spans="1:9">
      <c r="A2809" s="1">
        <v>0.98844619011462564</v>
      </c>
      <c r="B2809" s="1"/>
      <c r="C2809">
        <v>8</v>
      </c>
      <c r="D2809" t="s">
        <v>25801</v>
      </c>
      <c r="E2809" t="s">
        <v>34147</v>
      </c>
      <c r="F2809">
        <v>3</v>
      </c>
      <c r="G2809" t="s">
        <v>769</v>
      </c>
      <c r="H2809" t="s">
        <v>25802</v>
      </c>
      <c r="I2809" t="s">
        <v>30540</v>
      </c>
    </row>
    <row r="2810" spans="1:9">
      <c r="A2810" s="1">
        <v>0.34513088738826747</v>
      </c>
      <c r="B2810" s="1"/>
      <c r="C2810">
        <v>12</v>
      </c>
      <c r="D2810" t="s">
        <v>25785</v>
      </c>
      <c r="E2810" t="s">
        <v>34149</v>
      </c>
      <c r="F2810">
        <v>3</v>
      </c>
      <c r="G2810" t="s">
        <v>14</v>
      </c>
      <c r="H2810" t="s">
        <v>25786</v>
      </c>
      <c r="I2810" t="s">
        <v>30540</v>
      </c>
    </row>
    <row r="2811" spans="1:9">
      <c r="A2811" s="1">
        <v>0.5376022093162045</v>
      </c>
      <c r="B2811" s="1"/>
      <c r="C2811">
        <v>13</v>
      </c>
      <c r="D2811" t="s">
        <v>25787</v>
      </c>
      <c r="E2811" t="s">
        <v>34149</v>
      </c>
      <c r="F2811">
        <v>2</v>
      </c>
      <c r="G2811" t="s">
        <v>9</v>
      </c>
      <c r="H2811" t="s">
        <v>25788</v>
      </c>
      <c r="I2811" t="s">
        <v>30540</v>
      </c>
    </row>
    <row r="2812" spans="1:9">
      <c r="A2812" s="1">
        <v>9.7907896497519964E-2</v>
      </c>
      <c r="B2812" s="1"/>
      <c r="C2812">
        <v>13</v>
      </c>
      <c r="D2812" t="s">
        <v>25777</v>
      </c>
      <c r="E2812" t="s">
        <v>34150</v>
      </c>
      <c r="F2812">
        <v>2</v>
      </c>
      <c r="G2812" t="s">
        <v>14</v>
      </c>
      <c r="H2812" t="s">
        <v>25778</v>
      </c>
      <c r="I2812" t="s">
        <v>30540</v>
      </c>
    </row>
    <row r="2813" spans="1:9">
      <c r="A2813" s="1">
        <v>0.40339571579812949</v>
      </c>
      <c r="B2813" s="1"/>
      <c r="C2813">
        <v>4</v>
      </c>
      <c r="D2813" t="s">
        <v>25749</v>
      </c>
      <c r="E2813" t="s">
        <v>34153</v>
      </c>
      <c r="F2813">
        <v>2</v>
      </c>
      <c r="G2813" t="s">
        <v>14</v>
      </c>
      <c r="H2813" t="s">
        <v>25750</v>
      </c>
      <c r="I2813" t="s">
        <v>30540</v>
      </c>
    </row>
    <row r="2814" spans="1:9">
      <c r="A2814" s="1">
        <v>0.96834051779840047</v>
      </c>
      <c r="B2814" s="1"/>
      <c r="C2814">
        <v>10</v>
      </c>
      <c r="D2814" t="s">
        <v>25741</v>
      </c>
      <c r="E2814" t="s">
        <v>34154</v>
      </c>
      <c r="F2814">
        <v>3</v>
      </c>
      <c r="G2814" t="s">
        <v>14</v>
      </c>
      <c r="H2814" t="s">
        <v>25742</v>
      </c>
      <c r="I2814" t="s">
        <v>30540</v>
      </c>
    </row>
    <row r="2815" spans="1:9">
      <c r="A2815" s="1">
        <v>0.62903118087752607</v>
      </c>
      <c r="B2815" s="1"/>
      <c r="C2815">
        <v>14</v>
      </c>
      <c r="D2815" t="s">
        <v>25733</v>
      </c>
      <c r="E2815" t="s">
        <v>34155</v>
      </c>
      <c r="F2815">
        <v>2</v>
      </c>
      <c r="G2815" t="s">
        <v>1</v>
      </c>
      <c r="H2815" t="s">
        <v>25734</v>
      </c>
      <c r="I2815" t="s">
        <v>30540</v>
      </c>
    </row>
    <row r="2816" spans="1:9">
      <c r="A2816" s="1">
        <v>0.280037654080172</v>
      </c>
      <c r="B2816" s="1"/>
      <c r="C2816">
        <v>18</v>
      </c>
      <c r="D2816" t="s">
        <v>25707</v>
      </c>
      <c r="E2816" t="s">
        <v>34159</v>
      </c>
      <c r="F2816">
        <v>3</v>
      </c>
      <c r="G2816" t="s">
        <v>14</v>
      </c>
      <c r="H2816" t="s">
        <v>25708</v>
      </c>
      <c r="I2816" t="s">
        <v>30540</v>
      </c>
    </row>
    <row r="2817" spans="1:9">
      <c r="A2817" s="1">
        <v>0.18879562445042819</v>
      </c>
      <c r="B2817" s="1"/>
      <c r="C2817">
        <v>16</v>
      </c>
      <c r="D2817" t="s">
        <v>25681</v>
      </c>
      <c r="E2817" t="s">
        <v>34162</v>
      </c>
      <c r="F2817">
        <v>3</v>
      </c>
      <c r="G2817" t="s">
        <v>2</v>
      </c>
      <c r="H2817" t="s">
        <v>25682</v>
      </c>
      <c r="I2817" t="s">
        <v>30540</v>
      </c>
    </row>
    <row r="2818" spans="1:9">
      <c r="A2818" s="1">
        <v>0.78988349463817209</v>
      </c>
      <c r="B2818" s="1"/>
      <c r="C2818">
        <v>10</v>
      </c>
      <c r="D2818" t="s">
        <v>25643</v>
      </c>
      <c r="E2818" t="s">
        <v>34166</v>
      </c>
      <c r="F2818">
        <v>3</v>
      </c>
      <c r="G2818" t="s">
        <v>14</v>
      </c>
      <c r="H2818" t="s">
        <v>25644</v>
      </c>
      <c r="I2818" t="s">
        <v>30540</v>
      </c>
    </row>
    <row r="2819" spans="1:9">
      <c r="A2819" s="1">
        <v>5.1787559215245138E-2</v>
      </c>
      <c r="B2819" s="1"/>
      <c r="C2819">
        <v>8</v>
      </c>
      <c r="D2819" t="s">
        <v>25641</v>
      </c>
      <c r="E2819" t="s">
        <v>34166</v>
      </c>
      <c r="F2819">
        <v>3</v>
      </c>
      <c r="G2819" t="s">
        <v>14</v>
      </c>
      <c r="H2819" t="s">
        <v>25642</v>
      </c>
      <c r="I2819" t="s">
        <v>30540</v>
      </c>
    </row>
    <row r="2820" spans="1:9">
      <c r="A2820" s="1">
        <v>0.89618012329430119</v>
      </c>
      <c r="B2820" s="1"/>
      <c r="C2820">
        <v>3</v>
      </c>
      <c r="D2820" t="s">
        <v>25629</v>
      </c>
      <c r="E2820" t="s">
        <v>34167</v>
      </c>
      <c r="F2820">
        <v>2</v>
      </c>
      <c r="G2820" t="s">
        <v>15</v>
      </c>
      <c r="H2820" t="s">
        <v>25630</v>
      </c>
      <c r="I2820" t="s">
        <v>30540</v>
      </c>
    </row>
    <row r="2821" spans="1:9">
      <c r="A2821" s="1">
        <v>0.25670224178628664</v>
      </c>
      <c r="B2821" s="1"/>
      <c r="C2821">
        <v>1</v>
      </c>
      <c r="D2821" t="s">
        <v>25627</v>
      </c>
      <c r="E2821" t="s">
        <v>34167</v>
      </c>
      <c r="F2821">
        <v>2</v>
      </c>
      <c r="G2821" t="s">
        <v>1431</v>
      </c>
      <c r="H2821" t="s">
        <v>25628</v>
      </c>
      <c r="I2821" t="s">
        <v>30540</v>
      </c>
    </row>
    <row r="2822" spans="1:9">
      <c r="A2822" s="1">
        <v>5.9650884884173139E-2</v>
      </c>
      <c r="B2822" s="1"/>
      <c r="C2822">
        <v>12</v>
      </c>
      <c r="D2822" t="s">
        <v>25611</v>
      </c>
      <c r="E2822" t="s">
        <v>34170</v>
      </c>
      <c r="F2822">
        <v>3</v>
      </c>
      <c r="G2822" t="s">
        <v>14</v>
      </c>
      <c r="H2822" t="s">
        <v>25612</v>
      </c>
      <c r="I2822" t="s">
        <v>30540</v>
      </c>
    </row>
    <row r="2823" spans="1:9">
      <c r="A2823" s="1">
        <v>0.1456512654231088</v>
      </c>
      <c r="B2823" s="1"/>
      <c r="C2823">
        <v>4</v>
      </c>
      <c r="D2823" t="s">
        <v>25609</v>
      </c>
      <c r="E2823" t="s">
        <v>34170</v>
      </c>
      <c r="F2823">
        <v>1</v>
      </c>
      <c r="G2823" t="s">
        <v>14</v>
      </c>
      <c r="H2823" t="s">
        <v>25610</v>
      </c>
      <c r="I2823" t="s">
        <v>30540</v>
      </c>
    </row>
    <row r="2824" spans="1:9">
      <c r="A2824" s="1">
        <v>0.57972944904620916</v>
      </c>
      <c r="B2824" s="1"/>
      <c r="C2824">
        <v>20</v>
      </c>
      <c r="D2824" t="s">
        <v>25599</v>
      </c>
      <c r="E2824" t="s">
        <v>34172</v>
      </c>
      <c r="F2824">
        <v>3</v>
      </c>
      <c r="G2824" t="s">
        <v>1431</v>
      </c>
      <c r="H2824" t="s">
        <v>25600</v>
      </c>
      <c r="I2824" t="s">
        <v>30540</v>
      </c>
    </row>
    <row r="2825" spans="1:9">
      <c r="A2825" s="1">
        <v>0.54324323417275144</v>
      </c>
      <c r="B2825" s="1"/>
      <c r="C2825">
        <v>11</v>
      </c>
      <c r="D2825" t="s">
        <v>25593</v>
      </c>
      <c r="E2825" t="s">
        <v>34173</v>
      </c>
      <c r="F2825">
        <v>3</v>
      </c>
      <c r="G2825" t="s">
        <v>14</v>
      </c>
      <c r="H2825" t="s">
        <v>25594</v>
      </c>
      <c r="I2825" t="s">
        <v>30540</v>
      </c>
    </row>
    <row r="2826" spans="1:9">
      <c r="A2826" s="1">
        <v>0.59604686374098392</v>
      </c>
      <c r="B2826" s="1"/>
      <c r="C2826">
        <v>3</v>
      </c>
      <c r="D2826" t="s">
        <v>25591</v>
      </c>
      <c r="E2826" t="s">
        <v>34173</v>
      </c>
      <c r="F2826">
        <v>2</v>
      </c>
      <c r="G2826" t="s">
        <v>14</v>
      </c>
      <c r="H2826" t="s">
        <v>25592</v>
      </c>
      <c r="I2826" t="s">
        <v>30540</v>
      </c>
    </row>
    <row r="2827" spans="1:9">
      <c r="A2827" s="1">
        <v>0.95135900247570315</v>
      </c>
      <c r="B2827" s="1"/>
      <c r="C2827">
        <v>14</v>
      </c>
      <c r="D2827" t="s">
        <v>25581</v>
      </c>
      <c r="E2827" t="s">
        <v>34175</v>
      </c>
      <c r="F2827">
        <v>3</v>
      </c>
      <c r="G2827" t="s">
        <v>14</v>
      </c>
      <c r="H2827" t="s">
        <v>25582</v>
      </c>
      <c r="I2827" t="s">
        <v>30540</v>
      </c>
    </row>
    <row r="2828" spans="1:9">
      <c r="A2828" s="1">
        <v>0.40723944219737462</v>
      </c>
      <c r="B2828" s="1"/>
      <c r="C2828">
        <v>19</v>
      </c>
      <c r="D2828" t="s">
        <v>25575</v>
      </c>
      <c r="E2828" t="s">
        <v>34176</v>
      </c>
      <c r="F2828">
        <v>3</v>
      </c>
      <c r="G2828" t="s">
        <v>14</v>
      </c>
      <c r="H2828" t="s">
        <v>25576</v>
      </c>
      <c r="I2828" t="s">
        <v>30540</v>
      </c>
    </row>
    <row r="2829" spans="1:9">
      <c r="A2829" s="1">
        <v>9.3322773344807985E-2</v>
      </c>
      <c r="B2829" s="1"/>
      <c r="C2829">
        <v>17</v>
      </c>
      <c r="D2829" t="s">
        <v>25557</v>
      </c>
      <c r="E2829" t="s">
        <v>34179</v>
      </c>
      <c r="F2829">
        <v>1</v>
      </c>
      <c r="G2829" t="s">
        <v>14</v>
      </c>
      <c r="H2829" t="s">
        <v>25558</v>
      </c>
      <c r="I2829" t="s">
        <v>30540</v>
      </c>
    </row>
    <row r="2830" spans="1:9">
      <c r="A2830" s="1">
        <v>0.76648148650783388</v>
      </c>
      <c r="B2830" s="1"/>
      <c r="C2830">
        <v>15</v>
      </c>
      <c r="D2830" t="s">
        <v>25547</v>
      </c>
      <c r="E2830" t="s">
        <v>34181</v>
      </c>
      <c r="F2830">
        <v>3</v>
      </c>
      <c r="G2830" t="s">
        <v>9</v>
      </c>
      <c r="H2830" t="s">
        <v>25548</v>
      </c>
      <c r="I2830" t="s">
        <v>30540</v>
      </c>
    </row>
    <row r="2831" spans="1:9">
      <c r="A2831" s="1">
        <v>0.5083813255811126</v>
      </c>
      <c r="B2831" s="1"/>
      <c r="C2831">
        <v>18</v>
      </c>
      <c r="D2831" t="s">
        <v>25543</v>
      </c>
      <c r="E2831" t="s">
        <v>34182</v>
      </c>
      <c r="F2831">
        <v>3</v>
      </c>
      <c r="G2831" t="s">
        <v>2738</v>
      </c>
      <c r="H2831" t="s">
        <v>25544</v>
      </c>
      <c r="I2831" t="s">
        <v>30540</v>
      </c>
    </row>
    <row r="2832" spans="1:9">
      <c r="A2832" s="1">
        <v>0.23056952483135773</v>
      </c>
      <c r="B2832" s="1"/>
      <c r="C2832">
        <v>5</v>
      </c>
      <c r="D2832" t="s">
        <v>25519</v>
      </c>
      <c r="E2832" t="s">
        <v>34184</v>
      </c>
      <c r="F2832">
        <v>3</v>
      </c>
      <c r="G2832" t="s">
        <v>9</v>
      </c>
      <c r="H2832" t="s">
        <v>25520</v>
      </c>
      <c r="I2832" t="s">
        <v>30540</v>
      </c>
    </row>
    <row r="2833" spans="1:9">
      <c r="A2833" s="1">
        <v>0.15365487407710843</v>
      </c>
      <c r="B2833" s="1"/>
      <c r="C2833">
        <v>16</v>
      </c>
      <c r="D2833" t="s">
        <v>25515</v>
      </c>
      <c r="E2833" t="s">
        <v>34185</v>
      </c>
      <c r="F2833">
        <v>3</v>
      </c>
      <c r="G2833" t="s">
        <v>14</v>
      </c>
      <c r="H2833" t="s">
        <v>25516</v>
      </c>
      <c r="I2833" t="s">
        <v>30540</v>
      </c>
    </row>
    <row r="2834" spans="1:9">
      <c r="A2834" s="1">
        <v>5.8667160476670976E-2</v>
      </c>
      <c r="B2834" s="1"/>
      <c r="C2834">
        <v>3</v>
      </c>
      <c r="D2834" t="s">
        <v>25505</v>
      </c>
      <c r="E2834" t="s">
        <v>34186</v>
      </c>
      <c r="F2834">
        <v>3</v>
      </c>
      <c r="G2834" t="s">
        <v>9</v>
      </c>
      <c r="H2834" t="s">
        <v>25506</v>
      </c>
      <c r="I2834" t="s">
        <v>30540</v>
      </c>
    </row>
    <row r="2835" spans="1:9">
      <c r="A2835" s="1">
        <v>0.57205475735902667</v>
      </c>
      <c r="B2835" s="1"/>
      <c r="C2835">
        <v>4</v>
      </c>
      <c r="D2835" t="s">
        <v>25449</v>
      </c>
      <c r="E2835" t="s">
        <v>34193</v>
      </c>
      <c r="F2835">
        <v>1</v>
      </c>
      <c r="G2835" t="s">
        <v>10</v>
      </c>
      <c r="H2835" t="s">
        <v>25450</v>
      </c>
      <c r="I2835" t="s">
        <v>30540</v>
      </c>
    </row>
    <row r="2836" spans="1:9">
      <c r="A2836" s="1">
        <v>0.40309553473422199</v>
      </c>
      <c r="B2836" s="1"/>
      <c r="C2836">
        <v>15</v>
      </c>
      <c r="D2836" t="s">
        <v>25457</v>
      </c>
      <c r="E2836" t="s">
        <v>34193</v>
      </c>
      <c r="F2836">
        <v>1</v>
      </c>
      <c r="G2836" t="s">
        <v>14</v>
      </c>
      <c r="H2836" t="s">
        <v>25458</v>
      </c>
      <c r="I2836" t="s">
        <v>30540</v>
      </c>
    </row>
    <row r="2837" spans="1:9">
      <c r="A2837" s="1">
        <v>0.48112723121988932</v>
      </c>
      <c r="B2837" s="1"/>
      <c r="C2837">
        <v>11</v>
      </c>
      <c r="D2837" t="s">
        <v>25421</v>
      </c>
      <c r="E2837" t="s">
        <v>34197</v>
      </c>
      <c r="F2837">
        <v>3</v>
      </c>
      <c r="G2837" t="s">
        <v>10</v>
      </c>
      <c r="H2837" t="s">
        <v>25422</v>
      </c>
      <c r="I2837" t="s">
        <v>30540</v>
      </c>
    </row>
    <row r="2838" spans="1:9">
      <c r="A2838" s="1">
        <v>0.90399519077228851</v>
      </c>
      <c r="B2838" s="1"/>
      <c r="C2838">
        <v>19</v>
      </c>
      <c r="D2838" t="s">
        <v>25425</v>
      </c>
      <c r="E2838" t="s">
        <v>34197</v>
      </c>
      <c r="F2838">
        <v>3</v>
      </c>
      <c r="G2838" t="s">
        <v>2</v>
      </c>
      <c r="H2838" t="s">
        <v>25426</v>
      </c>
      <c r="I2838" t="s">
        <v>30540</v>
      </c>
    </row>
    <row r="2839" spans="1:9">
      <c r="A2839" s="1">
        <v>0.13433764007941651</v>
      </c>
      <c r="B2839" s="1"/>
      <c r="C2839">
        <v>9</v>
      </c>
      <c r="D2839" t="s">
        <v>25419</v>
      </c>
      <c r="E2839" t="s">
        <v>34197</v>
      </c>
      <c r="F2839">
        <v>3</v>
      </c>
      <c r="G2839" t="s">
        <v>2</v>
      </c>
      <c r="H2839" t="s">
        <v>25420</v>
      </c>
      <c r="I2839" t="s">
        <v>30540</v>
      </c>
    </row>
    <row r="2840" spans="1:9">
      <c r="A2840" s="1">
        <v>0.54929641888073633</v>
      </c>
      <c r="B2840" s="1"/>
      <c r="C2840">
        <v>6</v>
      </c>
      <c r="D2840" t="s">
        <v>25399</v>
      </c>
      <c r="E2840" t="s">
        <v>34199</v>
      </c>
      <c r="F2840">
        <v>3</v>
      </c>
      <c r="G2840" t="s">
        <v>14</v>
      </c>
      <c r="H2840" t="s">
        <v>25400</v>
      </c>
      <c r="I2840" t="s">
        <v>30540</v>
      </c>
    </row>
    <row r="2841" spans="1:9">
      <c r="A2841" s="1">
        <v>3.1422129132172016E-2</v>
      </c>
      <c r="B2841" s="1"/>
      <c r="C2841">
        <v>10</v>
      </c>
      <c r="D2841" t="s">
        <v>25377</v>
      </c>
      <c r="E2841" t="s">
        <v>34203</v>
      </c>
      <c r="F2841">
        <v>2</v>
      </c>
      <c r="G2841" t="s">
        <v>14</v>
      </c>
      <c r="H2841" t="s">
        <v>25378</v>
      </c>
      <c r="I2841" t="s">
        <v>30540</v>
      </c>
    </row>
    <row r="2842" spans="1:9">
      <c r="A2842" s="1">
        <v>0.51795956455186409</v>
      </c>
      <c r="B2842" s="1"/>
      <c r="C2842">
        <v>3</v>
      </c>
      <c r="D2842" t="s">
        <v>25343</v>
      </c>
      <c r="E2842" t="s">
        <v>34207</v>
      </c>
      <c r="F2842">
        <v>3</v>
      </c>
      <c r="G2842" t="s">
        <v>14</v>
      </c>
      <c r="H2842" t="s">
        <v>25344</v>
      </c>
      <c r="I2842" t="s">
        <v>30540</v>
      </c>
    </row>
    <row r="2843" spans="1:9">
      <c r="A2843" s="1">
        <v>0.10537141257669347</v>
      </c>
      <c r="B2843" s="1"/>
      <c r="C2843">
        <v>3</v>
      </c>
      <c r="D2843" t="s">
        <v>25343</v>
      </c>
      <c r="E2843" t="s">
        <v>34207</v>
      </c>
      <c r="F2843">
        <v>3</v>
      </c>
      <c r="G2843" t="s">
        <v>14</v>
      </c>
      <c r="H2843" t="s">
        <v>25344</v>
      </c>
      <c r="I2843" t="s">
        <v>30540</v>
      </c>
    </row>
    <row r="2844" spans="1:9">
      <c r="A2844" s="1">
        <v>0.27384385963254809</v>
      </c>
      <c r="B2844" s="1"/>
      <c r="C2844">
        <v>6</v>
      </c>
      <c r="D2844" t="s">
        <v>25337</v>
      </c>
      <c r="E2844" t="s">
        <v>34208</v>
      </c>
      <c r="F2844">
        <v>3</v>
      </c>
      <c r="G2844" t="s">
        <v>14</v>
      </c>
      <c r="H2844" t="s">
        <v>25338</v>
      </c>
      <c r="I2844" t="s">
        <v>30540</v>
      </c>
    </row>
    <row r="2845" spans="1:9">
      <c r="A2845" s="1">
        <v>0.50161873037345606</v>
      </c>
      <c r="B2845" s="1"/>
      <c r="C2845">
        <v>6</v>
      </c>
      <c r="D2845" t="s">
        <v>25337</v>
      </c>
      <c r="E2845" t="s">
        <v>34208</v>
      </c>
      <c r="F2845">
        <v>3</v>
      </c>
      <c r="G2845" t="s">
        <v>14</v>
      </c>
      <c r="H2845" t="s">
        <v>25338</v>
      </c>
      <c r="I2845" t="s">
        <v>30540</v>
      </c>
    </row>
    <row r="2846" spans="1:9">
      <c r="A2846" s="1">
        <v>0.30710687815081306</v>
      </c>
      <c r="B2846" s="1"/>
      <c r="C2846">
        <v>9</v>
      </c>
      <c r="D2846" t="s">
        <v>25339</v>
      </c>
      <c r="E2846" t="s">
        <v>34208</v>
      </c>
      <c r="F2846">
        <v>3</v>
      </c>
      <c r="G2846" t="s">
        <v>9</v>
      </c>
      <c r="H2846" t="s">
        <v>25340</v>
      </c>
      <c r="I2846" t="s">
        <v>30540</v>
      </c>
    </row>
    <row r="2847" spans="1:9">
      <c r="A2847" s="1">
        <v>0.14201709522157779</v>
      </c>
      <c r="B2847" s="1"/>
      <c r="C2847">
        <v>9</v>
      </c>
      <c r="D2847" t="s">
        <v>25339</v>
      </c>
      <c r="E2847" t="s">
        <v>34208</v>
      </c>
      <c r="F2847">
        <v>3</v>
      </c>
      <c r="G2847" t="s">
        <v>9</v>
      </c>
      <c r="H2847" t="s">
        <v>25340</v>
      </c>
      <c r="I2847" t="s">
        <v>30540</v>
      </c>
    </row>
    <row r="2848" spans="1:9">
      <c r="A2848" s="1">
        <v>0.44279414254631255</v>
      </c>
      <c r="B2848" s="1"/>
      <c r="C2848">
        <v>15</v>
      </c>
      <c r="D2848" t="s">
        <v>25317</v>
      </c>
      <c r="E2848" t="s">
        <v>34213</v>
      </c>
      <c r="F2848">
        <v>2</v>
      </c>
      <c r="G2848" t="s">
        <v>14</v>
      </c>
      <c r="H2848" t="s">
        <v>25318</v>
      </c>
      <c r="I2848" t="s">
        <v>30540</v>
      </c>
    </row>
    <row r="2849" spans="1:9">
      <c r="A2849" s="1">
        <v>0.88055536755463215</v>
      </c>
      <c r="B2849" s="1"/>
      <c r="C2849">
        <v>15</v>
      </c>
      <c r="D2849" t="s">
        <v>25317</v>
      </c>
      <c r="E2849" t="s">
        <v>34213</v>
      </c>
      <c r="F2849">
        <v>2</v>
      </c>
      <c r="G2849" t="s">
        <v>14</v>
      </c>
      <c r="H2849" t="s">
        <v>25318</v>
      </c>
      <c r="I2849" t="s">
        <v>30540</v>
      </c>
    </row>
    <row r="2850" spans="1:9">
      <c r="A2850" s="1">
        <v>0.9066552670820287</v>
      </c>
      <c r="B2850" s="1"/>
      <c r="C2850">
        <v>3</v>
      </c>
      <c r="D2850" t="s">
        <v>25293</v>
      </c>
      <c r="E2850" t="s">
        <v>34215</v>
      </c>
      <c r="F2850">
        <v>1</v>
      </c>
      <c r="G2850" t="s">
        <v>10</v>
      </c>
      <c r="H2850" t="s">
        <v>25294</v>
      </c>
      <c r="I2850" t="s">
        <v>30540</v>
      </c>
    </row>
    <row r="2851" spans="1:9">
      <c r="A2851" s="1">
        <v>0.20631956106488614</v>
      </c>
      <c r="B2851" s="1"/>
      <c r="C2851">
        <v>3</v>
      </c>
      <c r="D2851" t="s">
        <v>25293</v>
      </c>
      <c r="E2851" t="s">
        <v>34215</v>
      </c>
      <c r="F2851">
        <v>1</v>
      </c>
      <c r="G2851" t="s">
        <v>10</v>
      </c>
      <c r="H2851" t="s">
        <v>25294</v>
      </c>
      <c r="I2851" t="s">
        <v>30540</v>
      </c>
    </row>
    <row r="2852" spans="1:9">
      <c r="A2852" s="1">
        <v>0.370366025209242</v>
      </c>
      <c r="B2852" s="1"/>
      <c r="C2852">
        <v>14</v>
      </c>
      <c r="D2852" t="s">
        <v>25289</v>
      </c>
      <c r="E2852" t="s">
        <v>34216</v>
      </c>
      <c r="F2852">
        <v>3</v>
      </c>
      <c r="G2852" t="s">
        <v>14</v>
      </c>
      <c r="H2852" t="s">
        <v>25290</v>
      </c>
      <c r="I2852" t="s">
        <v>30540</v>
      </c>
    </row>
    <row r="2853" spans="1:9">
      <c r="A2853" s="1">
        <v>0.39377923374879198</v>
      </c>
      <c r="B2853" s="1"/>
      <c r="C2853">
        <v>14</v>
      </c>
      <c r="D2853" t="s">
        <v>25289</v>
      </c>
      <c r="E2853" t="s">
        <v>34216</v>
      </c>
      <c r="F2853">
        <v>3</v>
      </c>
      <c r="G2853" t="s">
        <v>14</v>
      </c>
      <c r="H2853" t="s">
        <v>25290</v>
      </c>
      <c r="I2853" t="s">
        <v>30540</v>
      </c>
    </row>
    <row r="2854" spans="1:9">
      <c r="A2854" s="1">
        <v>0.82800188092817184</v>
      </c>
      <c r="B2854" s="1"/>
      <c r="C2854">
        <v>11</v>
      </c>
      <c r="D2854" t="s">
        <v>25287</v>
      </c>
      <c r="E2854" t="s">
        <v>34216</v>
      </c>
      <c r="F2854">
        <v>2</v>
      </c>
      <c r="G2854" t="s">
        <v>14</v>
      </c>
      <c r="H2854" t="s">
        <v>25288</v>
      </c>
      <c r="I2854" t="s">
        <v>30540</v>
      </c>
    </row>
    <row r="2855" spans="1:9">
      <c r="A2855" s="1">
        <v>0.97356058510097465</v>
      </c>
      <c r="B2855" s="1"/>
      <c r="C2855">
        <v>11</v>
      </c>
      <c r="D2855" t="s">
        <v>25287</v>
      </c>
      <c r="E2855" t="s">
        <v>34216</v>
      </c>
      <c r="F2855">
        <v>2</v>
      </c>
      <c r="G2855" t="s">
        <v>14</v>
      </c>
      <c r="H2855" t="s">
        <v>25288</v>
      </c>
      <c r="I2855" t="s">
        <v>30540</v>
      </c>
    </row>
    <row r="2856" spans="1:9">
      <c r="A2856" s="1">
        <v>0.93503790492529437</v>
      </c>
      <c r="B2856" s="1"/>
      <c r="C2856">
        <v>15</v>
      </c>
      <c r="D2856" t="s">
        <v>25279</v>
      </c>
      <c r="E2856" t="s">
        <v>34218</v>
      </c>
      <c r="F2856">
        <v>3</v>
      </c>
      <c r="G2856" t="s">
        <v>14</v>
      </c>
      <c r="H2856" t="s">
        <v>25280</v>
      </c>
      <c r="I2856" t="s">
        <v>30540</v>
      </c>
    </row>
    <row r="2857" spans="1:9">
      <c r="A2857" s="1">
        <v>0.53777647680217067</v>
      </c>
      <c r="B2857" s="1"/>
      <c r="C2857">
        <v>15</v>
      </c>
      <c r="D2857" t="s">
        <v>25279</v>
      </c>
      <c r="E2857" t="s">
        <v>34218</v>
      </c>
      <c r="F2857">
        <v>3</v>
      </c>
      <c r="G2857" t="s">
        <v>14</v>
      </c>
      <c r="H2857" t="s">
        <v>25280</v>
      </c>
      <c r="I2857" t="s">
        <v>30540</v>
      </c>
    </row>
    <row r="2858" spans="1:9">
      <c r="A2858" s="1">
        <v>0.78452294920674825</v>
      </c>
      <c r="B2858" s="1"/>
      <c r="C2858">
        <v>16</v>
      </c>
      <c r="D2858" t="s">
        <v>25267</v>
      </c>
      <c r="E2858" t="s">
        <v>34220</v>
      </c>
      <c r="F2858">
        <v>3</v>
      </c>
      <c r="G2858" t="s">
        <v>14</v>
      </c>
      <c r="H2858" t="s">
        <v>25268</v>
      </c>
      <c r="I2858" t="s">
        <v>30540</v>
      </c>
    </row>
    <row r="2859" spans="1:9">
      <c r="A2859" s="1">
        <v>0.66114736960186038</v>
      </c>
      <c r="B2859" s="1"/>
      <c r="C2859">
        <v>16</v>
      </c>
      <c r="D2859" t="s">
        <v>25267</v>
      </c>
      <c r="E2859" t="s">
        <v>34220</v>
      </c>
      <c r="F2859">
        <v>3</v>
      </c>
      <c r="G2859" t="s">
        <v>14</v>
      </c>
      <c r="H2859" t="s">
        <v>25268</v>
      </c>
      <c r="I2859" t="s">
        <v>30540</v>
      </c>
    </row>
    <row r="2860" spans="1:9">
      <c r="A2860" s="1">
        <v>0.69262272269018021</v>
      </c>
      <c r="B2860" s="1"/>
      <c r="C2860">
        <v>15</v>
      </c>
      <c r="D2860" t="s">
        <v>25255</v>
      </c>
      <c r="E2860" t="s">
        <v>34222</v>
      </c>
      <c r="F2860">
        <v>3</v>
      </c>
      <c r="G2860" t="s">
        <v>1</v>
      </c>
      <c r="H2860" t="s">
        <v>25256</v>
      </c>
      <c r="I2860" t="s">
        <v>30540</v>
      </c>
    </row>
    <row r="2861" spans="1:9">
      <c r="A2861" s="1">
        <v>0.69983420662914664</v>
      </c>
      <c r="B2861" s="1"/>
      <c r="C2861">
        <v>2</v>
      </c>
      <c r="D2861" t="s">
        <v>25241</v>
      </c>
      <c r="E2861" t="s">
        <v>34224</v>
      </c>
      <c r="F2861">
        <v>3</v>
      </c>
      <c r="G2861" t="s">
        <v>762</v>
      </c>
      <c r="H2861" t="s">
        <v>25242</v>
      </c>
      <c r="I2861" t="s">
        <v>30540</v>
      </c>
    </row>
    <row r="2862" spans="1:9">
      <c r="A2862" s="1">
        <v>0.28536397206349062</v>
      </c>
      <c r="B2862" s="1"/>
      <c r="C2862">
        <v>13</v>
      </c>
      <c r="D2862" t="s">
        <v>25247</v>
      </c>
      <c r="E2862" t="s">
        <v>34224</v>
      </c>
      <c r="F2862">
        <v>2</v>
      </c>
      <c r="G2862" t="s">
        <v>14</v>
      </c>
      <c r="H2862" t="s">
        <v>25248</v>
      </c>
      <c r="I2862" t="s">
        <v>30540</v>
      </c>
    </row>
    <row r="2863" spans="1:9">
      <c r="A2863" s="1">
        <v>0.97012113114608001</v>
      </c>
      <c r="B2863" s="1"/>
      <c r="C2863">
        <v>11</v>
      </c>
      <c r="D2863" t="s">
        <v>25233</v>
      </c>
      <c r="E2863" t="s">
        <v>34226</v>
      </c>
      <c r="F2863">
        <v>2</v>
      </c>
      <c r="G2863" t="s">
        <v>14</v>
      </c>
      <c r="H2863" t="s">
        <v>25234</v>
      </c>
      <c r="I2863" t="s">
        <v>30540</v>
      </c>
    </row>
    <row r="2864" spans="1:9">
      <c r="A2864" s="1">
        <v>0.77487708142352318</v>
      </c>
      <c r="B2864" s="1"/>
      <c r="C2864">
        <v>18</v>
      </c>
      <c r="D2864" t="s">
        <v>25213</v>
      </c>
      <c r="E2864" t="s">
        <v>34229</v>
      </c>
      <c r="F2864">
        <v>2</v>
      </c>
      <c r="G2864" t="s">
        <v>14</v>
      </c>
      <c r="H2864" t="s">
        <v>25214</v>
      </c>
      <c r="I2864" t="s">
        <v>30540</v>
      </c>
    </row>
    <row r="2865" spans="1:9">
      <c r="A2865" s="1">
        <v>0.34719687996342852</v>
      </c>
      <c r="B2865" s="1"/>
      <c r="C2865">
        <v>17</v>
      </c>
      <c r="D2865" t="s">
        <v>25197</v>
      </c>
      <c r="E2865" t="s">
        <v>34231</v>
      </c>
      <c r="F2865">
        <v>3</v>
      </c>
      <c r="G2865" t="s">
        <v>14</v>
      </c>
      <c r="H2865" t="s">
        <v>25198</v>
      </c>
      <c r="I2865" t="s">
        <v>30540</v>
      </c>
    </row>
    <row r="2866" spans="1:9">
      <c r="A2866" s="1">
        <v>0.6207599506535334</v>
      </c>
      <c r="B2866" s="1"/>
      <c r="C2866">
        <v>3</v>
      </c>
      <c r="D2866" t="s">
        <v>25187</v>
      </c>
      <c r="E2866" t="s">
        <v>34231</v>
      </c>
      <c r="F2866">
        <v>3</v>
      </c>
      <c r="G2866" t="s">
        <v>14</v>
      </c>
      <c r="H2866" t="s">
        <v>25188</v>
      </c>
      <c r="I2866" t="s">
        <v>30540</v>
      </c>
    </row>
    <row r="2867" spans="1:9">
      <c r="A2867" s="1">
        <v>0.68121688686306237</v>
      </c>
      <c r="B2867" s="1"/>
      <c r="C2867">
        <v>8</v>
      </c>
      <c r="D2867" t="s">
        <v>25169</v>
      </c>
      <c r="E2867" t="s">
        <v>34233</v>
      </c>
      <c r="F2867">
        <v>3</v>
      </c>
      <c r="G2867" t="s">
        <v>14</v>
      </c>
      <c r="H2867" t="s">
        <v>25170</v>
      </c>
      <c r="I2867" t="s">
        <v>30540</v>
      </c>
    </row>
    <row r="2868" spans="1:9">
      <c r="A2868" s="1">
        <v>0.51992081280951374</v>
      </c>
      <c r="B2868" s="1"/>
      <c r="C2868">
        <v>13</v>
      </c>
      <c r="D2868" t="s">
        <v>25163</v>
      </c>
      <c r="E2868" t="s">
        <v>34234</v>
      </c>
      <c r="F2868">
        <v>3</v>
      </c>
      <c r="G2868" t="s">
        <v>1426</v>
      </c>
      <c r="H2868" t="s">
        <v>25164</v>
      </c>
      <c r="I2868" t="s">
        <v>30540</v>
      </c>
    </row>
    <row r="2869" spans="1:9">
      <c r="A2869" s="1">
        <v>0.48228022729242048</v>
      </c>
      <c r="B2869" s="1"/>
      <c r="C2869">
        <v>12</v>
      </c>
      <c r="D2869" t="s">
        <v>25149</v>
      </c>
      <c r="E2869" t="s">
        <v>34237</v>
      </c>
      <c r="F2869">
        <v>2</v>
      </c>
      <c r="G2869" t="s">
        <v>14</v>
      </c>
      <c r="H2869" t="s">
        <v>25150</v>
      </c>
      <c r="I2869" t="s">
        <v>30540</v>
      </c>
    </row>
    <row r="2870" spans="1:9">
      <c r="A2870" s="1">
        <v>0.69202764401472461</v>
      </c>
      <c r="B2870" s="1"/>
      <c r="C2870">
        <v>14</v>
      </c>
      <c r="D2870" t="s">
        <v>25137</v>
      </c>
      <c r="E2870" t="s">
        <v>34238</v>
      </c>
      <c r="F2870">
        <v>3</v>
      </c>
      <c r="G2870" t="s">
        <v>15</v>
      </c>
      <c r="H2870" t="s">
        <v>25138</v>
      </c>
      <c r="I2870" t="s">
        <v>30540</v>
      </c>
    </row>
    <row r="2871" spans="1:9">
      <c r="A2871" s="1">
        <v>0.16118722067516755</v>
      </c>
      <c r="B2871" s="1"/>
      <c r="C2871">
        <v>15</v>
      </c>
      <c r="D2871" t="s">
        <v>25127</v>
      </c>
      <c r="E2871" t="s">
        <v>34240</v>
      </c>
      <c r="F2871">
        <v>3</v>
      </c>
      <c r="G2871" t="s">
        <v>14</v>
      </c>
      <c r="H2871" t="s">
        <v>25128</v>
      </c>
      <c r="I2871" t="s">
        <v>30540</v>
      </c>
    </row>
    <row r="2872" spans="1:9">
      <c r="A2872" s="1">
        <v>0.5013432526728453</v>
      </c>
      <c r="B2872" s="1"/>
      <c r="C2872">
        <v>1</v>
      </c>
      <c r="D2872" t="s">
        <v>25111</v>
      </c>
      <c r="E2872" t="s">
        <v>34241</v>
      </c>
      <c r="F2872">
        <v>3</v>
      </c>
      <c r="G2872" t="s">
        <v>2</v>
      </c>
      <c r="H2872" t="s">
        <v>25112</v>
      </c>
      <c r="I2872" t="s">
        <v>30540</v>
      </c>
    </row>
    <row r="2873" spans="1:9">
      <c r="A2873" s="1">
        <v>0.7398930584835508</v>
      </c>
      <c r="B2873" s="1"/>
      <c r="C2873">
        <v>16</v>
      </c>
      <c r="D2873" t="s">
        <v>25119</v>
      </c>
      <c r="E2873" t="s">
        <v>34241</v>
      </c>
      <c r="F2873">
        <v>2</v>
      </c>
      <c r="G2873" t="s">
        <v>14</v>
      </c>
      <c r="H2873" t="s">
        <v>25120</v>
      </c>
      <c r="I2873" t="s">
        <v>30540</v>
      </c>
    </row>
    <row r="2874" spans="1:9">
      <c r="A2874" s="1">
        <v>0.91648071216502991</v>
      </c>
      <c r="B2874" s="1"/>
      <c r="C2874">
        <v>5</v>
      </c>
      <c r="D2874" t="s">
        <v>25113</v>
      </c>
      <c r="E2874" t="s">
        <v>34241</v>
      </c>
      <c r="F2874">
        <v>1</v>
      </c>
      <c r="G2874" t="s">
        <v>14</v>
      </c>
      <c r="H2874" t="s">
        <v>25114</v>
      </c>
      <c r="I2874" t="s">
        <v>30540</v>
      </c>
    </row>
    <row r="2875" spans="1:9">
      <c r="A2875" s="1">
        <v>0.18386229042140256</v>
      </c>
      <c r="B2875" s="1"/>
      <c r="C2875">
        <v>10</v>
      </c>
      <c r="D2875" t="s">
        <v>25101</v>
      </c>
      <c r="E2875" t="s">
        <v>34242</v>
      </c>
      <c r="F2875">
        <v>2</v>
      </c>
      <c r="G2875" t="s">
        <v>14</v>
      </c>
      <c r="H2875" t="s">
        <v>25102</v>
      </c>
      <c r="I2875" t="s">
        <v>30540</v>
      </c>
    </row>
    <row r="2876" spans="1:9">
      <c r="A2876" s="1">
        <v>0.76077215963218303</v>
      </c>
      <c r="B2876" s="1"/>
      <c r="C2876">
        <v>14</v>
      </c>
      <c r="D2876" t="s">
        <v>25093</v>
      </c>
      <c r="E2876" t="s">
        <v>34244</v>
      </c>
      <c r="F2876">
        <v>3</v>
      </c>
      <c r="G2876" t="s">
        <v>770</v>
      </c>
      <c r="H2876" t="s">
        <v>25094</v>
      </c>
      <c r="I2876" t="s">
        <v>30540</v>
      </c>
    </row>
    <row r="2877" spans="1:9">
      <c r="A2877" s="1">
        <v>3.2209096711373397E-2</v>
      </c>
      <c r="B2877" s="1"/>
      <c r="C2877">
        <v>15</v>
      </c>
      <c r="D2877" t="s">
        <v>25081</v>
      </c>
      <c r="E2877" t="s">
        <v>34246</v>
      </c>
      <c r="F2877">
        <v>1</v>
      </c>
      <c r="G2877" t="s">
        <v>14</v>
      </c>
      <c r="H2877" t="s">
        <v>25082</v>
      </c>
      <c r="I2877" t="s">
        <v>30540</v>
      </c>
    </row>
    <row r="2878" spans="1:9">
      <c r="A2878" s="1">
        <v>1.088126057358596E-2</v>
      </c>
      <c r="B2878" s="1"/>
      <c r="C2878">
        <v>12</v>
      </c>
      <c r="D2878" t="s">
        <v>25069</v>
      </c>
      <c r="E2878" t="s">
        <v>34247</v>
      </c>
      <c r="F2878">
        <v>2</v>
      </c>
      <c r="G2878" t="s">
        <v>1</v>
      </c>
      <c r="H2878" t="s">
        <v>25070</v>
      </c>
      <c r="I2878" t="s">
        <v>30540</v>
      </c>
    </row>
    <row r="2879" spans="1:9">
      <c r="A2879" s="1">
        <v>0.80907383396648169</v>
      </c>
      <c r="B2879" s="1"/>
      <c r="C2879">
        <v>6</v>
      </c>
      <c r="D2879" t="s">
        <v>25067</v>
      </c>
      <c r="E2879" t="s">
        <v>34247</v>
      </c>
      <c r="F2879">
        <v>1</v>
      </c>
      <c r="G2879" t="s">
        <v>9</v>
      </c>
      <c r="H2879" t="s">
        <v>25068</v>
      </c>
      <c r="I2879" t="s">
        <v>30540</v>
      </c>
    </row>
    <row r="2880" spans="1:9">
      <c r="A2880" s="1">
        <v>0.38471967992569012</v>
      </c>
      <c r="B2880" s="1"/>
      <c r="C2880">
        <v>14</v>
      </c>
      <c r="D2880" t="s">
        <v>25063</v>
      </c>
      <c r="E2880" t="s">
        <v>34248</v>
      </c>
      <c r="F2880">
        <v>1</v>
      </c>
      <c r="G2880" t="s">
        <v>10</v>
      </c>
      <c r="H2880" t="s">
        <v>25064</v>
      </c>
      <c r="I2880" t="s">
        <v>30540</v>
      </c>
    </row>
    <row r="2881" spans="1:9">
      <c r="A2881" s="1">
        <v>4.1846868112258129E-2</v>
      </c>
      <c r="B2881" s="1"/>
      <c r="C2881">
        <v>1</v>
      </c>
      <c r="D2881" t="s">
        <v>25045</v>
      </c>
      <c r="E2881" t="s">
        <v>34249</v>
      </c>
      <c r="F2881">
        <v>3</v>
      </c>
      <c r="G2881" t="s">
        <v>10</v>
      </c>
      <c r="H2881" t="s">
        <v>25046</v>
      </c>
      <c r="I2881" t="s">
        <v>30540</v>
      </c>
    </row>
    <row r="2882" spans="1:9">
      <c r="A2882" s="1">
        <v>0.18246657951548007</v>
      </c>
      <c r="B2882" s="1"/>
      <c r="C2882">
        <v>8</v>
      </c>
      <c r="D2882" t="s">
        <v>25051</v>
      </c>
      <c r="E2882" t="s">
        <v>34249</v>
      </c>
      <c r="F2882">
        <v>2</v>
      </c>
      <c r="G2882" t="s">
        <v>775</v>
      </c>
      <c r="H2882" t="s">
        <v>25052</v>
      </c>
      <c r="I2882" t="s">
        <v>30540</v>
      </c>
    </row>
    <row r="2883" spans="1:9">
      <c r="A2883" s="1">
        <v>0.32221928458695193</v>
      </c>
      <c r="B2883" s="1"/>
      <c r="C2883">
        <v>18</v>
      </c>
      <c r="D2883" t="s">
        <v>25039</v>
      </c>
      <c r="E2883" t="s">
        <v>34251</v>
      </c>
      <c r="F2883">
        <v>2</v>
      </c>
      <c r="G2883" t="s">
        <v>14</v>
      </c>
      <c r="H2883" t="s">
        <v>25040</v>
      </c>
      <c r="I2883" t="s">
        <v>30540</v>
      </c>
    </row>
    <row r="2884" spans="1:9">
      <c r="A2884" s="1">
        <v>0.7926801747573774</v>
      </c>
      <c r="B2884" s="1"/>
      <c r="C2884">
        <v>9</v>
      </c>
      <c r="D2884" t="s">
        <v>25035</v>
      </c>
      <c r="E2884" t="s">
        <v>34252</v>
      </c>
      <c r="F2884">
        <v>2</v>
      </c>
      <c r="G2884" t="s">
        <v>1</v>
      </c>
      <c r="H2884" t="s">
        <v>25036</v>
      </c>
      <c r="I2884" t="s">
        <v>30540</v>
      </c>
    </row>
    <row r="2885" spans="1:9">
      <c r="A2885" s="1">
        <v>0.25098373694477594</v>
      </c>
      <c r="B2885" s="1"/>
      <c r="C2885">
        <v>11</v>
      </c>
      <c r="D2885" t="s">
        <v>25037</v>
      </c>
      <c r="E2885" t="s">
        <v>34252</v>
      </c>
      <c r="F2885">
        <v>2</v>
      </c>
      <c r="G2885" t="s">
        <v>14</v>
      </c>
      <c r="H2885" t="s">
        <v>25038</v>
      </c>
      <c r="I2885" t="s">
        <v>30540</v>
      </c>
    </row>
    <row r="2886" spans="1:9">
      <c r="A2886" s="1">
        <v>0.58281192431240469</v>
      </c>
      <c r="B2886" s="1"/>
      <c r="C2886">
        <v>11</v>
      </c>
      <c r="D2886" t="s">
        <v>25025</v>
      </c>
      <c r="E2886" t="s">
        <v>34253</v>
      </c>
      <c r="F2886">
        <v>2</v>
      </c>
      <c r="G2886" t="s">
        <v>14</v>
      </c>
      <c r="H2886" t="s">
        <v>25026</v>
      </c>
      <c r="I2886" t="s">
        <v>30540</v>
      </c>
    </row>
    <row r="2887" spans="1:9">
      <c r="A2887" s="1">
        <v>0.76381533536742152</v>
      </c>
      <c r="B2887" s="1"/>
      <c r="C2887">
        <v>2</v>
      </c>
      <c r="D2887" t="s">
        <v>25021</v>
      </c>
      <c r="E2887" t="s">
        <v>34253</v>
      </c>
      <c r="F2887">
        <v>2</v>
      </c>
      <c r="G2887" t="s">
        <v>1</v>
      </c>
      <c r="H2887" t="s">
        <v>25022</v>
      </c>
      <c r="I2887" t="s">
        <v>30540</v>
      </c>
    </row>
    <row r="2888" spans="1:9">
      <c r="A2888" s="1">
        <v>0.66602508178879416</v>
      </c>
      <c r="B2888" s="1"/>
      <c r="C2888">
        <v>3</v>
      </c>
      <c r="D2888" t="s">
        <v>25015</v>
      </c>
      <c r="E2888" t="s">
        <v>34254</v>
      </c>
      <c r="F2888">
        <v>3</v>
      </c>
      <c r="G2888" t="s">
        <v>14</v>
      </c>
      <c r="H2888" t="s">
        <v>25016</v>
      </c>
      <c r="I2888" t="s">
        <v>30540</v>
      </c>
    </row>
    <row r="2889" spans="1:9">
      <c r="A2889" s="1">
        <v>4.7983428901661185E-2</v>
      </c>
      <c r="B2889" s="1"/>
      <c r="C2889">
        <v>13</v>
      </c>
      <c r="D2889" t="s">
        <v>25017</v>
      </c>
      <c r="E2889" t="s">
        <v>34254</v>
      </c>
      <c r="F2889">
        <v>2</v>
      </c>
      <c r="G2889" t="s">
        <v>762</v>
      </c>
      <c r="H2889" t="s">
        <v>25018</v>
      </c>
      <c r="I2889" t="s">
        <v>30540</v>
      </c>
    </row>
    <row r="2890" spans="1:9">
      <c r="A2890" s="1">
        <v>6.1801479094317435E-2</v>
      </c>
      <c r="B2890" s="1"/>
      <c r="C2890">
        <v>14</v>
      </c>
      <c r="D2890" t="s">
        <v>25019</v>
      </c>
      <c r="E2890" t="s">
        <v>34254</v>
      </c>
      <c r="F2890">
        <v>2</v>
      </c>
      <c r="G2890" t="s">
        <v>2229</v>
      </c>
      <c r="H2890" t="s">
        <v>25020</v>
      </c>
      <c r="I2890" t="s">
        <v>30540</v>
      </c>
    </row>
    <row r="2891" spans="1:9">
      <c r="A2891" s="1">
        <v>0.59625983401860916</v>
      </c>
      <c r="B2891" s="1"/>
      <c r="C2891">
        <v>16</v>
      </c>
      <c r="D2891" t="s">
        <v>25009</v>
      </c>
      <c r="E2891" t="s">
        <v>34255</v>
      </c>
      <c r="F2891">
        <v>2</v>
      </c>
      <c r="G2891" t="s">
        <v>14</v>
      </c>
      <c r="H2891" t="s">
        <v>25010</v>
      </c>
      <c r="I2891" t="s">
        <v>30540</v>
      </c>
    </row>
    <row r="2892" spans="1:9">
      <c r="A2892" s="1">
        <v>6.1785604199426025E-2</v>
      </c>
      <c r="B2892" s="1"/>
      <c r="C2892">
        <v>14</v>
      </c>
      <c r="D2892" t="s">
        <v>25007</v>
      </c>
      <c r="E2892" t="s">
        <v>34255</v>
      </c>
      <c r="F2892">
        <v>2</v>
      </c>
      <c r="G2892" t="s">
        <v>1</v>
      </c>
      <c r="H2892" t="s">
        <v>25008</v>
      </c>
      <c r="I2892" t="s">
        <v>30540</v>
      </c>
    </row>
    <row r="2893" spans="1:9">
      <c r="A2893" s="1">
        <v>0.82419928209740201</v>
      </c>
      <c r="B2893" s="1"/>
      <c r="C2893">
        <v>20</v>
      </c>
      <c r="D2893" t="s">
        <v>24989</v>
      </c>
      <c r="E2893" t="s">
        <v>34258</v>
      </c>
      <c r="F2893">
        <v>2</v>
      </c>
      <c r="G2893" t="s">
        <v>14</v>
      </c>
      <c r="H2893" t="s">
        <v>24990</v>
      </c>
      <c r="I2893" t="s">
        <v>30540</v>
      </c>
    </row>
    <row r="2894" spans="1:9">
      <c r="A2894" s="1">
        <v>0.13331506335246412</v>
      </c>
      <c r="B2894" s="1"/>
      <c r="C2894">
        <v>20</v>
      </c>
      <c r="D2894" t="s">
        <v>24983</v>
      </c>
      <c r="E2894" t="s">
        <v>34259</v>
      </c>
      <c r="F2894">
        <v>1</v>
      </c>
      <c r="G2894" t="s">
        <v>14</v>
      </c>
      <c r="H2894" t="s">
        <v>24984</v>
      </c>
      <c r="I2894" t="s">
        <v>30540</v>
      </c>
    </row>
    <row r="2895" spans="1:9">
      <c r="A2895" s="1">
        <v>0.93828053013992097</v>
      </c>
      <c r="B2895" s="1"/>
      <c r="C2895">
        <v>10</v>
      </c>
      <c r="D2895" t="s">
        <v>24977</v>
      </c>
      <c r="E2895" t="s">
        <v>34260</v>
      </c>
      <c r="F2895">
        <v>3</v>
      </c>
      <c r="G2895" t="s">
        <v>14</v>
      </c>
      <c r="H2895" t="s">
        <v>24978</v>
      </c>
      <c r="I2895" t="s">
        <v>30540</v>
      </c>
    </row>
    <row r="2896" spans="1:9">
      <c r="A2896" s="1">
        <v>0.19216626116437419</v>
      </c>
      <c r="B2896" s="1"/>
      <c r="C2896">
        <v>15</v>
      </c>
      <c r="D2896" t="s">
        <v>24971</v>
      </c>
      <c r="E2896" t="s">
        <v>34261</v>
      </c>
      <c r="F2896">
        <v>3</v>
      </c>
      <c r="G2896" t="s">
        <v>1</v>
      </c>
      <c r="H2896" t="s">
        <v>24972</v>
      </c>
      <c r="I2896" t="s">
        <v>30540</v>
      </c>
    </row>
    <row r="2897" spans="1:9">
      <c r="A2897" s="1">
        <v>0.39603987332691459</v>
      </c>
      <c r="B2897" s="1"/>
      <c r="C2897">
        <v>14</v>
      </c>
      <c r="D2897" t="s">
        <v>24967</v>
      </c>
      <c r="E2897" t="s">
        <v>34262</v>
      </c>
      <c r="F2897">
        <v>3</v>
      </c>
      <c r="G2897" t="s">
        <v>1</v>
      </c>
      <c r="H2897" t="s">
        <v>24968</v>
      </c>
      <c r="I2897" t="s">
        <v>30540</v>
      </c>
    </row>
    <row r="2898" spans="1:9">
      <c r="A2898" s="1">
        <v>0.65772837453187116</v>
      </c>
      <c r="B2898" s="1"/>
      <c r="C2898">
        <v>10</v>
      </c>
      <c r="D2898" t="s">
        <v>24965</v>
      </c>
      <c r="E2898" t="s">
        <v>34262</v>
      </c>
      <c r="F2898">
        <v>2</v>
      </c>
      <c r="G2898" t="s">
        <v>14</v>
      </c>
      <c r="H2898" t="s">
        <v>24966</v>
      </c>
      <c r="I2898" t="s">
        <v>30540</v>
      </c>
    </row>
    <row r="2899" spans="1:9">
      <c r="A2899" s="1">
        <v>0.83045425947880613</v>
      </c>
      <c r="B2899" s="1"/>
      <c r="C2899">
        <v>14</v>
      </c>
      <c r="D2899" t="s">
        <v>24961</v>
      </c>
      <c r="E2899" t="s">
        <v>34263</v>
      </c>
      <c r="F2899">
        <v>3</v>
      </c>
      <c r="G2899" t="s">
        <v>14</v>
      </c>
      <c r="H2899" t="s">
        <v>24962</v>
      </c>
      <c r="I2899" t="s">
        <v>30540</v>
      </c>
    </row>
    <row r="2900" spans="1:9">
      <c r="A2900" s="1">
        <v>0.56015597584185628</v>
      </c>
      <c r="B2900" s="1"/>
      <c r="C2900">
        <v>11</v>
      </c>
      <c r="D2900" t="s">
        <v>24957</v>
      </c>
      <c r="E2900" t="s">
        <v>34263</v>
      </c>
      <c r="F2900">
        <v>1</v>
      </c>
      <c r="G2900" t="s">
        <v>15</v>
      </c>
      <c r="H2900" t="s">
        <v>24958</v>
      </c>
      <c r="I2900" t="s">
        <v>30540</v>
      </c>
    </row>
    <row r="2901" spans="1:9">
      <c r="A2901" s="1">
        <v>0.98171550691726828</v>
      </c>
      <c r="B2901" s="1"/>
      <c r="C2901">
        <v>13</v>
      </c>
      <c r="D2901" t="s">
        <v>24955</v>
      </c>
      <c r="E2901" t="s">
        <v>34264</v>
      </c>
      <c r="F2901">
        <v>3</v>
      </c>
      <c r="G2901" t="s">
        <v>14</v>
      </c>
      <c r="H2901" t="s">
        <v>24956</v>
      </c>
      <c r="I2901" t="s">
        <v>30540</v>
      </c>
    </row>
    <row r="2902" spans="1:9">
      <c r="A2902" s="1">
        <v>0.47957492690624315</v>
      </c>
      <c r="B2902" s="1"/>
      <c r="C2902">
        <v>1</v>
      </c>
      <c r="D2902" t="s">
        <v>24949</v>
      </c>
      <c r="E2902" t="s">
        <v>34264</v>
      </c>
      <c r="F2902">
        <v>2</v>
      </c>
      <c r="G2902" t="s">
        <v>2</v>
      </c>
      <c r="H2902" t="s">
        <v>24950</v>
      </c>
      <c r="I2902" t="s">
        <v>30540</v>
      </c>
    </row>
    <row r="2903" spans="1:9">
      <c r="A2903" s="1">
        <v>0.55922992273646954</v>
      </c>
      <c r="B2903" s="1"/>
      <c r="C2903">
        <v>5</v>
      </c>
      <c r="D2903" t="s">
        <v>24941</v>
      </c>
      <c r="E2903" t="s">
        <v>34266</v>
      </c>
      <c r="F2903">
        <v>3</v>
      </c>
      <c r="G2903" t="s">
        <v>10</v>
      </c>
      <c r="H2903" t="s">
        <v>24942</v>
      </c>
      <c r="I2903" t="s">
        <v>30540</v>
      </c>
    </row>
    <row r="2904" spans="1:9">
      <c r="A2904" s="1">
        <v>0.52695250120683024</v>
      </c>
      <c r="B2904" s="1"/>
      <c r="C2904">
        <v>8</v>
      </c>
      <c r="D2904" t="s">
        <v>24945</v>
      </c>
      <c r="E2904" t="s">
        <v>34266</v>
      </c>
      <c r="F2904">
        <v>3</v>
      </c>
      <c r="G2904" t="s">
        <v>10</v>
      </c>
      <c r="H2904" t="s">
        <v>24946</v>
      </c>
      <c r="I2904" t="s">
        <v>30540</v>
      </c>
    </row>
    <row r="2905" spans="1:9">
      <c r="A2905" s="1">
        <v>9.5114514455321153E-2</v>
      </c>
      <c r="B2905" s="1"/>
      <c r="C2905">
        <v>7</v>
      </c>
      <c r="D2905" t="s">
        <v>24943</v>
      </c>
      <c r="E2905" t="s">
        <v>34266</v>
      </c>
      <c r="F2905">
        <v>2</v>
      </c>
      <c r="G2905" t="s">
        <v>10</v>
      </c>
      <c r="H2905" t="s">
        <v>24944</v>
      </c>
      <c r="I2905" t="s">
        <v>30540</v>
      </c>
    </row>
    <row r="2906" spans="1:9">
      <c r="A2906" s="1">
        <v>0.37156502845966566</v>
      </c>
      <c r="B2906" s="1"/>
      <c r="C2906">
        <v>12</v>
      </c>
      <c r="D2906" t="s">
        <v>24933</v>
      </c>
      <c r="E2906" t="s">
        <v>34267</v>
      </c>
      <c r="F2906">
        <v>3</v>
      </c>
      <c r="G2906" t="s">
        <v>14</v>
      </c>
      <c r="H2906" t="s">
        <v>24934</v>
      </c>
      <c r="I2906" t="s">
        <v>30540</v>
      </c>
    </row>
    <row r="2907" spans="1:9">
      <c r="A2907" s="1">
        <v>0.78901865356940071</v>
      </c>
      <c r="B2907" s="1"/>
      <c r="C2907">
        <v>1</v>
      </c>
      <c r="D2907" t="s">
        <v>24913</v>
      </c>
      <c r="E2907" t="s">
        <v>34269</v>
      </c>
      <c r="F2907">
        <v>3</v>
      </c>
      <c r="G2907" t="s">
        <v>769</v>
      </c>
      <c r="H2907" t="s">
        <v>24914</v>
      </c>
      <c r="I2907" t="s">
        <v>30540</v>
      </c>
    </row>
    <row r="2908" spans="1:9">
      <c r="A2908" s="1">
        <v>0.64104238371370448</v>
      </c>
      <c r="B2908" s="1"/>
      <c r="C2908">
        <v>5</v>
      </c>
      <c r="D2908" t="s">
        <v>24903</v>
      </c>
      <c r="E2908" t="s">
        <v>34270</v>
      </c>
      <c r="F2908">
        <v>2</v>
      </c>
      <c r="G2908" t="s">
        <v>14</v>
      </c>
      <c r="H2908" t="s">
        <v>24904</v>
      </c>
      <c r="I2908" t="s">
        <v>30540</v>
      </c>
    </row>
    <row r="2909" spans="1:9">
      <c r="A2909" s="1">
        <v>0.93312496858131078</v>
      </c>
      <c r="B2909" s="1"/>
      <c r="C2909">
        <v>14</v>
      </c>
      <c r="D2909" t="s">
        <v>24911</v>
      </c>
      <c r="E2909" t="s">
        <v>34270</v>
      </c>
      <c r="F2909">
        <v>2</v>
      </c>
      <c r="G2909" t="s">
        <v>14</v>
      </c>
      <c r="H2909" t="s">
        <v>24912</v>
      </c>
      <c r="I2909" t="s">
        <v>30540</v>
      </c>
    </row>
    <row r="2910" spans="1:9">
      <c r="A2910" s="1">
        <v>0.67307101104979317</v>
      </c>
      <c r="B2910" s="1"/>
      <c r="C2910">
        <v>4</v>
      </c>
      <c r="D2910" t="s">
        <v>24901</v>
      </c>
      <c r="E2910" t="s">
        <v>34270</v>
      </c>
      <c r="F2910">
        <v>2</v>
      </c>
      <c r="G2910" t="s">
        <v>9</v>
      </c>
      <c r="H2910" t="s">
        <v>24902</v>
      </c>
      <c r="I2910" t="s">
        <v>30540</v>
      </c>
    </row>
    <row r="2911" spans="1:9">
      <c r="A2911" s="1">
        <v>0.84089803914577288</v>
      </c>
      <c r="B2911" s="1"/>
      <c r="C2911">
        <v>1</v>
      </c>
      <c r="D2911" t="s">
        <v>24895</v>
      </c>
      <c r="E2911" t="s">
        <v>34271</v>
      </c>
      <c r="F2911">
        <v>3</v>
      </c>
      <c r="G2911" t="s">
        <v>14</v>
      </c>
      <c r="H2911" t="s">
        <v>24896</v>
      </c>
      <c r="I2911" t="s">
        <v>30540</v>
      </c>
    </row>
    <row r="2912" spans="1:9">
      <c r="A2912" s="1">
        <v>0.27698172326135129</v>
      </c>
      <c r="B2912" s="1"/>
      <c r="C2912">
        <v>9</v>
      </c>
      <c r="D2912" t="s">
        <v>24891</v>
      </c>
      <c r="E2912" t="s">
        <v>34272</v>
      </c>
      <c r="F2912">
        <v>2</v>
      </c>
      <c r="G2912" t="s">
        <v>9</v>
      </c>
      <c r="H2912" t="s">
        <v>24892</v>
      </c>
      <c r="I2912" t="s">
        <v>30540</v>
      </c>
    </row>
    <row r="2913" spans="1:9">
      <c r="A2913" s="1">
        <v>0.87314165036813185</v>
      </c>
      <c r="B2913" s="1"/>
      <c r="C2913">
        <v>3</v>
      </c>
      <c r="D2913" t="s">
        <v>28507</v>
      </c>
      <c r="E2913" t="s">
        <v>34274</v>
      </c>
      <c r="F2913">
        <v>3</v>
      </c>
      <c r="G2913" t="s">
        <v>0</v>
      </c>
      <c r="H2913" t="s">
        <v>28508</v>
      </c>
      <c r="I2913" t="s">
        <v>30540</v>
      </c>
    </row>
    <row r="2914" spans="1:9">
      <c r="A2914" s="1">
        <v>0.35558125819748987</v>
      </c>
      <c r="B2914" s="1"/>
      <c r="C2914">
        <v>2</v>
      </c>
      <c r="D2914" t="s">
        <v>28505</v>
      </c>
      <c r="E2914" t="s">
        <v>34274</v>
      </c>
      <c r="F2914">
        <v>2</v>
      </c>
      <c r="G2914" t="s">
        <v>9</v>
      </c>
      <c r="H2914" t="s">
        <v>28506</v>
      </c>
      <c r="I2914" t="s">
        <v>30540</v>
      </c>
    </row>
    <row r="2915" spans="1:9">
      <c r="A2915" s="1">
        <v>0.16400201897475797</v>
      </c>
      <c r="B2915" s="1"/>
      <c r="C2915">
        <v>7</v>
      </c>
      <c r="D2915" t="s">
        <v>28497</v>
      </c>
      <c r="E2915" t="s">
        <v>34276</v>
      </c>
      <c r="F2915">
        <v>3</v>
      </c>
      <c r="G2915" t="s">
        <v>14</v>
      </c>
      <c r="H2915" t="s">
        <v>28498</v>
      </c>
      <c r="I2915" t="s">
        <v>30540</v>
      </c>
    </row>
    <row r="2916" spans="1:9">
      <c r="A2916" s="1">
        <v>0.16177731121367656</v>
      </c>
      <c r="B2916" s="1"/>
      <c r="C2916">
        <v>11</v>
      </c>
      <c r="D2916" t="s">
        <v>28493</v>
      </c>
      <c r="E2916" t="s">
        <v>34277</v>
      </c>
      <c r="F2916">
        <v>3</v>
      </c>
      <c r="G2916" t="s">
        <v>2</v>
      </c>
      <c r="H2916" t="s">
        <v>28494</v>
      </c>
      <c r="I2916" t="s">
        <v>30540</v>
      </c>
    </row>
    <row r="2917" spans="1:9">
      <c r="A2917" s="1">
        <v>3.394174321525667E-3</v>
      </c>
      <c r="B2917" s="1"/>
      <c r="C2917">
        <v>16</v>
      </c>
      <c r="D2917" t="s">
        <v>28495</v>
      </c>
      <c r="E2917" t="s">
        <v>34277</v>
      </c>
      <c r="F2917">
        <v>2</v>
      </c>
      <c r="G2917" t="s">
        <v>2229</v>
      </c>
      <c r="H2917" t="s">
        <v>28496</v>
      </c>
      <c r="I2917" t="s">
        <v>30540</v>
      </c>
    </row>
    <row r="2918" spans="1:9">
      <c r="A2918" s="1">
        <v>0.70678051400880093</v>
      </c>
      <c r="B2918" s="1"/>
      <c r="C2918">
        <v>6</v>
      </c>
      <c r="D2918" t="s">
        <v>28483</v>
      </c>
      <c r="E2918" t="s">
        <v>34278</v>
      </c>
      <c r="F2918">
        <v>3</v>
      </c>
      <c r="G2918" t="s">
        <v>14</v>
      </c>
      <c r="H2918" t="s">
        <v>28484</v>
      </c>
      <c r="I2918" t="s">
        <v>30540</v>
      </c>
    </row>
    <row r="2919" spans="1:9">
      <c r="A2919" s="1">
        <v>0.18807701753313966</v>
      </c>
      <c r="B2919" s="1"/>
      <c r="C2919">
        <v>9</v>
      </c>
      <c r="D2919" t="s">
        <v>28485</v>
      </c>
      <c r="E2919" t="s">
        <v>34278</v>
      </c>
      <c r="F2919">
        <v>2</v>
      </c>
      <c r="G2919" t="s">
        <v>14</v>
      </c>
      <c r="H2919" t="s">
        <v>28486</v>
      </c>
      <c r="I2919" t="s">
        <v>30540</v>
      </c>
    </row>
    <row r="2920" spans="1:9">
      <c r="A2920" s="1">
        <v>2.2880739128520178E-3</v>
      </c>
      <c r="B2920" s="1"/>
      <c r="C2920">
        <v>15</v>
      </c>
      <c r="D2920" t="s">
        <v>28479</v>
      </c>
      <c r="E2920" t="s">
        <v>34280</v>
      </c>
      <c r="F2920">
        <v>3</v>
      </c>
      <c r="G2920" t="s">
        <v>14</v>
      </c>
      <c r="H2920" t="s">
        <v>28480</v>
      </c>
      <c r="I2920" t="s">
        <v>30540</v>
      </c>
    </row>
    <row r="2921" spans="1:9">
      <c r="A2921" s="1">
        <v>0.25639037148780941</v>
      </c>
      <c r="B2921" s="1"/>
      <c r="C2921">
        <v>16</v>
      </c>
      <c r="D2921" t="s">
        <v>28471</v>
      </c>
      <c r="E2921" t="s">
        <v>34281</v>
      </c>
      <c r="F2921">
        <v>3</v>
      </c>
      <c r="G2921" t="s">
        <v>13</v>
      </c>
      <c r="H2921" t="s">
        <v>28472</v>
      </c>
      <c r="I2921" t="s">
        <v>30540</v>
      </c>
    </row>
    <row r="2922" spans="1:9">
      <c r="A2922" s="1">
        <v>0.36585669705043977</v>
      </c>
      <c r="B2922" s="1"/>
      <c r="C2922">
        <v>15</v>
      </c>
      <c r="D2922" t="s">
        <v>28469</v>
      </c>
      <c r="E2922" t="s">
        <v>34281</v>
      </c>
      <c r="F2922">
        <v>1</v>
      </c>
      <c r="G2922" t="s">
        <v>9</v>
      </c>
      <c r="H2922" t="s">
        <v>28470</v>
      </c>
      <c r="I2922" t="s">
        <v>30540</v>
      </c>
    </row>
    <row r="2923" spans="1:9">
      <c r="A2923" s="1">
        <v>0.37915640874661383</v>
      </c>
      <c r="B2923" s="1"/>
      <c r="C2923">
        <v>2</v>
      </c>
      <c r="D2923" t="s">
        <v>28459</v>
      </c>
      <c r="E2923" t="s">
        <v>34282</v>
      </c>
      <c r="F2923">
        <v>1</v>
      </c>
      <c r="G2923" t="s">
        <v>13</v>
      </c>
      <c r="H2923" t="s">
        <v>28460</v>
      </c>
      <c r="I2923" t="s">
        <v>30540</v>
      </c>
    </row>
    <row r="2924" spans="1:9">
      <c r="A2924" s="1">
        <v>0.16996572335234483</v>
      </c>
      <c r="B2924" s="1"/>
      <c r="C2924">
        <v>11</v>
      </c>
      <c r="D2924" t="s">
        <v>28425</v>
      </c>
      <c r="E2924" t="s">
        <v>34286</v>
      </c>
      <c r="F2924">
        <v>1</v>
      </c>
      <c r="G2924" t="s">
        <v>10</v>
      </c>
      <c r="H2924" t="s">
        <v>28426</v>
      </c>
      <c r="I2924" t="s">
        <v>30540</v>
      </c>
    </row>
    <row r="2925" spans="1:9">
      <c r="A2925" s="1">
        <v>6.0068475792568354E-2</v>
      </c>
      <c r="B2925" s="1"/>
      <c r="C2925">
        <v>11</v>
      </c>
      <c r="D2925" t="s">
        <v>28417</v>
      </c>
      <c r="E2925" t="s">
        <v>34287</v>
      </c>
      <c r="F2925">
        <v>2</v>
      </c>
      <c r="G2925" t="s">
        <v>2226</v>
      </c>
      <c r="H2925" t="s">
        <v>28418</v>
      </c>
      <c r="I2925" t="s">
        <v>30540</v>
      </c>
    </row>
    <row r="2926" spans="1:9">
      <c r="A2926" s="1">
        <v>0.77143875264959783</v>
      </c>
      <c r="B2926" s="1"/>
      <c r="C2926">
        <v>1</v>
      </c>
      <c r="D2926" t="s">
        <v>28409</v>
      </c>
      <c r="E2926" t="s">
        <v>34288</v>
      </c>
      <c r="F2926">
        <v>3</v>
      </c>
      <c r="G2926" t="s">
        <v>14</v>
      </c>
      <c r="H2926" t="s">
        <v>28410</v>
      </c>
      <c r="I2926" t="s">
        <v>30540</v>
      </c>
    </row>
    <row r="2927" spans="1:9">
      <c r="A2927" s="1">
        <v>0.27015209611518742</v>
      </c>
      <c r="B2927" s="1"/>
      <c r="C2927">
        <v>4</v>
      </c>
      <c r="D2927" t="s">
        <v>28407</v>
      </c>
      <c r="E2927" t="s">
        <v>34289</v>
      </c>
      <c r="F2927">
        <v>2</v>
      </c>
      <c r="G2927" t="s">
        <v>10</v>
      </c>
      <c r="H2927" t="s">
        <v>28408</v>
      </c>
      <c r="I2927" t="s">
        <v>30540</v>
      </c>
    </row>
    <row r="2928" spans="1:9">
      <c r="A2928" s="1">
        <v>9.2429311027982353E-2</v>
      </c>
      <c r="B2928" s="1"/>
      <c r="C2928">
        <v>17</v>
      </c>
      <c r="D2928" t="s">
        <v>28405</v>
      </c>
      <c r="E2928" t="s">
        <v>34290</v>
      </c>
      <c r="F2928">
        <v>2</v>
      </c>
      <c r="G2928" t="s">
        <v>14</v>
      </c>
      <c r="H2928" t="s">
        <v>28406</v>
      </c>
      <c r="I2928" t="s">
        <v>30540</v>
      </c>
    </row>
    <row r="2929" spans="1:9">
      <c r="A2929" s="1">
        <v>0.59446599262346433</v>
      </c>
      <c r="B2929" s="1"/>
      <c r="C2929">
        <v>5</v>
      </c>
      <c r="D2929" t="s">
        <v>28387</v>
      </c>
      <c r="E2929" t="s">
        <v>34291</v>
      </c>
      <c r="F2929">
        <v>2</v>
      </c>
      <c r="G2929" t="s">
        <v>13</v>
      </c>
      <c r="H2929" t="s">
        <v>28388</v>
      </c>
      <c r="I2929" t="s">
        <v>30540</v>
      </c>
    </row>
    <row r="2930" spans="1:9">
      <c r="A2930" s="1">
        <v>0.19807508571415955</v>
      </c>
      <c r="B2930" s="1"/>
      <c r="C2930">
        <v>13</v>
      </c>
      <c r="D2930" t="s">
        <v>28369</v>
      </c>
      <c r="E2930" t="s">
        <v>34294</v>
      </c>
      <c r="F2930">
        <v>3</v>
      </c>
      <c r="G2930" t="s">
        <v>1</v>
      </c>
      <c r="H2930" t="s">
        <v>28370</v>
      </c>
      <c r="I2930" t="s">
        <v>30540</v>
      </c>
    </row>
    <row r="2931" spans="1:9">
      <c r="A2931" s="1">
        <v>0.65068392465055658</v>
      </c>
      <c r="B2931" s="1"/>
      <c r="C2931">
        <v>13</v>
      </c>
      <c r="D2931" t="s">
        <v>28331</v>
      </c>
      <c r="E2931" t="s">
        <v>34298</v>
      </c>
      <c r="F2931">
        <v>3</v>
      </c>
      <c r="G2931" t="s">
        <v>0</v>
      </c>
      <c r="H2931" t="s">
        <v>28332</v>
      </c>
      <c r="I2931" t="s">
        <v>30540</v>
      </c>
    </row>
    <row r="2932" spans="1:9">
      <c r="A2932" s="1">
        <v>0.81662054572137166</v>
      </c>
      <c r="B2932" s="1"/>
      <c r="C2932">
        <v>13</v>
      </c>
      <c r="D2932" t="s">
        <v>28317</v>
      </c>
      <c r="E2932" t="s">
        <v>34300</v>
      </c>
      <c r="F2932">
        <v>2</v>
      </c>
      <c r="G2932" t="s">
        <v>9</v>
      </c>
      <c r="H2932" t="s">
        <v>28318</v>
      </c>
      <c r="I2932" t="s">
        <v>30540</v>
      </c>
    </row>
    <row r="2933" spans="1:9">
      <c r="A2933" s="1">
        <v>0.20685178350300615</v>
      </c>
      <c r="B2933" s="1"/>
      <c r="C2933">
        <v>2</v>
      </c>
      <c r="D2933" t="s">
        <v>28277</v>
      </c>
      <c r="E2933" t="s">
        <v>34305</v>
      </c>
      <c r="F2933">
        <v>2</v>
      </c>
      <c r="G2933" t="s">
        <v>14</v>
      </c>
      <c r="H2933" t="s">
        <v>28278</v>
      </c>
      <c r="I2933" t="s">
        <v>30540</v>
      </c>
    </row>
    <row r="2934" spans="1:9">
      <c r="A2934" s="1">
        <v>3.0773922051917535E-2</v>
      </c>
      <c r="B2934" s="1"/>
      <c r="C2934">
        <v>14</v>
      </c>
      <c r="D2934" t="s">
        <v>28267</v>
      </c>
      <c r="E2934" t="s">
        <v>34307</v>
      </c>
      <c r="F2934">
        <v>3</v>
      </c>
      <c r="G2934" t="s">
        <v>14</v>
      </c>
      <c r="H2934" t="s">
        <v>28268</v>
      </c>
      <c r="I2934" t="s">
        <v>30540</v>
      </c>
    </row>
    <row r="2935" spans="1:9">
      <c r="A2935" s="1">
        <v>0.19700995513540109</v>
      </c>
      <c r="B2935" s="1"/>
      <c r="C2935">
        <v>18</v>
      </c>
      <c r="D2935" t="s">
        <v>28269</v>
      </c>
      <c r="E2935" t="s">
        <v>34307</v>
      </c>
      <c r="F2935">
        <v>3</v>
      </c>
      <c r="G2935" t="s">
        <v>14</v>
      </c>
      <c r="H2935" t="s">
        <v>28270</v>
      </c>
      <c r="I2935" t="s">
        <v>30540</v>
      </c>
    </row>
    <row r="2936" spans="1:9">
      <c r="A2936" s="1">
        <v>0.71902658345587267</v>
      </c>
      <c r="B2936" s="1"/>
      <c r="C2936">
        <v>10</v>
      </c>
      <c r="D2936" t="s">
        <v>28265</v>
      </c>
      <c r="E2936" t="s">
        <v>34307</v>
      </c>
      <c r="F2936">
        <v>1</v>
      </c>
      <c r="G2936" t="s">
        <v>10</v>
      </c>
      <c r="H2936" t="s">
        <v>28266</v>
      </c>
      <c r="I2936" t="s">
        <v>30540</v>
      </c>
    </row>
    <row r="2937" spans="1:9">
      <c r="A2937" s="1">
        <v>0.485181538099972</v>
      </c>
      <c r="B2937" s="1"/>
      <c r="C2937">
        <v>20</v>
      </c>
      <c r="D2937" t="s">
        <v>28247</v>
      </c>
      <c r="E2937" t="s">
        <v>34310</v>
      </c>
      <c r="F2937">
        <v>2</v>
      </c>
      <c r="G2937" t="s">
        <v>14</v>
      </c>
      <c r="H2937" t="s">
        <v>28248</v>
      </c>
      <c r="I2937" t="s">
        <v>30540</v>
      </c>
    </row>
    <row r="2938" spans="1:9">
      <c r="A2938" s="1">
        <v>0.37685540807379547</v>
      </c>
      <c r="B2938" s="1"/>
      <c r="C2938">
        <v>14</v>
      </c>
      <c r="D2938" t="s">
        <v>28239</v>
      </c>
      <c r="E2938" t="s">
        <v>34311</v>
      </c>
      <c r="F2938">
        <v>3</v>
      </c>
      <c r="G2938" t="s">
        <v>762</v>
      </c>
      <c r="H2938" t="s">
        <v>28240</v>
      </c>
      <c r="I2938" t="s">
        <v>30540</v>
      </c>
    </row>
    <row r="2939" spans="1:9">
      <c r="A2939" s="1">
        <v>6.5197268069825509E-2</v>
      </c>
      <c r="B2939" s="1"/>
      <c r="C2939">
        <v>6</v>
      </c>
      <c r="D2939" t="s">
        <v>28227</v>
      </c>
      <c r="E2939" t="s">
        <v>34312</v>
      </c>
      <c r="F2939">
        <v>3</v>
      </c>
      <c r="G2939" t="s">
        <v>9</v>
      </c>
      <c r="H2939" t="s">
        <v>28228</v>
      </c>
      <c r="I2939" t="s">
        <v>30540</v>
      </c>
    </row>
    <row r="2940" spans="1:9">
      <c r="A2940" s="1">
        <v>0.48094330374906791</v>
      </c>
      <c r="B2940" s="1"/>
      <c r="C2940">
        <v>17</v>
      </c>
      <c r="D2940" t="s">
        <v>28219</v>
      </c>
      <c r="E2940" t="s">
        <v>34313</v>
      </c>
      <c r="F2940">
        <v>3</v>
      </c>
      <c r="G2940" t="s">
        <v>9</v>
      </c>
      <c r="H2940" t="s">
        <v>28220</v>
      </c>
      <c r="I2940" t="s">
        <v>30540</v>
      </c>
    </row>
    <row r="2941" spans="1:9">
      <c r="A2941" s="1">
        <v>0.22630950196040989</v>
      </c>
      <c r="B2941" s="1"/>
      <c r="C2941">
        <v>11</v>
      </c>
      <c r="D2941" t="s">
        <v>28215</v>
      </c>
      <c r="E2941" t="s">
        <v>34313</v>
      </c>
      <c r="F2941">
        <v>2</v>
      </c>
      <c r="G2941" t="s">
        <v>9</v>
      </c>
      <c r="H2941" t="s">
        <v>28216</v>
      </c>
      <c r="I2941" t="s">
        <v>30540</v>
      </c>
    </row>
    <row r="2942" spans="1:9">
      <c r="A2942" s="1">
        <v>0.10841708563994612</v>
      </c>
      <c r="B2942" s="1"/>
      <c r="C2942">
        <v>16</v>
      </c>
      <c r="D2942" t="s">
        <v>28197</v>
      </c>
      <c r="E2942" t="s">
        <v>34315</v>
      </c>
      <c r="F2942">
        <v>3</v>
      </c>
      <c r="G2942" t="s">
        <v>9</v>
      </c>
      <c r="H2942" t="s">
        <v>28198</v>
      </c>
      <c r="I2942" t="s">
        <v>30540</v>
      </c>
    </row>
    <row r="2943" spans="1:9">
      <c r="A2943" s="1">
        <v>6.4390352537635476E-2</v>
      </c>
      <c r="B2943" s="1"/>
      <c r="C2943">
        <v>18</v>
      </c>
      <c r="D2943" t="s">
        <v>28201</v>
      </c>
      <c r="E2943" t="s">
        <v>34315</v>
      </c>
      <c r="F2943">
        <v>3</v>
      </c>
      <c r="G2943" t="s">
        <v>9</v>
      </c>
      <c r="H2943" t="s">
        <v>28202</v>
      </c>
      <c r="I2943" t="s">
        <v>30540</v>
      </c>
    </row>
    <row r="2944" spans="1:9">
      <c r="A2944" s="1">
        <v>0.81079628028214679</v>
      </c>
      <c r="B2944" s="1"/>
      <c r="C2944">
        <v>4</v>
      </c>
      <c r="D2944" t="s">
        <v>28189</v>
      </c>
      <c r="E2944" t="s">
        <v>34316</v>
      </c>
      <c r="F2944">
        <v>1</v>
      </c>
      <c r="G2944" t="s">
        <v>1426</v>
      </c>
      <c r="H2944" t="s">
        <v>28190</v>
      </c>
      <c r="I2944" t="s">
        <v>30540</v>
      </c>
    </row>
    <row r="2945" spans="1:9">
      <c r="A2945" s="1">
        <v>0.41411069245058818</v>
      </c>
      <c r="B2945" s="1"/>
      <c r="C2945">
        <v>3</v>
      </c>
      <c r="D2945" t="s">
        <v>28181</v>
      </c>
      <c r="E2945" t="s">
        <v>34317</v>
      </c>
      <c r="F2945">
        <v>2</v>
      </c>
      <c r="G2945" t="s">
        <v>10</v>
      </c>
      <c r="H2945" t="s">
        <v>28182</v>
      </c>
      <c r="I2945" t="s">
        <v>30540</v>
      </c>
    </row>
    <row r="2946" spans="1:9">
      <c r="A2946" s="1">
        <v>0.25395204778703317</v>
      </c>
      <c r="B2946" s="1"/>
      <c r="C2946">
        <v>8</v>
      </c>
      <c r="D2946" t="s">
        <v>28169</v>
      </c>
      <c r="E2946" t="s">
        <v>34318</v>
      </c>
      <c r="F2946">
        <v>3</v>
      </c>
      <c r="G2946" t="s">
        <v>10</v>
      </c>
      <c r="H2946" t="s">
        <v>28170</v>
      </c>
      <c r="I2946" t="s">
        <v>30540</v>
      </c>
    </row>
    <row r="2947" spans="1:9">
      <c r="A2947" s="1">
        <v>4.6977084115616741E-2</v>
      </c>
      <c r="B2947" s="1"/>
      <c r="C2947">
        <v>15</v>
      </c>
      <c r="D2947" t="s">
        <v>28175</v>
      </c>
      <c r="E2947" t="s">
        <v>34318</v>
      </c>
      <c r="F2947">
        <v>3</v>
      </c>
      <c r="G2947" t="s">
        <v>14</v>
      </c>
      <c r="H2947" t="s">
        <v>28176</v>
      </c>
      <c r="I2947" t="s">
        <v>30540</v>
      </c>
    </row>
    <row r="2948" spans="1:9">
      <c r="A2948" s="1">
        <v>0.35758673974275612</v>
      </c>
      <c r="B2948" s="1"/>
      <c r="C2948">
        <v>20</v>
      </c>
      <c r="D2948" t="s">
        <v>28167</v>
      </c>
      <c r="E2948" t="s">
        <v>34319</v>
      </c>
      <c r="F2948">
        <v>1</v>
      </c>
      <c r="G2948" t="s">
        <v>10</v>
      </c>
      <c r="H2948" t="s">
        <v>28168</v>
      </c>
      <c r="I2948" t="s">
        <v>30540</v>
      </c>
    </row>
    <row r="2949" spans="1:9">
      <c r="A2949" s="1">
        <v>0.24849432372332225</v>
      </c>
      <c r="B2949" s="1"/>
      <c r="C2949">
        <v>15</v>
      </c>
      <c r="D2949" t="s">
        <v>28159</v>
      </c>
      <c r="E2949" t="s">
        <v>34320</v>
      </c>
      <c r="F2949">
        <v>2</v>
      </c>
      <c r="G2949" t="s">
        <v>14</v>
      </c>
      <c r="H2949" t="s">
        <v>28160</v>
      </c>
      <c r="I2949" t="s">
        <v>30540</v>
      </c>
    </row>
    <row r="2950" spans="1:9">
      <c r="A2950" s="1">
        <v>0.35732697697200555</v>
      </c>
      <c r="B2950" s="1"/>
      <c r="C2950">
        <v>14</v>
      </c>
      <c r="D2950" t="s">
        <v>28147</v>
      </c>
      <c r="E2950" t="s">
        <v>34321</v>
      </c>
      <c r="F2950">
        <v>2</v>
      </c>
      <c r="G2950" t="s">
        <v>14</v>
      </c>
      <c r="H2950" t="s">
        <v>28148</v>
      </c>
      <c r="I2950" t="s">
        <v>30540</v>
      </c>
    </row>
    <row r="2951" spans="1:9">
      <c r="A2951" s="1">
        <v>0.10752102386344642</v>
      </c>
      <c r="B2951" s="1"/>
      <c r="C2951">
        <v>16</v>
      </c>
      <c r="D2951" t="s">
        <v>28143</v>
      </c>
      <c r="E2951" t="s">
        <v>34322</v>
      </c>
      <c r="F2951">
        <v>3</v>
      </c>
      <c r="G2951" t="s">
        <v>14</v>
      </c>
      <c r="H2951" t="s">
        <v>28144</v>
      </c>
      <c r="I2951" t="s">
        <v>30540</v>
      </c>
    </row>
    <row r="2952" spans="1:9">
      <c r="A2952" s="1">
        <v>5.5690699975826541E-2</v>
      </c>
      <c r="B2952" s="1"/>
      <c r="C2952">
        <v>17</v>
      </c>
      <c r="D2952" t="s">
        <v>28145</v>
      </c>
      <c r="E2952" t="s">
        <v>34322</v>
      </c>
      <c r="F2952">
        <v>2</v>
      </c>
      <c r="G2952" t="s">
        <v>15</v>
      </c>
      <c r="H2952" t="s">
        <v>28146</v>
      </c>
      <c r="I2952" t="s">
        <v>30540</v>
      </c>
    </row>
    <row r="2953" spans="1:9">
      <c r="A2953" s="1">
        <v>0.48361203025846378</v>
      </c>
      <c r="B2953" s="1"/>
      <c r="C2953">
        <v>6</v>
      </c>
      <c r="D2953" t="s">
        <v>28135</v>
      </c>
      <c r="E2953" t="s">
        <v>34323</v>
      </c>
      <c r="F2953">
        <v>2</v>
      </c>
      <c r="G2953" t="s">
        <v>9</v>
      </c>
      <c r="H2953" t="s">
        <v>28136</v>
      </c>
      <c r="I2953" t="s">
        <v>30540</v>
      </c>
    </row>
    <row r="2954" spans="1:9">
      <c r="A2954" s="1">
        <v>0.77603723118039314</v>
      </c>
      <c r="B2954" s="1"/>
      <c r="C2954">
        <v>12</v>
      </c>
      <c r="D2954" t="s">
        <v>28127</v>
      </c>
      <c r="E2954" t="s">
        <v>34324</v>
      </c>
      <c r="F2954">
        <v>2</v>
      </c>
      <c r="G2954" t="s">
        <v>769</v>
      </c>
      <c r="H2954" t="s">
        <v>28128</v>
      </c>
      <c r="I2954" t="s">
        <v>30540</v>
      </c>
    </row>
    <row r="2955" spans="1:9">
      <c r="A2955" s="1">
        <v>5.8159902212406078E-2</v>
      </c>
      <c r="B2955" s="1"/>
      <c r="C2955">
        <v>6</v>
      </c>
      <c r="D2955" t="s">
        <v>28123</v>
      </c>
      <c r="E2955" t="s">
        <v>34324</v>
      </c>
      <c r="F2955">
        <v>2</v>
      </c>
      <c r="G2955" t="s">
        <v>10</v>
      </c>
      <c r="H2955" t="s">
        <v>28124</v>
      </c>
      <c r="I2955" t="s">
        <v>30540</v>
      </c>
    </row>
    <row r="2956" spans="1:9">
      <c r="A2956" s="1">
        <v>0.90858907501313535</v>
      </c>
      <c r="B2956" s="1"/>
      <c r="C2956">
        <v>8</v>
      </c>
      <c r="D2956" t="s">
        <v>28105</v>
      </c>
      <c r="E2956" t="s">
        <v>34326</v>
      </c>
      <c r="F2956">
        <v>3</v>
      </c>
      <c r="G2956" t="s">
        <v>14</v>
      </c>
      <c r="H2956" t="s">
        <v>28106</v>
      </c>
      <c r="I2956" t="s">
        <v>30540</v>
      </c>
    </row>
    <row r="2957" spans="1:9">
      <c r="A2957" s="1">
        <v>0.76632125007944929</v>
      </c>
      <c r="B2957" s="1"/>
      <c r="C2957">
        <v>17</v>
      </c>
      <c r="D2957" t="s">
        <v>28109</v>
      </c>
      <c r="E2957" t="s">
        <v>34326</v>
      </c>
      <c r="F2957">
        <v>3</v>
      </c>
      <c r="G2957" t="s">
        <v>14</v>
      </c>
      <c r="H2957" t="s">
        <v>28110</v>
      </c>
      <c r="I2957" t="s">
        <v>30540</v>
      </c>
    </row>
    <row r="2958" spans="1:9">
      <c r="A2958" s="1">
        <v>0.47671659162070257</v>
      </c>
      <c r="B2958" s="1"/>
      <c r="C2958">
        <v>10</v>
      </c>
      <c r="D2958" t="s">
        <v>28107</v>
      </c>
      <c r="E2958" t="s">
        <v>34326</v>
      </c>
      <c r="F2958">
        <v>3</v>
      </c>
      <c r="G2958" t="s">
        <v>9</v>
      </c>
      <c r="H2958" t="s">
        <v>28108</v>
      </c>
      <c r="I2958" t="s">
        <v>30540</v>
      </c>
    </row>
    <row r="2959" spans="1:9">
      <c r="A2959" s="1">
        <v>0.23797960171132648</v>
      </c>
      <c r="B2959" s="1"/>
      <c r="C2959">
        <v>9</v>
      </c>
      <c r="D2959" t="s">
        <v>28089</v>
      </c>
      <c r="E2959" t="s">
        <v>34328</v>
      </c>
      <c r="F2959">
        <v>3</v>
      </c>
      <c r="G2959" t="s">
        <v>1</v>
      </c>
      <c r="H2959" t="s">
        <v>28090</v>
      </c>
      <c r="I2959" t="s">
        <v>30540</v>
      </c>
    </row>
    <row r="2960" spans="1:9">
      <c r="A2960" s="1">
        <v>0.53328689165268583</v>
      </c>
      <c r="B2960" s="1"/>
      <c r="C2960">
        <v>13</v>
      </c>
      <c r="D2960" t="s">
        <v>28091</v>
      </c>
      <c r="E2960" t="s">
        <v>34328</v>
      </c>
      <c r="F2960">
        <v>3</v>
      </c>
      <c r="G2960" t="s">
        <v>14</v>
      </c>
      <c r="H2960" t="s">
        <v>28092</v>
      </c>
      <c r="I2960" t="s">
        <v>30540</v>
      </c>
    </row>
    <row r="2961" spans="1:9">
      <c r="A2961" s="1">
        <v>0.79840178597720934</v>
      </c>
      <c r="B2961" s="1"/>
      <c r="C2961">
        <v>14</v>
      </c>
      <c r="D2961" t="s">
        <v>28081</v>
      </c>
      <c r="E2961" t="s">
        <v>34329</v>
      </c>
      <c r="F2961">
        <v>3</v>
      </c>
      <c r="G2961" t="s">
        <v>766</v>
      </c>
      <c r="H2961" t="s">
        <v>28082</v>
      </c>
      <c r="I2961" t="s">
        <v>30540</v>
      </c>
    </row>
    <row r="2962" spans="1:9">
      <c r="A2962" s="1">
        <v>0.55106492404229901</v>
      </c>
      <c r="B2962" s="1"/>
      <c r="C2962">
        <v>19</v>
      </c>
      <c r="D2962" t="s">
        <v>28047</v>
      </c>
      <c r="E2962" t="s">
        <v>34333</v>
      </c>
      <c r="F2962">
        <v>3</v>
      </c>
      <c r="G2962" t="s">
        <v>14</v>
      </c>
      <c r="H2962" t="s">
        <v>28048</v>
      </c>
      <c r="I2962" t="s">
        <v>30540</v>
      </c>
    </row>
    <row r="2963" spans="1:9">
      <c r="A2963" s="1">
        <v>0.4529786535777911</v>
      </c>
      <c r="B2963" s="1"/>
      <c r="C2963">
        <v>14</v>
      </c>
      <c r="D2963" t="s">
        <v>28029</v>
      </c>
      <c r="E2963" t="s">
        <v>34335</v>
      </c>
      <c r="F2963">
        <v>3</v>
      </c>
      <c r="G2963" t="s">
        <v>14</v>
      </c>
      <c r="H2963" t="s">
        <v>28030</v>
      </c>
      <c r="I2963" t="s">
        <v>30540</v>
      </c>
    </row>
    <row r="2964" spans="1:9">
      <c r="A2964" s="1">
        <v>0.62225901559569652</v>
      </c>
      <c r="B2964" s="1"/>
      <c r="C2964">
        <v>3</v>
      </c>
      <c r="D2964" t="s">
        <v>28017</v>
      </c>
      <c r="E2964" t="s">
        <v>34337</v>
      </c>
      <c r="F2964">
        <v>0</v>
      </c>
      <c r="G2964" t="s">
        <v>1431</v>
      </c>
      <c r="H2964" t="s">
        <v>28018</v>
      </c>
      <c r="I2964" t="s">
        <v>30540</v>
      </c>
    </row>
    <row r="2965" spans="1:9">
      <c r="A2965" s="1">
        <v>0.29623376835111315</v>
      </c>
      <c r="B2965" s="1"/>
      <c r="C2965">
        <v>18</v>
      </c>
      <c r="D2965" t="s">
        <v>28005</v>
      </c>
      <c r="E2965" t="s">
        <v>34339</v>
      </c>
      <c r="F2965">
        <v>3</v>
      </c>
      <c r="G2965" t="s">
        <v>14</v>
      </c>
      <c r="H2965" t="s">
        <v>28006</v>
      </c>
      <c r="I2965" t="s">
        <v>30540</v>
      </c>
    </row>
    <row r="2966" spans="1:9">
      <c r="A2966" s="1">
        <v>0.27731204907687768</v>
      </c>
      <c r="B2966" s="1"/>
      <c r="C2966">
        <v>13</v>
      </c>
      <c r="D2966" t="s">
        <v>28001</v>
      </c>
      <c r="E2966" t="s">
        <v>34339</v>
      </c>
      <c r="F2966">
        <v>2</v>
      </c>
      <c r="G2966" t="s">
        <v>14</v>
      </c>
      <c r="H2966" t="s">
        <v>28002</v>
      </c>
      <c r="I2966" t="s">
        <v>30540</v>
      </c>
    </row>
    <row r="2967" spans="1:9">
      <c r="A2967" s="1">
        <v>0.61136313469840631</v>
      </c>
      <c r="B2967" s="1"/>
      <c r="C2967">
        <v>8</v>
      </c>
      <c r="D2967" t="s">
        <v>27991</v>
      </c>
      <c r="E2967" t="s">
        <v>34341</v>
      </c>
      <c r="F2967">
        <v>2</v>
      </c>
      <c r="G2967" t="s">
        <v>9</v>
      </c>
      <c r="H2967" t="s">
        <v>27992</v>
      </c>
      <c r="I2967" t="s">
        <v>30540</v>
      </c>
    </row>
    <row r="2968" spans="1:9">
      <c r="A2968" s="1">
        <v>0.20798146866075362</v>
      </c>
      <c r="B2968" s="1"/>
      <c r="C2968">
        <v>1</v>
      </c>
      <c r="D2968" t="s">
        <v>27981</v>
      </c>
      <c r="E2968" t="s">
        <v>34343</v>
      </c>
      <c r="F2968">
        <v>1</v>
      </c>
      <c r="G2968" t="s">
        <v>2</v>
      </c>
      <c r="H2968" t="s">
        <v>27982</v>
      </c>
      <c r="I2968" t="s">
        <v>30540</v>
      </c>
    </row>
    <row r="2969" spans="1:9">
      <c r="A2969" s="1">
        <v>0.53705715699445011</v>
      </c>
      <c r="B2969" s="1"/>
      <c r="C2969">
        <v>13</v>
      </c>
      <c r="D2969" t="s">
        <v>27979</v>
      </c>
      <c r="E2969" t="s">
        <v>34344</v>
      </c>
      <c r="F2969">
        <v>2</v>
      </c>
      <c r="G2969" t="s">
        <v>14</v>
      </c>
      <c r="H2969" t="s">
        <v>27980</v>
      </c>
      <c r="I2969" t="s">
        <v>30540</v>
      </c>
    </row>
    <row r="2970" spans="1:9">
      <c r="A2970" s="1">
        <v>0.90292662807192692</v>
      </c>
      <c r="B2970" s="1"/>
      <c r="C2970">
        <v>20</v>
      </c>
      <c r="D2970" t="s">
        <v>27951</v>
      </c>
      <c r="E2970" t="s">
        <v>34347</v>
      </c>
      <c r="F2970">
        <v>3</v>
      </c>
      <c r="G2970" t="s">
        <v>14</v>
      </c>
      <c r="H2970" t="s">
        <v>27952</v>
      </c>
      <c r="I2970" t="s">
        <v>30540</v>
      </c>
    </row>
    <row r="2971" spans="1:9">
      <c r="A2971" s="1">
        <v>0.489824547158623</v>
      </c>
      <c r="B2971" s="1"/>
      <c r="C2971">
        <v>17</v>
      </c>
      <c r="D2971" t="s">
        <v>27947</v>
      </c>
      <c r="E2971" t="s">
        <v>34347</v>
      </c>
      <c r="F2971">
        <v>2</v>
      </c>
      <c r="G2971" t="s">
        <v>2</v>
      </c>
      <c r="H2971" t="s">
        <v>27948</v>
      </c>
      <c r="I2971" t="s">
        <v>30540</v>
      </c>
    </row>
    <row r="2972" spans="1:9">
      <c r="A2972" s="1">
        <v>0.69418278874385964</v>
      </c>
      <c r="B2972" s="1"/>
      <c r="C2972">
        <v>11</v>
      </c>
      <c r="D2972" t="s">
        <v>27935</v>
      </c>
      <c r="E2972" t="s">
        <v>34348</v>
      </c>
      <c r="F2972">
        <v>2</v>
      </c>
      <c r="G2972" t="s">
        <v>14</v>
      </c>
      <c r="H2972" t="s">
        <v>27936</v>
      </c>
      <c r="I2972" t="s">
        <v>30540</v>
      </c>
    </row>
    <row r="2973" spans="1:9">
      <c r="A2973" s="1">
        <v>0.70094111606955345</v>
      </c>
      <c r="B2973" s="1"/>
      <c r="C2973">
        <v>5</v>
      </c>
      <c r="D2973" t="s">
        <v>27911</v>
      </c>
      <c r="E2973" t="s">
        <v>34351</v>
      </c>
      <c r="F2973">
        <v>3</v>
      </c>
      <c r="G2973" t="s">
        <v>15</v>
      </c>
      <c r="H2973" t="s">
        <v>27912</v>
      </c>
      <c r="I2973" t="s">
        <v>30540</v>
      </c>
    </row>
    <row r="2974" spans="1:9">
      <c r="A2974" s="1">
        <v>0.4167845961100306</v>
      </c>
      <c r="B2974" s="1"/>
      <c r="C2974">
        <v>12</v>
      </c>
      <c r="D2974" t="s">
        <v>27901</v>
      </c>
      <c r="E2974" t="s">
        <v>34353</v>
      </c>
      <c r="F2974">
        <v>3</v>
      </c>
      <c r="G2974" t="s">
        <v>9</v>
      </c>
      <c r="H2974" t="s">
        <v>27902</v>
      </c>
      <c r="I2974" t="s">
        <v>30540</v>
      </c>
    </row>
    <row r="2975" spans="1:9">
      <c r="A2975" s="1">
        <v>2.0224909576526451E-2</v>
      </c>
      <c r="B2975" s="1"/>
      <c r="C2975">
        <v>7</v>
      </c>
      <c r="D2975" t="s">
        <v>27877</v>
      </c>
      <c r="E2975" t="s">
        <v>34355</v>
      </c>
      <c r="F2975">
        <v>2</v>
      </c>
      <c r="G2975" t="s">
        <v>2738</v>
      </c>
      <c r="H2975" t="s">
        <v>27878</v>
      </c>
      <c r="I2975" t="s">
        <v>30540</v>
      </c>
    </row>
    <row r="2976" spans="1:9">
      <c r="A2976" s="1">
        <v>0.10786027686528965</v>
      </c>
      <c r="B2976" s="1"/>
      <c r="C2976">
        <v>6</v>
      </c>
      <c r="D2976" t="s">
        <v>27869</v>
      </c>
      <c r="E2976" t="s">
        <v>34356</v>
      </c>
      <c r="F2976">
        <v>3</v>
      </c>
      <c r="G2976" t="s">
        <v>14</v>
      </c>
      <c r="H2976" t="s">
        <v>27870</v>
      </c>
      <c r="I2976" t="s">
        <v>30540</v>
      </c>
    </row>
    <row r="2977" spans="1:9">
      <c r="A2977" s="1">
        <v>0.64874825437432571</v>
      </c>
      <c r="B2977" s="1"/>
      <c r="C2977">
        <v>1</v>
      </c>
      <c r="D2977" t="s">
        <v>27837</v>
      </c>
      <c r="E2977" t="s">
        <v>34359</v>
      </c>
      <c r="F2977">
        <v>2</v>
      </c>
      <c r="G2977" t="s">
        <v>1</v>
      </c>
      <c r="H2977" t="s">
        <v>27838</v>
      </c>
      <c r="I2977" t="s">
        <v>30540</v>
      </c>
    </row>
    <row r="2978" spans="1:9">
      <c r="A2978" s="1">
        <v>0.55597351900333447</v>
      </c>
      <c r="B2978" s="1"/>
      <c r="C2978">
        <v>20</v>
      </c>
      <c r="D2978" t="s">
        <v>27847</v>
      </c>
      <c r="E2978" t="s">
        <v>34359</v>
      </c>
      <c r="F2978">
        <v>2</v>
      </c>
      <c r="G2978" t="s">
        <v>10</v>
      </c>
      <c r="H2978" t="s">
        <v>27848</v>
      </c>
      <c r="I2978" t="s">
        <v>30540</v>
      </c>
    </row>
    <row r="2979" spans="1:9">
      <c r="A2979" s="1">
        <v>0.46438800415455805</v>
      </c>
      <c r="B2979" s="1"/>
      <c r="C2979">
        <v>20</v>
      </c>
      <c r="D2979" t="s">
        <v>27835</v>
      </c>
      <c r="E2979" t="s">
        <v>34360</v>
      </c>
      <c r="F2979">
        <v>1</v>
      </c>
      <c r="G2979" t="s">
        <v>2738</v>
      </c>
      <c r="H2979" t="s">
        <v>27836</v>
      </c>
      <c r="I2979" t="s">
        <v>30540</v>
      </c>
    </row>
    <row r="2980" spans="1:9">
      <c r="A2980" s="1">
        <v>0.90240488385563011</v>
      </c>
      <c r="B2980" s="1"/>
      <c r="C2980">
        <v>14</v>
      </c>
      <c r="D2980" t="s">
        <v>27829</v>
      </c>
      <c r="E2980" t="s">
        <v>34361</v>
      </c>
      <c r="F2980">
        <v>3</v>
      </c>
      <c r="G2980" t="s">
        <v>14</v>
      </c>
      <c r="H2980" t="s">
        <v>27830</v>
      </c>
      <c r="I2980" t="s">
        <v>30540</v>
      </c>
    </row>
    <row r="2981" spans="1:9">
      <c r="A2981" s="1">
        <v>0.47602174965616395</v>
      </c>
      <c r="B2981" s="1"/>
      <c r="C2981">
        <v>18</v>
      </c>
      <c r="D2981" t="s">
        <v>27825</v>
      </c>
      <c r="E2981" t="s">
        <v>34362</v>
      </c>
      <c r="F2981">
        <v>2</v>
      </c>
      <c r="G2981" t="s">
        <v>14</v>
      </c>
      <c r="H2981" t="s">
        <v>27826</v>
      </c>
      <c r="I2981" t="s">
        <v>30540</v>
      </c>
    </row>
    <row r="2982" spans="1:9">
      <c r="A2982" s="1">
        <v>0.90187123860257534</v>
      </c>
      <c r="B2982" s="1"/>
      <c r="C2982">
        <v>17</v>
      </c>
      <c r="D2982" t="s">
        <v>27817</v>
      </c>
      <c r="E2982" t="s">
        <v>34363</v>
      </c>
      <c r="F2982">
        <v>3</v>
      </c>
      <c r="G2982" t="s">
        <v>14</v>
      </c>
      <c r="H2982" t="s">
        <v>27818</v>
      </c>
      <c r="I2982" t="s">
        <v>30540</v>
      </c>
    </row>
    <row r="2983" spans="1:9">
      <c r="A2983" s="1">
        <v>0.4934803152050995</v>
      </c>
      <c r="B2983" s="1"/>
      <c r="C2983">
        <v>16</v>
      </c>
      <c r="D2983" t="s">
        <v>27793</v>
      </c>
      <c r="E2983" t="s">
        <v>34366</v>
      </c>
      <c r="F2983">
        <v>2</v>
      </c>
      <c r="G2983" t="s">
        <v>14</v>
      </c>
      <c r="H2983" t="s">
        <v>27794</v>
      </c>
      <c r="I2983" t="s">
        <v>30540</v>
      </c>
    </row>
    <row r="2984" spans="1:9">
      <c r="A2984" s="1">
        <v>0.60024973768679146</v>
      </c>
      <c r="B2984" s="1"/>
      <c r="C2984">
        <v>17</v>
      </c>
      <c r="D2984" t="s">
        <v>27779</v>
      </c>
      <c r="E2984" t="s">
        <v>34367</v>
      </c>
      <c r="F2984">
        <v>2</v>
      </c>
      <c r="G2984" t="s">
        <v>14</v>
      </c>
      <c r="H2984" t="s">
        <v>27780</v>
      </c>
      <c r="I2984" t="s">
        <v>30540</v>
      </c>
    </row>
    <row r="2985" spans="1:9">
      <c r="A2985" s="1">
        <v>0.73807593241903002</v>
      </c>
      <c r="B2985" s="1"/>
      <c r="C2985">
        <v>6</v>
      </c>
      <c r="D2985" t="s">
        <v>27767</v>
      </c>
      <c r="E2985" t="s">
        <v>34368</v>
      </c>
      <c r="F2985">
        <v>2</v>
      </c>
      <c r="G2985" t="s">
        <v>775</v>
      </c>
      <c r="H2985" t="s">
        <v>27768</v>
      </c>
      <c r="I2985" t="s">
        <v>30540</v>
      </c>
    </row>
    <row r="2986" spans="1:9">
      <c r="A2986" s="1">
        <v>0.1980702933876155</v>
      </c>
      <c r="B2986" s="1"/>
      <c r="C2986">
        <v>20</v>
      </c>
      <c r="D2986" t="s">
        <v>27775</v>
      </c>
      <c r="E2986" t="s">
        <v>34368</v>
      </c>
      <c r="F2986">
        <v>2</v>
      </c>
      <c r="G2986" t="s">
        <v>2738</v>
      </c>
      <c r="H2986" t="s">
        <v>27776</v>
      </c>
      <c r="I2986" t="s">
        <v>30540</v>
      </c>
    </row>
    <row r="2987" spans="1:9">
      <c r="A2987" s="1">
        <v>0.24748397734346383</v>
      </c>
      <c r="B2987" s="1"/>
      <c r="C2987">
        <v>12</v>
      </c>
      <c r="D2987" t="s">
        <v>27771</v>
      </c>
      <c r="E2987" t="s">
        <v>34368</v>
      </c>
      <c r="F2987">
        <v>2</v>
      </c>
      <c r="G2987" t="s">
        <v>762</v>
      </c>
      <c r="H2987" t="s">
        <v>27772</v>
      </c>
      <c r="I2987" t="s">
        <v>30540</v>
      </c>
    </row>
    <row r="2988" spans="1:9">
      <c r="A2988" s="1">
        <v>0.41247675156477048</v>
      </c>
      <c r="B2988" s="1"/>
      <c r="C2988">
        <v>10</v>
      </c>
      <c r="D2988" t="s">
        <v>27733</v>
      </c>
      <c r="E2988" t="s">
        <v>34371</v>
      </c>
      <c r="F2988">
        <v>2</v>
      </c>
      <c r="G2988" t="s">
        <v>1</v>
      </c>
      <c r="H2988" t="s">
        <v>27734</v>
      </c>
      <c r="I2988" t="s">
        <v>30540</v>
      </c>
    </row>
    <row r="2989" spans="1:9">
      <c r="A2989" s="1">
        <v>0.11749444978520263</v>
      </c>
      <c r="B2989" s="1"/>
      <c r="C2989">
        <v>6</v>
      </c>
      <c r="D2989" t="s">
        <v>27711</v>
      </c>
      <c r="E2989" t="s">
        <v>34373</v>
      </c>
      <c r="F2989">
        <v>3</v>
      </c>
      <c r="G2989" t="s">
        <v>10</v>
      </c>
      <c r="H2989" t="s">
        <v>27712</v>
      </c>
      <c r="I2989" t="s">
        <v>30540</v>
      </c>
    </row>
    <row r="2990" spans="1:9">
      <c r="A2990" s="1">
        <v>0.3291890724995985</v>
      </c>
      <c r="B2990" s="1"/>
      <c r="C2990">
        <v>5</v>
      </c>
      <c r="D2990" t="s">
        <v>27709</v>
      </c>
      <c r="E2990" t="s">
        <v>34373</v>
      </c>
      <c r="F2990">
        <v>2</v>
      </c>
      <c r="G2990" t="s">
        <v>775</v>
      </c>
      <c r="H2990" t="s">
        <v>27710</v>
      </c>
      <c r="I2990" t="s">
        <v>30540</v>
      </c>
    </row>
    <row r="2991" spans="1:9">
      <c r="A2991" s="1">
        <v>0.84395200108851187</v>
      </c>
      <c r="B2991" s="1"/>
      <c r="C2991">
        <v>15</v>
      </c>
      <c r="D2991" t="s">
        <v>27703</v>
      </c>
      <c r="E2991" t="s">
        <v>34374</v>
      </c>
      <c r="F2991">
        <v>3</v>
      </c>
      <c r="G2991" t="s">
        <v>0</v>
      </c>
      <c r="H2991" t="s">
        <v>27704</v>
      </c>
      <c r="I2991" t="s">
        <v>30540</v>
      </c>
    </row>
    <row r="2992" spans="1:9">
      <c r="A2992" s="1">
        <v>0.99388922890444642</v>
      </c>
      <c r="B2992" s="1"/>
      <c r="C2992">
        <v>11</v>
      </c>
      <c r="D2992" t="s">
        <v>27655</v>
      </c>
      <c r="E2992" t="s">
        <v>34379</v>
      </c>
      <c r="F2992">
        <v>3</v>
      </c>
      <c r="G2992" t="s">
        <v>14</v>
      </c>
      <c r="H2992" t="s">
        <v>27656</v>
      </c>
      <c r="I2992" t="s">
        <v>30540</v>
      </c>
    </row>
    <row r="2993" spans="1:9">
      <c r="A2993" s="1">
        <v>0.65151054494043104</v>
      </c>
      <c r="B2993" s="1"/>
      <c r="C2993">
        <v>16</v>
      </c>
      <c r="D2993" t="s">
        <v>27659</v>
      </c>
      <c r="E2993" t="s">
        <v>34379</v>
      </c>
      <c r="F2993">
        <v>1</v>
      </c>
      <c r="G2993" t="s">
        <v>0</v>
      </c>
      <c r="H2993" t="s">
        <v>27660</v>
      </c>
      <c r="I2993" t="s">
        <v>30540</v>
      </c>
    </row>
    <row r="2994" spans="1:9">
      <c r="A2994" s="1">
        <v>0.95693247786212721</v>
      </c>
      <c r="B2994" s="1"/>
      <c r="C2994">
        <v>1</v>
      </c>
      <c r="D2994" t="s">
        <v>27633</v>
      </c>
      <c r="E2994" t="s">
        <v>34382</v>
      </c>
      <c r="F2994">
        <v>2</v>
      </c>
      <c r="G2994" t="s">
        <v>9</v>
      </c>
      <c r="H2994" t="s">
        <v>27634</v>
      </c>
      <c r="I2994" t="s">
        <v>30540</v>
      </c>
    </row>
    <row r="2995" spans="1:9">
      <c r="A2995" s="1">
        <v>0.41585979247400862</v>
      </c>
      <c r="B2995" s="1"/>
      <c r="C2995">
        <v>7</v>
      </c>
      <c r="D2995" t="s">
        <v>27627</v>
      </c>
      <c r="E2995" t="s">
        <v>34384</v>
      </c>
      <c r="F2995">
        <v>2</v>
      </c>
      <c r="G2995" t="s">
        <v>10</v>
      </c>
      <c r="H2995" t="s">
        <v>27628</v>
      </c>
      <c r="I2995" t="s">
        <v>30540</v>
      </c>
    </row>
    <row r="2996" spans="1:9">
      <c r="A2996" s="1">
        <v>0.67373738284026918</v>
      </c>
      <c r="B2996" s="1"/>
      <c r="C2996">
        <v>3</v>
      </c>
      <c r="D2996" t="s">
        <v>27615</v>
      </c>
      <c r="E2996" t="s">
        <v>34386</v>
      </c>
      <c r="F2996">
        <v>3</v>
      </c>
      <c r="G2996" t="s">
        <v>14</v>
      </c>
      <c r="H2996" t="s">
        <v>27616</v>
      </c>
      <c r="I2996" t="s">
        <v>30540</v>
      </c>
    </row>
    <row r="2997" spans="1:9">
      <c r="A2997" s="1">
        <v>0.71465105947558694</v>
      </c>
      <c r="B2997" s="1"/>
      <c r="C2997">
        <v>13</v>
      </c>
      <c r="D2997" t="s">
        <v>27619</v>
      </c>
      <c r="E2997" t="s">
        <v>34386</v>
      </c>
      <c r="F2997">
        <v>2</v>
      </c>
      <c r="G2997" t="s">
        <v>14</v>
      </c>
      <c r="H2997" t="s">
        <v>27620</v>
      </c>
      <c r="I2997" t="s">
        <v>30540</v>
      </c>
    </row>
    <row r="2998" spans="1:9">
      <c r="A2998" s="1">
        <v>0.71494967796094677</v>
      </c>
      <c r="B2998" s="1"/>
      <c r="C2998">
        <v>4</v>
      </c>
      <c r="D2998" t="s">
        <v>27617</v>
      </c>
      <c r="E2998" t="s">
        <v>34386</v>
      </c>
      <c r="F2998">
        <v>2</v>
      </c>
      <c r="G2998" t="s">
        <v>9</v>
      </c>
      <c r="H2998" t="s">
        <v>27618</v>
      </c>
      <c r="I2998" t="s">
        <v>30540</v>
      </c>
    </row>
    <row r="2999" spans="1:9">
      <c r="A2999" s="1">
        <v>0.70325541156334948</v>
      </c>
      <c r="B2999" s="1"/>
      <c r="C2999">
        <v>12</v>
      </c>
      <c r="D2999" t="s">
        <v>27605</v>
      </c>
      <c r="E2999" t="s">
        <v>34387</v>
      </c>
      <c r="F2999">
        <v>3</v>
      </c>
      <c r="G2999" t="s">
        <v>9</v>
      </c>
      <c r="H2999" t="s">
        <v>27606</v>
      </c>
      <c r="I2999" t="s">
        <v>30540</v>
      </c>
    </row>
    <row r="3000" spans="1:9">
      <c r="A3000" s="1">
        <v>0.21399028087060923</v>
      </c>
      <c r="B3000" s="1"/>
      <c r="C3000">
        <v>9</v>
      </c>
      <c r="D3000" t="s">
        <v>27601</v>
      </c>
      <c r="E3000" t="s">
        <v>34387</v>
      </c>
      <c r="F3000">
        <v>2</v>
      </c>
      <c r="G3000" t="s">
        <v>9</v>
      </c>
      <c r="H3000" t="s">
        <v>27602</v>
      </c>
      <c r="I3000" t="s">
        <v>30540</v>
      </c>
    </row>
    <row r="3001" spans="1:9">
      <c r="A3001" s="1">
        <v>0.56707868049116639</v>
      </c>
      <c r="B3001" s="1"/>
      <c r="C3001">
        <v>20</v>
      </c>
      <c r="D3001" t="s">
        <v>27613</v>
      </c>
      <c r="E3001" t="s">
        <v>34387</v>
      </c>
      <c r="F3001">
        <v>2</v>
      </c>
      <c r="G3001" t="s">
        <v>15</v>
      </c>
      <c r="H3001" t="s">
        <v>27614</v>
      </c>
      <c r="I3001" t="s">
        <v>30540</v>
      </c>
    </row>
    <row r="3002" spans="1:9">
      <c r="A3002" s="1">
        <v>0.2542585672220512</v>
      </c>
      <c r="B3002" s="1"/>
      <c r="C3002">
        <v>4</v>
      </c>
      <c r="D3002" t="s">
        <v>27589</v>
      </c>
      <c r="E3002" t="s">
        <v>34388</v>
      </c>
      <c r="F3002">
        <v>3</v>
      </c>
      <c r="G3002" t="s">
        <v>775</v>
      </c>
      <c r="H3002" t="s">
        <v>27590</v>
      </c>
      <c r="I3002" t="s">
        <v>30540</v>
      </c>
    </row>
    <row r="3003" spans="1:9">
      <c r="A3003" s="1">
        <v>0.36796103908146671</v>
      </c>
      <c r="B3003" s="1"/>
      <c r="C3003">
        <v>6</v>
      </c>
      <c r="D3003" t="s">
        <v>27591</v>
      </c>
      <c r="E3003" t="s">
        <v>34388</v>
      </c>
      <c r="F3003">
        <v>3</v>
      </c>
      <c r="G3003" t="s">
        <v>15</v>
      </c>
      <c r="H3003" t="s">
        <v>27592</v>
      </c>
      <c r="I3003" t="s">
        <v>30540</v>
      </c>
    </row>
    <row r="3004" spans="1:9">
      <c r="A3004" s="1">
        <v>1.5852623481819261E-2</v>
      </c>
      <c r="B3004" s="1"/>
      <c r="C3004">
        <v>19</v>
      </c>
      <c r="D3004" t="s">
        <v>27595</v>
      </c>
      <c r="E3004" t="s">
        <v>34388</v>
      </c>
      <c r="F3004">
        <v>2</v>
      </c>
      <c r="G3004" t="s">
        <v>14</v>
      </c>
      <c r="H3004" t="s">
        <v>27596</v>
      </c>
      <c r="I3004" t="s">
        <v>30540</v>
      </c>
    </row>
    <row r="3005" spans="1:9">
      <c r="A3005" s="1">
        <v>0.68224428415785499</v>
      </c>
      <c r="B3005" s="1"/>
      <c r="C3005">
        <v>10</v>
      </c>
      <c r="D3005" t="s">
        <v>27581</v>
      </c>
      <c r="E3005" t="s">
        <v>34389</v>
      </c>
      <c r="F3005">
        <v>3</v>
      </c>
      <c r="G3005" t="s">
        <v>14</v>
      </c>
      <c r="H3005" t="s">
        <v>27582</v>
      </c>
      <c r="I3005" t="s">
        <v>30540</v>
      </c>
    </row>
    <row r="3006" spans="1:9">
      <c r="A3006" s="1">
        <v>0.38314476542948228</v>
      </c>
      <c r="B3006" s="1"/>
      <c r="C3006">
        <v>15</v>
      </c>
      <c r="D3006" t="s">
        <v>27543</v>
      </c>
      <c r="E3006" t="s">
        <v>34395</v>
      </c>
      <c r="F3006">
        <v>2</v>
      </c>
      <c r="G3006" t="s">
        <v>14</v>
      </c>
      <c r="H3006" t="s">
        <v>27544</v>
      </c>
      <c r="I3006" t="s">
        <v>30540</v>
      </c>
    </row>
    <row r="3007" spans="1:9">
      <c r="A3007" s="1">
        <v>0.24929992718714966</v>
      </c>
      <c r="B3007" s="1"/>
      <c r="C3007">
        <v>5</v>
      </c>
      <c r="D3007" t="s">
        <v>27527</v>
      </c>
      <c r="E3007" t="s">
        <v>34396</v>
      </c>
      <c r="F3007">
        <v>1</v>
      </c>
      <c r="G3007" t="s">
        <v>9</v>
      </c>
      <c r="H3007" t="s">
        <v>27528</v>
      </c>
      <c r="I3007" t="s">
        <v>30540</v>
      </c>
    </row>
    <row r="3008" spans="1:9">
      <c r="A3008" s="1">
        <v>0.68819013785781558</v>
      </c>
      <c r="B3008" s="1"/>
      <c r="C3008">
        <v>8</v>
      </c>
      <c r="D3008" t="s">
        <v>27505</v>
      </c>
      <c r="E3008" t="s">
        <v>34399</v>
      </c>
      <c r="F3008">
        <v>3</v>
      </c>
      <c r="G3008" t="s">
        <v>14</v>
      </c>
      <c r="H3008" t="s">
        <v>27506</v>
      </c>
      <c r="I3008" t="s">
        <v>30540</v>
      </c>
    </row>
    <row r="3009" spans="1:9">
      <c r="A3009" s="1">
        <v>0.67150166358448338</v>
      </c>
      <c r="B3009" s="1"/>
      <c r="C3009">
        <v>20</v>
      </c>
      <c r="D3009" t="s">
        <v>27497</v>
      </c>
      <c r="E3009" t="s">
        <v>34401</v>
      </c>
      <c r="F3009">
        <v>2</v>
      </c>
      <c r="G3009" t="s">
        <v>14</v>
      </c>
      <c r="H3009" t="s">
        <v>27498</v>
      </c>
      <c r="I3009" t="s">
        <v>30540</v>
      </c>
    </row>
    <row r="3010" spans="1:9">
      <c r="A3010" s="1">
        <v>0.25126165883694984</v>
      </c>
      <c r="B3010" s="1"/>
      <c r="C3010">
        <v>12</v>
      </c>
      <c r="D3010" t="s">
        <v>27487</v>
      </c>
      <c r="E3010" t="s">
        <v>34403</v>
      </c>
      <c r="F3010">
        <v>2</v>
      </c>
      <c r="G3010" t="s">
        <v>3732</v>
      </c>
      <c r="H3010" t="s">
        <v>27488</v>
      </c>
      <c r="I3010" t="s">
        <v>30540</v>
      </c>
    </row>
    <row r="3011" spans="1:9">
      <c r="A3011" s="1">
        <v>0.21709796170283868</v>
      </c>
      <c r="B3011" s="1"/>
      <c r="C3011">
        <v>3</v>
      </c>
      <c r="D3011" t="s">
        <v>27455</v>
      </c>
      <c r="E3011" t="s">
        <v>34406</v>
      </c>
      <c r="F3011">
        <v>2</v>
      </c>
      <c r="G3011" t="s">
        <v>10</v>
      </c>
      <c r="H3011" t="s">
        <v>27456</v>
      </c>
      <c r="I3011" t="s">
        <v>30540</v>
      </c>
    </row>
    <row r="3012" spans="1:9">
      <c r="A3012" s="1">
        <v>0.59372483171727208</v>
      </c>
      <c r="B3012" s="1"/>
      <c r="C3012">
        <v>5</v>
      </c>
      <c r="D3012" t="s">
        <v>27433</v>
      </c>
      <c r="E3012" t="s">
        <v>34409</v>
      </c>
      <c r="F3012">
        <v>2</v>
      </c>
      <c r="G3012" t="s">
        <v>14</v>
      </c>
      <c r="H3012" t="s">
        <v>27434</v>
      </c>
      <c r="I3012" t="s">
        <v>30540</v>
      </c>
    </row>
    <row r="3013" spans="1:9">
      <c r="A3013" s="1">
        <v>0.58686796178228051</v>
      </c>
      <c r="B3013" s="1"/>
      <c r="C3013">
        <v>16</v>
      </c>
      <c r="D3013" t="s">
        <v>27413</v>
      </c>
      <c r="E3013" t="s">
        <v>34413</v>
      </c>
      <c r="F3013">
        <v>2</v>
      </c>
      <c r="G3013" t="s">
        <v>14</v>
      </c>
      <c r="H3013" t="s">
        <v>27414</v>
      </c>
      <c r="I3013" t="s">
        <v>30540</v>
      </c>
    </row>
    <row r="3014" spans="1:9">
      <c r="A3014" s="1">
        <v>0.67487508748798064</v>
      </c>
      <c r="B3014" s="1"/>
      <c r="C3014">
        <v>7</v>
      </c>
      <c r="D3014" t="s">
        <v>27391</v>
      </c>
      <c r="E3014" t="s">
        <v>34416</v>
      </c>
      <c r="F3014">
        <v>3</v>
      </c>
      <c r="G3014" t="s">
        <v>10</v>
      </c>
      <c r="H3014" t="s">
        <v>27392</v>
      </c>
      <c r="I3014" t="s">
        <v>30540</v>
      </c>
    </row>
    <row r="3015" spans="1:9">
      <c r="A3015" s="1">
        <v>0.67711701323007767</v>
      </c>
      <c r="B3015" s="1"/>
      <c r="C3015">
        <v>9</v>
      </c>
      <c r="D3015" t="s">
        <v>27373</v>
      </c>
      <c r="E3015" t="s">
        <v>34418</v>
      </c>
      <c r="F3015">
        <v>2</v>
      </c>
      <c r="G3015" t="s">
        <v>9</v>
      </c>
      <c r="H3015" t="s">
        <v>27374</v>
      </c>
      <c r="I3015" t="s">
        <v>30540</v>
      </c>
    </row>
    <row r="3016" spans="1:9">
      <c r="A3016" s="1">
        <v>0.84609136005419971</v>
      </c>
      <c r="B3016" s="1"/>
      <c r="C3016">
        <v>11</v>
      </c>
      <c r="D3016" t="s">
        <v>27375</v>
      </c>
      <c r="E3016" t="s">
        <v>34418</v>
      </c>
      <c r="F3016">
        <v>2</v>
      </c>
      <c r="G3016" t="s">
        <v>14</v>
      </c>
      <c r="H3016" t="s">
        <v>27376</v>
      </c>
      <c r="I3016" t="s">
        <v>30540</v>
      </c>
    </row>
    <row r="3017" spans="1:9">
      <c r="A3017" s="1">
        <v>0.80324776131171749</v>
      </c>
      <c r="B3017" s="1"/>
      <c r="C3017">
        <v>7</v>
      </c>
      <c r="D3017" t="s">
        <v>27365</v>
      </c>
      <c r="E3017" t="s">
        <v>34419</v>
      </c>
      <c r="F3017">
        <v>1</v>
      </c>
      <c r="G3017" t="s">
        <v>14</v>
      </c>
      <c r="H3017" t="s">
        <v>27366</v>
      </c>
      <c r="I3017" t="s">
        <v>30540</v>
      </c>
    </row>
    <row r="3018" spans="1:9">
      <c r="A3018" s="1">
        <v>0.75329607601190984</v>
      </c>
      <c r="B3018" s="1"/>
      <c r="C3018">
        <v>2</v>
      </c>
      <c r="D3018" t="s">
        <v>27351</v>
      </c>
      <c r="E3018" t="s">
        <v>34420</v>
      </c>
      <c r="F3018">
        <v>2</v>
      </c>
      <c r="G3018" t="s">
        <v>10</v>
      </c>
      <c r="H3018" t="s">
        <v>27352</v>
      </c>
      <c r="I3018" t="s">
        <v>30540</v>
      </c>
    </row>
    <row r="3019" spans="1:9">
      <c r="A3019" s="1">
        <v>0.88693506962382707</v>
      </c>
      <c r="B3019" s="1"/>
      <c r="C3019">
        <v>3</v>
      </c>
      <c r="D3019" t="s">
        <v>27331</v>
      </c>
      <c r="E3019" t="s">
        <v>34422</v>
      </c>
      <c r="F3019">
        <v>2</v>
      </c>
      <c r="G3019" t="s">
        <v>15</v>
      </c>
      <c r="H3019" t="s">
        <v>27332</v>
      </c>
      <c r="I3019" t="s">
        <v>30540</v>
      </c>
    </row>
    <row r="3020" spans="1:9">
      <c r="A3020" s="1">
        <v>0.33676702106732248</v>
      </c>
      <c r="B3020" s="1"/>
      <c r="C3020">
        <v>5</v>
      </c>
      <c r="D3020" t="s">
        <v>27333</v>
      </c>
      <c r="E3020" t="s">
        <v>34422</v>
      </c>
      <c r="F3020">
        <v>1</v>
      </c>
      <c r="G3020" t="s">
        <v>1</v>
      </c>
      <c r="H3020" t="s">
        <v>27334</v>
      </c>
      <c r="I3020" t="s">
        <v>30540</v>
      </c>
    </row>
    <row r="3021" spans="1:9">
      <c r="A3021" s="1">
        <v>6.9348450566234621E-2</v>
      </c>
      <c r="B3021" s="1"/>
      <c r="C3021">
        <v>14</v>
      </c>
      <c r="D3021" t="s">
        <v>27323</v>
      </c>
      <c r="E3021" t="s">
        <v>34423</v>
      </c>
      <c r="F3021">
        <v>2</v>
      </c>
      <c r="G3021" t="s">
        <v>15</v>
      </c>
      <c r="H3021" t="s">
        <v>27324</v>
      </c>
      <c r="I3021" t="s">
        <v>30540</v>
      </c>
    </row>
    <row r="3022" spans="1:9">
      <c r="A3022" s="1">
        <v>0.11500958780079851</v>
      </c>
      <c r="B3022" s="1"/>
      <c r="C3022">
        <v>1</v>
      </c>
      <c r="D3022" t="s">
        <v>27313</v>
      </c>
      <c r="E3022" t="s">
        <v>34424</v>
      </c>
      <c r="F3022">
        <v>2</v>
      </c>
      <c r="G3022" t="s">
        <v>14</v>
      </c>
      <c r="H3022" t="s">
        <v>27314</v>
      </c>
      <c r="I3022" t="s">
        <v>30540</v>
      </c>
    </row>
    <row r="3023" spans="1:9">
      <c r="A3023" s="1">
        <v>0.10706193050222168</v>
      </c>
      <c r="B3023" s="1"/>
      <c r="C3023">
        <v>1</v>
      </c>
      <c r="D3023" t="s">
        <v>27299</v>
      </c>
      <c r="E3023" t="s">
        <v>34426</v>
      </c>
      <c r="F3023">
        <v>3</v>
      </c>
      <c r="G3023" t="s">
        <v>10</v>
      </c>
      <c r="H3023" t="s">
        <v>27300</v>
      </c>
      <c r="I3023" t="s">
        <v>30540</v>
      </c>
    </row>
    <row r="3024" spans="1:9">
      <c r="A3024" s="1">
        <v>0.19478237198430481</v>
      </c>
      <c r="B3024" s="1"/>
      <c r="C3024">
        <v>3</v>
      </c>
      <c r="D3024" t="s">
        <v>27259</v>
      </c>
      <c r="E3024" t="s">
        <v>34431</v>
      </c>
      <c r="F3024">
        <v>2</v>
      </c>
      <c r="G3024" t="s">
        <v>10</v>
      </c>
      <c r="H3024" t="s">
        <v>27260</v>
      </c>
      <c r="I3024" t="s">
        <v>30540</v>
      </c>
    </row>
    <row r="3025" spans="1:9">
      <c r="A3025" s="1">
        <v>0.50032897378525776</v>
      </c>
      <c r="B3025" s="1"/>
      <c r="C3025">
        <v>7</v>
      </c>
      <c r="D3025" t="s">
        <v>27257</v>
      </c>
      <c r="E3025" t="s">
        <v>34432</v>
      </c>
      <c r="F3025">
        <v>2</v>
      </c>
      <c r="G3025" t="s">
        <v>15</v>
      </c>
      <c r="H3025" t="s">
        <v>27258</v>
      </c>
      <c r="I3025" t="s">
        <v>30540</v>
      </c>
    </row>
    <row r="3026" spans="1:9">
      <c r="A3026" s="1">
        <v>0.88780558705887558</v>
      </c>
      <c r="B3026" s="1"/>
      <c r="C3026">
        <v>8</v>
      </c>
      <c r="D3026" t="s">
        <v>27229</v>
      </c>
      <c r="E3026" t="s">
        <v>34437</v>
      </c>
      <c r="F3026">
        <v>3</v>
      </c>
      <c r="G3026" t="s">
        <v>14</v>
      </c>
      <c r="H3026" t="s">
        <v>27230</v>
      </c>
      <c r="I3026" t="s">
        <v>30540</v>
      </c>
    </row>
    <row r="3027" spans="1:9">
      <c r="A3027" s="1">
        <v>0.46375535798105672</v>
      </c>
      <c r="B3027" s="1"/>
      <c r="C3027">
        <v>7</v>
      </c>
      <c r="D3027" t="s">
        <v>27227</v>
      </c>
      <c r="E3027" t="s">
        <v>34437</v>
      </c>
      <c r="F3027">
        <v>2</v>
      </c>
      <c r="G3027" t="s">
        <v>14</v>
      </c>
      <c r="H3027" t="s">
        <v>27228</v>
      </c>
      <c r="I3027" t="s">
        <v>30540</v>
      </c>
    </row>
    <row r="3028" spans="1:9">
      <c r="A3028" s="1">
        <v>0.83395466608218283</v>
      </c>
      <c r="B3028" s="1"/>
      <c r="C3028">
        <v>5</v>
      </c>
      <c r="D3028" t="s">
        <v>27215</v>
      </c>
      <c r="E3028" t="s">
        <v>34439</v>
      </c>
      <c r="F3028">
        <v>2</v>
      </c>
      <c r="G3028" t="s">
        <v>14</v>
      </c>
      <c r="H3028" t="s">
        <v>27216</v>
      </c>
      <c r="I3028" t="s">
        <v>30540</v>
      </c>
    </row>
    <row r="3029" spans="1:9">
      <c r="A3029" s="1">
        <v>0.47246326411318251</v>
      </c>
      <c r="B3029" s="1"/>
      <c r="C3029">
        <v>7</v>
      </c>
      <c r="D3029" t="s">
        <v>27207</v>
      </c>
      <c r="E3029" t="s">
        <v>34440</v>
      </c>
      <c r="F3029">
        <v>2</v>
      </c>
      <c r="G3029" t="s">
        <v>14</v>
      </c>
      <c r="H3029" t="s">
        <v>27208</v>
      </c>
      <c r="I3029" t="s">
        <v>30540</v>
      </c>
    </row>
    <row r="3030" spans="1:9">
      <c r="A3030" s="1">
        <v>0.98981702680565686</v>
      </c>
      <c r="B3030" s="1"/>
      <c r="C3030">
        <v>4</v>
      </c>
      <c r="D3030" t="s">
        <v>27199</v>
      </c>
      <c r="E3030" t="s">
        <v>34441</v>
      </c>
      <c r="F3030">
        <v>3</v>
      </c>
      <c r="G3030" t="s">
        <v>10</v>
      </c>
      <c r="H3030" t="s">
        <v>27200</v>
      </c>
      <c r="I3030" t="s">
        <v>30540</v>
      </c>
    </row>
    <row r="3031" spans="1:9">
      <c r="A3031" s="1">
        <v>0.44155485276093487</v>
      </c>
      <c r="B3031" s="1"/>
      <c r="C3031">
        <v>12</v>
      </c>
      <c r="D3031" t="s">
        <v>27195</v>
      </c>
      <c r="E3031" t="s">
        <v>34443</v>
      </c>
      <c r="F3031">
        <v>2</v>
      </c>
      <c r="G3031" t="s">
        <v>14</v>
      </c>
      <c r="H3031" t="s">
        <v>27196</v>
      </c>
      <c r="I3031" t="s">
        <v>30540</v>
      </c>
    </row>
    <row r="3032" spans="1:9">
      <c r="A3032" s="1">
        <v>0.61392335659338149</v>
      </c>
      <c r="B3032" s="1"/>
      <c r="C3032">
        <v>1</v>
      </c>
      <c r="D3032" t="s">
        <v>27187</v>
      </c>
      <c r="E3032" t="s">
        <v>34444</v>
      </c>
      <c r="F3032">
        <v>2</v>
      </c>
      <c r="G3032" t="s">
        <v>2</v>
      </c>
      <c r="H3032" t="s">
        <v>27188</v>
      </c>
      <c r="I3032" t="s">
        <v>30540</v>
      </c>
    </row>
    <row r="3033" spans="1:9">
      <c r="A3033" s="1">
        <v>0.86147648274439581</v>
      </c>
      <c r="B3033" s="1"/>
      <c r="C3033">
        <v>10</v>
      </c>
      <c r="D3033" t="s">
        <v>27177</v>
      </c>
      <c r="E3033" t="s">
        <v>34446</v>
      </c>
      <c r="F3033">
        <v>2</v>
      </c>
      <c r="G3033" t="s">
        <v>2</v>
      </c>
      <c r="H3033" t="s">
        <v>27178</v>
      </c>
      <c r="I3033" t="s">
        <v>30540</v>
      </c>
    </row>
    <row r="3034" spans="1:9">
      <c r="A3034" s="1">
        <v>0.26756919540128909</v>
      </c>
      <c r="B3034" s="1"/>
      <c r="C3034">
        <v>1</v>
      </c>
      <c r="D3034" t="s">
        <v>27169</v>
      </c>
      <c r="E3034" t="s">
        <v>34447</v>
      </c>
      <c r="F3034">
        <v>3</v>
      </c>
      <c r="G3034" t="s">
        <v>14</v>
      </c>
      <c r="H3034" t="s">
        <v>27170</v>
      </c>
      <c r="I3034" t="s">
        <v>30540</v>
      </c>
    </row>
    <row r="3035" spans="1:9">
      <c r="A3035" s="1">
        <v>0.20724144222303109</v>
      </c>
      <c r="B3035" s="1"/>
      <c r="C3035">
        <v>13</v>
      </c>
      <c r="D3035" t="s">
        <v>27173</v>
      </c>
      <c r="E3035" t="s">
        <v>34447</v>
      </c>
      <c r="F3035">
        <v>3</v>
      </c>
      <c r="G3035" t="s">
        <v>14</v>
      </c>
      <c r="H3035" t="s">
        <v>27174</v>
      </c>
      <c r="I3035" t="s">
        <v>30540</v>
      </c>
    </row>
    <row r="3036" spans="1:9">
      <c r="A3036" s="1">
        <v>0.57085347718729573</v>
      </c>
      <c r="B3036" s="1"/>
      <c r="C3036">
        <v>16</v>
      </c>
      <c r="D3036" t="s">
        <v>27165</v>
      </c>
      <c r="E3036" t="s">
        <v>34448</v>
      </c>
      <c r="F3036">
        <v>3</v>
      </c>
      <c r="G3036" t="s">
        <v>14</v>
      </c>
      <c r="H3036" t="s">
        <v>27166</v>
      </c>
      <c r="I3036" t="s">
        <v>30540</v>
      </c>
    </row>
    <row r="3037" spans="1:9">
      <c r="A3037" s="1">
        <v>0.81086564427706354</v>
      </c>
      <c r="B3037" s="1"/>
      <c r="C3037">
        <v>14</v>
      </c>
      <c r="D3037" t="s">
        <v>27163</v>
      </c>
      <c r="E3037" t="s">
        <v>34448</v>
      </c>
      <c r="F3037">
        <v>3</v>
      </c>
      <c r="G3037" t="s">
        <v>14</v>
      </c>
      <c r="H3037" t="s">
        <v>27164</v>
      </c>
      <c r="I3037" t="s">
        <v>30540</v>
      </c>
    </row>
    <row r="3038" spans="1:9">
      <c r="A3038" s="1">
        <v>0.75142286119245305</v>
      </c>
      <c r="B3038" s="1"/>
      <c r="C3038">
        <v>9</v>
      </c>
      <c r="D3038" t="s">
        <v>27125</v>
      </c>
      <c r="E3038" t="s">
        <v>34452</v>
      </c>
      <c r="F3038">
        <v>3</v>
      </c>
      <c r="G3038" t="s">
        <v>14</v>
      </c>
      <c r="H3038" t="s">
        <v>27126</v>
      </c>
      <c r="I3038" t="s">
        <v>30540</v>
      </c>
    </row>
    <row r="3039" spans="1:9">
      <c r="A3039" s="1">
        <v>0.54241748975801096</v>
      </c>
      <c r="B3039" s="1"/>
      <c r="C3039">
        <v>1</v>
      </c>
      <c r="D3039" t="s">
        <v>27113</v>
      </c>
      <c r="E3039" t="s">
        <v>34454</v>
      </c>
      <c r="F3039">
        <v>3</v>
      </c>
      <c r="G3039" t="s">
        <v>15</v>
      </c>
      <c r="H3039" t="s">
        <v>27114</v>
      </c>
      <c r="I3039" t="s">
        <v>30540</v>
      </c>
    </row>
    <row r="3040" spans="1:9">
      <c r="A3040" s="1">
        <v>0.99125199882569004</v>
      </c>
      <c r="B3040" s="1"/>
      <c r="C3040">
        <v>14</v>
      </c>
      <c r="D3040" t="s">
        <v>27105</v>
      </c>
      <c r="E3040" t="s">
        <v>34456</v>
      </c>
      <c r="F3040">
        <v>2</v>
      </c>
      <c r="G3040" t="s">
        <v>14</v>
      </c>
      <c r="H3040" t="s">
        <v>27106</v>
      </c>
      <c r="I3040" t="s">
        <v>30540</v>
      </c>
    </row>
    <row r="3041" spans="1:9">
      <c r="A3041" s="1">
        <v>0.78231329322716459</v>
      </c>
      <c r="B3041" s="1"/>
      <c r="C3041">
        <v>13</v>
      </c>
      <c r="D3041" t="s">
        <v>27101</v>
      </c>
      <c r="E3041" t="s">
        <v>34457</v>
      </c>
      <c r="F3041">
        <v>2</v>
      </c>
      <c r="G3041" t="s">
        <v>14</v>
      </c>
      <c r="H3041" t="s">
        <v>27102</v>
      </c>
      <c r="I3041" t="s">
        <v>30540</v>
      </c>
    </row>
    <row r="3042" spans="1:9">
      <c r="A3042" s="1">
        <v>0.12694218910138588</v>
      </c>
      <c r="B3042" s="1"/>
      <c r="C3042">
        <v>4</v>
      </c>
      <c r="D3042" t="s">
        <v>27083</v>
      </c>
      <c r="E3042" t="s">
        <v>34459</v>
      </c>
      <c r="F3042">
        <v>3</v>
      </c>
      <c r="G3042" t="s">
        <v>14</v>
      </c>
      <c r="H3042" t="s">
        <v>27084</v>
      </c>
      <c r="I3042" t="s">
        <v>30540</v>
      </c>
    </row>
    <row r="3043" spans="1:9">
      <c r="A3043" s="1">
        <v>0.3983343324282691</v>
      </c>
      <c r="B3043" s="1"/>
      <c r="C3043">
        <v>13</v>
      </c>
      <c r="D3043" t="s">
        <v>27069</v>
      </c>
      <c r="E3043" t="s">
        <v>34461</v>
      </c>
      <c r="F3043">
        <v>3</v>
      </c>
      <c r="G3043" t="s">
        <v>9</v>
      </c>
      <c r="H3043" t="s">
        <v>27070</v>
      </c>
      <c r="I3043" t="s">
        <v>30540</v>
      </c>
    </row>
    <row r="3044" spans="1:9">
      <c r="A3044" s="1">
        <v>0.5642114849835036</v>
      </c>
      <c r="B3044" s="1"/>
      <c r="C3044">
        <v>1</v>
      </c>
      <c r="D3044" t="s">
        <v>27065</v>
      </c>
      <c r="E3044" t="s">
        <v>34462</v>
      </c>
      <c r="F3044">
        <v>2</v>
      </c>
      <c r="G3044" t="s">
        <v>9</v>
      </c>
      <c r="H3044" t="s">
        <v>27066</v>
      </c>
      <c r="I3044" t="s">
        <v>30540</v>
      </c>
    </row>
    <row r="3045" spans="1:9">
      <c r="A3045" s="1">
        <v>0.83689391950221081</v>
      </c>
      <c r="B3045" s="1"/>
      <c r="C3045">
        <v>15</v>
      </c>
      <c r="D3045" t="s">
        <v>27059</v>
      </c>
      <c r="E3045" t="s">
        <v>34464</v>
      </c>
      <c r="F3045">
        <v>3</v>
      </c>
      <c r="G3045" t="s">
        <v>9</v>
      </c>
      <c r="H3045" t="s">
        <v>27060</v>
      </c>
      <c r="I3045" t="s">
        <v>30540</v>
      </c>
    </row>
    <row r="3046" spans="1:9">
      <c r="A3046" s="1">
        <v>3.5907384034186141E-3</v>
      </c>
      <c r="B3046" s="1"/>
      <c r="C3046">
        <v>4</v>
      </c>
      <c r="D3046" t="s">
        <v>27041</v>
      </c>
      <c r="E3046" t="s">
        <v>34466</v>
      </c>
      <c r="F3046">
        <v>3</v>
      </c>
      <c r="G3046" t="s">
        <v>9</v>
      </c>
      <c r="H3046" t="s">
        <v>27042</v>
      </c>
      <c r="I3046" t="s">
        <v>30540</v>
      </c>
    </row>
    <row r="3047" spans="1:9">
      <c r="A3047" s="1">
        <v>0.73797064809300461</v>
      </c>
      <c r="B3047" s="1"/>
      <c r="C3047">
        <v>6</v>
      </c>
      <c r="D3047" t="s">
        <v>27045</v>
      </c>
      <c r="E3047" t="s">
        <v>34466</v>
      </c>
      <c r="F3047">
        <v>2</v>
      </c>
      <c r="G3047" t="s">
        <v>9</v>
      </c>
      <c r="H3047" t="s">
        <v>27046</v>
      </c>
      <c r="I3047" t="s">
        <v>30540</v>
      </c>
    </row>
    <row r="3048" spans="1:9">
      <c r="A3048" s="1">
        <v>0.88158426704398141</v>
      </c>
      <c r="B3048" s="1"/>
      <c r="C3048">
        <v>15</v>
      </c>
      <c r="D3048" t="s">
        <v>27037</v>
      </c>
      <c r="E3048" t="s">
        <v>34467</v>
      </c>
      <c r="F3048">
        <v>3</v>
      </c>
      <c r="G3048" t="s">
        <v>14</v>
      </c>
      <c r="H3048" t="s">
        <v>27038</v>
      </c>
      <c r="I3048" t="s">
        <v>30540</v>
      </c>
    </row>
    <row r="3049" spans="1:9">
      <c r="A3049" s="1">
        <v>0.38812207354010264</v>
      </c>
      <c r="B3049" s="1"/>
      <c r="C3049">
        <v>3</v>
      </c>
      <c r="D3049" t="s">
        <v>26985</v>
      </c>
      <c r="E3049" t="s">
        <v>34473</v>
      </c>
      <c r="F3049">
        <v>3</v>
      </c>
      <c r="G3049" t="s">
        <v>1431</v>
      </c>
      <c r="H3049" t="s">
        <v>26986</v>
      </c>
      <c r="I3049" t="s">
        <v>30540</v>
      </c>
    </row>
    <row r="3050" spans="1:9">
      <c r="A3050" s="1">
        <v>0.37741119090084363</v>
      </c>
      <c r="B3050" s="1"/>
      <c r="C3050">
        <v>9</v>
      </c>
      <c r="D3050" t="s">
        <v>26981</v>
      </c>
      <c r="E3050" t="s">
        <v>34474</v>
      </c>
      <c r="F3050">
        <v>2</v>
      </c>
      <c r="G3050" t="s">
        <v>14</v>
      </c>
      <c r="H3050" t="s">
        <v>26982</v>
      </c>
      <c r="I3050" t="s">
        <v>30540</v>
      </c>
    </row>
    <row r="3051" spans="1:9">
      <c r="A3051" s="1">
        <v>0.28273556335302619</v>
      </c>
      <c r="B3051" s="1"/>
      <c r="C3051">
        <v>8</v>
      </c>
      <c r="D3051" t="s">
        <v>26977</v>
      </c>
      <c r="E3051" t="s">
        <v>34475</v>
      </c>
      <c r="F3051">
        <v>3</v>
      </c>
      <c r="G3051" t="s">
        <v>14</v>
      </c>
      <c r="H3051" t="s">
        <v>26978</v>
      </c>
      <c r="I3051" t="s">
        <v>30540</v>
      </c>
    </row>
    <row r="3052" spans="1:9">
      <c r="A3052" s="1">
        <v>0.88885276676773917</v>
      </c>
      <c r="B3052" s="1"/>
      <c r="C3052">
        <v>7</v>
      </c>
      <c r="D3052" t="s">
        <v>26975</v>
      </c>
      <c r="E3052" t="s">
        <v>34475</v>
      </c>
      <c r="F3052">
        <v>2</v>
      </c>
      <c r="G3052" t="s">
        <v>14</v>
      </c>
      <c r="H3052" t="s">
        <v>26976</v>
      </c>
      <c r="I3052" t="s">
        <v>30540</v>
      </c>
    </row>
    <row r="3053" spans="1:9">
      <c r="A3053" s="1">
        <v>0.79904940967479399</v>
      </c>
      <c r="B3053" s="1"/>
      <c r="C3053">
        <v>14</v>
      </c>
      <c r="D3053" t="s">
        <v>26963</v>
      </c>
      <c r="E3053" t="s">
        <v>34477</v>
      </c>
      <c r="F3053">
        <v>2</v>
      </c>
      <c r="G3053" t="s">
        <v>2</v>
      </c>
      <c r="H3053" t="s">
        <v>26964</v>
      </c>
      <c r="I3053" t="s">
        <v>30540</v>
      </c>
    </row>
    <row r="3054" spans="1:9">
      <c r="A3054" s="1">
        <v>0.64274837597682599</v>
      </c>
      <c r="B3054" s="1"/>
      <c r="C3054">
        <v>20</v>
      </c>
      <c r="D3054" t="s">
        <v>26967</v>
      </c>
      <c r="E3054" t="s">
        <v>34477</v>
      </c>
      <c r="F3054">
        <v>2</v>
      </c>
      <c r="G3054" t="s">
        <v>0</v>
      </c>
      <c r="H3054" t="s">
        <v>26968</v>
      </c>
      <c r="I3054" t="s">
        <v>30540</v>
      </c>
    </row>
    <row r="3055" spans="1:9">
      <c r="A3055" s="1">
        <v>0.46350159606192209</v>
      </c>
      <c r="B3055" s="1"/>
      <c r="C3055">
        <v>19</v>
      </c>
      <c r="D3055" t="s">
        <v>26959</v>
      </c>
      <c r="E3055" t="s">
        <v>34478</v>
      </c>
      <c r="F3055">
        <v>2</v>
      </c>
      <c r="G3055" t="s">
        <v>14</v>
      </c>
      <c r="H3055" t="s">
        <v>26960</v>
      </c>
      <c r="I3055" t="s">
        <v>30540</v>
      </c>
    </row>
    <row r="3056" spans="1:9">
      <c r="A3056" s="1">
        <v>0.63835506009077725</v>
      </c>
      <c r="B3056" s="1"/>
      <c r="C3056">
        <v>11</v>
      </c>
      <c r="D3056" t="s">
        <v>26941</v>
      </c>
      <c r="E3056" t="s">
        <v>34480</v>
      </c>
      <c r="F3056">
        <v>2</v>
      </c>
      <c r="G3056" t="s">
        <v>14</v>
      </c>
      <c r="H3056" t="s">
        <v>26942</v>
      </c>
      <c r="I3056" t="s">
        <v>30540</v>
      </c>
    </row>
    <row r="3057" spans="1:9">
      <c r="A3057" s="1">
        <v>0.38531179250812297</v>
      </c>
      <c r="B3057" s="1"/>
      <c r="C3057">
        <v>4</v>
      </c>
      <c r="D3057" t="s">
        <v>26921</v>
      </c>
      <c r="E3057" t="s">
        <v>34483</v>
      </c>
      <c r="F3057">
        <v>2</v>
      </c>
      <c r="G3057" t="s">
        <v>10</v>
      </c>
      <c r="H3057" t="s">
        <v>26922</v>
      </c>
      <c r="I3057" t="s">
        <v>30540</v>
      </c>
    </row>
    <row r="3058" spans="1:9">
      <c r="A3058" s="1">
        <v>0.12510645582965341</v>
      </c>
      <c r="B3058" s="1"/>
      <c r="C3058">
        <v>15</v>
      </c>
      <c r="D3058" t="s">
        <v>26901</v>
      </c>
      <c r="E3058" t="s">
        <v>34486</v>
      </c>
      <c r="F3058">
        <v>3</v>
      </c>
      <c r="G3058" t="s">
        <v>14</v>
      </c>
      <c r="H3058" t="s">
        <v>26902</v>
      </c>
      <c r="I3058" t="s">
        <v>30540</v>
      </c>
    </row>
    <row r="3059" spans="1:9">
      <c r="A3059" s="1">
        <v>0.82729790918534951</v>
      </c>
      <c r="B3059" s="1"/>
      <c r="C3059">
        <v>3</v>
      </c>
      <c r="D3059" t="s">
        <v>26881</v>
      </c>
      <c r="E3059" t="s">
        <v>34488</v>
      </c>
      <c r="F3059">
        <v>2</v>
      </c>
      <c r="G3059" t="s">
        <v>10</v>
      </c>
      <c r="H3059" t="s">
        <v>26882</v>
      </c>
      <c r="I3059" t="s">
        <v>30540</v>
      </c>
    </row>
    <row r="3060" spans="1:9">
      <c r="A3060" s="1">
        <v>0.79804421554634064</v>
      </c>
      <c r="B3060" s="1"/>
      <c r="C3060">
        <v>20</v>
      </c>
      <c r="D3060" t="s">
        <v>26865</v>
      </c>
      <c r="E3060" t="s">
        <v>34490</v>
      </c>
      <c r="F3060">
        <v>2</v>
      </c>
      <c r="G3060" t="s">
        <v>14</v>
      </c>
      <c r="H3060" t="s">
        <v>26866</v>
      </c>
      <c r="I3060" t="s">
        <v>30540</v>
      </c>
    </row>
    <row r="3061" spans="1:9">
      <c r="A3061" s="1">
        <v>0.17175916423659798</v>
      </c>
      <c r="B3061" s="1"/>
      <c r="C3061">
        <v>10</v>
      </c>
      <c r="D3061" t="s">
        <v>26835</v>
      </c>
      <c r="E3061" t="s">
        <v>34492</v>
      </c>
      <c r="F3061">
        <v>3</v>
      </c>
      <c r="G3061" t="s">
        <v>10</v>
      </c>
      <c r="H3061" t="s">
        <v>26836</v>
      </c>
      <c r="I3061" t="s">
        <v>30540</v>
      </c>
    </row>
    <row r="3062" spans="1:9">
      <c r="A3062" s="1">
        <v>0.14868456226227145</v>
      </c>
      <c r="B3062" s="1"/>
      <c r="C3062">
        <v>7</v>
      </c>
      <c r="D3062" t="s">
        <v>26829</v>
      </c>
      <c r="E3062" t="s">
        <v>34493</v>
      </c>
      <c r="F3062">
        <v>2</v>
      </c>
      <c r="G3062" t="s">
        <v>14</v>
      </c>
      <c r="H3062" t="s">
        <v>26830</v>
      </c>
      <c r="I3062" t="s">
        <v>30540</v>
      </c>
    </row>
    <row r="3063" spans="1:9">
      <c r="A3063" s="1">
        <v>0.87500146741901297</v>
      </c>
      <c r="B3063" s="1"/>
      <c r="C3063">
        <v>3</v>
      </c>
      <c r="D3063" t="s">
        <v>26811</v>
      </c>
      <c r="E3063" t="s">
        <v>34495</v>
      </c>
      <c r="F3063">
        <v>3</v>
      </c>
      <c r="G3063" t="s">
        <v>14</v>
      </c>
      <c r="H3063" t="s">
        <v>26812</v>
      </c>
      <c r="I3063" t="s">
        <v>30540</v>
      </c>
    </row>
    <row r="3064" spans="1:9">
      <c r="A3064" s="1">
        <v>0.87496619991297842</v>
      </c>
      <c r="B3064" s="1"/>
      <c r="C3064">
        <v>8</v>
      </c>
      <c r="D3064" t="s">
        <v>26813</v>
      </c>
      <c r="E3064" t="s">
        <v>34495</v>
      </c>
      <c r="F3064">
        <v>3</v>
      </c>
      <c r="G3064" t="s">
        <v>10</v>
      </c>
      <c r="H3064" t="s">
        <v>26814</v>
      </c>
      <c r="I3064" t="s">
        <v>30540</v>
      </c>
    </row>
    <row r="3065" spans="1:9">
      <c r="A3065" s="1">
        <v>0.63132441013389085</v>
      </c>
      <c r="B3065" s="1"/>
      <c r="C3065">
        <v>18</v>
      </c>
      <c r="D3065" t="s">
        <v>26793</v>
      </c>
      <c r="E3065" t="s">
        <v>34498</v>
      </c>
      <c r="F3065">
        <v>3</v>
      </c>
      <c r="G3065" t="s">
        <v>2</v>
      </c>
      <c r="H3065" t="s">
        <v>26794</v>
      </c>
      <c r="I3065" t="s">
        <v>30540</v>
      </c>
    </row>
    <row r="3066" spans="1:9">
      <c r="A3066" s="1">
        <v>0.54169640435893207</v>
      </c>
      <c r="B3066" s="1"/>
      <c r="C3066">
        <v>11</v>
      </c>
      <c r="D3066" t="s">
        <v>26787</v>
      </c>
      <c r="E3066" t="s">
        <v>34499</v>
      </c>
      <c r="F3066">
        <v>3</v>
      </c>
      <c r="G3066" t="s">
        <v>9</v>
      </c>
      <c r="H3066" t="s">
        <v>26788</v>
      </c>
      <c r="I3066" t="s">
        <v>30540</v>
      </c>
    </row>
    <row r="3067" spans="1:9">
      <c r="A3067" s="1">
        <v>4.3526977491000873E-2</v>
      </c>
      <c r="B3067" s="1"/>
      <c r="C3067">
        <v>9</v>
      </c>
      <c r="D3067" t="s">
        <v>26785</v>
      </c>
      <c r="E3067" t="s">
        <v>34499</v>
      </c>
      <c r="F3067">
        <v>2</v>
      </c>
      <c r="G3067" t="s">
        <v>10</v>
      </c>
      <c r="H3067" t="s">
        <v>26786</v>
      </c>
      <c r="I3067" t="s">
        <v>30540</v>
      </c>
    </row>
    <row r="3068" spans="1:9">
      <c r="A3068" s="1">
        <v>0.61091108238090142</v>
      </c>
      <c r="B3068" s="1"/>
      <c r="C3068">
        <v>14</v>
      </c>
      <c r="D3068" t="s">
        <v>26779</v>
      </c>
      <c r="E3068" t="s">
        <v>34500</v>
      </c>
      <c r="F3068">
        <v>3</v>
      </c>
      <c r="G3068" t="s">
        <v>10</v>
      </c>
      <c r="H3068" t="s">
        <v>26780</v>
      </c>
      <c r="I3068" t="s">
        <v>30540</v>
      </c>
    </row>
    <row r="3069" spans="1:9">
      <c r="A3069" s="1">
        <v>0.85281616720546161</v>
      </c>
      <c r="B3069" s="1"/>
      <c r="C3069">
        <v>6</v>
      </c>
      <c r="D3069" t="s">
        <v>26775</v>
      </c>
      <c r="E3069" t="s">
        <v>34500</v>
      </c>
      <c r="F3069">
        <v>3</v>
      </c>
      <c r="G3069" t="s">
        <v>14</v>
      </c>
      <c r="H3069" t="s">
        <v>26776</v>
      </c>
      <c r="I3069" t="s">
        <v>30540</v>
      </c>
    </row>
    <row r="3070" spans="1:9">
      <c r="A3070" s="1">
        <v>0.62271702505204718</v>
      </c>
      <c r="B3070" s="1"/>
      <c r="C3070">
        <v>12</v>
      </c>
      <c r="D3070" t="s">
        <v>26741</v>
      </c>
      <c r="E3070" t="s">
        <v>34505</v>
      </c>
      <c r="F3070">
        <v>2</v>
      </c>
      <c r="G3070" t="s">
        <v>14</v>
      </c>
      <c r="H3070" t="s">
        <v>26742</v>
      </c>
      <c r="I3070" t="s">
        <v>30540</v>
      </c>
    </row>
    <row r="3071" spans="1:9">
      <c r="A3071" s="1">
        <v>0.97680664636737657</v>
      </c>
      <c r="B3071" s="1"/>
      <c r="C3071">
        <v>2</v>
      </c>
      <c r="D3071" t="s">
        <v>26719</v>
      </c>
      <c r="E3071" t="s">
        <v>34509</v>
      </c>
      <c r="F3071">
        <v>3</v>
      </c>
      <c r="G3071" t="s">
        <v>14</v>
      </c>
      <c r="H3071" t="s">
        <v>26720</v>
      </c>
      <c r="I3071" t="s">
        <v>30540</v>
      </c>
    </row>
    <row r="3072" spans="1:9">
      <c r="A3072" s="1">
        <v>0.9059267486829361</v>
      </c>
      <c r="B3072" s="1"/>
      <c r="C3072">
        <v>12</v>
      </c>
      <c r="D3072" t="s">
        <v>26721</v>
      </c>
      <c r="E3072" t="s">
        <v>34509</v>
      </c>
      <c r="F3072">
        <v>1</v>
      </c>
      <c r="G3072" t="s">
        <v>14</v>
      </c>
      <c r="H3072" t="s">
        <v>26722</v>
      </c>
      <c r="I3072" t="s">
        <v>30540</v>
      </c>
    </row>
    <row r="3073" spans="1:9">
      <c r="A3073" s="1">
        <v>0.45323584486284463</v>
      </c>
      <c r="B3073" s="1"/>
      <c r="C3073">
        <v>1</v>
      </c>
      <c r="D3073" t="s">
        <v>26711</v>
      </c>
      <c r="E3073" t="s">
        <v>34510</v>
      </c>
      <c r="F3073">
        <v>2</v>
      </c>
      <c r="G3073" t="s">
        <v>2</v>
      </c>
      <c r="H3073" t="s">
        <v>26712</v>
      </c>
      <c r="I3073" t="s">
        <v>30540</v>
      </c>
    </row>
    <row r="3074" spans="1:9">
      <c r="A3074" s="1">
        <v>0.26054291730219592</v>
      </c>
      <c r="B3074" s="1"/>
      <c r="C3074">
        <v>14</v>
      </c>
      <c r="D3074" t="s">
        <v>26715</v>
      </c>
      <c r="E3074" t="s">
        <v>34510</v>
      </c>
      <c r="F3074">
        <v>2</v>
      </c>
      <c r="G3074" t="s">
        <v>14</v>
      </c>
      <c r="H3074" t="s">
        <v>26716</v>
      </c>
      <c r="I3074" t="s">
        <v>30540</v>
      </c>
    </row>
    <row r="3075" spans="1:9">
      <c r="A3075" s="1">
        <v>6.425414989614775E-2</v>
      </c>
      <c r="B3075" s="1"/>
      <c r="C3075">
        <v>1</v>
      </c>
      <c r="D3075" t="s">
        <v>26697</v>
      </c>
      <c r="E3075" t="s">
        <v>34512</v>
      </c>
      <c r="F3075">
        <v>2</v>
      </c>
      <c r="G3075" t="s">
        <v>10</v>
      </c>
      <c r="H3075" t="s">
        <v>26698</v>
      </c>
      <c r="I3075" t="s">
        <v>30540</v>
      </c>
    </row>
    <row r="3076" spans="1:9">
      <c r="A3076" s="1">
        <v>0.48539654285806089</v>
      </c>
      <c r="B3076" s="1"/>
      <c r="C3076">
        <v>13</v>
      </c>
      <c r="D3076" t="s">
        <v>30363</v>
      </c>
      <c r="E3076" t="s">
        <v>34517</v>
      </c>
      <c r="F3076">
        <v>3</v>
      </c>
      <c r="G3076" t="s">
        <v>10</v>
      </c>
      <c r="H3076" t="s">
        <v>30364</v>
      </c>
      <c r="I3076" t="s">
        <v>30540</v>
      </c>
    </row>
    <row r="3077" spans="1:9">
      <c r="A3077" s="1">
        <v>0.20651520656058453</v>
      </c>
      <c r="B3077" s="1"/>
      <c r="C3077">
        <v>4</v>
      </c>
      <c r="D3077" t="s">
        <v>30359</v>
      </c>
      <c r="E3077" t="s">
        <v>34517</v>
      </c>
      <c r="F3077">
        <v>3</v>
      </c>
      <c r="G3077" t="s">
        <v>10</v>
      </c>
      <c r="H3077" t="s">
        <v>30360</v>
      </c>
      <c r="I3077" t="s">
        <v>30540</v>
      </c>
    </row>
    <row r="3078" spans="1:9">
      <c r="A3078" s="1">
        <v>0.21772832214624604</v>
      </c>
      <c r="B3078" s="1"/>
      <c r="C3078">
        <v>6</v>
      </c>
      <c r="D3078" t="s">
        <v>30361</v>
      </c>
      <c r="E3078" t="s">
        <v>34517</v>
      </c>
      <c r="F3078">
        <v>2</v>
      </c>
      <c r="G3078" t="s">
        <v>9</v>
      </c>
      <c r="H3078" t="s">
        <v>30362</v>
      </c>
      <c r="I3078" t="s">
        <v>30540</v>
      </c>
    </row>
    <row r="3079" spans="1:9">
      <c r="A3079" s="1">
        <v>0.68591473118011304</v>
      </c>
      <c r="B3079" s="1"/>
      <c r="C3079">
        <v>10</v>
      </c>
      <c r="D3079" t="s">
        <v>30355</v>
      </c>
      <c r="E3079" t="s">
        <v>34518</v>
      </c>
      <c r="F3079">
        <v>2</v>
      </c>
      <c r="G3079" t="s">
        <v>2</v>
      </c>
      <c r="H3079" t="s">
        <v>30356</v>
      </c>
      <c r="I3079" t="s">
        <v>30540</v>
      </c>
    </row>
    <row r="3080" spans="1:9">
      <c r="A3080" s="1">
        <v>0.89994585178421371</v>
      </c>
      <c r="B3080" s="1"/>
      <c r="C3080">
        <v>13</v>
      </c>
      <c r="D3080" t="s">
        <v>30347</v>
      </c>
      <c r="E3080" t="s">
        <v>34519</v>
      </c>
      <c r="F3080">
        <v>3</v>
      </c>
      <c r="G3080" t="s">
        <v>10</v>
      </c>
      <c r="H3080" t="s">
        <v>30348</v>
      </c>
      <c r="I3080" t="s">
        <v>30540</v>
      </c>
    </row>
    <row r="3081" spans="1:9">
      <c r="A3081" s="1">
        <v>4.6936059543656317E-4</v>
      </c>
      <c r="B3081" s="1"/>
      <c r="C3081">
        <v>7</v>
      </c>
      <c r="D3081" t="s">
        <v>30343</v>
      </c>
      <c r="E3081" t="s">
        <v>34519</v>
      </c>
      <c r="F3081">
        <v>2</v>
      </c>
      <c r="G3081" t="s">
        <v>0</v>
      </c>
      <c r="H3081" t="s">
        <v>30344</v>
      </c>
      <c r="I3081" t="s">
        <v>30540</v>
      </c>
    </row>
    <row r="3082" spans="1:9">
      <c r="A3082" s="1">
        <v>0.59850818031692077</v>
      </c>
      <c r="B3082" s="1"/>
      <c r="C3082">
        <v>15</v>
      </c>
      <c r="D3082" t="s">
        <v>30349</v>
      </c>
      <c r="E3082" t="s">
        <v>34519</v>
      </c>
      <c r="F3082">
        <v>2</v>
      </c>
      <c r="G3082" t="s">
        <v>0</v>
      </c>
      <c r="H3082" t="s">
        <v>30350</v>
      </c>
      <c r="I3082" t="s">
        <v>30540</v>
      </c>
    </row>
    <row r="3083" spans="1:9">
      <c r="A3083" s="1">
        <v>0.83567053023288984</v>
      </c>
      <c r="B3083" s="1"/>
      <c r="C3083">
        <v>7</v>
      </c>
      <c r="D3083" t="s">
        <v>30303</v>
      </c>
      <c r="E3083" t="s">
        <v>34525</v>
      </c>
      <c r="F3083">
        <v>3</v>
      </c>
      <c r="G3083" t="s">
        <v>0</v>
      </c>
      <c r="H3083" t="s">
        <v>30304</v>
      </c>
      <c r="I3083" t="s">
        <v>30540</v>
      </c>
    </row>
    <row r="3084" spans="1:9">
      <c r="A3084" s="1">
        <v>0.48260069384521176</v>
      </c>
      <c r="B3084" s="1"/>
      <c r="C3084">
        <v>11</v>
      </c>
      <c r="D3084" t="s">
        <v>30279</v>
      </c>
      <c r="E3084" t="s">
        <v>34528</v>
      </c>
      <c r="F3084">
        <v>3</v>
      </c>
      <c r="G3084" t="s">
        <v>0</v>
      </c>
      <c r="H3084" t="s">
        <v>30280</v>
      </c>
      <c r="I3084" t="s">
        <v>30540</v>
      </c>
    </row>
    <row r="3085" spans="1:9">
      <c r="A3085" s="1">
        <v>0.79710009791290393</v>
      </c>
      <c r="B3085" s="1"/>
      <c r="C3085">
        <v>10</v>
      </c>
      <c r="D3085" t="s">
        <v>30267</v>
      </c>
      <c r="E3085" t="s">
        <v>34530</v>
      </c>
      <c r="F3085">
        <v>2</v>
      </c>
      <c r="G3085" t="s">
        <v>14</v>
      </c>
      <c r="H3085" t="s">
        <v>30268</v>
      </c>
      <c r="I3085" t="s">
        <v>30540</v>
      </c>
    </row>
    <row r="3086" spans="1:9">
      <c r="A3086" s="1">
        <v>0.9140873661076826</v>
      </c>
      <c r="B3086" s="1"/>
      <c r="C3086">
        <v>14</v>
      </c>
      <c r="D3086" t="s">
        <v>30261</v>
      </c>
      <c r="E3086" t="s">
        <v>34531</v>
      </c>
      <c r="F3086">
        <v>2</v>
      </c>
      <c r="G3086" t="s">
        <v>0</v>
      </c>
      <c r="H3086" t="s">
        <v>30262</v>
      </c>
      <c r="I3086" t="s">
        <v>30540</v>
      </c>
    </row>
    <row r="3087" spans="1:9">
      <c r="A3087" s="1">
        <v>0.33676987669760683</v>
      </c>
      <c r="B3087" s="1"/>
      <c r="C3087">
        <v>13</v>
      </c>
      <c r="D3087" t="s">
        <v>30259</v>
      </c>
      <c r="E3087" t="s">
        <v>34531</v>
      </c>
      <c r="F3087">
        <v>2</v>
      </c>
      <c r="G3087" t="s">
        <v>0</v>
      </c>
      <c r="H3087" t="s">
        <v>30260</v>
      </c>
      <c r="I3087" t="s">
        <v>30540</v>
      </c>
    </row>
    <row r="3088" spans="1:9">
      <c r="A3088" s="1">
        <v>0.92915785852997246</v>
      </c>
      <c r="B3088" s="1"/>
      <c r="C3088">
        <v>16</v>
      </c>
      <c r="D3088" t="s">
        <v>30263</v>
      </c>
      <c r="E3088" t="s">
        <v>34531</v>
      </c>
      <c r="F3088">
        <v>1</v>
      </c>
      <c r="G3088" t="s">
        <v>0</v>
      </c>
      <c r="H3088" t="s">
        <v>30264</v>
      </c>
      <c r="I3088" t="s">
        <v>30540</v>
      </c>
    </row>
    <row r="3089" spans="1:9">
      <c r="A3089" s="1">
        <v>0.7812264204774545</v>
      </c>
      <c r="B3089" s="1"/>
      <c r="C3089">
        <v>18</v>
      </c>
      <c r="D3089" t="s">
        <v>30257</v>
      </c>
      <c r="E3089" t="s">
        <v>34532</v>
      </c>
      <c r="F3089">
        <v>3</v>
      </c>
      <c r="G3089" t="s">
        <v>0</v>
      </c>
      <c r="H3089" t="s">
        <v>30258</v>
      </c>
      <c r="I3089" t="s">
        <v>30540</v>
      </c>
    </row>
    <row r="3090" spans="1:9">
      <c r="A3090" s="1">
        <v>0.91210363727518051</v>
      </c>
      <c r="B3090" s="1"/>
      <c r="C3090">
        <v>9</v>
      </c>
      <c r="D3090" t="s">
        <v>30251</v>
      </c>
      <c r="E3090" t="s">
        <v>34532</v>
      </c>
      <c r="F3090">
        <v>2</v>
      </c>
      <c r="G3090" t="s">
        <v>0</v>
      </c>
      <c r="H3090" t="s">
        <v>30252</v>
      </c>
      <c r="I3090" t="s">
        <v>30540</v>
      </c>
    </row>
    <row r="3091" spans="1:9">
      <c r="A3091" s="1">
        <v>6.5700119889185782E-2</v>
      </c>
      <c r="B3091" s="1"/>
      <c r="C3091">
        <v>12</v>
      </c>
      <c r="D3091" t="s">
        <v>30247</v>
      </c>
      <c r="E3091" t="s">
        <v>34533</v>
      </c>
      <c r="F3091">
        <v>3</v>
      </c>
      <c r="G3091" t="s">
        <v>0</v>
      </c>
      <c r="H3091" t="s">
        <v>30248</v>
      </c>
      <c r="I3091" t="s">
        <v>30540</v>
      </c>
    </row>
    <row r="3092" spans="1:9">
      <c r="A3092" s="1">
        <v>0.6891729354962115</v>
      </c>
      <c r="B3092" s="1"/>
      <c r="C3092">
        <v>12</v>
      </c>
      <c r="D3092" t="s">
        <v>30239</v>
      </c>
      <c r="E3092" t="s">
        <v>34534</v>
      </c>
      <c r="F3092">
        <v>3</v>
      </c>
      <c r="G3092" t="s">
        <v>0</v>
      </c>
      <c r="H3092" t="s">
        <v>30240</v>
      </c>
      <c r="I3092" t="s">
        <v>30540</v>
      </c>
    </row>
    <row r="3093" spans="1:9">
      <c r="A3093" s="1">
        <v>0.91812539700311668</v>
      </c>
      <c r="B3093" s="1"/>
      <c r="C3093">
        <v>2</v>
      </c>
      <c r="D3093" t="s">
        <v>30217</v>
      </c>
      <c r="E3093" t="s">
        <v>34536</v>
      </c>
      <c r="F3093">
        <v>3</v>
      </c>
      <c r="G3093" t="s">
        <v>0</v>
      </c>
      <c r="H3093" t="s">
        <v>30218</v>
      </c>
      <c r="I3093" t="s">
        <v>30540</v>
      </c>
    </row>
    <row r="3094" spans="1:9">
      <c r="A3094" s="1">
        <v>0.7778903188593409</v>
      </c>
      <c r="B3094" s="1"/>
      <c r="C3094">
        <v>1</v>
      </c>
      <c r="D3094" t="s">
        <v>30185</v>
      </c>
      <c r="E3094" t="s">
        <v>34541</v>
      </c>
      <c r="F3094">
        <v>2</v>
      </c>
      <c r="G3094" t="s">
        <v>0</v>
      </c>
      <c r="H3094" t="s">
        <v>30186</v>
      </c>
      <c r="I3094" t="s">
        <v>30540</v>
      </c>
    </row>
    <row r="3095" spans="1:9">
      <c r="A3095" s="1">
        <v>0.48340886684732698</v>
      </c>
      <c r="B3095" s="1"/>
      <c r="C3095">
        <v>5</v>
      </c>
      <c r="D3095" t="s">
        <v>30175</v>
      </c>
      <c r="E3095" t="s">
        <v>34543</v>
      </c>
      <c r="F3095">
        <v>2</v>
      </c>
      <c r="G3095" t="s">
        <v>2</v>
      </c>
      <c r="H3095" t="s">
        <v>30176</v>
      </c>
      <c r="I3095" t="s">
        <v>30540</v>
      </c>
    </row>
    <row r="3096" spans="1:9">
      <c r="A3096" s="1">
        <v>0.93208104951600168</v>
      </c>
      <c r="B3096" s="1"/>
      <c r="C3096">
        <v>17</v>
      </c>
      <c r="D3096" t="s">
        <v>30139</v>
      </c>
      <c r="E3096" t="s">
        <v>34549</v>
      </c>
      <c r="F3096">
        <v>1</v>
      </c>
      <c r="G3096" t="s">
        <v>0</v>
      </c>
      <c r="H3096" t="s">
        <v>30140</v>
      </c>
      <c r="I3096" t="s">
        <v>30540</v>
      </c>
    </row>
    <row r="3097" spans="1:9">
      <c r="A3097" s="1">
        <v>0.5719120252382458</v>
      </c>
      <c r="B3097" s="1"/>
      <c r="C3097">
        <v>7</v>
      </c>
      <c r="D3097" t="s">
        <v>30127</v>
      </c>
      <c r="E3097" t="s">
        <v>34550</v>
      </c>
      <c r="F3097">
        <v>1</v>
      </c>
      <c r="G3097" t="s">
        <v>13</v>
      </c>
      <c r="H3097" t="s">
        <v>30128</v>
      </c>
      <c r="I3097" t="s">
        <v>30540</v>
      </c>
    </row>
    <row r="3098" spans="1:9">
      <c r="A3098" s="1">
        <v>0.93421180009584937</v>
      </c>
      <c r="B3098" s="1"/>
      <c r="C3098">
        <v>10</v>
      </c>
      <c r="D3098" t="s">
        <v>30123</v>
      </c>
      <c r="E3098" t="s">
        <v>34551</v>
      </c>
      <c r="F3098">
        <v>2</v>
      </c>
      <c r="G3098" t="s">
        <v>0</v>
      </c>
      <c r="H3098" t="s">
        <v>30124</v>
      </c>
      <c r="I3098" t="s">
        <v>30540</v>
      </c>
    </row>
    <row r="3099" spans="1:9">
      <c r="A3099" s="1">
        <v>0.42639720538423032</v>
      </c>
      <c r="B3099" s="1"/>
      <c r="C3099">
        <v>14</v>
      </c>
      <c r="D3099" t="s">
        <v>30119</v>
      </c>
      <c r="E3099" t="s">
        <v>34552</v>
      </c>
      <c r="F3099">
        <v>1</v>
      </c>
      <c r="G3099" t="s">
        <v>14</v>
      </c>
      <c r="H3099" t="s">
        <v>30120</v>
      </c>
      <c r="I3099" t="s">
        <v>30540</v>
      </c>
    </row>
    <row r="3100" spans="1:9">
      <c r="A3100" s="1">
        <v>0.65968231076943418</v>
      </c>
      <c r="B3100" s="1"/>
      <c r="C3100">
        <v>4</v>
      </c>
      <c r="D3100" t="s">
        <v>30107</v>
      </c>
      <c r="E3100" t="s">
        <v>34553</v>
      </c>
      <c r="F3100">
        <v>2</v>
      </c>
      <c r="G3100" t="s">
        <v>9</v>
      </c>
      <c r="H3100" t="s">
        <v>30108</v>
      </c>
      <c r="I3100" t="s">
        <v>30540</v>
      </c>
    </row>
    <row r="3101" spans="1:9">
      <c r="A3101" s="1">
        <v>0.3146163035377848</v>
      </c>
      <c r="B3101" s="1"/>
      <c r="C3101">
        <v>12</v>
      </c>
      <c r="D3101" t="s">
        <v>30101</v>
      </c>
      <c r="E3101" t="s">
        <v>34554</v>
      </c>
      <c r="F3101">
        <v>2</v>
      </c>
      <c r="G3101" t="s">
        <v>9</v>
      </c>
      <c r="H3101" t="s">
        <v>30102</v>
      </c>
      <c r="I3101" t="s">
        <v>30540</v>
      </c>
    </row>
    <row r="3102" spans="1:9">
      <c r="A3102" s="1">
        <v>0.50940693077688559</v>
      </c>
      <c r="B3102" s="1"/>
      <c r="C3102">
        <v>10</v>
      </c>
      <c r="D3102" t="s">
        <v>30093</v>
      </c>
      <c r="E3102" t="s">
        <v>34555</v>
      </c>
      <c r="F3102">
        <v>2</v>
      </c>
      <c r="G3102" t="s">
        <v>9</v>
      </c>
      <c r="H3102" t="s">
        <v>30094</v>
      </c>
      <c r="I3102" t="s">
        <v>30540</v>
      </c>
    </row>
    <row r="3103" spans="1:9">
      <c r="A3103" s="1">
        <v>0.97806846830463479</v>
      </c>
      <c r="B3103" s="1"/>
      <c r="C3103">
        <v>11</v>
      </c>
      <c r="D3103" t="s">
        <v>30085</v>
      </c>
      <c r="E3103" t="s">
        <v>34556</v>
      </c>
      <c r="F3103">
        <v>3</v>
      </c>
      <c r="G3103" t="s">
        <v>9</v>
      </c>
      <c r="H3103" t="s">
        <v>30086</v>
      </c>
      <c r="I3103" t="s">
        <v>30540</v>
      </c>
    </row>
    <row r="3104" spans="1:9">
      <c r="A3104" s="1">
        <v>0.48618999101240656</v>
      </c>
      <c r="B3104" s="1"/>
      <c r="C3104">
        <v>3</v>
      </c>
      <c r="D3104" t="s">
        <v>30075</v>
      </c>
      <c r="E3104" t="s">
        <v>34558</v>
      </c>
      <c r="F3104">
        <v>2</v>
      </c>
      <c r="G3104" t="s">
        <v>9</v>
      </c>
      <c r="H3104" t="s">
        <v>30076</v>
      </c>
      <c r="I3104" t="s">
        <v>30540</v>
      </c>
    </row>
    <row r="3105" spans="1:9">
      <c r="A3105" s="1">
        <v>0.7531103725006878</v>
      </c>
      <c r="B3105" s="1"/>
      <c r="C3105">
        <v>15</v>
      </c>
      <c r="D3105" t="s">
        <v>30079</v>
      </c>
      <c r="E3105" t="s">
        <v>34558</v>
      </c>
      <c r="F3105">
        <v>2</v>
      </c>
      <c r="G3105" t="s">
        <v>9</v>
      </c>
      <c r="H3105" t="s">
        <v>30080</v>
      </c>
      <c r="I3105" t="s">
        <v>30540</v>
      </c>
    </row>
    <row r="3106" spans="1:9">
      <c r="A3106" s="1">
        <v>0.50385768311828327</v>
      </c>
      <c r="B3106" s="1"/>
      <c r="C3106">
        <v>8</v>
      </c>
      <c r="D3106" t="s">
        <v>30053</v>
      </c>
      <c r="E3106" t="s">
        <v>34562</v>
      </c>
      <c r="F3106">
        <v>2</v>
      </c>
      <c r="G3106" t="s">
        <v>13</v>
      </c>
      <c r="H3106" t="s">
        <v>30054</v>
      </c>
      <c r="I3106" t="s">
        <v>30540</v>
      </c>
    </row>
    <row r="3107" spans="1:9">
      <c r="A3107" s="1">
        <v>0.9531937204796096</v>
      </c>
      <c r="B3107" s="1"/>
      <c r="C3107">
        <v>4</v>
      </c>
      <c r="D3107" t="s">
        <v>30035</v>
      </c>
      <c r="E3107" t="s">
        <v>34564</v>
      </c>
      <c r="F3107">
        <v>3</v>
      </c>
      <c r="G3107" t="s">
        <v>9</v>
      </c>
      <c r="H3107" t="s">
        <v>30036</v>
      </c>
      <c r="I3107" t="s">
        <v>30540</v>
      </c>
    </row>
    <row r="3108" spans="1:9">
      <c r="A3108" s="1">
        <v>0.30523467686428074</v>
      </c>
      <c r="B3108" s="1"/>
      <c r="C3108">
        <v>9</v>
      </c>
      <c r="D3108" t="s">
        <v>30005</v>
      </c>
      <c r="E3108" t="s">
        <v>34569</v>
      </c>
      <c r="F3108">
        <v>2</v>
      </c>
      <c r="G3108" t="s">
        <v>2</v>
      </c>
      <c r="H3108" t="s">
        <v>30006</v>
      </c>
      <c r="I3108" t="s">
        <v>30540</v>
      </c>
    </row>
    <row r="3109" spans="1:9">
      <c r="A3109" s="1">
        <v>0.4176376181713457</v>
      </c>
      <c r="B3109" s="1"/>
      <c r="C3109">
        <v>16</v>
      </c>
      <c r="D3109" t="s">
        <v>29993</v>
      </c>
      <c r="E3109" t="s">
        <v>34570</v>
      </c>
      <c r="F3109">
        <v>2</v>
      </c>
      <c r="G3109" t="s">
        <v>15</v>
      </c>
      <c r="H3109" t="s">
        <v>29994</v>
      </c>
      <c r="I3109" t="s">
        <v>30540</v>
      </c>
    </row>
    <row r="3110" spans="1:9">
      <c r="A3110" s="1">
        <v>0.91326342290712814</v>
      </c>
      <c r="B3110" s="1"/>
      <c r="C3110">
        <v>20</v>
      </c>
      <c r="D3110" t="s">
        <v>29971</v>
      </c>
      <c r="E3110" t="s">
        <v>34573</v>
      </c>
      <c r="F3110">
        <v>3</v>
      </c>
      <c r="G3110" t="s">
        <v>0</v>
      </c>
      <c r="H3110" t="s">
        <v>29972</v>
      </c>
      <c r="I3110" t="s">
        <v>30540</v>
      </c>
    </row>
    <row r="3111" spans="1:9">
      <c r="A3111" s="1">
        <v>0.76594689672400418</v>
      </c>
      <c r="B3111" s="1"/>
      <c r="C3111">
        <v>4</v>
      </c>
      <c r="D3111" t="s">
        <v>29953</v>
      </c>
      <c r="E3111" t="s">
        <v>34575</v>
      </c>
      <c r="F3111">
        <v>3</v>
      </c>
      <c r="G3111" t="s">
        <v>2</v>
      </c>
      <c r="H3111" t="s">
        <v>29954</v>
      </c>
      <c r="I3111" t="s">
        <v>30540</v>
      </c>
    </row>
    <row r="3112" spans="1:9">
      <c r="A3112" s="1">
        <v>0.24689549886821893</v>
      </c>
      <c r="B3112" s="1"/>
      <c r="C3112">
        <v>10</v>
      </c>
      <c r="D3112" t="s">
        <v>29947</v>
      </c>
      <c r="E3112" t="s">
        <v>34576</v>
      </c>
      <c r="F3112">
        <v>3</v>
      </c>
      <c r="G3112" t="s">
        <v>0</v>
      </c>
      <c r="H3112" t="s">
        <v>29948</v>
      </c>
      <c r="I3112" t="s">
        <v>30540</v>
      </c>
    </row>
    <row r="3113" spans="1:9">
      <c r="A3113" s="1">
        <v>0.96188994166262931</v>
      </c>
      <c r="B3113" s="1"/>
      <c r="C3113">
        <v>5</v>
      </c>
      <c r="D3113" t="s">
        <v>29935</v>
      </c>
      <c r="E3113" t="s">
        <v>34577</v>
      </c>
      <c r="F3113">
        <v>2</v>
      </c>
      <c r="G3113" t="s">
        <v>13</v>
      </c>
      <c r="H3113" t="s">
        <v>29936</v>
      </c>
      <c r="I3113" t="s">
        <v>30540</v>
      </c>
    </row>
    <row r="3114" spans="1:9">
      <c r="A3114" s="1">
        <v>0.93069471745042309</v>
      </c>
      <c r="B3114" s="1"/>
      <c r="C3114">
        <v>7</v>
      </c>
      <c r="D3114" t="s">
        <v>29937</v>
      </c>
      <c r="E3114" t="s">
        <v>34577</v>
      </c>
      <c r="F3114">
        <v>2</v>
      </c>
      <c r="G3114" t="s">
        <v>0</v>
      </c>
      <c r="H3114" t="s">
        <v>29938</v>
      </c>
      <c r="I3114" t="s">
        <v>30540</v>
      </c>
    </row>
    <row r="3115" spans="1:9">
      <c r="A3115" s="1">
        <v>6.0531161370974251E-2</v>
      </c>
      <c r="B3115" s="1"/>
      <c r="C3115">
        <v>6</v>
      </c>
      <c r="D3115" t="s">
        <v>29925</v>
      </c>
      <c r="E3115" t="s">
        <v>34578</v>
      </c>
      <c r="F3115">
        <v>3</v>
      </c>
      <c r="G3115" t="s">
        <v>1</v>
      </c>
      <c r="H3115" t="s">
        <v>29926</v>
      </c>
      <c r="I3115" t="s">
        <v>30540</v>
      </c>
    </row>
    <row r="3116" spans="1:9">
      <c r="A3116" s="1">
        <v>0.81423981636827747</v>
      </c>
      <c r="B3116" s="1"/>
      <c r="C3116">
        <v>8</v>
      </c>
      <c r="D3116" t="s">
        <v>29927</v>
      </c>
      <c r="E3116" t="s">
        <v>34578</v>
      </c>
      <c r="F3116">
        <v>2</v>
      </c>
      <c r="G3116" t="s">
        <v>0</v>
      </c>
      <c r="H3116" t="s">
        <v>29928</v>
      </c>
      <c r="I3116" t="s">
        <v>30540</v>
      </c>
    </row>
    <row r="3117" spans="1:9">
      <c r="A3117" s="1">
        <v>0.903317125015353</v>
      </c>
      <c r="B3117" s="1"/>
      <c r="C3117">
        <v>5</v>
      </c>
      <c r="D3117" t="s">
        <v>29895</v>
      </c>
      <c r="E3117" t="s">
        <v>34580</v>
      </c>
      <c r="F3117">
        <v>3</v>
      </c>
      <c r="G3117" t="s">
        <v>0</v>
      </c>
      <c r="H3117" t="s">
        <v>29896</v>
      </c>
      <c r="I3117" t="s">
        <v>30540</v>
      </c>
    </row>
    <row r="3118" spans="1:9">
      <c r="A3118" s="1">
        <v>0.8940538327753661</v>
      </c>
      <c r="B3118" s="1"/>
      <c r="C3118">
        <v>8</v>
      </c>
      <c r="D3118" t="s">
        <v>29873</v>
      </c>
      <c r="E3118" t="s">
        <v>34583</v>
      </c>
      <c r="F3118">
        <v>3</v>
      </c>
      <c r="G3118" t="s">
        <v>0</v>
      </c>
      <c r="H3118" t="s">
        <v>29874</v>
      </c>
      <c r="I3118" t="s">
        <v>30540</v>
      </c>
    </row>
    <row r="3119" spans="1:9">
      <c r="A3119" s="1">
        <v>0.19696647699986158</v>
      </c>
      <c r="B3119" s="1"/>
      <c r="C3119">
        <v>17</v>
      </c>
      <c r="D3119" t="s">
        <v>29877</v>
      </c>
      <c r="E3119" t="s">
        <v>34583</v>
      </c>
      <c r="F3119">
        <v>3</v>
      </c>
      <c r="G3119" t="s">
        <v>1</v>
      </c>
      <c r="H3119" t="s">
        <v>29878</v>
      </c>
      <c r="I3119" t="s">
        <v>30540</v>
      </c>
    </row>
    <row r="3120" spans="1:9">
      <c r="A3120" s="1">
        <v>0.10978418496019116</v>
      </c>
      <c r="B3120" s="1"/>
      <c r="C3120">
        <v>5</v>
      </c>
      <c r="D3120" t="s">
        <v>29863</v>
      </c>
      <c r="E3120" t="s">
        <v>34584</v>
      </c>
      <c r="F3120">
        <v>3</v>
      </c>
      <c r="G3120" t="s">
        <v>15</v>
      </c>
      <c r="H3120" t="s">
        <v>29864</v>
      </c>
      <c r="I3120" t="s">
        <v>30540</v>
      </c>
    </row>
    <row r="3121" spans="1:9">
      <c r="A3121" s="1">
        <v>0.27043461742664854</v>
      </c>
      <c r="B3121" s="1"/>
      <c r="C3121">
        <v>20</v>
      </c>
      <c r="D3121" t="s">
        <v>29867</v>
      </c>
      <c r="E3121" t="s">
        <v>34584</v>
      </c>
      <c r="F3121">
        <v>3</v>
      </c>
      <c r="G3121" t="s">
        <v>0</v>
      </c>
      <c r="H3121" t="s">
        <v>29868</v>
      </c>
      <c r="I3121" t="s">
        <v>30540</v>
      </c>
    </row>
    <row r="3122" spans="1:9">
      <c r="A3122" s="1">
        <v>0.41335968752408869</v>
      </c>
      <c r="B3122" s="1"/>
      <c r="C3122">
        <v>16</v>
      </c>
      <c r="D3122" t="s">
        <v>29857</v>
      </c>
      <c r="E3122" t="s">
        <v>34585</v>
      </c>
      <c r="F3122">
        <v>2</v>
      </c>
      <c r="G3122" t="s">
        <v>0</v>
      </c>
      <c r="H3122" t="s">
        <v>29858</v>
      </c>
      <c r="I3122" t="s">
        <v>30540</v>
      </c>
    </row>
    <row r="3123" spans="1:9">
      <c r="A3123" s="1">
        <v>0.21363408306469478</v>
      </c>
      <c r="B3123" s="1"/>
      <c r="C3123">
        <v>10</v>
      </c>
      <c r="D3123" t="s">
        <v>29845</v>
      </c>
      <c r="E3123" t="s">
        <v>34586</v>
      </c>
      <c r="F3123">
        <v>2</v>
      </c>
      <c r="G3123" t="s">
        <v>0</v>
      </c>
      <c r="H3123" t="s">
        <v>29846</v>
      </c>
      <c r="I3123" t="s">
        <v>30540</v>
      </c>
    </row>
    <row r="3124" spans="1:9">
      <c r="A3124" s="1">
        <v>0.71150719674050145</v>
      </c>
      <c r="B3124" s="1"/>
      <c r="C3124">
        <v>8</v>
      </c>
      <c r="D3124" t="s">
        <v>29833</v>
      </c>
      <c r="E3124" t="s">
        <v>34587</v>
      </c>
      <c r="F3124">
        <v>3</v>
      </c>
      <c r="G3124" t="s">
        <v>0</v>
      </c>
      <c r="H3124" t="s">
        <v>29834</v>
      </c>
      <c r="I3124" t="s">
        <v>30540</v>
      </c>
    </row>
    <row r="3125" spans="1:9">
      <c r="A3125" s="1">
        <v>0.36717110136740938</v>
      </c>
      <c r="B3125" s="1"/>
      <c r="C3125">
        <v>16</v>
      </c>
      <c r="D3125" t="s">
        <v>29839</v>
      </c>
      <c r="E3125" t="s">
        <v>34587</v>
      </c>
      <c r="F3125">
        <v>2</v>
      </c>
      <c r="G3125" t="s">
        <v>0</v>
      </c>
      <c r="H3125" t="s">
        <v>29840</v>
      </c>
      <c r="I3125" t="s">
        <v>30540</v>
      </c>
    </row>
    <row r="3126" spans="1:9">
      <c r="A3126" s="1">
        <v>0.34525519460011234</v>
      </c>
      <c r="B3126" s="1"/>
      <c r="C3126">
        <v>11</v>
      </c>
      <c r="D3126" t="s">
        <v>29823</v>
      </c>
      <c r="E3126" t="s">
        <v>34588</v>
      </c>
      <c r="F3126">
        <v>3</v>
      </c>
      <c r="G3126" t="s">
        <v>0</v>
      </c>
      <c r="H3126" t="s">
        <v>29824</v>
      </c>
      <c r="I3126" t="s">
        <v>30540</v>
      </c>
    </row>
    <row r="3127" spans="1:9">
      <c r="A3127" s="1">
        <v>0.82557922424231378</v>
      </c>
      <c r="B3127" s="1"/>
      <c r="C3127">
        <v>12</v>
      </c>
      <c r="D3127" t="s">
        <v>29825</v>
      </c>
      <c r="E3127" t="s">
        <v>34588</v>
      </c>
      <c r="F3127">
        <v>2</v>
      </c>
      <c r="G3127" t="s">
        <v>2</v>
      </c>
      <c r="H3127" t="s">
        <v>29826</v>
      </c>
      <c r="I3127" t="s">
        <v>30540</v>
      </c>
    </row>
    <row r="3128" spans="1:9">
      <c r="A3128" s="1">
        <v>0.33822176992851616</v>
      </c>
      <c r="B3128" s="1"/>
      <c r="C3128">
        <v>11</v>
      </c>
      <c r="D3128" t="s">
        <v>29811</v>
      </c>
      <c r="E3128" t="s">
        <v>34589</v>
      </c>
      <c r="F3128">
        <v>3</v>
      </c>
      <c r="G3128" t="s">
        <v>14</v>
      </c>
      <c r="H3128" t="s">
        <v>29812</v>
      </c>
      <c r="I3128" t="s">
        <v>30540</v>
      </c>
    </row>
    <row r="3129" spans="1:9">
      <c r="A3129" s="1">
        <v>0.19148177883458217</v>
      </c>
      <c r="B3129" s="1"/>
      <c r="C3129">
        <v>20</v>
      </c>
      <c r="D3129" t="s">
        <v>29815</v>
      </c>
      <c r="E3129" t="s">
        <v>34589</v>
      </c>
      <c r="F3129">
        <v>2</v>
      </c>
      <c r="G3129" t="s">
        <v>0</v>
      </c>
      <c r="H3129" t="s">
        <v>29816</v>
      </c>
      <c r="I3129" t="s">
        <v>30540</v>
      </c>
    </row>
    <row r="3130" spans="1:9">
      <c r="A3130" s="1">
        <v>0.30010294122535375</v>
      </c>
      <c r="B3130" s="1"/>
      <c r="C3130">
        <v>12</v>
      </c>
      <c r="D3130" t="s">
        <v>29803</v>
      </c>
      <c r="E3130" t="s">
        <v>34590</v>
      </c>
      <c r="F3130">
        <v>3</v>
      </c>
      <c r="G3130" t="s">
        <v>0</v>
      </c>
      <c r="H3130" t="s">
        <v>29804</v>
      </c>
      <c r="I3130" t="s">
        <v>30540</v>
      </c>
    </row>
    <row r="3131" spans="1:9">
      <c r="A3131" s="1">
        <v>0.96829687306907375</v>
      </c>
      <c r="B3131" s="1"/>
      <c r="C3131">
        <v>9</v>
      </c>
      <c r="D3131" t="s">
        <v>29797</v>
      </c>
      <c r="E3131" t="s">
        <v>34590</v>
      </c>
      <c r="F3131">
        <v>3</v>
      </c>
      <c r="G3131" t="s">
        <v>9</v>
      </c>
      <c r="H3131" t="s">
        <v>29798</v>
      </c>
      <c r="I3131" t="s">
        <v>30540</v>
      </c>
    </row>
    <row r="3132" spans="1:9">
      <c r="A3132" s="1">
        <v>2.6093713091266735E-2</v>
      </c>
      <c r="B3132" s="1"/>
      <c r="C3132">
        <v>8</v>
      </c>
      <c r="D3132" t="s">
        <v>29795</v>
      </c>
      <c r="E3132" t="s">
        <v>34590</v>
      </c>
      <c r="F3132">
        <v>2</v>
      </c>
      <c r="G3132" t="s">
        <v>15</v>
      </c>
      <c r="H3132" t="s">
        <v>29796</v>
      </c>
      <c r="I3132" t="s">
        <v>30540</v>
      </c>
    </row>
    <row r="3133" spans="1:9">
      <c r="A3133" s="1">
        <v>1.587760500380675E-3</v>
      </c>
      <c r="B3133" s="1"/>
      <c r="C3133">
        <v>10</v>
      </c>
      <c r="D3133" t="s">
        <v>29799</v>
      </c>
      <c r="E3133" t="s">
        <v>34590</v>
      </c>
      <c r="F3133">
        <v>2</v>
      </c>
      <c r="G3133" t="s">
        <v>0</v>
      </c>
      <c r="H3133" t="s">
        <v>29800</v>
      </c>
      <c r="I3133" t="s">
        <v>30540</v>
      </c>
    </row>
    <row r="3134" spans="1:9">
      <c r="A3134" s="1">
        <v>0.44338570954945111</v>
      </c>
      <c r="B3134" s="1"/>
      <c r="C3134">
        <v>8</v>
      </c>
      <c r="D3134" t="s">
        <v>29785</v>
      </c>
      <c r="E3134" t="s">
        <v>34591</v>
      </c>
      <c r="F3134">
        <v>3</v>
      </c>
      <c r="G3134" t="s">
        <v>2</v>
      </c>
      <c r="H3134" t="s">
        <v>29786</v>
      </c>
      <c r="I3134" t="s">
        <v>30540</v>
      </c>
    </row>
    <row r="3135" spans="1:9">
      <c r="A3135" s="1">
        <v>0.21165816051340725</v>
      </c>
      <c r="B3135" s="1"/>
      <c r="C3135">
        <v>9</v>
      </c>
      <c r="D3135" t="s">
        <v>29787</v>
      </c>
      <c r="E3135" t="s">
        <v>34591</v>
      </c>
      <c r="F3135">
        <v>2</v>
      </c>
      <c r="G3135" t="s">
        <v>13</v>
      </c>
      <c r="H3135" t="s">
        <v>29788</v>
      </c>
      <c r="I3135" t="s">
        <v>30540</v>
      </c>
    </row>
    <row r="3136" spans="1:9">
      <c r="A3136" s="1">
        <v>1.4405361624282631E-2</v>
      </c>
      <c r="B3136" s="1"/>
      <c r="C3136">
        <v>9</v>
      </c>
      <c r="D3136" t="s">
        <v>29779</v>
      </c>
      <c r="E3136" t="s">
        <v>34592</v>
      </c>
      <c r="F3136">
        <v>2</v>
      </c>
      <c r="G3136" t="s">
        <v>0</v>
      </c>
      <c r="H3136" t="s">
        <v>29780</v>
      </c>
      <c r="I3136" t="s">
        <v>30540</v>
      </c>
    </row>
    <row r="3137" spans="1:9">
      <c r="A3137" s="1">
        <v>0.1181378081381903</v>
      </c>
      <c r="B3137" s="1"/>
      <c r="C3137">
        <v>12</v>
      </c>
      <c r="D3137" t="s">
        <v>29773</v>
      </c>
      <c r="E3137" t="s">
        <v>34593</v>
      </c>
      <c r="F3137">
        <v>1</v>
      </c>
      <c r="G3137" t="s">
        <v>0</v>
      </c>
      <c r="H3137" t="s">
        <v>29774</v>
      </c>
      <c r="I3137" t="s">
        <v>30540</v>
      </c>
    </row>
    <row r="3138" spans="1:9">
      <c r="A3138" s="1">
        <v>0.34928747953369454</v>
      </c>
      <c r="B3138" s="1"/>
      <c r="C3138">
        <v>18</v>
      </c>
      <c r="D3138" t="s">
        <v>29767</v>
      </c>
      <c r="E3138" t="s">
        <v>34594</v>
      </c>
      <c r="F3138">
        <v>3</v>
      </c>
      <c r="G3138" t="s">
        <v>0</v>
      </c>
      <c r="H3138" t="s">
        <v>29768</v>
      </c>
      <c r="I3138" t="s">
        <v>30540</v>
      </c>
    </row>
    <row r="3139" spans="1:9">
      <c r="A3139" s="1">
        <v>0.75162314613134107</v>
      </c>
      <c r="B3139" s="1"/>
      <c r="C3139">
        <v>14</v>
      </c>
      <c r="D3139" t="s">
        <v>29761</v>
      </c>
      <c r="E3139" t="s">
        <v>34594</v>
      </c>
      <c r="F3139">
        <v>3</v>
      </c>
      <c r="G3139" t="s">
        <v>0</v>
      </c>
      <c r="H3139" t="s">
        <v>29762</v>
      </c>
      <c r="I3139" t="s">
        <v>30540</v>
      </c>
    </row>
    <row r="3140" spans="1:9">
      <c r="A3140" s="1">
        <v>0.10691040058035317</v>
      </c>
      <c r="B3140" s="1"/>
      <c r="C3140">
        <v>16</v>
      </c>
      <c r="D3140" t="s">
        <v>29737</v>
      </c>
      <c r="E3140" t="s">
        <v>34597</v>
      </c>
      <c r="F3140">
        <v>2</v>
      </c>
      <c r="G3140" t="s">
        <v>0</v>
      </c>
      <c r="H3140" t="s">
        <v>29738</v>
      </c>
      <c r="I3140" t="s">
        <v>30540</v>
      </c>
    </row>
    <row r="3141" spans="1:9">
      <c r="A3141" s="1">
        <v>0.64532223985518544</v>
      </c>
      <c r="B3141" s="1"/>
      <c r="C3141">
        <v>14</v>
      </c>
      <c r="D3141" t="s">
        <v>29715</v>
      </c>
      <c r="E3141" t="s">
        <v>34600</v>
      </c>
      <c r="F3141">
        <v>3</v>
      </c>
      <c r="G3141" t="s">
        <v>0</v>
      </c>
      <c r="H3141" t="s">
        <v>29716</v>
      </c>
      <c r="I3141" t="s">
        <v>30540</v>
      </c>
    </row>
    <row r="3142" spans="1:9">
      <c r="A3142" s="1">
        <v>0.15449680136401345</v>
      </c>
      <c r="B3142" s="1"/>
      <c r="C3142">
        <v>18</v>
      </c>
      <c r="D3142" t="s">
        <v>29711</v>
      </c>
      <c r="E3142" t="s">
        <v>34601</v>
      </c>
      <c r="F3142">
        <v>2</v>
      </c>
      <c r="G3142" t="s">
        <v>0</v>
      </c>
      <c r="H3142" t="s">
        <v>29712</v>
      </c>
      <c r="I3142" t="s">
        <v>30540</v>
      </c>
    </row>
    <row r="3143" spans="1:9">
      <c r="A3143" s="1">
        <v>0.44839981737241985</v>
      </c>
      <c r="B3143" s="1"/>
      <c r="C3143">
        <v>20</v>
      </c>
      <c r="D3143" t="s">
        <v>29697</v>
      </c>
      <c r="E3143" t="s">
        <v>34603</v>
      </c>
      <c r="F3143">
        <v>2</v>
      </c>
      <c r="G3143" t="s">
        <v>0</v>
      </c>
      <c r="H3143" t="s">
        <v>29698</v>
      </c>
      <c r="I3143" t="s">
        <v>30540</v>
      </c>
    </row>
    <row r="3144" spans="1:9">
      <c r="A3144" s="1">
        <v>2.3117359044257935E-2</v>
      </c>
      <c r="B3144" s="1"/>
      <c r="C3144">
        <v>14</v>
      </c>
      <c r="D3144" t="s">
        <v>29691</v>
      </c>
      <c r="E3144" t="s">
        <v>34603</v>
      </c>
      <c r="F3144">
        <v>1</v>
      </c>
      <c r="G3144" t="s">
        <v>0</v>
      </c>
      <c r="H3144" t="s">
        <v>29692</v>
      </c>
      <c r="I3144" t="s">
        <v>30540</v>
      </c>
    </row>
    <row r="3145" spans="1:9">
      <c r="A3145" s="1">
        <v>0.52821829184466207</v>
      </c>
      <c r="B3145" s="1"/>
      <c r="C3145">
        <v>15</v>
      </c>
      <c r="D3145" t="s">
        <v>29655</v>
      </c>
      <c r="E3145" t="s">
        <v>34607</v>
      </c>
      <c r="F3145">
        <v>2</v>
      </c>
      <c r="G3145" t="s">
        <v>14</v>
      </c>
      <c r="H3145" t="s">
        <v>29656</v>
      </c>
      <c r="I3145" t="s">
        <v>30540</v>
      </c>
    </row>
    <row r="3146" spans="1:9">
      <c r="A3146" s="1">
        <v>1.3187852737247541E-3</v>
      </c>
      <c r="B3146" s="1"/>
      <c r="C3146">
        <v>4</v>
      </c>
      <c r="D3146" t="s">
        <v>29631</v>
      </c>
      <c r="E3146" t="s">
        <v>34610</v>
      </c>
      <c r="F3146">
        <v>3</v>
      </c>
      <c r="G3146" t="s">
        <v>0</v>
      </c>
      <c r="H3146" t="s">
        <v>29632</v>
      </c>
      <c r="I3146" t="s">
        <v>30540</v>
      </c>
    </row>
    <row r="3147" spans="1:9">
      <c r="A3147" s="1">
        <v>0.64743556228004451</v>
      </c>
      <c r="B3147" s="1"/>
      <c r="C3147">
        <v>1</v>
      </c>
      <c r="D3147" t="s">
        <v>29629</v>
      </c>
      <c r="E3147" t="s">
        <v>34610</v>
      </c>
      <c r="F3147">
        <v>2</v>
      </c>
      <c r="G3147" t="s">
        <v>15</v>
      </c>
      <c r="H3147" t="s">
        <v>29630</v>
      </c>
      <c r="I3147" t="s">
        <v>30540</v>
      </c>
    </row>
    <row r="3148" spans="1:9">
      <c r="A3148" s="1">
        <v>0.49047622555240999</v>
      </c>
      <c r="B3148" s="1"/>
      <c r="C3148">
        <v>9</v>
      </c>
      <c r="D3148" t="s">
        <v>29623</v>
      </c>
      <c r="E3148" t="s">
        <v>34611</v>
      </c>
      <c r="F3148">
        <v>2</v>
      </c>
      <c r="G3148" t="s">
        <v>0</v>
      </c>
      <c r="H3148" t="s">
        <v>29624</v>
      </c>
      <c r="I3148" t="s">
        <v>30540</v>
      </c>
    </row>
    <row r="3149" spans="1:9">
      <c r="A3149" s="1">
        <v>0.16590377990030614</v>
      </c>
      <c r="B3149" s="1"/>
      <c r="C3149">
        <v>9</v>
      </c>
      <c r="D3149" t="s">
        <v>29605</v>
      </c>
      <c r="E3149" t="s">
        <v>34612</v>
      </c>
      <c r="F3149">
        <v>3</v>
      </c>
      <c r="G3149" t="s">
        <v>0</v>
      </c>
      <c r="H3149" t="s">
        <v>29606</v>
      </c>
      <c r="I3149" t="s">
        <v>30540</v>
      </c>
    </row>
    <row r="3150" spans="1:9">
      <c r="A3150" s="1">
        <v>5.4775830306736162E-2</v>
      </c>
      <c r="B3150" s="1"/>
      <c r="C3150">
        <v>20</v>
      </c>
      <c r="D3150" t="s">
        <v>29617</v>
      </c>
      <c r="E3150" t="s">
        <v>34612</v>
      </c>
      <c r="F3150">
        <v>3</v>
      </c>
      <c r="G3150" t="s">
        <v>0</v>
      </c>
      <c r="H3150" t="s">
        <v>29618</v>
      </c>
      <c r="I3150" t="s">
        <v>30540</v>
      </c>
    </row>
    <row r="3151" spans="1:9">
      <c r="A3151" s="1">
        <v>0.89106632630610516</v>
      </c>
      <c r="B3151" s="1"/>
      <c r="C3151">
        <v>18</v>
      </c>
      <c r="D3151" t="s">
        <v>29615</v>
      </c>
      <c r="E3151" t="s">
        <v>34612</v>
      </c>
      <c r="F3151">
        <v>2</v>
      </c>
      <c r="G3151" t="s">
        <v>0</v>
      </c>
      <c r="H3151" t="s">
        <v>29616</v>
      </c>
      <c r="I3151" t="s">
        <v>30540</v>
      </c>
    </row>
    <row r="3152" spans="1:9">
      <c r="A3152" s="1">
        <v>0.16073090852680949</v>
      </c>
      <c r="B3152" s="1"/>
      <c r="C3152">
        <v>16</v>
      </c>
      <c r="D3152" t="s">
        <v>29591</v>
      </c>
      <c r="E3152" t="s">
        <v>34615</v>
      </c>
      <c r="F3152">
        <v>3</v>
      </c>
      <c r="G3152" t="s">
        <v>1</v>
      </c>
      <c r="H3152" t="s">
        <v>29592</v>
      </c>
      <c r="I3152" t="s">
        <v>30540</v>
      </c>
    </row>
    <row r="3153" spans="1:9">
      <c r="A3153" s="1">
        <v>0.32087716271396538</v>
      </c>
      <c r="B3153" s="1"/>
      <c r="C3153">
        <v>10</v>
      </c>
      <c r="D3153" t="s">
        <v>29581</v>
      </c>
      <c r="E3153" t="s">
        <v>34616</v>
      </c>
      <c r="F3153">
        <v>3</v>
      </c>
      <c r="G3153" t="s">
        <v>0</v>
      </c>
      <c r="H3153" t="s">
        <v>29582</v>
      </c>
      <c r="I3153" t="s">
        <v>30540</v>
      </c>
    </row>
    <row r="3154" spans="1:9">
      <c r="A3154" s="1">
        <v>0.67527992773711409</v>
      </c>
      <c r="B3154" s="1"/>
      <c r="C3154">
        <v>7</v>
      </c>
      <c r="D3154" t="s">
        <v>29573</v>
      </c>
      <c r="E3154" t="s">
        <v>34617</v>
      </c>
      <c r="F3154">
        <v>2</v>
      </c>
      <c r="G3154" t="s">
        <v>1</v>
      </c>
      <c r="H3154" t="s">
        <v>29574</v>
      </c>
      <c r="I3154" t="s">
        <v>30540</v>
      </c>
    </row>
    <row r="3155" spans="1:9">
      <c r="A3155" s="1">
        <v>0.7039014125909151</v>
      </c>
      <c r="B3155" s="1"/>
      <c r="C3155">
        <v>11</v>
      </c>
      <c r="D3155" t="s">
        <v>29553</v>
      </c>
      <c r="E3155" t="s">
        <v>34620</v>
      </c>
      <c r="F3155">
        <v>2</v>
      </c>
      <c r="G3155" t="s">
        <v>0</v>
      </c>
      <c r="H3155" t="s">
        <v>29554</v>
      </c>
      <c r="I3155" t="s">
        <v>30540</v>
      </c>
    </row>
    <row r="3156" spans="1:9">
      <c r="A3156" s="1">
        <v>0.94729100515314557</v>
      </c>
      <c r="B3156" s="1"/>
      <c r="C3156">
        <v>16</v>
      </c>
      <c r="D3156" t="s">
        <v>29555</v>
      </c>
      <c r="E3156" t="s">
        <v>34620</v>
      </c>
      <c r="F3156">
        <v>1</v>
      </c>
      <c r="G3156" t="s">
        <v>0</v>
      </c>
      <c r="H3156" t="s">
        <v>29556</v>
      </c>
      <c r="I3156" t="s">
        <v>30540</v>
      </c>
    </row>
    <row r="3157" spans="1:9">
      <c r="A3157" s="1">
        <v>0.22217531773190657</v>
      </c>
      <c r="B3157" s="1"/>
      <c r="C3157">
        <v>11</v>
      </c>
      <c r="D3157" t="s">
        <v>29531</v>
      </c>
      <c r="E3157" t="s">
        <v>34622</v>
      </c>
      <c r="F3157">
        <v>2</v>
      </c>
      <c r="G3157" t="s">
        <v>14</v>
      </c>
      <c r="H3157" t="s">
        <v>29532</v>
      </c>
      <c r="I3157" t="s">
        <v>30540</v>
      </c>
    </row>
    <row r="3158" spans="1:9">
      <c r="A3158" s="1">
        <v>0.76870438532098007</v>
      </c>
      <c r="B3158" s="1"/>
      <c r="C3158">
        <v>12</v>
      </c>
      <c r="D3158" t="s">
        <v>29519</v>
      </c>
      <c r="E3158" t="s">
        <v>34623</v>
      </c>
      <c r="F3158">
        <v>3</v>
      </c>
      <c r="G3158" t="s">
        <v>9</v>
      </c>
      <c r="H3158" t="s">
        <v>29520</v>
      </c>
      <c r="I3158" t="s">
        <v>30540</v>
      </c>
    </row>
    <row r="3159" spans="1:9">
      <c r="A3159" s="1">
        <v>8.6189019602322059E-2</v>
      </c>
      <c r="B3159" s="1"/>
      <c r="C3159">
        <v>14</v>
      </c>
      <c r="D3159" t="s">
        <v>29511</v>
      </c>
      <c r="E3159" t="s">
        <v>34624</v>
      </c>
      <c r="F3159">
        <v>3</v>
      </c>
      <c r="G3159" t="s">
        <v>0</v>
      </c>
      <c r="H3159" t="s">
        <v>29512</v>
      </c>
      <c r="I3159" t="s">
        <v>30540</v>
      </c>
    </row>
    <row r="3160" spans="1:9">
      <c r="A3160" s="1">
        <v>0.40748465880335294</v>
      </c>
      <c r="B3160" s="1"/>
      <c r="C3160">
        <v>12</v>
      </c>
      <c r="D3160" t="s">
        <v>29481</v>
      </c>
      <c r="E3160" t="s">
        <v>34627</v>
      </c>
      <c r="F3160">
        <v>3</v>
      </c>
      <c r="G3160" t="s">
        <v>0</v>
      </c>
      <c r="H3160" t="s">
        <v>29482</v>
      </c>
      <c r="I3160" t="s">
        <v>30540</v>
      </c>
    </row>
    <row r="3161" spans="1:9">
      <c r="A3161" s="1">
        <v>0.89236082147715523</v>
      </c>
      <c r="B3161" s="1"/>
      <c r="C3161">
        <v>15</v>
      </c>
      <c r="D3161" t="s">
        <v>29463</v>
      </c>
      <c r="E3161" t="s">
        <v>34629</v>
      </c>
      <c r="F3161">
        <v>2</v>
      </c>
      <c r="G3161" t="s">
        <v>0</v>
      </c>
      <c r="H3161" t="s">
        <v>29464</v>
      </c>
      <c r="I3161" t="s">
        <v>30540</v>
      </c>
    </row>
    <row r="3162" spans="1:9">
      <c r="A3162" s="1">
        <v>0.51298222357966794</v>
      </c>
      <c r="B3162" s="1"/>
      <c r="C3162">
        <v>16</v>
      </c>
      <c r="D3162" t="s">
        <v>29453</v>
      </c>
      <c r="E3162" t="s">
        <v>34630</v>
      </c>
      <c r="F3162">
        <v>3</v>
      </c>
      <c r="G3162" t="s">
        <v>0</v>
      </c>
      <c r="H3162" t="s">
        <v>29454</v>
      </c>
      <c r="I3162" t="s">
        <v>30540</v>
      </c>
    </row>
    <row r="3163" spans="1:9">
      <c r="A3163" s="1">
        <v>0.22917576602478784</v>
      </c>
      <c r="B3163" s="1"/>
      <c r="C3163">
        <v>3</v>
      </c>
      <c r="D3163" t="s">
        <v>29433</v>
      </c>
      <c r="E3163" t="s">
        <v>34631</v>
      </c>
      <c r="F3163">
        <v>3</v>
      </c>
      <c r="G3163" t="s">
        <v>0</v>
      </c>
      <c r="H3163" t="s">
        <v>29434</v>
      </c>
      <c r="I3163" t="s">
        <v>30540</v>
      </c>
    </row>
    <row r="3164" spans="1:9">
      <c r="A3164" s="1">
        <v>0.63699192635796686</v>
      </c>
      <c r="B3164" s="1"/>
      <c r="C3164">
        <v>18</v>
      </c>
      <c r="D3164" t="s">
        <v>29441</v>
      </c>
      <c r="E3164" t="s">
        <v>34631</v>
      </c>
      <c r="F3164">
        <v>3</v>
      </c>
      <c r="G3164" t="s">
        <v>0</v>
      </c>
      <c r="H3164" t="s">
        <v>29442</v>
      </c>
      <c r="I3164" t="s">
        <v>30540</v>
      </c>
    </row>
    <row r="3165" spans="1:9">
      <c r="A3165" s="1">
        <v>0.5205652516940048</v>
      </c>
      <c r="B3165" s="1"/>
      <c r="C3165">
        <v>10</v>
      </c>
      <c r="D3165" t="s">
        <v>29415</v>
      </c>
      <c r="E3165" t="s">
        <v>34634</v>
      </c>
      <c r="F3165">
        <v>3</v>
      </c>
      <c r="G3165" t="s">
        <v>0</v>
      </c>
      <c r="H3165" t="s">
        <v>29416</v>
      </c>
      <c r="I3165" t="s">
        <v>30540</v>
      </c>
    </row>
    <row r="3166" spans="1:9">
      <c r="A3166" s="1">
        <v>0.85246564307393846</v>
      </c>
      <c r="B3166" s="1"/>
      <c r="C3166">
        <v>9</v>
      </c>
      <c r="D3166" t="s">
        <v>29413</v>
      </c>
      <c r="E3166" t="s">
        <v>34634</v>
      </c>
      <c r="F3166">
        <v>2</v>
      </c>
      <c r="G3166" t="s">
        <v>0</v>
      </c>
      <c r="H3166" t="s">
        <v>29414</v>
      </c>
      <c r="I3166" t="s">
        <v>30540</v>
      </c>
    </row>
    <row r="3167" spans="1:9">
      <c r="A3167" s="1">
        <v>0.36583776257509371</v>
      </c>
      <c r="B3167" s="1"/>
      <c r="C3167">
        <v>13</v>
      </c>
      <c r="D3167" t="s">
        <v>29417</v>
      </c>
      <c r="E3167" t="s">
        <v>34634</v>
      </c>
      <c r="F3167">
        <v>2</v>
      </c>
      <c r="G3167" t="s">
        <v>0</v>
      </c>
      <c r="H3167" t="s">
        <v>29418</v>
      </c>
      <c r="I3167" t="s">
        <v>30540</v>
      </c>
    </row>
    <row r="3168" spans="1:9">
      <c r="A3168" s="1">
        <v>0.73791644083688923</v>
      </c>
      <c r="B3168" s="1"/>
      <c r="C3168">
        <v>5</v>
      </c>
      <c r="D3168" t="s">
        <v>29403</v>
      </c>
      <c r="E3168" t="s">
        <v>34635</v>
      </c>
      <c r="F3168">
        <v>1</v>
      </c>
      <c r="G3168" t="s">
        <v>0</v>
      </c>
      <c r="H3168" t="s">
        <v>29404</v>
      </c>
      <c r="I3168" t="s">
        <v>30540</v>
      </c>
    </row>
    <row r="3169" spans="1:9">
      <c r="A3169" s="1">
        <v>0.75117911013238226</v>
      </c>
      <c r="B3169" s="1"/>
      <c r="C3169">
        <v>20</v>
      </c>
      <c r="D3169" t="s">
        <v>29399</v>
      </c>
      <c r="E3169" t="s">
        <v>34636</v>
      </c>
      <c r="F3169">
        <v>2</v>
      </c>
      <c r="G3169" t="s">
        <v>0</v>
      </c>
      <c r="H3169" t="s">
        <v>29400</v>
      </c>
      <c r="I3169" t="s">
        <v>30540</v>
      </c>
    </row>
    <row r="3170" spans="1:9">
      <c r="A3170" s="1">
        <v>0.30473952624128153</v>
      </c>
      <c r="B3170" s="1"/>
      <c r="C3170">
        <v>12</v>
      </c>
      <c r="D3170" t="s">
        <v>29385</v>
      </c>
      <c r="E3170" t="s">
        <v>34637</v>
      </c>
      <c r="F3170">
        <v>2</v>
      </c>
      <c r="G3170" t="s">
        <v>0</v>
      </c>
      <c r="H3170" t="s">
        <v>29386</v>
      </c>
      <c r="I3170" t="s">
        <v>30540</v>
      </c>
    </row>
    <row r="3171" spans="1:9">
      <c r="A3171" s="1">
        <v>0.52524577599427147</v>
      </c>
      <c r="B3171" s="1"/>
      <c r="C3171">
        <v>10</v>
      </c>
      <c r="D3171" t="s">
        <v>29377</v>
      </c>
      <c r="E3171" t="s">
        <v>34638</v>
      </c>
      <c r="F3171">
        <v>2</v>
      </c>
      <c r="G3171" t="s">
        <v>0</v>
      </c>
      <c r="H3171" t="s">
        <v>29378</v>
      </c>
      <c r="I3171" t="s">
        <v>30540</v>
      </c>
    </row>
    <row r="3172" spans="1:9">
      <c r="A3172" s="1">
        <v>0.14991539669591358</v>
      </c>
      <c r="B3172" s="1"/>
      <c r="C3172">
        <v>15</v>
      </c>
      <c r="D3172" t="s">
        <v>29379</v>
      </c>
      <c r="E3172" t="s">
        <v>34638</v>
      </c>
      <c r="F3172">
        <v>1</v>
      </c>
      <c r="G3172" t="s">
        <v>0</v>
      </c>
      <c r="H3172" t="s">
        <v>29380</v>
      </c>
      <c r="I3172" t="s">
        <v>30540</v>
      </c>
    </row>
    <row r="3173" spans="1:9">
      <c r="A3173" s="1">
        <v>8.7901645555948926E-3</v>
      </c>
      <c r="B3173" s="1"/>
      <c r="C3173">
        <v>14</v>
      </c>
      <c r="D3173" t="s">
        <v>29369</v>
      </c>
      <c r="E3173" t="s">
        <v>34639</v>
      </c>
      <c r="F3173">
        <v>2</v>
      </c>
      <c r="G3173" t="s">
        <v>0</v>
      </c>
      <c r="H3173" t="s">
        <v>29370</v>
      </c>
      <c r="I3173" t="s">
        <v>30540</v>
      </c>
    </row>
    <row r="3174" spans="1:9">
      <c r="A3174" s="1">
        <v>2.1849271412419657E-3</v>
      </c>
      <c r="B3174" s="1"/>
      <c r="C3174">
        <v>3</v>
      </c>
      <c r="D3174" t="s">
        <v>29359</v>
      </c>
      <c r="E3174" t="s">
        <v>34640</v>
      </c>
      <c r="F3174">
        <v>3</v>
      </c>
      <c r="G3174" t="s">
        <v>2</v>
      </c>
      <c r="H3174" t="s">
        <v>29360</v>
      </c>
      <c r="I3174" t="s">
        <v>30540</v>
      </c>
    </row>
    <row r="3175" spans="1:9">
      <c r="A3175" s="1">
        <v>0.42424900048772418</v>
      </c>
      <c r="B3175" s="1"/>
      <c r="C3175">
        <v>7</v>
      </c>
      <c r="D3175" t="s">
        <v>29315</v>
      </c>
      <c r="E3175" t="s">
        <v>34644</v>
      </c>
      <c r="F3175">
        <v>1</v>
      </c>
      <c r="G3175" t="s">
        <v>0</v>
      </c>
      <c r="H3175" t="s">
        <v>29316</v>
      </c>
      <c r="I3175" t="s">
        <v>30540</v>
      </c>
    </row>
    <row r="3176" spans="1:9">
      <c r="A3176" s="1">
        <v>0.27630933227788435</v>
      </c>
      <c r="B3176" s="1"/>
      <c r="C3176">
        <v>3</v>
      </c>
      <c r="D3176" t="s">
        <v>29305</v>
      </c>
      <c r="E3176" t="s">
        <v>34645</v>
      </c>
      <c r="F3176">
        <v>2</v>
      </c>
      <c r="G3176" t="s">
        <v>1</v>
      </c>
      <c r="H3176" t="s">
        <v>29306</v>
      </c>
      <c r="I3176" t="s">
        <v>30540</v>
      </c>
    </row>
    <row r="3177" spans="1:9">
      <c r="A3177" s="1">
        <v>2.9212228597913059E-2</v>
      </c>
      <c r="B3177" s="1"/>
      <c r="C3177">
        <v>3</v>
      </c>
      <c r="D3177" t="s">
        <v>29281</v>
      </c>
      <c r="E3177" t="s">
        <v>34647</v>
      </c>
      <c r="F3177">
        <v>2</v>
      </c>
      <c r="G3177" t="s">
        <v>0</v>
      </c>
      <c r="H3177" t="s">
        <v>29282</v>
      </c>
      <c r="I3177" t="s">
        <v>30540</v>
      </c>
    </row>
    <row r="3178" spans="1:9">
      <c r="A3178" s="1">
        <v>0.82389754080190358</v>
      </c>
      <c r="B3178" s="1"/>
      <c r="C3178">
        <v>5</v>
      </c>
      <c r="D3178" t="s">
        <v>29283</v>
      </c>
      <c r="E3178" t="s">
        <v>34647</v>
      </c>
      <c r="F3178">
        <v>2</v>
      </c>
      <c r="G3178" t="s">
        <v>10</v>
      </c>
      <c r="H3178" t="s">
        <v>29284</v>
      </c>
      <c r="I3178" t="s">
        <v>30540</v>
      </c>
    </row>
    <row r="3179" spans="1:9">
      <c r="A3179" s="1">
        <v>0.69398239242310944</v>
      </c>
      <c r="B3179" s="1"/>
      <c r="C3179">
        <v>18</v>
      </c>
      <c r="D3179" t="s">
        <v>29279</v>
      </c>
      <c r="E3179" t="s">
        <v>34648</v>
      </c>
      <c r="F3179">
        <v>3</v>
      </c>
      <c r="G3179" t="s">
        <v>2</v>
      </c>
      <c r="H3179" t="s">
        <v>29280</v>
      </c>
      <c r="I3179" t="s">
        <v>30540</v>
      </c>
    </row>
    <row r="3180" spans="1:9">
      <c r="A3180" s="1">
        <v>2.1160270141165838E-2</v>
      </c>
      <c r="B3180" s="1"/>
      <c r="C3180">
        <v>3</v>
      </c>
      <c r="D3180" t="s">
        <v>29273</v>
      </c>
      <c r="E3180" t="s">
        <v>34648</v>
      </c>
      <c r="F3180">
        <v>2</v>
      </c>
      <c r="G3180" t="s">
        <v>0</v>
      </c>
      <c r="H3180" t="s">
        <v>29274</v>
      </c>
      <c r="I3180" t="s">
        <v>30540</v>
      </c>
    </row>
    <row r="3181" spans="1:9">
      <c r="A3181" s="1">
        <v>0.85936746119198193</v>
      </c>
      <c r="B3181" s="1"/>
      <c r="C3181">
        <v>3</v>
      </c>
      <c r="D3181" t="s">
        <v>29263</v>
      </c>
      <c r="E3181" t="s">
        <v>34649</v>
      </c>
      <c r="F3181">
        <v>3</v>
      </c>
      <c r="G3181" t="s">
        <v>10</v>
      </c>
      <c r="H3181" t="s">
        <v>29264</v>
      </c>
      <c r="I3181" t="s">
        <v>30540</v>
      </c>
    </row>
    <row r="3182" spans="1:9">
      <c r="A3182" s="1">
        <v>0.15064807955947401</v>
      </c>
      <c r="B3182" s="1"/>
      <c r="C3182">
        <v>14</v>
      </c>
      <c r="D3182" t="s">
        <v>29269</v>
      </c>
      <c r="E3182" t="s">
        <v>34649</v>
      </c>
      <c r="F3182">
        <v>1</v>
      </c>
      <c r="G3182" t="s">
        <v>2</v>
      </c>
      <c r="H3182" t="s">
        <v>29270</v>
      </c>
      <c r="I3182" t="s">
        <v>30540</v>
      </c>
    </row>
    <row r="3183" spans="1:9">
      <c r="A3183" s="1">
        <v>0.78917462181085918</v>
      </c>
      <c r="B3183" s="1"/>
      <c r="C3183">
        <v>12</v>
      </c>
      <c r="D3183" t="s">
        <v>29257</v>
      </c>
      <c r="E3183" t="s">
        <v>34651</v>
      </c>
      <c r="F3183">
        <v>2</v>
      </c>
      <c r="G3183" t="s">
        <v>0</v>
      </c>
      <c r="H3183" t="s">
        <v>29258</v>
      </c>
      <c r="I3183" t="s">
        <v>30540</v>
      </c>
    </row>
    <row r="3184" spans="1:9">
      <c r="A3184" s="1">
        <v>0.15862024834002453</v>
      </c>
      <c r="B3184" s="1"/>
      <c r="C3184">
        <v>6</v>
      </c>
      <c r="D3184" t="s">
        <v>29251</v>
      </c>
      <c r="E3184" t="s">
        <v>34651</v>
      </c>
      <c r="F3184">
        <v>0</v>
      </c>
      <c r="G3184" t="s">
        <v>10</v>
      </c>
      <c r="H3184" t="s">
        <v>29252</v>
      </c>
      <c r="I3184" t="s">
        <v>30540</v>
      </c>
    </row>
    <row r="3185" spans="1:9">
      <c r="A3185" s="1">
        <v>0.1724631880613513</v>
      </c>
      <c r="B3185" s="1"/>
      <c r="C3185">
        <v>9</v>
      </c>
      <c r="D3185" t="s">
        <v>29231</v>
      </c>
      <c r="E3185" t="s">
        <v>34653</v>
      </c>
      <c r="F3185">
        <v>2</v>
      </c>
      <c r="G3185" t="s">
        <v>0</v>
      </c>
      <c r="H3185" t="s">
        <v>29232</v>
      </c>
      <c r="I3185" t="s">
        <v>30540</v>
      </c>
    </row>
    <row r="3186" spans="1:9">
      <c r="A3186" s="1">
        <v>0.95102113171289759</v>
      </c>
      <c r="B3186" s="1"/>
      <c r="C3186">
        <v>15</v>
      </c>
      <c r="D3186" t="s">
        <v>29225</v>
      </c>
      <c r="E3186" t="s">
        <v>34654</v>
      </c>
      <c r="F3186">
        <v>2</v>
      </c>
      <c r="G3186" t="s">
        <v>0</v>
      </c>
      <c r="H3186" t="s">
        <v>29226</v>
      </c>
      <c r="I3186" t="s">
        <v>30540</v>
      </c>
    </row>
    <row r="3187" spans="1:9">
      <c r="A3187" s="1">
        <v>0.12558617182852982</v>
      </c>
      <c r="B3187" s="1"/>
      <c r="C3187">
        <v>11</v>
      </c>
      <c r="D3187" t="s">
        <v>29203</v>
      </c>
      <c r="E3187" t="s">
        <v>34656</v>
      </c>
      <c r="F3187">
        <v>3</v>
      </c>
      <c r="G3187" t="s">
        <v>1</v>
      </c>
      <c r="H3187" t="s">
        <v>29204</v>
      </c>
      <c r="I3187" t="s">
        <v>30540</v>
      </c>
    </row>
    <row r="3188" spans="1:9">
      <c r="A3188" s="1">
        <v>0.48821451443271457</v>
      </c>
      <c r="B3188" s="1"/>
      <c r="C3188">
        <v>14</v>
      </c>
      <c r="D3188" t="s">
        <v>29207</v>
      </c>
      <c r="E3188" t="s">
        <v>34656</v>
      </c>
      <c r="F3188">
        <v>1</v>
      </c>
      <c r="G3188" t="s">
        <v>0</v>
      </c>
      <c r="H3188" t="s">
        <v>29208</v>
      </c>
      <c r="I3188" t="s">
        <v>30540</v>
      </c>
    </row>
    <row r="3189" spans="1:9">
      <c r="A3189" s="1">
        <v>0.82299615567963336</v>
      </c>
      <c r="B3189" s="1"/>
      <c r="C3189">
        <v>7</v>
      </c>
      <c r="D3189" t="s">
        <v>29193</v>
      </c>
      <c r="E3189" t="s">
        <v>34657</v>
      </c>
      <c r="F3189">
        <v>2</v>
      </c>
      <c r="G3189" t="s">
        <v>0</v>
      </c>
      <c r="H3189" t="s">
        <v>29194</v>
      </c>
      <c r="I3189" t="s">
        <v>30540</v>
      </c>
    </row>
    <row r="3190" spans="1:9">
      <c r="A3190" s="1">
        <v>0.72169712601269642</v>
      </c>
      <c r="B3190" s="1"/>
      <c r="C3190">
        <v>13</v>
      </c>
      <c r="D3190" t="s">
        <v>29197</v>
      </c>
      <c r="E3190" t="s">
        <v>34657</v>
      </c>
      <c r="F3190">
        <v>2</v>
      </c>
      <c r="G3190" t="s">
        <v>0</v>
      </c>
      <c r="H3190" t="s">
        <v>29198</v>
      </c>
      <c r="I3190" t="s">
        <v>30540</v>
      </c>
    </row>
    <row r="3191" spans="1:9">
      <c r="A3191" s="1">
        <v>0.9691041300254627</v>
      </c>
      <c r="B3191" s="1"/>
      <c r="C3191">
        <v>16</v>
      </c>
      <c r="D3191" t="s">
        <v>29189</v>
      </c>
      <c r="E3191" t="s">
        <v>34658</v>
      </c>
      <c r="F3191">
        <v>3</v>
      </c>
      <c r="G3191" t="s">
        <v>0</v>
      </c>
      <c r="H3191" t="s">
        <v>29190</v>
      </c>
      <c r="I3191" t="s">
        <v>30540</v>
      </c>
    </row>
    <row r="3192" spans="1:9">
      <c r="A3192" s="1">
        <v>0.77781686449028331</v>
      </c>
      <c r="B3192" s="1"/>
      <c r="C3192">
        <v>9</v>
      </c>
      <c r="D3192" t="s">
        <v>29183</v>
      </c>
      <c r="E3192" t="s">
        <v>34658</v>
      </c>
      <c r="F3192">
        <v>3</v>
      </c>
      <c r="G3192" t="s">
        <v>0</v>
      </c>
      <c r="H3192" t="s">
        <v>29184</v>
      </c>
      <c r="I3192" t="s">
        <v>30540</v>
      </c>
    </row>
    <row r="3193" spans="1:9">
      <c r="A3193" s="1">
        <v>0.68755523357186821</v>
      </c>
      <c r="B3193" s="1"/>
      <c r="C3193">
        <v>15</v>
      </c>
      <c r="D3193" t="s">
        <v>29187</v>
      </c>
      <c r="E3193" t="s">
        <v>34658</v>
      </c>
      <c r="F3193">
        <v>2</v>
      </c>
      <c r="G3193" t="s">
        <v>1</v>
      </c>
      <c r="H3193" t="s">
        <v>29188</v>
      </c>
      <c r="I3193" t="s">
        <v>30540</v>
      </c>
    </row>
    <row r="3194" spans="1:9">
      <c r="A3194" s="1">
        <v>0.47642178003420144</v>
      </c>
      <c r="B3194" s="1"/>
      <c r="C3194">
        <v>6</v>
      </c>
      <c r="D3194" t="s">
        <v>29181</v>
      </c>
      <c r="E3194" t="s">
        <v>34659</v>
      </c>
      <c r="F3194">
        <v>3</v>
      </c>
      <c r="G3194" t="s">
        <v>0</v>
      </c>
      <c r="H3194" t="s">
        <v>29182</v>
      </c>
      <c r="I3194" t="s">
        <v>30540</v>
      </c>
    </row>
    <row r="3195" spans="1:9">
      <c r="A3195" s="1">
        <v>0.83169010867446691</v>
      </c>
      <c r="B3195" s="1"/>
      <c r="C3195">
        <v>14</v>
      </c>
      <c r="D3195" t="s">
        <v>29177</v>
      </c>
      <c r="E3195" t="s">
        <v>34660</v>
      </c>
      <c r="F3195">
        <v>3</v>
      </c>
      <c r="G3195" t="s">
        <v>14</v>
      </c>
      <c r="H3195" t="s">
        <v>29178</v>
      </c>
      <c r="I3195" t="s">
        <v>30540</v>
      </c>
    </row>
    <row r="3196" spans="1:9">
      <c r="A3196" s="1">
        <v>0.23523841798399936</v>
      </c>
      <c r="B3196" s="1"/>
      <c r="C3196">
        <v>8</v>
      </c>
      <c r="D3196" t="s">
        <v>29173</v>
      </c>
      <c r="E3196" t="s">
        <v>34660</v>
      </c>
      <c r="F3196">
        <v>3</v>
      </c>
      <c r="G3196" t="s">
        <v>9</v>
      </c>
      <c r="H3196" t="s">
        <v>29174</v>
      </c>
      <c r="I3196" t="s">
        <v>30540</v>
      </c>
    </row>
    <row r="3197" spans="1:9">
      <c r="A3197" s="1">
        <v>3.9475805670473929E-2</v>
      </c>
      <c r="B3197" s="1"/>
      <c r="C3197">
        <v>2</v>
      </c>
      <c r="D3197" t="s">
        <v>29093</v>
      </c>
      <c r="E3197" t="s">
        <v>34673</v>
      </c>
      <c r="F3197">
        <v>3</v>
      </c>
      <c r="G3197" t="s">
        <v>2</v>
      </c>
      <c r="H3197" t="s">
        <v>29094</v>
      </c>
      <c r="I3197" t="s">
        <v>30540</v>
      </c>
    </row>
    <row r="3198" spans="1:9">
      <c r="A3198" s="1">
        <v>0.911082836045778</v>
      </c>
      <c r="B3198" s="1"/>
      <c r="C3198">
        <v>5</v>
      </c>
      <c r="D3198" t="s">
        <v>29095</v>
      </c>
      <c r="E3198" t="s">
        <v>34673</v>
      </c>
      <c r="F3198">
        <v>2</v>
      </c>
      <c r="G3198" t="s">
        <v>0</v>
      </c>
      <c r="H3198" t="s">
        <v>29096</v>
      </c>
      <c r="I3198" t="s">
        <v>30540</v>
      </c>
    </row>
    <row r="3199" spans="1:9">
      <c r="A3199" s="1">
        <v>0.48559924066356963</v>
      </c>
      <c r="B3199" s="1"/>
      <c r="C3199">
        <v>15</v>
      </c>
      <c r="D3199" t="s">
        <v>29089</v>
      </c>
      <c r="E3199" t="s">
        <v>34674</v>
      </c>
      <c r="F3199">
        <v>2</v>
      </c>
      <c r="G3199" t="s">
        <v>0</v>
      </c>
      <c r="H3199" t="s">
        <v>29090</v>
      </c>
      <c r="I3199" t="s">
        <v>30540</v>
      </c>
    </row>
    <row r="3200" spans="1:9">
      <c r="A3200" s="1">
        <v>0.52731103175686533</v>
      </c>
      <c r="B3200" s="1"/>
      <c r="C3200">
        <v>18</v>
      </c>
      <c r="D3200" t="s">
        <v>29079</v>
      </c>
      <c r="E3200" t="s">
        <v>34675</v>
      </c>
      <c r="F3200">
        <v>3</v>
      </c>
      <c r="G3200" t="s">
        <v>1</v>
      </c>
      <c r="H3200" t="s">
        <v>29080</v>
      </c>
      <c r="I3200" t="s">
        <v>30540</v>
      </c>
    </row>
    <row r="3201" spans="1:9">
      <c r="A3201" s="1">
        <v>0.81510868415697568</v>
      </c>
      <c r="B3201" s="1"/>
      <c r="C3201">
        <v>4</v>
      </c>
      <c r="D3201" t="s">
        <v>29073</v>
      </c>
      <c r="E3201" t="s">
        <v>34675</v>
      </c>
      <c r="F3201">
        <v>3</v>
      </c>
      <c r="G3201" t="s">
        <v>0</v>
      </c>
      <c r="H3201" t="s">
        <v>29074</v>
      </c>
      <c r="I3201" t="s">
        <v>30540</v>
      </c>
    </row>
    <row r="3202" spans="1:9">
      <c r="A3202" s="1">
        <v>0.75363241912317758</v>
      </c>
      <c r="B3202" s="1"/>
      <c r="C3202">
        <v>13</v>
      </c>
      <c r="D3202" t="s">
        <v>29059</v>
      </c>
      <c r="E3202" t="s">
        <v>34677</v>
      </c>
      <c r="F3202">
        <v>2</v>
      </c>
      <c r="G3202" t="s">
        <v>14</v>
      </c>
      <c r="H3202" t="s">
        <v>29060</v>
      </c>
      <c r="I3202" t="s">
        <v>30540</v>
      </c>
    </row>
    <row r="3203" spans="1:9">
      <c r="A3203" s="1">
        <v>0.32863099421491837</v>
      </c>
      <c r="B3203" s="1"/>
      <c r="C3203">
        <v>11</v>
      </c>
      <c r="D3203" t="s">
        <v>29035</v>
      </c>
      <c r="E3203" t="s">
        <v>34680</v>
      </c>
      <c r="F3203">
        <v>2</v>
      </c>
      <c r="G3203" t="s">
        <v>0</v>
      </c>
      <c r="H3203" t="s">
        <v>29036</v>
      </c>
      <c r="I3203" t="s">
        <v>30540</v>
      </c>
    </row>
    <row r="3204" spans="1:9">
      <c r="A3204" s="1">
        <v>1.0773542670706737E-2</v>
      </c>
      <c r="B3204" s="1"/>
      <c r="C3204">
        <v>17</v>
      </c>
      <c r="D3204" t="s">
        <v>29037</v>
      </c>
      <c r="E3204" t="s">
        <v>34680</v>
      </c>
      <c r="F3204">
        <v>2</v>
      </c>
      <c r="G3204" t="s">
        <v>0</v>
      </c>
      <c r="H3204" t="s">
        <v>29038</v>
      </c>
      <c r="I3204" t="s">
        <v>30540</v>
      </c>
    </row>
    <row r="3205" spans="1:9">
      <c r="A3205" s="1">
        <v>0.70819059633939785</v>
      </c>
      <c r="B3205" s="1"/>
      <c r="C3205">
        <v>8</v>
      </c>
      <c r="D3205" t="s">
        <v>29021</v>
      </c>
      <c r="E3205" t="s">
        <v>34681</v>
      </c>
      <c r="F3205">
        <v>2</v>
      </c>
      <c r="G3205" t="s">
        <v>0</v>
      </c>
      <c r="H3205" t="s">
        <v>29022</v>
      </c>
      <c r="I3205" t="s">
        <v>30540</v>
      </c>
    </row>
    <row r="3206" spans="1:9">
      <c r="A3206" s="1">
        <v>9.4884673084157933E-2</v>
      </c>
      <c r="B3206" s="1"/>
      <c r="C3206">
        <v>15</v>
      </c>
      <c r="D3206" t="s">
        <v>29017</v>
      </c>
      <c r="E3206" t="s">
        <v>34682</v>
      </c>
      <c r="F3206">
        <v>3</v>
      </c>
      <c r="G3206" t="s">
        <v>0</v>
      </c>
      <c r="H3206" t="s">
        <v>29018</v>
      </c>
      <c r="I3206" t="s">
        <v>30540</v>
      </c>
    </row>
    <row r="3207" spans="1:9">
      <c r="A3207" s="1">
        <v>0.80459715357748107</v>
      </c>
      <c r="B3207" s="1"/>
      <c r="C3207">
        <v>1</v>
      </c>
      <c r="D3207" t="s">
        <v>29009</v>
      </c>
      <c r="E3207" t="s">
        <v>34682</v>
      </c>
      <c r="F3207">
        <v>2</v>
      </c>
      <c r="G3207" t="s">
        <v>1</v>
      </c>
      <c r="H3207" t="s">
        <v>29010</v>
      </c>
      <c r="I3207" t="s">
        <v>30540</v>
      </c>
    </row>
    <row r="3208" spans="1:9">
      <c r="A3208" s="1">
        <v>6.3680391960267868E-2</v>
      </c>
      <c r="B3208" s="1"/>
      <c r="C3208">
        <v>7</v>
      </c>
      <c r="D3208" t="s">
        <v>29015</v>
      </c>
      <c r="E3208" t="s">
        <v>34682</v>
      </c>
      <c r="F3208">
        <v>2</v>
      </c>
      <c r="G3208" t="s">
        <v>0</v>
      </c>
      <c r="H3208" t="s">
        <v>29016</v>
      </c>
      <c r="I3208" t="s">
        <v>30540</v>
      </c>
    </row>
    <row r="3209" spans="1:9">
      <c r="A3209" s="1">
        <v>0.31464889426862375</v>
      </c>
      <c r="B3209" s="1"/>
      <c r="C3209">
        <v>4</v>
      </c>
      <c r="D3209" t="s">
        <v>29013</v>
      </c>
      <c r="E3209" t="s">
        <v>34682</v>
      </c>
      <c r="F3209">
        <v>2</v>
      </c>
      <c r="G3209" t="s">
        <v>0</v>
      </c>
      <c r="H3209" t="s">
        <v>29014</v>
      </c>
      <c r="I3209" t="s">
        <v>30540</v>
      </c>
    </row>
    <row r="3210" spans="1:9">
      <c r="A3210" s="1">
        <v>0.3141548669368327</v>
      </c>
      <c r="B3210" s="1"/>
      <c r="C3210">
        <v>2</v>
      </c>
      <c r="D3210" t="s">
        <v>29011</v>
      </c>
      <c r="E3210" t="s">
        <v>34682</v>
      </c>
      <c r="F3210">
        <v>2</v>
      </c>
      <c r="G3210" t="s">
        <v>10</v>
      </c>
      <c r="H3210" t="s">
        <v>29012</v>
      </c>
      <c r="I3210" t="s">
        <v>30540</v>
      </c>
    </row>
    <row r="3211" spans="1:9">
      <c r="A3211" s="1">
        <v>0.22270766231351924</v>
      </c>
      <c r="B3211" s="1"/>
      <c r="C3211">
        <v>15</v>
      </c>
      <c r="D3211" t="s">
        <v>29005</v>
      </c>
      <c r="E3211" t="s">
        <v>34683</v>
      </c>
      <c r="F3211">
        <v>3</v>
      </c>
      <c r="G3211" t="s">
        <v>0</v>
      </c>
      <c r="H3211" t="s">
        <v>29006</v>
      </c>
      <c r="I3211" t="s">
        <v>30540</v>
      </c>
    </row>
    <row r="3212" spans="1:9">
      <c r="A3212" s="1">
        <v>0.24360237924859784</v>
      </c>
      <c r="B3212" s="1"/>
      <c r="C3212">
        <v>12</v>
      </c>
      <c r="D3212" t="s">
        <v>29003</v>
      </c>
      <c r="E3212" t="s">
        <v>34683</v>
      </c>
      <c r="F3212">
        <v>2</v>
      </c>
      <c r="G3212" t="s">
        <v>0</v>
      </c>
      <c r="H3212" t="s">
        <v>29004</v>
      </c>
      <c r="I3212" t="s">
        <v>30540</v>
      </c>
    </row>
    <row r="3213" spans="1:9">
      <c r="A3213" s="1">
        <v>0.22554209586363205</v>
      </c>
      <c r="B3213" s="1"/>
      <c r="C3213">
        <v>6</v>
      </c>
      <c r="D3213" t="s">
        <v>28997</v>
      </c>
      <c r="E3213" t="s">
        <v>34684</v>
      </c>
      <c r="F3213">
        <v>3</v>
      </c>
      <c r="G3213" t="s">
        <v>0</v>
      </c>
      <c r="H3213" t="s">
        <v>28998</v>
      </c>
      <c r="I3213" t="s">
        <v>30540</v>
      </c>
    </row>
    <row r="3214" spans="1:9">
      <c r="A3214" s="1">
        <v>0.43872475245838272</v>
      </c>
      <c r="B3214" s="1"/>
      <c r="C3214">
        <v>9</v>
      </c>
      <c r="D3214" t="s">
        <v>28999</v>
      </c>
      <c r="E3214" t="s">
        <v>34684</v>
      </c>
      <c r="F3214">
        <v>2</v>
      </c>
      <c r="G3214" t="s">
        <v>0</v>
      </c>
      <c r="H3214" t="s">
        <v>29000</v>
      </c>
      <c r="I3214" t="s">
        <v>30540</v>
      </c>
    </row>
    <row r="3215" spans="1:9">
      <c r="A3215" s="1">
        <v>0.28732490893820528</v>
      </c>
      <c r="B3215" s="1"/>
      <c r="C3215">
        <v>9</v>
      </c>
      <c r="D3215" t="s">
        <v>28983</v>
      </c>
      <c r="E3215" t="s">
        <v>34686</v>
      </c>
      <c r="F3215">
        <v>1</v>
      </c>
      <c r="G3215" t="s">
        <v>1</v>
      </c>
      <c r="H3215" t="s">
        <v>28984</v>
      </c>
      <c r="I3215" t="s">
        <v>30540</v>
      </c>
    </row>
    <row r="3216" spans="1:9">
      <c r="A3216" s="1">
        <v>4.0787006085468813E-2</v>
      </c>
      <c r="B3216" s="1"/>
      <c r="C3216">
        <v>19</v>
      </c>
      <c r="D3216" t="s">
        <v>28979</v>
      </c>
      <c r="E3216" t="s">
        <v>34687</v>
      </c>
      <c r="F3216">
        <v>3</v>
      </c>
      <c r="G3216" t="s">
        <v>0</v>
      </c>
      <c r="H3216" t="s">
        <v>28980</v>
      </c>
      <c r="I3216" t="s">
        <v>30540</v>
      </c>
    </row>
    <row r="3217" spans="1:9">
      <c r="A3217" s="1">
        <v>0.38299438580118417</v>
      </c>
      <c r="B3217" s="1"/>
      <c r="C3217">
        <v>5</v>
      </c>
      <c r="D3217" t="s">
        <v>28947</v>
      </c>
      <c r="E3217" t="s">
        <v>34692</v>
      </c>
      <c r="F3217">
        <v>3</v>
      </c>
      <c r="G3217" t="s">
        <v>0</v>
      </c>
      <c r="H3217" t="s">
        <v>28948</v>
      </c>
      <c r="I3217" t="s">
        <v>30540</v>
      </c>
    </row>
    <row r="3218" spans="1:9">
      <c r="A3218" s="1">
        <v>0.1738731089983524</v>
      </c>
      <c r="B3218" s="1"/>
      <c r="C3218">
        <v>7</v>
      </c>
      <c r="D3218" t="s">
        <v>28951</v>
      </c>
      <c r="E3218" t="s">
        <v>34692</v>
      </c>
      <c r="F3218">
        <v>1</v>
      </c>
      <c r="G3218" t="s">
        <v>0</v>
      </c>
      <c r="H3218" t="s">
        <v>28952</v>
      </c>
      <c r="I3218" t="s">
        <v>30540</v>
      </c>
    </row>
    <row r="3219" spans="1:9">
      <c r="A3219" s="1">
        <v>0.64822854876514358</v>
      </c>
      <c r="B3219" s="1"/>
      <c r="C3219">
        <v>10</v>
      </c>
      <c r="D3219" t="s">
        <v>28943</v>
      </c>
      <c r="E3219" t="s">
        <v>34693</v>
      </c>
      <c r="F3219">
        <v>2</v>
      </c>
      <c r="G3219" t="s">
        <v>0</v>
      </c>
      <c r="H3219" t="s">
        <v>28944</v>
      </c>
      <c r="I3219" t="s">
        <v>30540</v>
      </c>
    </row>
    <row r="3220" spans="1:9">
      <c r="A3220" s="1">
        <v>0.93782967933880113</v>
      </c>
      <c r="B3220" s="1"/>
      <c r="C3220">
        <v>12</v>
      </c>
      <c r="D3220" t="s">
        <v>28945</v>
      </c>
      <c r="E3220" t="s">
        <v>34693</v>
      </c>
      <c r="F3220">
        <v>2</v>
      </c>
      <c r="G3220" t="s">
        <v>1</v>
      </c>
      <c r="H3220" t="s">
        <v>28946</v>
      </c>
      <c r="I3220" t="s">
        <v>30540</v>
      </c>
    </row>
    <row r="3221" spans="1:9">
      <c r="A3221" s="1">
        <v>0.87117531316534447</v>
      </c>
      <c r="B3221" s="1"/>
      <c r="C3221">
        <v>9</v>
      </c>
      <c r="D3221" t="s">
        <v>28905</v>
      </c>
      <c r="E3221" t="s">
        <v>34697</v>
      </c>
      <c r="F3221">
        <v>3</v>
      </c>
      <c r="G3221" t="s">
        <v>0</v>
      </c>
      <c r="H3221" t="s">
        <v>28906</v>
      </c>
      <c r="I3221" t="s">
        <v>30540</v>
      </c>
    </row>
    <row r="3222" spans="1:9">
      <c r="A3222" s="1">
        <v>0.79830380152805591</v>
      </c>
      <c r="B3222" s="1"/>
      <c r="C3222">
        <v>18</v>
      </c>
      <c r="D3222" t="s">
        <v>28901</v>
      </c>
      <c r="E3222" t="s">
        <v>34698</v>
      </c>
      <c r="F3222">
        <v>3</v>
      </c>
      <c r="G3222" t="s">
        <v>0</v>
      </c>
      <c r="H3222" t="s">
        <v>28902</v>
      </c>
      <c r="I3222" t="s">
        <v>30540</v>
      </c>
    </row>
    <row r="3223" spans="1:9">
      <c r="A3223" s="1">
        <v>0.71134763060681883</v>
      </c>
      <c r="B3223" s="1"/>
      <c r="C3223">
        <v>16</v>
      </c>
      <c r="D3223" t="s">
        <v>28899</v>
      </c>
      <c r="E3223" t="s">
        <v>34698</v>
      </c>
      <c r="F3223">
        <v>3</v>
      </c>
      <c r="G3223" t="s">
        <v>0</v>
      </c>
      <c r="H3223" t="s">
        <v>28900</v>
      </c>
      <c r="I3223" t="s">
        <v>30540</v>
      </c>
    </row>
    <row r="3224" spans="1:9">
      <c r="A3224" s="1">
        <v>0.51731846278028815</v>
      </c>
      <c r="B3224" s="1"/>
      <c r="C3224">
        <v>1</v>
      </c>
      <c r="D3224" t="s">
        <v>28889</v>
      </c>
      <c r="E3224" t="s">
        <v>34698</v>
      </c>
      <c r="F3224">
        <v>3</v>
      </c>
      <c r="G3224" t="s">
        <v>1</v>
      </c>
      <c r="H3224" t="s">
        <v>28890</v>
      </c>
      <c r="I3224" t="s">
        <v>30540</v>
      </c>
    </row>
    <row r="3225" spans="1:9">
      <c r="A3225" s="1">
        <v>2.1593631763802579E-2</v>
      </c>
      <c r="B3225" s="1"/>
      <c r="C3225">
        <v>12</v>
      </c>
      <c r="D3225" t="s">
        <v>28893</v>
      </c>
      <c r="E3225" t="s">
        <v>34698</v>
      </c>
      <c r="F3225">
        <v>2</v>
      </c>
      <c r="G3225" t="s">
        <v>0</v>
      </c>
      <c r="H3225" t="s">
        <v>28894</v>
      </c>
      <c r="I3225" t="s">
        <v>30540</v>
      </c>
    </row>
    <row r="3226" spans="1:9">
      <c r="A3226" s="1">
        <v>0.93469586350043621</v>
      </c>
      <c r="B3226" s="1"/>
      <c r="C3226">
        <v>7</v>
      </c>
      <c r="D3226" t="s">
        <v>28881</v>
      </c>
      <c r="E3226" t="s">
        <v>34699</v>
      </c>
      <c r="F3226">
        <v>2</v>
      </c>
      <c r="G3226" t="s">
        <v>13</v>
      </c>
      <c r="H3226" t="s">
        <v>28882</v>
      </c>
      <c r="I3226" t="s">
        <v>30540</v>
      </c>
    </row>
    <row r="3227" spans="1:9">
      <c r="A3227" s="1">
        <v>0.3897494275376101</v>
      </c>
      <c r="B3227" s="1"/>
      <c r="C3227">
        <v>15</v>
      </c>
      <c r="D3227" t="s">
        <v>28887</v>
      </c>
      <c r="E3227" t="s">
        <v>34699</v>
      </c>
      <c r="F3227">
        <v>2</v>
      </c>
      <c r="G3227" t="s">
        <v>0</v>
      </c>
      <c r="H3227" t="s">
        <v>28888</v>
      </c>
      <c r="I3227" t="s">
        <v>30540</v>
      </c>
    </row>
    <row r="3228" spans="1:9">
      <c r="A3228" s="1">
        <v>0.89040391824909748</v>
      </c>
      <c r="B3228" s="1"/>
      <c r="C3228">
        <v>14</v>
      </c>
      <c r="D3228" t="s">
        <v>28885</v>
      </c>
      <c r="E3228" t="s">
        <v>34699</v>
      </c>
      <c r="F3228">
        <v>1</v>
      </c>
      <c r="G3228" t="s">
        <v>0</v>
      </c>
      <c r="H3228" t="s">
        <v>28886</v>
      </c>
      <c r="I3228" t="s">
        <v>30540</v>
      </c>
    </row>
    <row r="3229" spans="1:9">
      <c r="A3229" s="1">
        <v>0.24748281689075469</v>
      </c>
      <c r="B3229" s="1"/>
      <c r="C3229">
        <v>19</v>
      </c>
      <c r="D3229" t="s">
        <v>28877</v>
      </c>
      <c r="E3229" t="s">
        <v>34700</v>
      </c>
      <c r="F3229">
        <v>3</v>
      </c>
      <c r="G3229" t="s">
        <v>0</v>
      </c>
      <c r="H3229" t="s">
        <v>28878</v>
      </c>
      <c r="I3229" t="s">
        <v>30540</v>
      </c>
    </row>
    <row r="3230" spans="1:9">
      <c r="A3230" s="1">
        <v>0.95813666991375035</v>
      </c>
      <c r="B3230" s="1"/>
      <c r="C3230">
        <v>12</v>
      </c>
      <c r="D3230" t="s">
        <v>28843</v>
      </c>
      <c r="E3230" t="s">
        <v>34704</v>
      </c>
      <c r="F3230">
        <v>2</v>
      </c>
      <c r="G3230" t="s">
        <v>0</v>
      </c>
      <c r="H3230" t="s">
        <v>28844</v>
      </c>
      <c r="I3230" t="s">
        <v>30540</v>
      </c>
    </row>
    <row r="3231" spans="1:9">
      <c r="A3231" s="1">
        <v>8.7611267163715478E-2</v>
      </c>
      <c r="B3231" s="1"/>
      <c r="C3231">
        <v>18</v>
      </c>
      <c r="D3231" t="s">
        <v>28837</v>
      </c>
      <c r="E3231" t="s">
        <v>34705</v>
      </c>
      <c r="F3231">
        <v>2</v>
      </c>
      <c r="G3231" t="s">
        <v>0</v>
      </c>
      <c r="H3231" t="s">
        <v>28838</v>
      </c>
      <c r="I3231" t="s">
        <v>30540</v>
      </c>
    </row>
    <row r="3232" spans="1:9">
      <c r="A3232" s="1">
        <v>0.85653439748794014</v>
      </c>
      <c r="B3232" s="1"/>
      <c r="C3232">
        <v>5</v>
      </c>
      <c r="D3232" t="s">
        <v>28829</v>
      </c>
      <c r="E3232" t="s">
        <v>34705</v>
      </c>
      <c r="F3232">
        <v>1</v>
      </c>
      <c r="G3232" t="s">
        <v>0</v>
      </c>
      <c r="H3232" t="s">
        <v>28830</v>
      </c>
      <c r="I3232" t="s">
        <v>30540</v>
      </c>
    </row>
    <row r="3233" spans="1:9">
      <c r="A3233" s="1">
        <v>3.324895496305813E-2</v>
      </c>
      <c r="B3233" s="1"/>
      <c r="C3233">
        <v>14</v>
      </c>
      <c r="D3233" t="s">
        <v>28825</v>
      </c>
      <c r="E3233" t="s">
        <v>34706</v>
      </c>
      <c r="F3233">
        <v>3</v>
      </c>
      <c r="G3233" t="s">
        <v>0</v>
      </c>
      <c r="H3233" t="s">
        <v>28826</v>
      </c>
      <c r="I3233" t="s">
        <v>30540</v>
      </c>
    </row>
    <row r="3234" spans="1:9">
      <c r="A3234" s="1">
        <v>0.46905331181843324</v>
      </c>
      <c r="B3234" s="1"/>
      <c r="C3234">
        <v>3</v>
      </c>
      <c r="D3234" t="s">
        <v>28813</v>
      </c>
      <c r="E3234" t="s">
        <v>34708</v>
      </c>
      <c r="F3234">
        <v>3</v>
      </c>
      <c r="G3234" t="s">
        <v>2</v>
      </c>
      <c r="H3234" t="s">
        <v>28814</v>
      </c>
      <c r="I3234" t="s">
        <v>30540</v>
      </c>
    </row>
    <row r="3235" spans="1:9">
      <c r="A3235" s="1">
        <v>0.90130146678114753</v>
      </c>
      <c r="B3235" s="1"/>
      <c r="C3235">
        <v>5</v>
      </c>
      <c r="D3235" t="s">
        <v>28801</v>
      </c>
      <c r="E3235" t="s">
        <v>34709</v>
      </c>
      <c r="F3235">
        <v>3</v>
      </c>
      <c r="G3235" t="s">
        <v>0</v>
      </c>
      <c r="H3235" t="s">
        <v>28802</v>
      </c>
      <c r="I3235" t="s">
        <v>30540</v>
      </c>
    </row>
    <row r="3236" spans="1:9">
      <c r="A3236" s="1">
        <v>0.63189601692903596</v>
      </c>
      <c r="B3236" s="1"/>
      <c r="C3236">
        <v>13</v>
      </c>
      <c r="D3236" t="s">
        <v>28807</v>
      </c>
      <c r="E3236" t="s">
        <v>34709</v>
      </c>
      <c r="F3236">
        <v>2</v>
      </c>
      <c r="G3236" t="s">
        <v>0</v>
      </c>
      <c r="H3236" t="s">
        <v>28808</v>
      </c>
      <c r="I3236" t="s">
        <v>30540</v>
      </c>
    </row>
    <row r="3237" spans="1:9">
      <c r="A3237" s="1">
        <v>0.75543406472817376</v>
      </c>
      <c r="B3237" s="1"/>
      <c r="C3237">
        <v>10</v>
      </c>
      <c r="D3237" t="s">
        <v>28787</v>
      </c>
      <c r="E3237" t="s">
        <v>34711</v>
      </c>
      <c r="F3237">
        <v>2</v>
      </c>
      <c r="G3237" t="s">
        <v>0</v>
      </c>
      <c r="H3237" t="s">
        <v>28788</v>
      </c>
      <c r="I3237" t="s">
        <v>30540</v>
      </c>
    </row>
    <row r="3238" spans="1:9">
      <c r="A3238" s="1">
        <v>0.38858466897762789</v>
      </c>
      <c r="B3238" s="1"/>
      <c r="C3238">
        <v>11</v>
      </c>
      <c r="D3238" t="s">
        <v>28789</v>
      </c>
      <c r="E3238" t="s">
        <v>34711</v>
      </c>
      <c r="F3238">
        <v>2</v>
      </c>
      <c r="G3238" t="s">
        <v>10</v>
      </c>
      <c r="H3238" t="s">
        <v>28790</v>
      </c>
      <c r="I3238" t="s">
        <v>30540</v>
      </c>
    </row>
    <row r="3239" spans="1:9">
      <c r="A3239" s="1">
        <v>4.9195549610394407E-2</v>
      </c>
      <c r="B3239" s="1"/>
      <c r="C3239">
        <v>6</v>
      </c>
      <c r="D3239" t="s">
        <v>28775</v>
      </c>
      <c r="E3239" t="s">
        <v>34713</v>
      </c>
      <c r="F3239">
        <v>3</v>
      </c>
      <c r="G3239" t="s">
        <v>9</v>
      </c>
      <c r="H3239" t="s">
        <v>28776</v>
      </c>
      <c r="I3239" t="s">
        <v>30540</v>
      </c>
    </row>
    <row r="3240" spans="1:9">
      <c r="A3240" s="1">
        <v>0.9921736714869247</v>
      </c>
      <c r="B3240" s="1"/>
      <c r="C3240">
        <v>1</v>
      </c>
      <c r="D3240" t="s">
        <v>28771</v>
      </c>
      <c r="E3240" t="s">
        <v>34713</v>
      </c>
      <c r="F3240">
        <v>3</v>
      </c>
      <c r="G3240" t="s">
        <v>15</v>
      </c>
      <c r="H3240" t="s">
        <v>28772</v>
      </c>
      <c r="I3240" t="s">
        <v>30540</v>
      </c>
    </row>
    <row r="3241" spans="1:9">
      <c r="A3241" s="1">
        <v>0.33885632057068094</v>
      </c>
      <c r="B3241" s="1"/>
      <c r="C3241">
        <v>5</v>
      </c>
      <c r="D3241" t="s">
        <v>28767</v>
      </c>
      <c r="E3241" t="s">
        <v>34715</v>
      </c>
      <c r="F3241">
        <v>1</v>
      </c>
      <c r="G3241" t="s">
        <v>0</v>
      </c>
      <c r="H3241" t="s">
        <v>28768</v>
      </c>
      <c r="I3241" t="s">
        <v>30540</v>
      </c>
    </row>
    <row r="3242" spans="1:9">
      <c r="A3242" s="1">
        <v>0.22264987916399359</v>
      </c>
      <c r="B3242" s="1"/>
      <c r="C3242">
        <v>7</v>
      </c>
      <c r="D3242" t="s">
        <v>28763</v>
      </c>
      <c r="E3242" t="s">
        <v>34716</v>
      </c>
      <c r="F3242">
        <v>2</v>
      </c>
      <c r="G3242" t="s">
        <v>0</v>
      </c>
      <c r="H3242" t="s">
        <v>28764</v>
      </c>
      <c r="I3242" t="s">
        <v>30540</v>
      </c>
    </row>
    <row r="3243" spans="1:9">
      <c r="A3243" s="1">
        <v>0.44418161387198263</v>
      </c>
      <c r="B3243" s="1"/>
      <c r="C3243">
        <v>11</v>
      </c>
      <c r="D3243" t="s">
        <v>28761</v>
      </c>
      <c r="E3243" t="s">
        <v>34717</v>
      </c>
      <c r="F3243">
        <v>2</v>
      </c>
      <c r="G3243" t="s">
        <v>0</v>
      </c>
      <c r="H3243" t="s">
        <v>28762</v>
      </c>
      <c r="I3243" t="s">
        <v>30540</v>
      </c>
    </row>
    <row r="3244" spans="1:9">
      <c r="A3244" s="1">
        <v>0.24733464589502963</v>
      </c>
      <c r="B3244" s="1"/>
      <c r="C3244">
        <v>8</v>
      </c>
      <c r="D3244" t="s">
        <v>28721</v>
      </c>
      <c r="E3244" t="s">
        <v>34722</v>
      </c>
      <c r="F3244">
        <v>3</v>
      </c>
      <c r="G3244" t="s">
        <v>0</v>
      </c>
      <c r="H3244" t="s">
        <v>28722</v>
      </c>
      <c r="I3244" t="s">
        <v>30540</v>
      </c>
    </row>
    <row r="3245" spans="1:9">
      <c r="A3245" s="1">
        <v>0.62146806311466252</v>
      </c>
      <c r="B3245" s="1"/>
      <c r="C3245">
        <v>9</v>
      </c>
      <c r="D3245" t="s">
        <v>28723</v>
      </c>
      <c r="E3245" t="s">
        <v>34722</v>
      </c>
      <c r="F3245">
        <v>3</v>
      </c>
      <c r="G3245" t="s">
        <v>0</v>
      </c>
      <c r="H3245" t="s">
        <v>28724</v>
      </c>
      <c r="I3245" t="s">
        <v>30540</v>
      </c>
    </row>
    <row r="3246" spans="1:9">
      <c r="A3246" s="1">
        <v>0.56122535724058809</v>
      </c>
      <c r="B3246" s="1"/>
      <c r="C3246">
        <v>17</v>
      </c>
      <c r="D3246" t="s">
        <v>28717</v>
      </c>
      <c r="E3246" t="s">
        <v>34723</v>
      </c>
      <c r="F3246">
        <v>2</v>
      </c>
      <c r="G3246" t="s">
        <v>0</v>
      </c>
      <c r="H3246" t="s">
        <v>28718</v>
      </c>
      <c r="I3246" t="s">
        <v>30540</v>
      </c>
    </row>
    <row r="3247" spans="1:9">
      <c r="A3247" s="1">
        <v>0.67583620762398944</v>
      </c>
      <c r="B3247" s="1"/>
      <c r="C3247">
        <v>20</v>
      </c>
      <c r="D3247" t="s">
        <v>28719</v>
      </c>
      <c r="E3247" t="s">
        <v>34723</v>
      </c>
      <c r="F3247">
        <v>2</v>
      </c>
      <c r="G3247" t="s">
        <v>13</v>
      </c>
      <c r="H3247" t="s">
        <v>28720</v>
      </c>
      <c r="I3247" t="s">
        <v>30540</v>
      </c>
    </row>
    <row r="3248" spans="1:9">
      <c r="A3248" s="1">
        <v>0.23525498718768101</v>
      </c>
      <c r="B3248" s="1"/>
      <c r="C3248">
        <v>1</v>
      </c>
      <c r="D3248" t="s">
        <v>28693</v>
      </c>
      <c r="E3248" t="s">
        <v>34725</v>
      </c>
      <c r="F3248">
        <v>3</v>
      </c>
      <c r="G3248" t="s">
        <v>0</v>
      </c>
      <c r="H3248" t="s">
        <v>28694</v>
      </c>
      <c r="I3248" t="s">
        <v>30540</v>
      </c>
    </row>
    <row r="3249" spans="1:9">
      <c r="A3249" s="1">
        <v>0.67066603489189958</v>
      </c>
      <c r="B3249" s="1"/>
      <c r="C3249">
        <v>20</v>
      </c>
      <c r="D3249" t="s">
        <v>28707</v>
      </c>
      <c r="E3249" t="s">
        <v>34725</v>
      </c>
      <c r="F3249">
        <v>2</v>
      </c>
      <c r="G3249" t="s">
        <v>0</v>
      </c>
      <c r="H3249" t="s">
        <v>28708</v>
      </c>
      <c r="I3249" t="s">
        <v>30540</v>
      </c>
    </row>
    <row r="3250" spans="1:9">
      <c r="A3250" s="1">
        <v>0.74215079525466521</v>
      </c>
      <c r="B3250" s="1"/>
      <c r="C3250">
        <v>9</v>
      </c>
      <c r="D3250" t="s">
        <v>28691</v>
      </c>
      <c r="E3250" t="s">
        <v>34726</v>
      </c>
      <c r="F3250">
        <v>3</v>
      </c>
      <c r="G3250" t="s">
        <v>0</v>
      </c>
      <c r="H3250" t="s">
        <v>28692</v>
      </c>
      <c r="I3250" t="s">
        <v>30540</v>
      </c>
    </row>
    <row r="3251" spans="1:9">
      <c r="A3251" s="1">
        <v>0.40451657708763777</v>
      </c>
      <c r="B3251" s="1"/>
      <c r="C3251">
        <v>1</v>
      </c>
      <c r="D3251" t="s">
        <v>28689</v>
      </c>
      <c r="E3251" t="s">
        <v>34726</v>
      </c>
      <c r="F3251">
        <v>1</v>
      </c>
      <c r="G3251" t="s">
        <v>0</v>
      </c>
      <c r="H3251" t="s">
        <v>28690</v>
      </c>
      <c r="I3251" t="s">
        <v>30540</v>
      </c>
    </row>
    <row r="3252" spans="1:9">
      <c r="A3252" s="1">
        <v>0.91868232746263767</v>
      </c>
      <c r="B3252" s="1"/>
      <c r="C3252">
        <v>13</v>
      </c>
      <c r="D3252" t="s">
        <v>28687</v>
      </c>
      <c r="E3252" t="s">
        <v>34727</v>
      </c>
      <c r="F3252">
        <v>2</v>
      </c>
      <c r="G3252" t="s">
        <v>15</v>
      </c>
      <c r="H3252" t="s">
        <v>28688</v>
      </c>
      <c r="I3252" t="s">
        <v>30540</v>
      </c>
    </row>
    <row r="3253" spans="1:9">
      <c r="A3253" s="1">
        <v>0.60181479797864401</v>
      </c>
      <c r="B3253" s="1"/>
      <c r="C3253">
        <v>20</v>
      </c>
      <c r="D3253" t="s">
        <v>28683</v>
      </c>
      <c r="E3253" t="s">
        <v>34728</v>
      </c>
      <c r="F3253">
        <v>3</v>
      </c>
      <c r="G3253" t="s">
        <v>1</v>
      </c>
      <c r="H3253" t="s">
        <v>28684</v>
      </c>
      <c r="I3253" t="s">
        <v>30540</v>
      </c>
    </row>
    <row r="3254" spans="1:9">
      <c r="A3254" s="1">
        <v>0.29216984448501149</v>
      </c>
      <c r="B3254" s="1"/>
      <c r="C3254">
        <v>7</v>
      </c>
      <c r="D3254" t="s">
        <v>28657</v>
      </c>
      <c r="E3254" t="s">
        <v>34731</v>
      </c>
      <c r="F3254">
        <v>3</v>
      </c>
      <c r="G3254" t="s">
        <v>0</v>
      </c>
      <c r="H3254" t="s">
        <v>28658</v>
      </c>
      <c r="I3254" t="s">
        <v>30540</v>
      </c>
    </row>
    <row r="3255" spans="1:9">
      <c r="A3255" s="1">
        <v>0.8233486567223508</v>
      </c>
      <c r="B3255" s="1"/>
      <c r="C3255">
        <v>12</v>
      </c>
      <c r="D3255" t="s">
        <v>28659</v>
      </c>
      <c r="E3255" t="s">
        <v>34731</v>
      </c>
      <c r="F3255">
        <v>3</v>
      </c>
      <c r="G3255" t="s">
        <v>1</v>
      </c>
      <c r="H3255" t="s">
        <v>28660</v>
      </c>
      <c r="I3255" t="s">
        <v>30540</v>
      </c>
    </row>
    <row r="3256" spans="1:9">
      <c r="A3256" s="1">
        <v>0.99383968087654773</v>
      </c>
      <c r="B3256" s="1"/>
      <c r="C3256">
        <v>6</v>
      </c>
      <c r="D3256" t="s">
        <v>28655</v>
      </c>
      <c r="E3256" t="s">
        <v>34731</v>
      </c>
      <c r="F3256">
        <v>2</v>
      </c>
      <c r="G3256" t="s">
        <v>0</v>
      </c>
      <c r="H3256" t="s">
        <v>28656</v>
      </c>
      <c r="I3256" t="s">
        <v>30540</v>
      </c>
    </row>
    <row r="3257" spans="1:9">
      <c r="A3257" s="1">
        <v>0.90537810604181557</v>
      </c>
      <c r="B3257" s="1"/>
      <c r="C3257">
        <v>5</v>
      </c>
      <c r="D3257" t="s">
        <v>28653</v>
      </c>
      <c r="E3257" t="s">
        <v>34731</v>
      </c>
      <c r="F3257">
        <v>2</v>
      </c>
      <c r="G3257" t="s">
        <v>10</v>
      </c>
      <c r="H3257" t="s">
        <v>28654</v>
      </c>
      <c r="I3257" t="s">
        <v>30540</v>
      </c>
    </row>
    <row r="3258" spans="1:9">
      <c r="A3258" s="1">
        <v>7.8051428104026765E-2</v>
      </c>
      <c r="B3258" s="1"/>
      <c r="C3258">
        <v>5</v>
      </c>
      <c r="D3258" t="s">
        <v>28619</v>
      </c>
      <c r="E3258" t="s">
        <v>34735</v>
      </c>
      <c r="F3258">
        <v>3</v>
      </c>
      <c r="G3258" t="s">
        <v>2</v>
      </c>
      <c r="H3258" t="s">
        <v>28620</v>
      </c>
      <c r="I3258" t="s">
        <v>30540</v>
      </c>
    </row>
    <row r="3259" spans="1:9">
      <c r="A3259" s="1">
        <v>0.14680067961019527</v>
      </c>
      <c r="B3259" s="1"/>
      <c r="C3259">
        <v>14</v>
      </c>
      <c r="D3259" t="s">
        <v>28625</v>
      </c>
      <c r="E3259" t="s">
        <v>34735</v>
      </c>
      <c r="F3259">
        <v>2</v>
      </c>
      <c r="G3259" t="s">
        <v>0</v>
      </c>
      <c r="H3259" t="s">
        <v>28626</v>
      </c>
      <c r="I3259" t="s">
        <v>30540</v>
      </c>
    </row>
    <row r="3260" spans="1:9">
      <c r="A3260" s="1">
        <v>0.66035632455735405</v>
      </c>
      <c r="B3260" s="1"/>
      <c r="C3260">
        <v>4</v>
      </c>
      <c r="D3260" t="s">
        <v>28599</v>
      </c>
      <c r="E3260" t="s">
        <v>34738</v>
      </c>
      <c r="F3260">
        <v>3</v>
      </c>
      <c r="G3260" t="s">
        <v>1</v>
      </c>
      <c r="H3260" t="s">
        <v>28600</v>
      </c>
      <c r="I3260" t="s">
        <v>30540</v>
      </c>
    </row>
    <row r="3261" spans="1:9">
      <c r="A3261" s="1">
        <v>9.8264299213949635E-2</v>
      </c>
      <c r="B3261" s="1"/>
      <c r="C3261">
        <v>14</v>
      </c>
      <c r="D3261" t="s">
        <v>28605</v>
      </c>
      <c r="E3261" t="s">
        <v>34738</v>
      </c>
      <c r="F3261">
        <v>2</v>
      </c>
      <c r="G3261" t="s">
        <v>0</v>
      </c>
      <c r="H3261" t="s">
        <v>28606</v>
      </c>
      <c r="I3261" t="s">
        <v>30540</v>
      </c>
    </row>
    <row r="3262" spans="1:9">
      <c r="A3262" s="1">
        <v>5.5887246695296211E-2</v>
      </c>
      <c r="B3262" s="1"/>
      <c r="C3262">
        <v>3</v>
      </c>
      <c r="D3262" t="s">
        <v>28589</v>
      </c>
      <c r="E3262" t="s">
        <v>34740</v>
      </c>
      <c r="F3262">
        <v>2</v>
      </c>
      <c r="G3262" t="s">
        <v>15</v>
      </c>
      <c r="H3262" t="s">
        <v>28590</v>
      </c>
      <c r="I3262" t="s">
        <v>30540</v>
      </c>
    </row>
    <row r="3263" spans="1:9">
      <c r="A3263" s="1">
        <v>0.59604295734598234</v>
      </c>
      <c r="B3263" s="1"/>
      <c r="C3263">
        <v>1</v>
      </c>
      <c r="D3263" t="s">
        <v>28583</v>
      </c>
      <c r="E3263" t="s">
        <v>34741</v>
      </c>
      <c r="F3263">
        <v>2</v>
      </c>
      <c r="G3263" t="s">
        <v>0</v>
      </c>
      <c r="H3263" t="s">
        <v>28584</v>
      </c>
      <c r="I3263" t="s">
        <v>30540</v>
      </c>
    </row>
    <row r="3264" spans="1:9">
      <c r="A3264" s="1">
        <v>0.48037712031061897</v>
      </c>
      <c r="B3264" s="1"/>
      <c r="C3264">
        <v>20</v>
      </c>
      <c r="D3264" t="s">
        <v>28573</v>
      </c>
      <c r="E3264" t="s">
        <v>34743</v>
      </c>
      <c r="F3264">
        <v>3</v>
      </c>
      <c r="G3264" t="s">
        <v>0</v>
      </c>
      <c r="H3264" t="s">
        <v>28574</v>
      </c>
      <c r="I3264" t="s">
        <v>30540</v>
      </c>
    </row>
    <row r="3265" spans="1:9">
      <c r="A3265" s="1">
        <v>0.6192802418933876</v>
      </c>
      <c r="B3265" s="1"/>
      <c r="C3265">
        <v>4</v>
      </c>
      <c r="D3265" t="s">
        <v>28563</v>
      </c>
      <c r="E3265" t="s">
        <v>34743</v>
      </c>
      <c r="F3265">
        <v>3</v>
      </c>
      <c r="G3265" t="s">
        <v>0</v>
      </c>
      <c r="H3265" t="s">
        <v>28564</v>
      </c>
      <c r="I3265" t="s">
        <v>30540</v>
      </c>
    </row>
    <row r="3266" spans="1:9">
      <c r="A3266" s="1">
        <v>0.8301972220278836</v>
      </c>
      <c r="B3266" s="1"/>
      <c r="C3266">
        <v>6</v>
      </c>
      <c r="D3266" t="s">
        <v>28565</v>
      </c>
      <c r="E3266" t="s">
        <v>34743</v>
      </c>
      <c r="F3266">
        <v>2</v>
      </c>
      <c r="G3266" t="s">
        <v>0</v>
      </c>
      <c r="H3266" t="s">
        <v>28566</v>
      </c>
      <c r="I3266" t="s">
        <v>30540</v>
      </c>
    </row>
    <row r="3267" spans="1:9">
      <c r="A3267" s="1">
        <v>0.19630532636654618</v>
      </c>
      <c r="B3267" s="1"/>
      <c r="C3267">
        <v>16</v>
      </c>
      <c r="D3267" t="s">
        <v>28561</v>
      </c>
      <c r="E3267" t="s">
        <v>34744</v>
      </c>
      <c r="F3267">
        <v>3</v>
      </c>
      <c r="G3267" t="s">
        <v>0</v>
      </c>
      <c r="H3267" t="s">
        <v>28562</v>
      </c>
      <c r="I3267" t="s">
        <v>30540</v>
      </c>
    </row>
    <row r="3268" spans="1:9">
      <c r="A3268" s="1">
        <v>0.39923101375612424</v>
      </c>
      <c r="B3268" s="1"/>
      <c r="C3268">
        <v>11</v>
      </c>
      <c r="D3268" t="s">
        <v>28551</v>
      </c>
      <c r="E3268" t="s">
        <v>34745</v>
      </c>
      <c r="F3268">
        <v>1</v>
      </c>
      <c r="G3268" t="s">
        <v>0</v>
      </c>
      <c r="H3268" t="s">
        <v>28552</v>
      </c>
      <c r="I3268" t="s">
        <v>30540</v>
      </c>
    </row>
    <row r="3269" spans="1:9">
      <c r="A3269" s="1">
        <v>0.32356935595265512</v>
      </c>
      <c r="B3269" s="1"/>
      <c r="C3269">
        <v>1</v>
      </c>
      <c r="D3269" t="s">
        <v>30517</v>
      </c>
      <c r="E3269" t="s">
        <v>34755</v>
      </c>
      <c r="F3269">
        <v>2</v>
      </c>
      <c r="G3269" t="s">
        <v>0</v>
      </c>
      <c r="H3269" t="s">
        <v>30518</v>
      </c>
      <c r="I3269" t="s">
        <v>30540</v>
      </c>
    </row>
    <row r="3270" spans="1:9">
      <c r="A3270" s="1">
        <v>0.14016360618189183</v>
      </c>
      <c r="B3270" s="1"/>
      <c r="C3270">
        <v>15</v>
      </c>
      <c r="D3270" t="s">
        <v>30515</v>
      </c>
      <c r="E3270" t="s">
        <v>34756</v>
      </c>
      <c r="F3270">
        <v>2</v>
      </c>
      <c r="G3270" t="s">
        <v>0</v>
      </c>
      <c r="H3270" t="s">
        <v>30516</v>
      </c>
      <c r="I3270" t="s">
        <v>30540</v>
      </c>
    </row>
    <row r="3271" spans="1:9">
      <c r="A3271" s="1">
        <v>0.33350504164676176</v>
      </c>
      <c r="B3271" s="1"/>
      <c r="C3271">
        <v>9</v>
      </c>
      <c r="D3271" t="s">
        <v>30511</v>
      </c>
      <c r="E3271" t="s">
        <v>34756</v>
      </c>
      <c r="F3271">
        <v>1</v>
      </c>
      <c r="G3271" t="s">
        <v>0</v>
      </c>
      <c r="H3271" t="s">
        <v>30512</v>
      </c>
      <c r="I3271" t="s">
        <v>30540</v>
      </c>
    </row>
    <row r="3272" spans="1:9">
      <c r="A3272" s="1">
        <v>9.9547004758318569E-2</v>
      </c>
      <c r="B3272" s="1"/>
      <c r="C3272">
        <v>12</v>
      </c>
      <c r="D3272" t="s">
        <v>30505</v>
      </c>
      <c r="E3272" t="s">
        <v>34757</v>
      </c>
      <c r="F3272">
        <v>2</v>
      </c>
      <c r="G3272" t="s">
        <v>0</v>
      </c>
      <c r="H3272" t="s">
        <v>30506</v>
      </c>
      <c r="I3272" t="s">
        <v>30540</v>
      </c>
    </row>
    <row r="3273" spans="1:9">
      <c r="A3273" s="1">
        <v>0.86815409776167729</v>
      </c>
      <c r="B3273" s="1"/>
      <c r="C3273">
        <v>4</v>
      </c>
      <c r="D3273" t="s">
        <v>30493</v>
      </c>
      <c r="E3273" t="s">
        <v>34758</v>
      </c>
      <c r="F3273">
        <v>2</v>
      </c>
      <c r="G3273" t="s">
        <v>0</v>
      </c>
      <c r="H3273" t="s">
        <v>30494</v>
      </c>
      <c r="I3273" t="s">
        <v>30540</v>
      </c>
    </row>
    <row r="3274" spans="1:9">
      <c r="A3274" s="1">
        <v>0.26288345035084304</v>
      </c>
      <c r="B3274" s="1"/>
      <c r="C3274">
        <v>2</v>
      </c>
      <c r="D3274" t="s">
        <v>30489</v>
      </c>
      <c r="E3274" t="s">
        <v>34758</v>
      </c>
      <c r="F3274">
        <v>2</v>
      </c>
      <c r="G3274" t="s">
        <v>2</v>
      </c>
      <c r="H3274" t="s">
        <v>30490</v>
      </c>
      <c r="I3274" t="s">
        <v>30540</v>
      </c>
    </row>
    <row r="3275" spans="1:9">
      <c r="A3275" s="1">
        <v>0.69874065302212185</v>
      </c>
      <c r="B3275" s="1"/>
      <c r="C3275">
        <v>18</v>
      </c>
      <c r="D3275" t="s">
        <v>30467</v>
      </c>
      <c r="E3275" t="s">
        <v>34762</v>
      </c>
      <c r="F3275">
        <v>3</v>
      </c>
      <c r="G3275" t="s">
        <v>0</v>
      </c>
      <c r="H3275" t="s">
        <v>30468</v>
      </c>
      <c r="I3275" t="s">
        <v>30540</v>
      </c>
    </row>
    <row r="3276" spans="1:9">
      <c r="A3276" s="1">
        <v>0.75713431192558456</v>
      </c>
      <c r="B3276" s="1"/>
      <c r="C3276">
        <v>6</v>
      </c>
      <c r="D3276" t="s">
        <v>30455</v>
      </c>
      <c r="E3276" t="s">
        <v>34763</v>
      </c>
      <c r="F3276">
        <v>2</v>
      </c>
      <c r="G3276" t="s">
        <v>0</v>
      </c>
      <c r="H3276" t="s">
        <v>30456</v>
      </c>
      <c r="I3276" t="s">
        <v>30540</v>
      </c>
    </row>
    <row r="3277" spans="1:9">
      <c r="A3277" s="1">
        <v>0.56191562964166797</v>
      </c>
      <c r="B3277" s="1"/>
      <c r="C3277">
        <v>5</v>
      </c>
      <c r="D3277" t="s">
        <v>30439</v>
      </c>
      <c r="E3277" t="s">
        <v>34764</v>
      </c>
      <c r="F3277">
        <v>3</v>
      </c>
      <c r="G3277" t="s">
        <v>0</v>
      </c>
      <c r="H3277" t="s">
        <v>30440</v>
      </c>
      <c r="I3277" t="s">
        <v>30540</v>
      </c>
    </row>
    <row r="3278" spans="1:9">
      <c r="A3278" s="1">
        <v>0.70682450104054451</v>
      </c>
      <c r="B3278" s="1"/>
      <c r="C3278">
        <v>12</v>
      </c>
      <c r="D3278" t="s">
        <v>30445</v>
      </c>
      <c r="E3278" t="s">
        <v>34764</v>
      </c>
      <c r="F3278">
        <v>1</v>
      </c>
      <c r="G3278" t="s">
        <v>0</v>
      </c>
      <c r="H3278" t="s">
        <v>30446</v>
      </c>
      <c r="I3278" t="s">
        <v>30540</v>
      </c>
    </row>
    <row r="3279" spans="1:9">
      <c r="A3279" s="1">
        <v>0.97082480608135535</v>
      </c>
      <c r="B3279" s="1"/>
      <c r="C3279">
        <v>4</v>
      </c>
      <c r="D3279" t="s">
        <v>30417</v>
      </c>
      <c r="E3279" t="s">
        <v>34766</v>
      </c>
      <c r="F3279">
        <v>3</v>
      </c>
      <c r="G3279" t="s">
        <v>0</v>
      </c>
      <c r="H3279" t="s">
        <v>30418</v>
      </c>
      <c r="I3279" t="s">
        <v>30540</v>
      </c>
    </row>
    <row r="3280" spans="1:9">
      <c r="A3280" s="1">
        <v>0.33294400311275174</v>
      </c>
      <c r="B3280" s="1"/>
      <c r="C3280">
        <v>17</v>
      </c>
      <c r="D3280" t="s">
        <v>30425</v>
      </c>
      <c r="E3280" t="s">
        <v>34766</v>
      </c>
      <c r="F3280">
        <v>3</v>
      </c>
      <c r="G3280" t="s">
        <v>0</v>
      </c>
      <c r="H3280" t="s">
        <v>30426</v>
      </c>
      <c r="I3280" t="s">
        <v>30540</v>
      </c>
    </row>
    <row r="3281" spans="1:9">
      <c r="A3281" s="1">
        <v>0.20886481500352994</v>
      </c>
      <c r="B3281" s="1"/>
      <c r="C3281">
        <v>14</v>
      </c>
      <c r="D3281" t="s">
        <v>30409</v>
      </c>
      <c r="E3281" t="s">
        <v>34767</v>
      </c>
      <c r="F3281">
        <v>2</v>
      </c>
      <c r="G3281" t="s">
        <v>0</v>
      </c>
      <c r="H3281" t="s">
        <v>30410</v>
      </c>
      <c r="I3281" t="s">
        <v>30540</v>
      </c>
    </row>
    <row r="3282" spans="1:9">
      <c r="A3282" s="1">
        <v>8.0125556125039021E-2</v>
      </c>
      <c r="B3282" s="1"/>
      <c r="C3282">
        <v>18</v>
      </c>
      <c r="D3282" t="s">
        <v>30413</v>
      </c>
      <c r="E3282" t="s">
        <v>34767</v>
      </c>
      <c r="F3282">
        <v>2</v>
      </c>
      <c r="G3282" t="s">
        <v>0</v>
      </c>
      <c r="H3282" t="s">
        <v>30414</v>
      </c>
      <c r="I3282" t="s">
        <v>30540</v>
      </c>
    </row>
    <row r="3283" spans="1:9">
      <c r="A3283" s="1">
        <v>0.56504862802046685</v>
      </c>
      <c r="B3283" s="1"/>
      <c r="C3283">
        <v>8</v>
      </c>
      <c r="D3283" t="s">
        <v>30403</v>
      </c>
      <c r="E3283" t="s">
        <v>34768</v>
      </c>
      <c r="F3283">
        <v>3</v>
      </c>
      <c r="G3283" t="s">
        <v>0</v>
      </c>
      <c r="H3283" t="s">
        <v>30404</v>
      </c>
      <c r="I3283" t="s">
        <v>30540</v>
      </c>
    </row>
    <row r="3284" spans="1:9">
      <c r="A3284" s="1">
        <v>0.85261704516242476</v>
      </c>
      <c r="B3284" s="1"/>
      <c r="C3284">
        <v>6</v>
      </c>
      <c r="D3284" t="s">
        <v>30401</v>
      </c>
      <c r="E3284" t="s">
        <v>34769</v>
      </c>
      <c r="F3284">
        <v>2</v>
      </c>
      <c r="G3284" t="s">
        <v>0</v>
      </c>
      <c r="H3284" t="s">
        <v>30402</v>
      </c>
      <c r="I3284" t="s">
        <v>30540</v>
      </c>
    </row>
    <row r="3285" spans="1:9">
      <c r="A3285" s="1">
        <v>0.38319119365084087</v>
      </c>
      <c r="B3285" s="1"/>
      <c r="C3285">
        <v>7</v>
      </c>
      <c r="D3285" t="s">
        <v>30393</v>
      </c>
      <c r="E3285" t="s">
        <v>34770</v>
      </c>
      <c r="F3285">
        <v>2</v>
      </c>
      <c r="G3285" t="s">
        <v>0</v>
      </c>
      <c r="H3285" t="s">
        <v>30394</v>
      </c>
      <c r="I3285" t="s">
        <v>30540</v>
      </c>
    </row>
    <row r="3286" spans="1:9">
      <c r="A3286" s="1">
        <v>0.84452826376669698</v>
      </c>
      <c r="B3286" s="1"/>
      <c r="C3286">
        <v>4</v>
      </c>
      <c r="D3286" t="s">
        <v>30385</v>
      </c>
      <c r="E3286" t="s">
        <v>34771</v>
      </c>
      <c r="F3286">
        <v>3</v>
      </c>
      <c r="G3286" t="s">
        <v>0</v>
      </c>
      <c r="H3286" t="s">
        <v>30386</v>
      </c>
      <c r="I3286" t="s">
        <v>30540</v>
      </c>
    </row>
    <row r="3287" spans="1:9">
      <c r="A3287" s="1">
        <v>0.68322702715939509</v>
      </c>
      <c r="B3287" s="1"/>
      <c r="C3287">
        <v>11</v>
      </c>
      <c r="D3287" t="s">
        <v>30389</v>
      </c>
      <c r="E3287" t="s">
        <v>34771</v>
      </c>
      <c r="F3287">
        <v>3</v>
      </c>
      <c r="G3287" t="s">
        <v>0</v>
      </c>
      <c r="H3287" t="s">
        <v>30390</v>
      </c>
      <c r="I3287" t="s">
        <v>30540</v>
      </c>
    </row>
    <row r="3288" spans="1:9">
      <c r="A3288" s="1">
        <v>0.50404868656019086</v>
      </c>
      <c r="B3288" s="1"/>
      <c r="C3288">
        <v>14</v>
      </c>
      <c r="D3288" t="s">
        <v>30379</v>
      </c>
      <c r="E3288" t="s">
        <v>34772</v>
      </c>
      <c r="F3288">
        <v>3</v>
      </c>
      <c r="G3288" t="s">
        <v>0</v>
      </c>
      <c r="H3288" t="s">
        <v>30380</v>
      </c>
      <c r="I3288" t="s">
        <v>30540</v>
      </c>
    </row>
    <row r="3289" spans="1:9">
      <c r="A3289" s="1">
        <v>9.0646261132296124E-2</v>
      </c>
      <c r="B3289" s="1"/>
    </row>
    <row r="3290" spans="1:9">
      <c r="A3290" s="1">
        <v>0.46013677410698295</v>
      </c>
      <c r="B3290" s="1"/>
    </row>
    <row r="3291" spans="1:9">
      <c r="A3291" s="1">
        <v>0.19219518869221697</v>
      </c>
      <c r="B3291" s="1"/>
    </row>
    <row r="3292" spans="1:9">
      <c r="A3292" s="1">
        <v>0.94915918994238524</v>
      </c>
      <c r="B3292" s="1"/>
    </row>
    <row r="3293" spans="1:9">
      <c r="A3293" s="1">
        <v>0.40587696247665539</v>
      </c>
      <c r="B3293" s="1"/>
    </row>
    <row r="3294" spans="1:9">
      <c r="A3294" s="1">
        <v>0.12650922635433759</v>
      </c>
      <c r="B3294" s="1"/>
    </row>
    <row r="3295" spans="1:9">
      <c r="A3295" s="1">
        <v>4.1460686205870845E-2</v>
      </c>
      <c r="B3295" s="1"/>
    </row>
    <row r="3296" spans="1:9">
      <c r="A3296" s="1">
        <v>3.9783429214490407E-2</v>
      </c>
      <c r="B3296" s="1"/>
    </row>
  </sheetData>
  <sortState ref="A2:I3296">
    <sortCondition ref="E2:E3296"/>
  </sortState>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3415"/>
  <sheetViews>
    <sheetView workbookViewId="0"/>
  </sheetViews>
  <sheetFormatPr defaultRowHeight="15"/>
  <sheetData>
    <row r="1" spans="1:9">
      <c r="A1" s="1"/>
      <c r="B1" s="1"/>
      <c r="C1" t="s">
        <v>30538</v>
      </c>
      <c r="D1" t="s">
        <v>30537</v>
      </c>
      <c r="E1" t="s">
        <v>30536</v>
      </c>
      <c r="F1" t="s">
        <v>30533</v>
      </c>
      <c r="G1" t="s">
        <v>30534</v>
      </c>
      <c r="H1" t="s">
        <v>30535</v>
      </c>
      <c r="I1" t="s">
        <v>30539</v>
      </c>
    </row>
    <row r="2" spans="1:9">
      <c r="A2" s="1">
        <v>0.60508620230154875</v>
      </c>
      <c r="B2" s="1"/>
      <c r="C2">
        <v>3</v>
      </c>
      <c r="D2" t="s">
        <v>345</v>
      </c>
      <c r="E2" t="s">
        <v>30541</v>
      </c>
      <c r="F2">
        <v>4</v>
      </c>
      <c r="G2" t="s">
        <v>0</v>
      </c>
      <c r="H2" t="s">
        <v>346</v>
      </c>
      <c r="I2" t="s">
        <v>30540</v>
      </c>
    </row>
    <row r="3" spans="1:9">
      <c r="A3" s="1">
        <v>0.34582731396040467</v>
      </c>
      <c r="B3" s="1"/>
      <c r="C3">
        <v>1</v>
      </c>
      <c r="D3" t="s">
        <v>343</v>
      </c>
      <c r="E3" t="s">
        <v>30542</v>
      </c>
      <c r="F3">
        <v>4</v>
      </c>
      <c r="G3" t="s">
        <v>1</v>
      </c>
      <c r="H3" t="s">
        <v>344</v>
      </c>
      <c r="I3" t="s">
        <v>30540</v>
      </c>
    </row>
    <row r="4" spans="1:9">
      <c r="A4" s="1">
        <v>0.25815734526782774</v>
      </c>
      <c r="B4" s="1"/>
      <c r="C4">
        <v>3</v>
      </c>
      <c r="D4" t="s">
        <v>341</v>
      </c>
      <c r="E4" t="s">
        <v>30543</v>
      </c>
      <c r="F4">
        <v>4</v>
      </c>
      <c r="G4" t="s">
        <v>0</v>
      </c>
      <c r="H4" t="s">
        <v>342</v>
      </c>
      <c r="I4" t="s">
        <v>30540</v>
      </c>
    </row>
    <row r="5" spans="1:9">
      <c r="A5" s="1">
        <v>0.33852199645807557</v>
      </c>
      <c r="B5" s="1"/>
      <c r="C5">
        <v>6</v>
      </c>
      <c r="D5" t="s">
        <v>339</v>
      </c>
      <c r="E5" t="s">
        <v>30544</v>
      </c>
      <c r="F5">
        <v>5</v>
      </c>
      <c r="G5" t="s">
        <v>9</v>
      </c>
      <c r="H5" t="s">
        <v>340</v>
      </c>
      <c r="I5" t="s">
        <v>30540</v>
      </c>
    </row>
    <row r="6" spans="1:9">
      <c r="A6" s="1">
        <v>0.3575614993193319</v>
      </c>
      <c r="B6" s="1"/>
      <c r="C6">
        <v>1</v>
      </c>
      <c r="D6" t="s">
        <v>333</v>
      </c>
      <c r="E6" t="s">
        <v>30544</v>
      </c>
      <c r="F6">
        <v>4</v>
      </c>
      <c r="G6" t="s">
        <v>15</v>
      </c>
      <c r="H6" t="s">
        <v>334</v>
      </c>
      <c r="I6" t="s">
        <v>30540</v>
      </c>
    </row>
    <row r="7" spans="1:9">
      <c r="A7" s="1">
        <v>0.67961768396139144</v>
      </c>
      <c r="B7" s="1"/>
      <c r="C7">
        <v>2</v>
      </c>
      <c r="D7" t="s">
        <v>335</v>
      </c>
      <c r="E7" t="s">
        <v>30544</v>
      </c>
      <c r="F7">
        <v>4</v>
      </c>
      <c r="G7" t="s">
        <v>0</v>
      </c>
      <c r="H7" t="s">
        <v>336</v>
      </c>
      <c r="I7" t="s">
        <v>30540</v>
      </c>
    </row>
    <row r="8" spans="1:9">
      <c r="A8" s="1">
        <v>0.73453080546368921</v>
      </c>
      <c r="B8" s="1"/>
      <c r="C8">
        <v>3</v>
      </c>
      <c r="D8" t="s">
        <v>337</v>
      </c>
      <c r="E8" t="s">
        <v>30544</v>
      </c>
      <c r="F8">
        <v>3</v>
      </c>
      <c r="G8" t="s">
        <v>2</v>
      </c>
      <c r="H8" t="s">
        <v>338</v>
      </c>
      <c r="I8" t="s">
        <v>30540</v>
      </c>
    </row>
    <row r="9" spans="1:9">
      <c r="A9" s="1">
        <v>0.75281460938374778</v>
      </c>
      <c r="B9" s="1"/>
      <c r="C9">
        <v>1</v>
      </c>
      <c r="D9" t="s">
        <v>329</v>
      </c>
      <c r="E9" t="s">
        <v>30545</v>
      </c>
      <c r="F9">
        <v>5</v>
      </c>
      <c r="G9" t="s">
        <v>0</v>
      </c>
      <c r="H9" t="s">
        <v>330</v>
      </c>
      <c r="I9" t="s">
        <v>30540</v>
      </c>
    </row>
    <row r="10" spans="1:9">
      <c r="A10" s="1">
        <v>0.90054655290796204</v>
      </c>
      <c r="B10" s="1"/>
      <c r="C10">
        <v>3</v>
      </c>
      <c r="D10" t="s">
        <v>331</v>
      </c>
      <c r="E10" t="s">
        <v>30545</v>
      </c>
      <c r="F10">
        <v>4</v>
      </c>
      <c r="G10" t="s">
        <v>0</v>
      </c>
      <c r="H10" t="s">
        <v>332</v>
      </c>
      <c r="I10" t="s">
        <v>30540</v>
      </c>
    </row>
    <row r="11" spans="1:9">
      <c r="A11" s="1">
        <v>7.6113873072946037E-3</v>
      </c>
      <c r="B11" s="1"/>
      <c r="C11">
        <v>1</v>
      </c>
      <c r="D11" t="s">
        <v>323</v>
      </c>
      <c r="E11" t="s">
        <v>30546</v>
      </c>
      <c r="F11">
        <v>5</v>
      </c>
      <c r="G11" t="s">
        <v>0</v>
      </c>
      <c r="H11" t="s">
        <v>324</v>
      </c>
      <c r="I11" t="s">
        <v>30540</v>
      </c>
    </row>
    <row r="12" spans="1:9">
      <c r="A12" s="1">
        <v>0.26500710038238828</v>
      </c>
      <c r="B12" s="1"/>
      <c r="C12">
        <v>4</v>
      </c>
      <c r="D12" t="s">
        <v>325</v>
      </c>
      <c r="E12" t="s">
        <v>30546</v>
      </c>
      <c r="F12">
        <v>4</v>
      </c>
      <c r="G12" t="s">
        <v>1</v>
      </c>
      <c r="H12" t="s">
        <v>326</v>
      </c>
      <c r="I12" t="s">
        <v>30540</v>
      </c>
    </row>
    <row r="13" spans="1:9">
      <c r="A13" s="1">
        <v>0.16311529915324141</v>
      </c>
      <c r="B13" s="1"/>
      <c r="C13">
        <v>6</v>
      </c>
      <c r="D13" t="s">
        <v>327</v>
      </c>
      <c r="E13" t="s">
        <v>30546</v>
      </c>
      <c r="F13">
        <v>4</v>
      </c>
      <c r="G13" t="s">
        <v>0</v>
      </c>
      <c r="H13" t="s">
        <v>328</v>
      </c>
      <c r="I13" t="s">
        <v>30540</v>
      </c>
    </row>
    <row r="14" spans="1:9">
      <c r="A14" s="1">
        <v>0.81298893868422806</v>
      </c>
      <c r="B14" s="1"/>
      <c r="C14">
        <v>3</v>
      </c>
      <c r="D14" t="s">
        <v>319</v>
      </c>
      <c r="E14" t="s">
        <v>30547</v>
      </c>
      <c r="F14">
        <v>4</v>
      </c>
      <c r="G14" t="s">
        <v>0</v>
      </c>
      <c r="H14" t="s">
        <v>320</v>
      </c>
      <c r="I14" t="s">
        <v>30540</v>
      </c>
    </row>
    <row r="15" spans="1:9">
      <c r="A15" s="1">
        <v>0.24510432992446074</v>
      </c>
      <c r="B15" s="1"/>
      <c r="C15">
        <v>5</v>
      </c>
      <c r="D15" t="s">
        <v>321</v>
      </c>
      <c r="E15" t="s">
        <v>30547</v>
      </c>
      <c r="F15">
        <v>4</v>
      </c>
      <c r="G15" t="s">
        <v>0</v>
      </c>
      <c r="H15" t="s">
        <v>322</v>
      </c>
      <c r="I15" t="s">
        <v>30540</v>
      </c>
    </row>
    <row r="16" spans="1:9">
      <c r="A16" s="1">
        <v>0.60353442456903938</v>
      </c>
      <c r="B16" s="1"/>
      <c r="C16">
        <v>4</v>
      </c>
      <c r="D16" t="s">
        <v>317</v>
      </c>
      <c r="E16" t="s">
        <v>30548</v>
      </c>
      <c r="F16">
        <v>3</v>
      </c>
      <c r="G16" t="s">
        <v>1</v>
      </c>
      <c r="H16" t="s">
        <v>318</v>
      </c>
      <c r="I16" t="s">
        <v>30540</v>
      </c>
    </row>
    <row r="17" spans="1:9">
      <c r="A17" s="1">
        <v>0.33552228661223482</v>
      </c>
      <c r="B17" s="1"/>
      <c r="C17">
        <v>7</v>
      </c>
      <c r="D17" t="s">
        <v>315</v>
      </c>
      <c r="E17" t="s">
        <v>30549</v>
      </c>
      <c r="F17">
        <v>5</v>
      </c>
      <c r="G17" t="s">
        <v>9</v>
      </c>
      <c r="H17" t="s">
        <v>316</v>
      </c>
      <c r="I17" t="s">
        <v>30540</v>
      </c>
    </row>
    <row r="18" spans="1:9">
      <c r="A18" s="1">
        <v>0.33554847437388802</v>
      </c>
      <c r="B18" s="1"/>
      <c r="C18">
        <v>5</v>
      </c>
      <c r="D18" t="s">
        <v>313</v>
      </c>
      <c r="E18" t="s">
        <v>30549</v>
      </c>
      <c r="F18">
        <v>4</v>
      </c>
      <c r="G18" t="s">
        <v>0</v>
      </c>
      <c r="H18" t="s">
        <v>314</v>
      </c>
      <c r="I18" t="s">
        <v>30540</v>
      </c>
    </row>
    <row r="19" spans="1:9">
      <c r="A19" s="1">
        <v>0.79102021396137034</v>
      </c>
      <c r="B19" s="1"/>
      <c r="C19">
        <v>1</v>
      </c>
      <c r="D19" t="s">
        <v>305</v>
      </c>
      <c r="E19" t="s">
        <v>30550</v>
      </c>
      <c r="F19">
        <v>5</v>
      </c>
      <c r="G19" t="s">
        <v>13</v>
      </c>
      <c r="H19" t="s">
        <v>306</v>
      </c>
      <c r="I19" t="s">
        <v>30540</v>
      </c>
    </row>
    <row r="20" spans="1:9">
      <c r="A20" s="1">
        <v>0.37649349947326727</v>
      </c>
      <c r="B20" s="1"/>
      <c r="C20">
        <v>4</v>
      </c>
      <c r="D20" t="s">
        <v>303</v>
      </c>
      <c r="E20" t="s">
        <v>30551</v>
      </c>
      <c r="F20">
        <v>5</v>
      </c>
      <c r="G20" t="s">
        <v>0</v>
      </c>
      <c r="H20" t="s">
        <v>304</v>
      </c>
      <c r="I20" t="s">
        <v>30540</v>
      </c>
    </row>
    <row r="21" spans="1:9">
      <c r="A21" s="1">
        <v>0.33904865749584534</v>
      </c>
      <c r="B21" s="1"/>
      <c r="C21">
        <v>2</v>
      </c>
      <c r="D21" t="s">
        <v>301</v>
      </c>
      <c r="E21" t="s">
        <v>30551</v>
      </c>
      <c r="F21">
        <v>4</v>
      </c>
      <c r="G21" t="s">
        <v>13</v>
      </c>
      <c r="H21" t="s">
        <v>302</v>
      </c>
      <c r="I21" t="s">
        <v>30540</v>
      </c>
    </row>
    <row r="22" spans="1:9">
      <c r="A22" s="1">
        <v>0.78824790869549577</v>
      </c>
      <c r="B22" s="1"/>
      <c r="C22">
        <v>1</v>
      </c>
      <c r="D22" t="s">
        <v>299</v>
      </c>
      <c r="E22" t="s">
        <v>30551</v>
      </c>
      <c r="F22">
        <v>4</v>
      </c>
      <c r="G22" t="s">
        <v>2</v>
      </c>
      <c r="H22" t="s">
        <v>300</v>
      </c>
      <c r="I22" t="s">
        <v>30540</v>
      </c>
    </row>
    <row r="23" spans="1:9">
      <c r="A23" s="1">
        <v>0.77936132633021071</v>
      </c>
      <c r="B23" s="1"/>
      <c r="C23">
        <v>1</v>
      </c>
      <c r="D23" t="s">
        <v>297</v>
      </c>
      <c r="E23" t="s">
        <v>30552</v>
      </c>
      <c r="F23">
        <v>3</v>
      </c>
      <c r="G23" t="s">
        <v>9</v>
      </c>
      <c r="H23" t="s">
        <v>298</v>
      </c>
      <c r="I23" t="s">
        <v>30540</v>
      </c>
    </row>
    <row r="24" spans="1:9">
      <c r="A24" s="1">
        <v>0.41225923809218012</v>
      </c>
      <c r="B24" s="1"/>
      <c r="C24">
        <v>3</v>
      </c>
      <c r="D24" t="s">
        <v>295</v>
      </c>
      <c r="E24" t="s">
        <v>30553</v>
      </c>
      <c r="F24">
        <v>4</v>
      </c>
      <c r="G24" t="s">
        <v>13</v>
      </c>
      <c r="H24" t="s">
        <v>296</v>
      </c>
      <c r="I24" t="s">
        <v>30540</v>
      </c>
    </row>
    <row r="25" spans="1:9">
      <c r="A25" s="1">
        <v>0.94278030020712977</v>
      </c>
      <c r="B25" s="1"/>
      <c r="C25">
        <v>1</v>
      </c>
      <c r="D25" t="s">
        <v>293</v>
      </c>
      <c r="E25" t="s">
        <v>30554</v>
      </c>
      <c r="F25">
        <v>4</v>
      </c>
      <c r="G25" t="s">
        <v>0</v>
      </c>
      <c r="H25" t="s">
        <v>294</v>
      </c>
      <c r="I25" t="s">
        <v>30540</v>
      </c>
    </row>
    <row r="26" spans="1:9">
      <c r="A26" s="1">
        <v>0.14045018250590946</v>
      </c>
      <c r="B26" s="1"/>
      <c r="C26">
        <v>3</v>
      </c>
      <c r="D26" t="s">
        <v>291</v>
      </c>
      <c r="E26" t="s">
        <v>30555</v>
      </c>
      <c r="F26">
        <v>4</v>
      </c>
      <c r="G26" t="s">
        <v>9</v>
      </c>
      <c r="H26" t="s">
        <v>292</v>
      </c>
      <c r="I26" t="s">
        <v>30540</v>
      </c>
    </row>
    <row r="27" spans="1:9">
      <c r="A27" s="1">
        <v>0.26237626266099057</v>
      </c>
      <c r="B27" s="1"/>
      <c r="C27">
        <v>2</v>
      </c>
      <c r="D27" t="s">
        <v>287</v>
      </c>
      <c r="E27" t="s">
        <v>30556</v>
      </c>
      <c r="F27">
        <v>5</v>
      </c>
      <c r="G27" t="s">
        <v>0</v>
      </c>
      <c r="H27" t="s">
        <v>288</v>
      </c>
      <c r="I27" t="s">
        <v>30540</v>
      </c>
    </row>
    <row r="28" spans="1:9">
      <c r="A28" s="1">
        <v>0.19244896773821274</v>
      </c>
      <c r="B28" s="1"/>
      <c r="C28">
        <v>6</v>
      </c>
      <c r="D28" t="s">
        <v>285</v>
      </c>
      <c r="E28" t="s">
        <v>30557</v>
      </c>
      <c r="F28">
        <v>5</v>
      </c>
      <c r="G28" t="s">
        <v>0</v>
      </c>
      <c r="H28" t="s">
        <v>286</v>
      </c>
      <c r="I28" t="s">
        <v>30540</v>
      </c>
    </row>
    <row r="29" spans="1:9">
      <c r="A29" s="1">
        <v>2.5398315855344689E-2</v>
      </c>
      <c r="B29" s="1"/>
      <c r="C29">
        <v>2</v>
      </c>
      <c r="D29" t="s">
        <v>281</v>
      </c>
      <c r="E29" t="s">
        <v>30557</v>
      </c>
      <c r="F29">
        <v>4</v>
      </c>
      <c r="G29" t="s">
        <v>0</v>
      </c>
      <c r="H29" t="s">
        <v>282</v>
      </c>
      <c r="I29" t="s">
        <v>30540</v>
      </c>
    </row>
    <row r="30" spans="1:9">
      <c r="A30" s="1">
        <v>0.3434647126766488</v>
      </c>
      <c r="B30" s="1"/>
      <c r="C30">
        <v>3</v>
      </c>
      <c r="D30" t="s">
        <v>283</v>
      </c>
      <c r="E30" t="s">
        <v>30557</v>
      </c>
      <c r="F30">
        <v>4</v>
      </c>
      <c r="G30" t="s">
        <v>0</v>
      </c>
      <c r="H30" t="s">
        <v>284</v>
      </c>
      <c r="I30" t="s">
        <v>30540</v>
      </c>
    </row>
    <row r="31" spans="1:9">
      <c r="A31" s="1">
        <v>0.43931588003263311</v>
      </c>
      <c r="B31" s="1"/>
      <c r="C31">
        <v>2</v>
      </c>
      <c r="D31" t="s">
        <v>277</v>
      </c>
      <c r="E31" t="s">
        <v>30559</v>
      </c>
      <c r="F31">
        <v>4</v>
      </c>
      <c r="G31" t="s">
        <v>14</v>
      </c>
      <c r="H31" t="s">
        <v>278</v>
      </c>
      <c r="I31" t="s">
        <v>30540</v>
      </c>
    </row>
    <row r="32" spans="1:9">
      <c r="A32" s="1">
        <v>0.24558272596058461</v>
      </c>
      <c r="B32" s="1"/>
      <c r="C32">
        <v>3</v>
      </c>
      <c r="D32" t="s">
        <v>275</v>
      </c>
      <c r="E32" t="s">
        <v>30560</v>
      </c>
      <c r="F32">
        <v>4</v>
      </c>
      <c r="G32" t="s">
        <v>2</v>
      </c>
      <c r="H32" t="s">
        <v>276</v>
      </c>
      <c r="I32" t="s">
        <v>30540</v>
      </c>
    </row>
    <row r="33" spans="1:9">
      <c r="A33" s="1">
        <v>0.97459174761174072</v>
      </c>
      <c r="B33" s="1"/>
      <c r="C33">
        <v>1</v>
      </c>
      <c r="D33" t="s">
        <v>273</v>
      </c>
      <c r="E33" t="s">
        <v>30560</v>
      </c>
      <c r="F33">
        <v>3</v>
      </c>
      <c r="G33" t="s">
        <v>2</v>
      </c>
      <c r="H33" t="s">
        <v>274</v>
      </c>
      <c r="I33" t="s">
        <v>30540</v>
      </c>
    </row>
    <row r="34" spans="1:9">
      <c r="A34" s="1">
        <v>0.83527196464993347</v>
      </c>
      <c r="B34" s="1"/>
      <c r="C34">
        <v>1</v>
      </c>
      <c r="D34" t="s">
        <v>271</v>
      </c>
      <c r="E34" t="s">
        <v>30561</v>
      </c>
      <c r="F34">
        <v>4</v>
      </c>
      <c r="G34" t="s">
        <v>14</v>
      </c>
      <c r="H34" t="s">
        <v>272</v>
      </c>
      <c r="I34" t="s">
        <v>30540</v>
      </c>
    </row>
    <row r="35" spans="1:9">
      <c r="A35" s="1">
        <v>2.3701725216334957E-2</v>
      </c>
      <c r="B35" s="1"/>
      <c r="C35">
        <v>2</v>
      </c>
      <c r="D35" t="s">
        <v>269</v>
      </c>
      <c r="E35" t="s">
        <v>30562</v>
      </c>
      <c r="F35">
        <v>4</v>
      </c>
      <c r="G35" t="s">
        <v>0</v>
      </c>
      <c r="H35" t="s">
        <v>270</v>
      </c>
      <c r="I35" t="s">
        <v>30540</v>
      </c>
    </row>
    <row r="36" spans="1:9">
      <c r="A36" s="1">
        <v>0.70934539430171339</v>
      </c>
      <c r="B36" s="1"/>
      <c r="C36">
        <v>1</v>
      </c>
      <c r="D36" t="s">
        <v>267</v>
      </c>
      <c r="E36" t="s">
        <v>30562</v>
      </c>
      <c r="F36">
        <v>4</v>
      </c>
      <c r="G36" t="s">
        <v>0</v>
      </c>
      <c r="H36" t="s">
        <v>268</v>
      </c>
      <c r="I36" t="s">
        <v>30540</v>
      </c>
    </row>
    <row r="37" spans="1:9">
      <c r="A37" s="1">
        <v>0.38037817806079588</v>
      </c>
      <c r="B37" s="1"/>
      <c r="C37">
        <v>4</v>
      </c>
      <c r="D37" t="s">
        <v>265</v>
      </c>
      <c r="E37" t="s">
        <v>30563</v>
      </c>
      <c r="F37">
        <v>5</v>
      </c>
      <c r="G37" t="s">
        <v>15</v>
      </c>
      <c r="H37" t="s">
        <v>266</v>
      </c>
      <c r="I37" t="s">
        <v>30540</v>
      </c>
    </row>
    <row r="38" spans="1:9">
      <c r="A38" s="1">
        <v>0.59436827492542088</v>
      </c>
      <c r="B38" s="1"/>
      <c r="C38">
        <v>1</v>
      </c>
      <c r="D38" t="s">
        <v>261</v>
      </c>
      <c r="E38" t="s">
        <v>30564</v>
      </c>
      <c r="F38">
        <v>3</v>
      </c>
      <c r="G38" t="s">
        <v>10</v>
      </c>
      <c r="H38" t="s">
        <v>262</v>
      </c>
      <c r="I38" t="s">
        <v>30540</v>
      </c>
    </row>
    <row r="39" spans="1:9">
      <c r="A39" s="1">
        <v>0.79371056831861952</v>
      </c>
      <c r="B39" s="1"/>
      <c r="C39">
        <v>2</v>
      </c>
      <c r="D39" t="s">
        <v>259</v>
      </c>
      <c r="E39" t="s">
        <v>30565</v>
      </c>
      <c r="F39">
        <v>4</v>
      </c>
      <c r="G39" t="s">
        <v>0</v>
      </c>
      <c r="H39" t="s">
        <v>260</v>
      </c>
      <c r="I39" t="s">
        <v>30540</v>
      </c>
    </row>
    <row r="40" spans="1:9">
      <c r="A40" s="1">
        <v>0.36703666913667321</v>
      </c>
      <c r="B40" s="1"/>
      <c r="C40">
        <v>1</v>
      </c>
      <c r="D40" t="s">
        <v>257</v>
      </c>
      <c r="E40" t="s">
        <v>30566</v>
      </c>
      <c r="F40">
        <v>4</v>
      </c>
      <c r="G40" t="s">
        <v>0</v>
      </c>
      <c r="H40" t="s">
        <v>258</v>
      </c>
      <c r="I40" t="s">
        <v>30540</v>
      </c>
    </row>
    <row r="41" spans="1:9">
      <c r="A41" s="1">
        <v>0.31715885217687512</v>
      </c>
      <c r="B41" s="1"/>
      <c r="C41">
        <v>3</v>
      </c>
      <c r="D41" t="s">
        <v>255</v>
      </c>
      <c r="E41" t="s">
        <v>30567</v>
      </c>
      <c r="F41">
        <v>4</v>
      </c>
      <c r="G41" t="s">
        <v>14</v>
      </c>
      <c r="H41" t="s">
        <v>256</v>
      </c>
      <c r="I41" t="s">
        <v>30540</v>
      </c>
    </row>
    <row r="42" spans="1:9">
      <c r="A42" s="1">
        <v>0.66800667379523582</v>
      </c>
      <c r="B42" s="1"/>
      <c r="C42">
        <v>1</v>
      </c>
      <c r="D42" t="s">
        <v>253</v>
      </c>
      <c r="E42" t="s">
        <v>30568</v>
      </c>
      <c r="F42">
        <v>4</v>
      </c>
      <c r="G42" t="s">
        <v>0</v>
      </c>
      <c r="H42" t="s">
        <v>254</v>
      </c>
      <c r="I42" t="s">
        <v>30540</v>
      </c>
    </row>
    <row r="43" spans="1:9">
      <c r="A43" s="1">
        <v>0.1771159981670839</v>
      </c>
      <c r="B43" s="1"/>
      <c r="C43">
        <v>3</v>
      </c>
      <c r="D43" t="s">
        <v>251</v>
      </c>
      <c r="E43" t="s">
        <v>30569</v>
      </c>
      <c r="F43">
        <v>4</v>
      </c>
      <c r="G43" t="s">
        <v>0</v>
      </c>
      <c r="H43" t="s">
        <v>252</v>
      </c>
      <c r="I43" t="s">
        <v>30540</v>
      </c>
    </row>
    <row r="44" spans="1:9">
      <c r="A44" s="1">
        <v>0.71195884584495339</v>
      </c>
      <c r="B44" s="1"/>
      <c r="C44">
        <v>1</v>
      </c>
      <c r="D44" t="s">
        <v>247</v>
      </c>
      <c r="E44" t="s">
        <v>30570</v>
      </c>
      <c r="F44">
        <v>4</v>
      </c>
      <c r="G44" t="s">
        <v>14</v>
      </c>
      <c r="H44" t="s">
        <v>248</v>
      </c>
      <c r="I44" t="s">
        <v>30540</v>
      </c>
    </row>
    <row r="45" spans="1:9">
      <c r="A45" s="1">
        <v>0.96870951915270287</v>
      </c>
      <c r="B45" s="1"/>
      <c r="C45">
        <v>1</v>
      </c>
      <c r="D45" t="s">
        <v>245</v>
      </c>
      <c r="E45" t="s">
        <v>30571</v>
      </c>
      <c r="F45">
        <v>4</v>
      </c>
      <c r="G45" t="s">
        <v>0</v>
      </c>
      <c r="H45" t="s">
        <v>246</v>
      </c>
      <c r="I45" t="s">
        <v>30540</v>
      </c>
    </row>
    <row r="46" spans="1:9">
      <c r="A46" s="1">
        <v>0.73901766032902061</v>
      </c>
      <c r="B46" s="1"/>
      <c r="C46">
        <v>3</v>
      </c>
      <c r="D46" t="s">
        <v>243</v>
      </c>
      <c r="E46" t="s">
        <v>30572</v>
      </c>
      <c r="F46">
        <v>4</v>
      </c>
      <c r="G46" t="s">
        <v>10</v>
      </c>
      <c r="H46" t="s">
        <v>244</v>
      </c>
      <c r="I46" t="s">
        <v>30540</v>
      </c>
    </row>
    <row r="47" spans="1:9">
      <c r="A47" s="1">
        <v>0.52779590746812299</v>
      </c>
      <c r="B47" s="1"/>
      <c r="C47">
        <v>2</v>
      </c>
      <c r="D47" t="s">
        <v>241</v>
      </c>
      <c r="E47" t="s">
        <v>30572</v>
      </c>
      <c r="F47">
        <v>4</v>
      </c>
      <c r="G47" t="s">
        <v>0</v>
      </c>
      <c r="H47" t="s">
        <v>242</v>
      </c>
      <c r="I47" t="s">
        <v>30540</v>
      </c>
    </row>
    <row r="48" spans="1:9">
      <c r="A48" s="1">
        <v>0.32581853070425881</v>
      </c>
      <c r="B48" s="1"/>
      <c r="C48">
        <v>3</v>
      </c>
      <c r="D48" t="s">
        <v>239</v>
      </c>
      <c r="E48" t="s">
        <v>30573</v>
      </c>
      <c r="F48">
        <v>4</v>
      </c>
      <c r="G48" t="s">
        <v>0</v>
      </c>
      <c r="H48" t="s">
        <v>240</v>
      </c>
      <c r="I48" t="s">
        <v>30540</v>
      </c>
    </row>
    <row r="49" spans="1:9">
      <c r="A49" s="1">
        <v>0.82727576381344359</v>
      </c>
      <c r="B49" s="1"/>
      <c r="C49">
        <v>2</v>
      </c>
      <c r="D49" t="s">
        <v>236</v>
      </c>
      <c r="E49" t="s">
        <v>30573</v>
      </c>
      <c r="F49">
        <v>4</v>
      </c>
      <c r="G49" t="s">
        <v>0</v>
      </c>
      <c r="H49" t="s">
        <v>238</v>
      </c>
      <c r="I49" t="s">
        <v>30540</v>
      </c>
    </row>
    <row r="50" spans="1:9">
      <c r="A50" s="1">
        <v>0.15805181157016068</v>
      </c>
      <c r="B50" s="1"/>
      <c r="C50">
        <v>1</v>
      </c>
      <c r="D50" t="s">
        <v>236</v>
      </c>
      <c r="E50" t="s">
        <v>30574</v>
      </c>
      <c r="F50">
        <v>4</v>
      </c>
      <c r="G50" t="s">
        <v>0</v>
      </c>
      <c r="H50" t="s">
        <v>237</v>
      </c>
      <c r="I50" t="s">
        <v>30540</v>
      </c>
    </row>
    <row r="51" spans="1:9">
      <c r="A51" s="1">
        <v>0.82546660135058147</v>
      </c>
      <c r="B51" s="1"/>
      <c r="C51">
        <v>1</v>
      </c>
      <c r="D51" t="s">
        <v>232</v>
      </c>
      <c r="E51" t="s">
        <v>30575</v>
      </c>
      <c r="F51">
        <v>4</v>
      </c>
      <c r="G51" t="s">
        <v>9</v>
      </c>
      <c r="H51" t="s">
        <v>233</v>
      </c>
      <c r="I51" t="s">
        <v>30540</v>
      </c>
    </row>
    <row r="52" spans="1:9">
      <c r="A52" s="1">
        <v>0.2057582075621357</v>
      </c>
      <c r="B52" s="1"/>
      <c r="C52">
        <v>3</v>
      </c>
      <c r="D52" t="s">
        <v>234</v>
      </c>
      <c r="E52" t="s">
        <v>30575</v>
      </c>
      <c r="F52">
        <v>4</v>
      </c>
      <c r="G52" t="s">
        <v>15</v>
      </c>
      <c r="H52" t="s">
        <v>235</v>
      </c>
      <c r="I52" t="s">
        <v>30540</v>
      </c>
    </row>
    <row r="53" spans="1:9">
      <c r="A53" s="1">
        <v>0.46063365029039915</v>
      </c>
      <c r="B53" s="1"/>
      <c r="C53">
        <v>4</v>
      </c>
      <c r="D53" t="s">
        <v>230</v>
      </c>
      <c r="E53" t="s">
        <v>30576</v>
      </c>
      <c r="F53">
        <v>5</v>
      </c>
      <c r="G53" t="s">
        <v>13</v>
      </c>
      <c r="H53" t="s">
        <v>231</v>
      </c>
      <c r="I53" t="s">
        <v>30540</v>
      </c>
    </row>
    <row r="54" spans="1:9">
      <c r="A54" s="1">
        <v>0.68396471725400965</v>
      </c>
      <c r="B54" s="1"/>
      <c r="C54">
        <v>3</v>
      </c>
      <c r="D54" t="s">
        <v>226</v>
      </c>
      <c r="E54" t="s">
        <v>30577</v>
      </c>
      <c r="F54">
        <v>4</v>
      </c>
      <c r="G54" t="s">
        <v>15</v>
      </c>
      <c r="H54" t="s">
        <v>227</v>
      </c>
      <c r="I54" t="s">
        <v>30540</v>
      </c>
    </row>
    <row r="55" spans="1:9">
      <c r="A55" s="1">
        <v>0.52479331032125343</v>
      </c>
      <c r="B55" s="1"/>
      <c r="C55">
        <v>5</v>
      </c>
      <c r="D55" t="s">
        <v>228</v>
      </c>
      <c r="E55" t="s">
        <v>30577</v>
      </c>
      <c r="F55">
        <v>4</v>
      </c>
      <c r="G55" t="s">
        <v>9</v>
      </c>
      <c r="H55" t="s">
        <v>229</v>
      </c>
      <c r="I55" t="s">
        <v>30540</v>
      </c>
    </row>
    <row r="56" spans="1:9">
      <c r="A56" s="1">
        <v>0.65202700360041566</v>
      </c>
      <c r="B56" s="1"/>
      <c r="C56">
        <v>4</v>
      </c>
      <c r="D56" t="s">
        <v>222</v>
      </c>
      <c r="E56" t="s">
        <v>30579</v>
      </c>
      <c r="F56">
        <v>3</v>
      </c>
      <c r="G56" t="s">
        <v>1</v>
      </c>
      <c r="H56" t="s">
        <v>223</v>
      </c>
      <c r="I56" t="s">
        <v>30540</v>
      </c>
    </row>
    <row r="57" spans="1:9">
      <c r="A57" s="1">
        <v>0.79186428696056965</v>
      </c>
      <c r="B57" s="1"/>
      <c r="C57">
        <v>1</v>
      </c>
      <c r="D57" t="s">
        <v>216</v>
      </c>
      <c r="E57" t="s">
        <v>30580</v>
      </c>
      <c r="F57">
        <v>4</v>
      </c>
      <c r="G57" t="s">
        <v>0</v>
      </c>
      <c r="H57" t="s">
        <v>217</v>
      </c>
      <c r="I57" t="s">
        <v>30540</v>
      </c>
    </row>
    <row r="58" spans="1:9">
      <c r="A58" s="1">
        <v>0.65869553791357383</v>
      </c>
      <c r="B58" s="1"/>
      <c r="C58">
        <v>3</v>
      </c>
      <c r="D58" t="s">
        <v>218</v>
      </c>
      <c r="E58" t="s">
        <v>30580</v>
      </c>
      <c r="F58">
        <v>4</v>
      </c>
      <c r="G58" t="s">
        <v>0</v>
      </c>
      <c r="H58" t="s">
        <v>219</v>
      </c>
      <c r="I58" t="s">
        <v>30540</v>
      </c>
    </row>
    <row r="59" spans="1:9">
      <c r="A59" s="1">
        <v>1.022443547297569E-2</v>
      </c>
      <c r="B59" s="1"/>
      <c r="C59">
        <v>5</v>
      </c>
      <c r="D59" t="s">
        <v>220</v>
      </c>
      <c r="E59" t="s">
        <v>30580</v>
      </c>
      <c r="F59">
        <v>4</v>
      </c>
      <c r="G59" t="s">
        <v>0</v>
      </c>
      <c r="H59" t="s">
        <v>221</v>
      </c>
      <c r="I59" t="s">
        <v>30540</v>
      </c>
    </row>
    <row r="60" spans="1:9">
      <c r="A60" s="1">
        <v>0.88958736528366555</v>
      </c>
      <c r="B60" s="1"/>
      <c r="C60">
        <v>2</v>
      </c>
      <c r="D60" t="s">
        <v>214</v>
      </c>
      <c r="E60" t="s">
        <v>30581</v>
      </c>
      <c r="F60">
        <v>4</v>
      </c>
      <c r="G60" t="s">
        <v>0</v>
      </c>
      <c r="H60" t="s">
        <v>215</v>
      </c>
      <c r="I60" t="s">
        <v>30540</v>
      </c>
    </row>
    <row r="61" spans="1:9">
      <c r="A61" s="1">
        <v>0.72107542317993423</v>
      </c>
      <c r="B61" s="1"/>
      <c r="C61">
        <v>2</v>
      </c>
      <c r="D61" t="s">
        <v>208</v>
      </c>
      <c r="E61" t="s">
        <v>30582</v>
      </c>
      <c r="F61">
        <v>4</v>
      </c>
      <c r="G61" t="s">
        <v>15</v>
      </c>
      <c r="H61" t="s">
        <v>209</v>
      </c>
      <c r="I61" t="s">
        <v>30540</v>
      </c>
    </row>
    <row r="62" spans="1:9">
      <c r="A62" s="1">
        <v>0.86390633907084513</v>
      </c>
      <c r="B62" s="1"/>
      <c r="C62">
        <v>8</v>
      </c>
      <c r="D62" t="s">
        <v>212</v>
      </c>
      <c r="E62" t="s">
        <v>30582</v>
      </c>
      <c r="F62">
        <v>4</v>
      </c>
      <c r="G62" t="s">
        <v>0</v>
      </c>
      <c r="H62" t="s">
        <v>213</v>
      </c>
      <c r="I62" t="s">
        <v>30540</v>
      </c>
    </row>
    <row r="63" spans="1:9">
      <c r="A63" s="1">
        <v>0.66067701085297414</v>
      </c>
      <c r="B63" s="1"/>
      <c r="C63">
        <v>5</v>
      </c>
      <c r="D63" t="s">
        <v>210</v>
      </c>
      <c r="E63" t="s">
        <v>30582</v>
      </c>
      <c r="F63">
        <v>4</v>
      </c>
      <c r="G63" t="s">
        <v>10</v>
      </c>
      <c r="H63" t="s">
        <v>211</v>
      </c>
      <c r="I63" t="s">
        <v>30540</v>
      </c>
    </row>
    <row r="64" spans="1:9">
      <c r="A64" s="1">
        <v>0.29528423596277331</v>
      </c>
      <c r="B64" s="1"/>
      <c r="C64">
        <v>7</v>
      </c>
      <c r="D64" t="s">
        <v>204</v>
      </c>
      <c r="E64" t="s">
        <v>30583</v>
      </c>
      <c r="F64">
        <v>5</v>
      </c>
      <c r="G64" t="s">
        <v>0</v>
      </c>
      <c r="H64" t="s">
        <v>205</v>
      </c>
      <c r="I64" t="s">
        <v>30540</v>
      </c>
    </row>
    <row r="65" spans="1:9">
      <c r="A65" s="1">
        <v>0.92227612691346317</v>
      </c>
      <c r="B65" s="1"/>
      <c r="C65">
        <v>8</v>
      </c>
      <c r="D65" t="s">
        <v>206</v>
      </c>
      <c r="E65" t="s">
        <v>30583</v>
      </c>
      <c r="F65">
        <v>5</v>
      </c>
      <c r="G65" t="s">
        <v>1</v>
      </c>
      <c r="H65" t="s">
        <v>207</v>
      </c>
      <c r="I65" t="s">
        <v>30540</v>
      </c>
    </row>
    <row r="66" spans="1:9">
      <c r="A66" s="1">
        <v>0.18861134466959839</v>
      </c>
      <c r="B66" s="1"/>
      <c r="C66">
        <v>1</v>
      </c>
      <c r="D66" t="s">
        <v>202</v>
      </c>
      <c r="E66" t="s">
        <v>30584</v>
      </c>
      <c r="F66">
        <v>5</v>
      </c>
      <c r="G66" t="s">
        <v>2</v>
      </c>
      <c r="H66" t="s">
        <v>203</v>
      </c>
      <c r="I66" t="s">
        <v>30540</v>
      </c>
    </row>
    <row r="67" spans="1:9">
      <c r="A67" s="1">
        <v>0.91376034900919278</v>
      </c>
      <c r="B67" s="1"/>
      <c r="C67">
        <v>5</v>
      </c>
      <c r="D67" t="s">
        <v>200</v>
      </c>
      <c r="E67" t="s">
        <v>30585</v>
      </c>
      <c r="F67">
        <v>4</v>
      </c>
      <c r="G67" t="s">
        <v>15</v>
      </c>
      <c r="H67" t="s">
        <v>201</v>
      </c>
      <c r="I67" t="s">
        <v>30540</v>
      </c>
    </row>
    <row r="68" spans="1:9">
      <c r="A68" s="1">
        <v>0.87418830392737179</v>
      </c>
      <c r="B68" s="1"/>
      <c r="C68">
        <v>2</v>
      </c>
      <c r="D68" t="s">
        <v>198</v>
      </c>
      <c r="E68" t="s">
        <v>30585</v>
      </c>
      <c r="F68">
        <v>4</v>
      </c>
      <c r="G68" t="s">
        <v>9</v>
      </c>
      <c r="H68" t="s">
        <v>199</v>
      </c>
      <c r="I68" t="s">
        <v>30540</v>
      </c>
    </row>
    <row r="69" spans="1:9">
      <c r="A69" s="1">
        <v>0.63533106908665593</v>
      </c>
      <c r="B69" s="1"/>
      <c r="C69">
        <v>1</v>
      </c>
      <c r="D69" t="s">
        <v>196</v>
      </c>
      <c r="E69" t="s">
        <v>30585</v>
      </c>
      <c r="F69">
        <v>4</v>
      </c>
      <c r="G69" t="s">
        <v>10</v>
      </c>
      <c r="H69" t="s">
        <v>197</v>
      </c>
      <c r="I69" t="s">
        <v>30540</v>
      </c>
    </row>
    <row r="70" spans="1:9">
      <c r="A70" s="1">
        <v>0.68241928754115233</v>
      </c>
      <c r="B70" s="1"/>
      <c r="C70">
        <v>3</v>
      </c>
      <c r="D70" t="s">
        <v>194</v>
      </c>
      <c r="E70" t="s">
        <v>30586</v>
      </c>
      <c r="F70">
        <v>5</v>
      </c>
      <c r="G70" t="s">
        <v>0</v>
      </c>
      <c r="H70" t="s">
        <v>195</v>
      </c>
      <c r="I70" t="s">
        <v>30540</v>
      </c>
    </row>
    <row r="71" spans="1:9">
      <c r="A71" s="1">
        <v>3.6811669629914445E-2</v>
      </c>
      <c r="B71" s="1"/>
      <c r="C71">
        <v>2</v>
      </c>
      <c r="D71" t="s">
        <v>192</v>
      </c>
      <c r="E71" t="s">
        <v>30587</v>
      </c>
      <c r="F71">
        <v>4</v>
      </c>
      <c r="G71" t="s">
        <v>9</v>
      </c>
      <c r="H71" t="s">
        <v>193</v>
      </c>
      <c r="I71" t="s">
        <v>30540</v>
      </c>
    </row>
    <row r="72" spans="1:9">
      <c r="A72" s="1">
        <v>0.39408385615883812</v>
      </c>
      <c r="B72" s="1"/>
      <c r="C72">
        <v>1</v>
      </c>
      <c r="D72" t="s">
        <v>190</v>
      </c>
      <c r="E72" t="s">
        <v>30587</v>
      </c>
      <c r="F72">
        <v>4</v>
      </c>
      <c r="G72" t="s">
        <v>10</v>
      </c>
      <c r="H72" t="s">
        <v>191</v>
      </c>
      <c r="I72" t="s">
        <v>30540</v>
      </c>
    </row>
    <row r="73" spans="1:9">
      <c r="A73" s="1">
        <v>0.40731756952177545</v>
      </c>
      <c r="B73" s="1"/>
      <c r="C73">
        <v>1</v>
      </c>
      <c r="D73" t="s">
        <v>184</v>
      </c>
      <c r="E73" t="s">
        <v>30588</v>
      </c>
      <c r="F73">
        <v>4</v>
      </c>
      <c r="G73" t="s">
        <v>9</v>
      </c>
      <c r="H73" t="s">
        <v>185</v>
      </c>
      <c r="I73" t="s">
        <v>30540</v>
      </c>
    </row>
    <row r="74" spans="1:9">
      <c r="A74" s="1">
        <v>0.28535414242017765</v>
      </c>
      <c r="B74" s="1"/>
      <c r="C74">
        <v>3</v>
      </c>
      <c r="D74" t="s">
        <v>186</v>
      </c>
      <c r="E74" t="s">
        <v>30588</v>
      </c>
      <c r="F74">
        <v>4</v>
      </c>
      <c r="G74" t="s">
        <v>15</v>
      </c>
      <c r="H74" t="s">
        <v>187</v>
      </c>
      <c r="I74" t="s">
        <v>30540</v>
      </c>
    </row>
    <row r="75" spans="1:9">
      <c r="A75" s="1">
        <v>0.21164489480557935</v>
      </c>
      <c r="B75" s="1"/>
      <c r="C75">
        <v>6</v>
      </c>
      <c r="D75" t="s">
        <v>188</v>
      </c>
      <c r="E75" t="s">
        <v>30588</v>
      </c>
      <c r="F75">
        <v>4</v>
      </c>
      <c r="G75" t="s">
        <v>15</v>
      </c>
      <c r="H75" t="s">
        <v>189</v>
      </c>
      <c r="I75" t="s">
        <v>30540</v>
      </c>
    </row>
    <row r="76" spans="1:9">
      <c r="A76" s="1">
        <v>0.88076620766703118</v>
      </c>
      <c r="B76" s="1"/>
      <c r="C76">
        <v>1</v>
      </c>
      <c r="D76" t="s">
        <v>182</v>
      </c>
      <c r="E76" t="s">
        <v>30589</v>
      </c>
      <c r="F76">
        <v>5</v>
      </c>
      <c r="G76" t="s">
        <v>13</v>
      </c>
      <c r="H76" t="s">
        <v>183</v>
      </c>
      <c r="I76" t="s">
        <v>30540</v>
      </c>
    </row>
    <row r="77" spans="1:9">
      <c r="A77" s="1">
        <v>0.19609676467105364</v>
      </c>
      <c r="B77" s="1"/>
      <c r="C77">
        <v>1</v>
      </c>
      <c r="D77" t="s">
        <v>178</v>
      </c>
      <c r="E77" t="s">
        <v>30590</v>
      </c>
      <c r="F77">
        <v>4</v>
      </c>
      <c r="G77" t="s">
        <v>0</v>
      </c>
      <c r="H77" t="s">
        <v>179</v>
      </c>
      <c r="I77" t="s">
        <v>30540</v>
      </c>
    </row>
    <row r="78" spans="1:9">
      <c r="A78" s="1">
        <v>0.66748924019723388</v>
      </c>
      <c r="B78" s="1"/>
      <c r="C78">
        <v>3</v>
      </c>
      <c r="D78" t="s">
        <v>180</v>
      </c>
      <c r="E78" t="s">
        <v>30590</v>
      </c>
      <c r="F78">
        <v>4</v>
      </c>
      <c r="G78" t="s">
        <v>0</v>
      </c>
      <c r="H78" t="s">
        <v>181</v>
      </c>
      <c r="I78" t="s">
        <v>30540</v>
      </c>
    </row>
    <row r="79" spans="1:9">
      <c r="A79" s="1">
        <v>2.573975517619953E-3</v>
      </c>
      <c r="B79" s="1"/>
      <c r="C79">
        <v>1</v>
      </c>
      <c r="D79" t="s">
        <v>172</v>
      </c>
      <c r="E79" t="s">
        <v>30591</v>
      </c>
      <c r="F79">
        <v>5</v>
      </c>
      <c r="G79" t="s">
        <v>0</v>
      </c>
      <c r="H79" t="s">
        <v>173</v>
      </c>
      <c r="I79" t="s">
        <v>30540</v>
      </c>
    </row>
    <row r="80" spans="1:9">
      <c r="A80" s="1">
        <v>0.38901923519786741</v>
      </c>
      <c r="B80" s="1"/>
      <c r="C80">
        <v>6</v>
      </c>
      <c r="D80" t="s">
        <v>176</v>
      </c>
      <c r="E80" t="s">
        <v>30591</v>
      </c>
      <c r="F80">
        <v>4</v>
      </c>
      <c r="G80" t="s">
        <v>2</v>
      </c>
      <c r="H80" t="s">
        <v>177</v>
      </c>
      <c r="I80" t="s">
        <v>30540</v>
      </c>
    </row>
    <row r="81" spans="1:9">
      <c r="A81" s="1">
        <v>0.54528371150297439</v>
      </c>
      <c r="B81" s="1"/>
      <c r="C81">
        <v>3</v>
      </c>
      <c r="D81" t="s">
        <v>174</v>
      </c>
      <c r="E81" t="s">
        <v>30591</v>
      </c>
      <c r="F81">
        <v>4</v>
      </c>
      <c r="G81" t="s">
        <v>10</v>
      </c>
      <c r="H81" t="s">
        <v>175</v>
      </c>
      <c r="I81" t="s">
        <v>30540</v>
      </c>
    </row>
    <row r="82" spans="1:9">
      <c r="A82" s="1">
        <v>0.45006201874969798</v>
      </c>
      <c r="B82" s="1"/>
      <c r="C82">
        <v>3</v>
      </c>
      <c r="D82" t="s">
        <v>170</v>
      </c>
      <c r="E82" t="s">
        <v>30592</v>
      </c>
      <c r="F82">
        <v>4</v>
      </c>
      <c r="G82" t="s">
        <v>0</v>
      </c>
      <c r="H82" t="s">
        <v>171</v>
      </c>
      <c r="I82" t="s">
        <v>30540</v>
      </c>
    </row>
    <row r="83" spans="1:9">
      <c r="A83" s="1">
        <v>0.46176329027985596</v>
      </c>
      <c r="B83" s="1"/>
      <c r="C83">
        <v>5</v>
      </c>
      <c r="D83" t="s">
        <v>168</v>
      </c>
      <c r="E83" t="s">
        <v>30593</v>
      </c>
      <c r="F83">
        <v>5</v>
      </c>
      <c r="G83" t="s">
        <v>0</v>
      </c>
      <c r="H83" t="s">
        <v>169</v>
      </c>
      <c r="I83" t="s">
        <v>30540</v>
      </c>
    </row>
    <row r="84" spans="1:9">
      <c r="A84" s="1">
        <v>0.67202910417982875</v>
      </c>
      <c r="B84" s="1"/>
      <c r="C84">
        <v>3</v>
      </c>
      <c r="D84" t="s">
        <v>166</v>
      </c>
      <c r="E84" t="s">
        <v>30593</v>
      </c>
      <c r="F84">
        <v>4</v>
      </c>
      <c r="G84" t="s">
        <v>0</v>
      </c>
      <c r="H84" t="s">
        <v>167</v>
      </c>
      <c r="I84" t="s">
        <v>30540</v>
      </c>
    </row>
    <row r="85" spans="1:9">
      <c r="A85" s="1">
        <v>0.47813386585267537</v>
      </c>
      <c r="B85" s="1"/>
      <c r="C85">
        <v>1</v>
      </c>
      <c r="D85" t="s">
        <v>164</v>
      </c>
      <c r="E85" t="s">
        <v>30594</v>
      </c>
      <c r="F85">
        <v>5</v>
      </c>
      <c r="G85" t="s">
        <v>0</v>
      </c>
      <c r="H85" t="s">
        <v>165</v>
      </c>
      <c r="I85" t="s">
        <v>30540</v>
      </c>
    </row>
    <row r="86" spans="1:9">
      <c r="A86" s="1">
        <v>0.89596560706640871</v>
      </c>
      <c r="B86" s="1"/>
      <c r="C86">
        <v>3</v>
      </c>
      <c r="D86" t="s">
        <v>162</v>
      </c>
      <c r="E86" t="s">
        <v>30595</v>
      </c>
      <c r="F86">
        <v>4</v>
      </c>
      <c r="G86" t="s">
        <v>13</v>
      </c>
      <c r="H86" t="s">
        <v>163</v>
      </c>
      <c r="I86" t="s">
        <v>30540</v>
      </c>
    </row>
    <row r="87" spans="1:9">
      <c r="A87" s="1">
        <v>0.96340046040373695</v>
      </c>
      <c r="B87" s="1"/>
      <c r="C87">
        <v>1</v>
      </c>
      <c r="D87" t="s">
        <v>160</v>
      </c>
      <c r="E87" t="s">
        <v>30596</v>
      </c>
      <c r="F87">
        <v>4</v>
      </c>
      <c r="G87" t="s">
        <v>0</v>
      </c>
      <c r="H87" t="s">
        <v>161</v>
      </c>
      <c r="I87" t="s">
        <v>30540</v>
      </c>
    </row>
    <row r="88" spans="1:9">
      <c r="A88" s="1">
        <v>0.50199582254878383</v>
      </c>
      <c r="B88" s="1"/>
      <c r="C88">
        <v>1</v>
      </c>
      <c r="D88" t="s">
        <v>158</v>
      </c>
      <c r="E88" t="s">
        <v>30597</v>
      </c>
      <c r="F88">
        <v>4</v>
      </c>
      <c r="G88" t="s">
        <v>2</v>
      </c>
      <c r="H88" t="s">
        <v>159</v>
      </c>
      <c r="I88" t="s">
        <v>30540</v>
      </c>
    </row>
    <row r="89" spans="1:9">
      <c r="A89" s="1">
        <v>0.99023315365570486</v>
      </c>
      <c r="B89" s="1"/>
      <c r="C89">
        <v>8</v>
      </c>
      <c r="D89" t="s">
        <v>156</v>
      </c>
      <c r="E89" t="s">
        <v>30598</v>
      </c>
      <c r="F89">
        <v>4</v>
      </c>
      <c r="G89" t="s">
        <v>15</v>
      </c>
      <c r="H89" t="s">
        <v>157</v>
      </c>
      <c r="I89" t="s">
        <v>30540</v>
      </c>
    </row>
    <row r="90" spans="1:9">
      <c r="A90" s="1">
        <v>6.58832059331389E-2</v>
      </c>
      <c r="B90" s="1"/>
      <c r="C90">
        <v>7</v>
      </c>
      <c r="D90" t="s">
        <v>154</v>
      </c>
      <c r="E90" t="s">
        <v>30598</v>
      </c>
      <c r="F90">
        <v>4</v>
      </c>
      <c r="G90" t="s">
        <v>0</v>
      </c>
      <c r="H90" t="s">
        <v>155</v>
      </c>
      <c r="I90" t="s">
        <v>30540</v>
      </c>
    </row>
    <row r="91" spans="1:9">
      <c r="A91" s="1">
        <v>0.67218167703600196</v>
      </c>
      <c r="B91" s="1"/>
      <c r="C91">
        <v>6</v>
      </c>
      <c r="D91" t="s">
        <v>152</v>
      </c>
      <c r="E91" t="s">
        <v>30598</v>
      </c>
      <c r="F91">
        <v>4</v>
      </c>
      <c r="G91" t="s">
        <v>2</v>
      </c>
      <c r="H91" t="s">
        <v>153</v>
      </c>
      <c r="I91" t="s">
        <v>30540</v>
      </c>
    </row>
    <row r="92" spans="1:9">
      <c r="A92" s="1">
        <v>0.5412338976889739</v>
      </c>
      <c r="B92" s="1"/>
      <c r="C92">
        <v>4</v>
      </c>
      <c r="D92" t="s">
        <v>150</v>
      </c>
      <c r="E92" t="s">
        <v>30598</v>
      </c>
      <c r="F92">
        <v>4</v>
      </c>
      <c r="G92" t="s">
        <v>0</v>
      </c>
      <c r="H92" t="s">
        <v>151</v>
      </c>
      <c r="I92" t="s">
        <v>30540</v>
      </c>
    </row>
    <row r="93" spans="1:9">
      <c r="A93" s="1">
        <v>0.36346384114252617</v>
      </c>
      <c r="B93" s="1"/>
      <c r="C93">
        <v>1</v>
      </c>
      <c r="D93" t="s">
        <v>142</v>
      </c>
      <c r="E93" t="s">
        <v>30599</v>
      </c>
      <c r="F93">
        <v>5</v>
      </c>
      <c r="G93" t="s">
        <v>0</v>
      </c>
      <c r="H93" t="s">
        <v>143</v>
      </c>
      <c r="I93" t="s">
        <v>30540</v>
      </c>
    </row>
    <row r="94" spans="1:9">
      <c r="A94" s="1">
        <v>5.5052503121199359E-2</v>
      </c>
      <c r="B94" s="1"/>
      <c r="C94">
        <v>5</v>
      </c>
      <c r="D94" t="s">
        <v>148</v>
      </c>
      <c r="E94" t="s">
        <v>30599</v>
      </c>
      <c r="F94">
        <v>4</v>
      </c>
      <c r="G94" t="s">
        <v>0</v>
      </c>
      <c r="H94" t="s">
        <v>149</v>
      </c>
      <c r="I94" t="s">
        <v>30540</v>
      </c>
    </row>
    <row r="95" spans="1:9">
      <c r="A95" s="1">
        <v>0.79797730802176292</v>
      </c>
      <c r="B95" s="1"/>
      <c r="C95">
        <v>3</v>
      </c>
      <c r="D95" t="s">
        <v>146</v>
      </c>
      <c r="E95" t="s">
        <v>30599</v>
      </c>
      <c r="F95">
        <v>4</v>
      </c>
      <c r="G95" t="s">
        <v>0</v>
      </c>
      <c r="H95" t="s">
        <v>147</v>
      </c>
      <c r="I95" t="s">
        <v>30540</v>
      </c>
    </row>
    <row r="96" spans="1:9">
      <c r="A96" s="1">
        <v>0.29570166427132871</v>
      </c>
      <c r="B96" s="1"/>
      <c r="C96">
        <v>2</v>
      </c>
      <c r="D96" t="s">
        <v>144</v>
      </c>
      <c r="E96" t="s">
        <v>30599</v>
      </c>
      <c r="F96">
        <v>4</v>
      </c>
      <c r="G96" t="s">
        <v>0</v>
      </c>
      <c r="H96" t="s">
        <v>145</v>
      </c>
      <c r="I96" t="s">
        <v>30540</v>
      </c>
    </row>
    <row r="97" spans="1:9">
      <c r="A97" s="1">
        <v>0.94475950138415277</v>
      </c>
      <c r="B97" s="1"/>
      <c r="C97">
        <v>4</v>
      </c>
      <c r="D97" t="s">
        <v>140</v>
      </c>
      <c r="E97" t="s">
        <v>30600</v>
      </c>
      <c r="F97">
        <v>4</v>
      </c>
      <c r="G97" t="s">
        <v>0</v>
      </c>
      <c r="H97" t="s">
        <v>141</v>
      </c>
      <c r="I97" t="s">
        <v>30540</v>
      </c>
    </row>
    <row r="98" spans="1:9">
      <c r="A98" s="1">
        <v>0.41742744930317277</v>
      </c>
      <c r="B98" s="1"/>
      <c r="C98">
        <v>1</v>
      </c>
      <c r="D98" t="s">
        <v>136</v>
      </c>
      <c r="E98" t="s">
        <v>30601</v>
      </c>
      <c r="F98">
        <v>4</v>
      </c>
      <c r="G98" t="s">
        <v>0</v>
      </c>
      <c r="H98" t="s">
        <v>137</v>
      </c>
      <c r="I98" t="s">
        <v>30540</v>
      </c>
    </row>
    <row r="99" spans="1:9">
      <c r="A99" s="1">
        <v>0.36852425617930451</v>
      </c>
      <c r="B99" s="1"/>
      <c r="C99">
        <v>2</v>
      </c>
      <c r="D99" t="s">
        <v>138</v>
      </c>
      <c r="E99" t="s">
        <v>30601</v>
      </c>
      <c r="F99">
        <v>4</v>
      </c>
      <c r="G99" t="s">
        <v>0</v>
      </c>
      <c r="H99" t="s">
        <v>139</v>
      </c>
      <c r="I99" t="s">
        <v>30540</v>
      </c>
    </row>
    <row r="100" spans="1:9">
      <c r="A100" s="1">
        <v>0.702255904541919</v>
      </c>
      <c r="B100" s="1"/>
      <c r="C100">
        <v>3</v>
      </c>
      <c r="D100" t="s">
        <v>134</v>
      </c>
      <c r="E100" t="s">
        <v>30602</v>
      </c>
      <c r="F100">
        <v>4</v>
      </c>
      <c r="G100" t="s">
        <v>9</v>
      </c>
      <c r="H100" t="s">
        <v>135</v>
      </c>
      <c r="I100" t="s">
        <v>30540</v>
      </c>
    </row>
    <row r="101" spans="1:9">
      <c r="A101" s="1">
        <v>0.28702226147237853</v>
      </c>
      <c r="B101" s="1"/>
      <c r="C101">
        <v>1</v>
      </c>
      <c r="D101" t="s">
        <v>132</v>
      </c>
      <c r="E101" t="s">
        <v>30602</v>
      </c>
      <c r="F101">
        <v>4</v>
      </c>
      <c r="G101" t="s">
        <v>2</v>
      </c>
      <c r="H101" t="s">
        <v>133</v>
      </c>
      <c r="I101" t="s">
        <v>30540</v>
      </c>
    </row>
    <row r="102" spans="1:9">
      <c r="A102" s="1">
        <v>8.5205531684802494E-2</v>
      </c>
      <c r="B102" s="1"/>
      <c r="C102">
        <v>4</v>
      </c>
      <c r="D102" t="s">
        <v>130</v>
      </c>
      <c r="E102" t="s">
        <v>30603</v>
      </c>
      <c r="F102">
        <v>4</v>
      </c>
      <c r="G102" t="s">
        <v>1</v>
      </c>
      <c r="H102" t="s">
        <v>131</v>
      </c>
      <c r="I102" t="s">
        <v>30540</v>
      </c>
    </row>
    <row r="103" spans="1:9">
      <c r="A103" s="1">
        <v>0.38255981620902979</v>
      </c>
      <c r="B103" s="1"/>
      <c r="C103">
        <v>1</v>
      </c>
      <c r="D103" t="s">
        <v>126</v>
      </c>
      <c r="E103" t="s">
        <v>30603</v>
      </c>
      <c r="F103">
        <v>4</v>
      </c>
      <c r="G103" t="s">
        <v>13</v>
      </c>
      <c r="H103" t="s">
        <v>127</v>
      </c>
      <c r="I103" t="s">
        <v>30540</v>
      </c>
    </row>
    <row r="104" spans="1:9">
      <c r="A104" s="1">
        <v>0.2523407175379061</v>
      </c>
      <c r="B104" s="1"/>
      <c r="C104">
        <v>2</v>
      </c>
      <c r="D104" t="s">
        <v>128</v>
      </c>
      <c r="E104" t="s">
        <v>30603</v>
      </c>
      <c r="F104">
        <v>3</v>
      </c>
      <c r="G104" t="s">
        <v>2</v>
      </c>
      <c r="H104" t="s">
        <v>129</v>
      </c>
      <c r="I104" t="s">
        <v>30540</v>
      </c>
    </row>
    <row r="105" spans="1:9">
      <c r="A105" s="1">
        <v>0.72674842854118038</v>
      </c>
      <c r="B105" s="1"/>
      <c r="C105">
        <v>2</v>
      </c>
      <c r="D105" t="s">
        <v>124</v>
      </c>
      <c r="E105" t="s">
        <v>30604</v>
      </c>
      <c r="F105">
        <v>4</v>
      </c>
      <c r="G105" t="s">
        <v>1</v>
      </c>
      <c r="H105" t="s">
        <v>125</v>
      </c>
      <c r="I105" t="s">
        <v>30540</v>
      </c>
    </row>
    <row r="106" spans="1:9">
      <c r="A106" s="1">
        <v>0.60918069984460643</v>
      </c>
      <c r="B106" s="1"/>
      <c r="C106">
        <v>4</v>
      </c>
      <c r="D106" t="s">
        <v>122</v>
      </c>
      <c r="E106" t="s">
        <v>30605</v>
      </c>
      <c r="F106">
        <v>5</v>
      </c>
      <c r="G106" t="s">
        <v>15</v>
      </c>
      <c r="H106" t="s">
        <v>123</v>
      </c>
      <c r="I106" t="s">
        <v>30540</v>
      </c>
    </row>
    <row r="107" spans="1:9">
      <c r="A107" s="1">
        <v>0.13051835609102036</v>
      </c>
      <c r="B107" s="1"/>
      <c r="C107">
        <v>3</v>
      </c>
      <c r="D107" t="s">
        <v>120</v>
      </c>
      <c r="E107" t="s">
        <v>30606</v>
      </c>
      <c r="F107">
        <v>4</v>
      </c>
      <c r="G107" t="s">
        <v>14</v>
      </c>
      <c r="H107" t="s">
        <v>121</v>
      </c>
      <c r="I107" t="s">
        <v>30540</v>
      </c>
    </row>
    <row r="108" spans="1:9">
      <c r="A108" s="1">
        <v>0.79513811371009135</v>
      </c>
      <c r="B108" s="1"/>
      <c r="C108">
        <v>2</v>
      </c>
      <c r="D108" t="s">
        <v>116</v>
      </c>
      <c r="E108" t="s">
        <v>30607</v>
      </c>
      <c r="F108">
        <v>5</v>
      </c>
      <c r="G108" t="s">
        <v>13</v>
      </c>
      <c r="H108" t="s">
        <v>117</v>
      </c>
      <c r="I108" t="s">
        <v>30540</v>
      </c>
    </row>
    <row r="109" spans="1:9">
      <c r="A109" s="1">
        <v>0.56119164818593048</v>
      </c>
      <c r="B109" s="1"/>
      <c r="C109">
        <v>3</v>
      </c>
      <c r="D109" t="s">
        <v>118</v>
      </c>
      <c r="E109" t="s">
        <v>30607</v>
      </c>
      <c r="F109">
        <v>4</v>
      </c>
      <c r="G109" t="s">
        <v>0</v>
      </c>
      <c r="H109" t="s">
        <v>119</v>
      </c>
      <c r="I109" t="s">
        <v>30540</v>
      </c>
    </row>
    <row r="110" spans="1:9">
      <c r="A110" s="1">
        <v>0.78419836788871466</v>
      </c>
      <c r="B110" s="1"/>
      <c r="C110">
        <v>2</v>
      </c>
      <c r="D110" t="s">
        <v>114</v>
      </c>
      <c r="E110" t="s">
        <v>30608</v>
      </c>
      <c r="F110">
        <v>4</v>
      </c>
      <c r="G110" t="s">
        <v>0</v>
      </c>
      <c r="H110" t="s">
        <v>115</v>
      </c>
      <c r="I110" t="s">
        <v>30540</v>
      </c>
    </row>
    <row r="111" spans="1:9">
      <c r="A111" s="1">
        <v>0.50883984686945349</v>
      </c>
      <c r="B111" s="1"/>
      <c r="C111">
        <v>1</v>
      </c>
      <c r="D111" t="s">
        <v>110</v>
      </c>
      <c r="E111" t="s">
        <v>30609</v>
      </c>
      <c r="F111">
        <v>4</v>
      </c>
      <c r="G111" t="s">
        <v>2</v>
      </c>
      <c r="H111" t="s">
        <v>111</v>
      </c>
      <c r="I111" t="s">
        <v>30540</v>
      </c>
    </row>
    <row r="112" spans="1:9">
      <c r="A112" s="1">
        <v>0.68944038544797459</v>
      </c>
      <c r="B112" s="1"/>
      <c r="C112">
        <v>3</v>
      </c>
      <c r="D112" t="s">
        <v>112</v>
      </c>
      <c r="E112" t="s">
        <v>30609</v>
      </c>
      <c r="F112">
        <v>4</v>
      </c>
      <c r="G112" t="s">
        <v>0</v>
      </c>
      <c r="H112" t="s">
        <v>113</v>
      </c>
      <c r="I112" t="s">
        <v>30540</v>
      </c>
    </row>
    <row r="113" spans="1:9">
      <c r="A113" s="1">
        <v>0.12266407642973687</v>
      </c>
      <c r="B113" s="1"/>
      <c r="C113">
        <v>5</v>
      </c>
      <c r="D113" t="s">
        <v>108</v>
      </c>
      <c r="E113" t="s">
        <v>30610</v>
      </c>
      <c r="F113">
        <v>5</v>
      </c>
      <c r="G113" t="s">
        <v>1</v>
      </c>
      <c r="H113" t="s">
        <v>109</v>
      </c>
      <c r="I113" t="s">
        <v>30540</v>
      </c>
    </row>
    <row r="114" spans="1:9">
      <c r="A114" s="1">
        <v>0.2915201553700012</v>
      </c>
      <c r="B114" s="1"/>
      <c r="C114">
        <v>3</v>
      </c>
      <c r="D114" t="s">
        <v>106</v>
      </c>
      <c r="E114" t="s">
        <v>30610</v>
      </c>
      <c r="F114">
        <v>3</v>
      </c>
      <c r="G114" t="s">
        <v>15</v>
      </c>
      <c r="H114" t="s">
        <v>107</v>
      </c>
      <c r="I114" t="s">
        <v>30540</v>
      </c>
    </row>
    <row r="115" spans="1:9">
      <c r="A115" s="1">
        <v>0.598249150211557</v>
      </c>
      <c r="B115" s="1"/>
      <c r="C115">
        <v>1</v>
      </c>
      <c r="D115" t="s">
        <v>104</v>
      </c>
      <c r="E115" t="s">
        <v>30611</v>
      </c>
      <c r="F115">
        <v>4</v>
      </c>
      <c r="G115" t="s">
        <v>0</v>
      </c>
      <c r="H115" t="s">
        <v>105</v>
      </c>
      <c r="I115" t="s">
        <v>30540</v>
      </c>
    </row>
    <row r="116" spans="1:9">
      <c r="A116" s="1">
        <v>4.8589273661075461E-2</v>
      </c>
      <c r="B116" s="1"/>
      <c r="C116">
        <v>1</v>
      </c>
      <c r="D116" t="s">
        <v>102</v>
      </c>
      <c r="E116" t="s">
        <v>30612</v>
      </c>
      <c r="F116">
        <v>5</v>
      </c>
      <c r="G116" t="s">
        <v>2</v>
      </c>
      <c r="H116" t="s">
        <v>103</v>
      </c>
      <c r="I116" t="s">
        <v>30540</v>
      </c>
    </row>
    <row r="117" spans="1:9">
      <c r="A117" s="1">
        <v>0.84384818739112721</v>
      </c>
      <c r="B117" s="1"/>
      <c r="C117">
        <v>4</v>
      </c>
      <c r="D117" t="s">
        <v>100</v>
      </c>
      <c r="E117" t="s">
        <v>30613</v>
      </c>
      <c r="F117">
        <v>5</v>
      </c>
      <c r="G117" t="s">
        <v>9</v>
      </c>
      <c r="H117" t="s">
        <v>101</v>
      </c>
      <c r="I117" t="s">
        <v>30540</v>
      </c>
    </row>
    <row r="118" spans="1:9">
      <c r="A118" s="1">
        <v>0.77581380926733123</v>
      </c>
      <c r="B118" s="1"/>
      <c r="C118">
        <v>1</v>
      </c>
      <c r="D118" t="s">
        <v>98</v>
      </c>
      <c r="E118" t="s">
        <v>30613</v>
      </c>
      <c r="F118">
        <v>5</v>
      </c>
      <c r="G118" t="s">
        <v>10</v>
      </c>
      <c r="H118" t="s">
        <v>99</v>
      </c>
      <c r="I118" t="s">
        <v>30540</v>
      </c>
    </row>
    <row r="119" spans="1:9">
      <c r="A119" s="1">
        <v>1.5095808623609264E-2</v>
      </c>
      <c r="B119" s="1"/>
      <c r="C119">
        <v>2</v>
      </c>
      <c r="D119" t="s">
        <v>94</v>
      </c>
      <c r="E119" t="s">
        <v>30615</v>
      </c>
      <c r="F119">
        <v>5</v>
      </c>
      <c r="G119" t="s">
        <v>0</v>
      </c>
      <c r="H119" t="s">
        <v>95</v>
      </c>
      <c r="I119" t="s">
        <v>30540</v>
      </c>
    </row>
    <row r="120" spans="1:9">
      <c r="A120" s="1">
        <v>0.15138538582582428</v>
      </c>
      <c r="B120" s="1"/>
      <c r="C120">
        <v>1</v>
      </c>
      <c r="D120" t="s">
        <v>92</v>
      </c>
      <c r="E120" t="s">
        <v>30615</v>
      </c>
      <c r="F120">
        <v>5</v>
      </c>
      <c r="G120" t="s">
        <v>0</v>
      </c>
      <c r="H120" t="s">
        <v>93</v>
      </c>
      <c r="I120" t="s">
        <v>30540</v>
      </c>
    </row>
    <row r="121" spans="1:9">
      <c r="A121" s="1">
        <v>0.25178248756978905</v>
      </c>
      <c r="B121" s="1"/>
      <c r="C121">
        <v>2</v>
      </c>
      <c r="D121" t="s">
        <v>86</v>
      </c>
      <c r="E121" t="s">
        <v>30616</v>
      </c>
      <c r="F121">
        <v>5</v>
      </c>
      <c r="G121" t="s">
        <v>0</v>
      </c>
      <c r="H121" t="s">
        <v>87</v>
      </c>
      <c r="I121" t="s">
        <v>30540</v>
      </c>
    </row>
    <row r="122" spans="1:9">
      <c r="A122" s="1">
        <v>0.13555661847414291</v>
      </c>
      <c r="B122" s="1"/>
      <c r="C122">
        <v>5</v>
      </c>
      <c r="D122" t="s">
        <v>90</v>
      </c>
      <c r="E122" t="s">
        <v>30616</v>
      </c>
      <c r="F122">
        <v>4</v>
      </c>
      <c r="G122" t="s">
        <v>9</v>
      </c>
      <c r="H122" t="s">
        <v>91</v>
      </c>
      <c r="I122" t="s">
        <v>30540</v>
      </c>
    </row>
    <row r="123" spans="1:9">
      <c r="A123" s="1">
        <v>8.9754344608397041E-3</v>
      </c>
      <c r="B123" s="1"/>
      <c r="C123">
        <v>4</v>
      </c>
      <c r="D123" t="s">
        <v>88</v>
      </c>
      <c r="E123" t="s">
        <v>30616</v>
      </c>
      <c r="F123">
        <v>4</v>
      </c>
      <c r="G123" t="s">
        <v>9</v>
      </c>
      <c r="H123" t="s">
        <v>89</v>
      </c>
      <c r="I123" t="s">
        <v>30540</v>
      </c>
    </row>
    <row r="124" spans="1:9">
      <c r="A124" s="1">
        <v>0.14477288626223317</v>
      </c>
      <c r="B124" s="1"/>
      <c r="C124">
        <v>8</v>
      </c>
      <c r="D124" t="s">
        <v>82</v>
      </c>
      <c r="E124" t="s">
        <v>30617</v>
      </c>
      <c r="F124">
        <v>4</v>
      </c>
      <c r="G124" t="s">
        <v>0</v>
      </c>
      <c r="H124" t="s">
        <v>83</v>
      </c>
      <c r="I124" t="s">
        <v>30540</v>
      </c>
    </row>
    <row r="125" spans="1:9">
      <c r="A125" s="1">
        <v>0.37368652978735883</v>
      </c>
      <c r="B125" s="1"/>
      <c r="C125">
        <v>2</v>
      </c>
      <c r="D125" t="s">
        <v>78</v>
      </c>
      <c r="E125" t="s">
        <v>30617</v>
      </c>
      <c r="F125">
        <v>4</v>
      </c>
      <c r="G125" t="s">
        <v>2</v>
      </c>
      <c r="H125" t="s">
        <v>79</v>
      </c>
      <c r="I125" t="s">
        <v>30540</v>
      </c>
    </row>
    <row r="126" spans="1:9">
      <c r="A126" s="1">
        <v>0.33122645071881662</v>
      </c>
      <c r="B126" s="1"/>
      <c r="C126">
        <v>3</v>
      </c>
      <c r="D126" t="s">
        <v>76</v>
      </c>
      <c r="E126" t="s">
        <v>30618</v>
      </c>
      <c r="F126">
        <v>4</v>
      </c>
      <c r="G126" t="s">
        <v>0</v>
      </c>
      <c r="H126" t="s">
        <v>77</v>
      </c>
      <c r="I126" t="s">
        <v>30540</v>
      </c>
    </row>
    <row r="127" spans="1:9">
      <c r="A127" s="1">
        <v>2.810443567822718E-2</v>
      </c>
      <c r="B127" s="1"/>
      <c r="C127">
        <v>2</v>
      </c>
      <c r="D127" t="s">
        <v>74</v>
      </c>
      <c r="E127" t="s">
        <v>30619</v>
      </c>
      <c r="F127">
        <v>4</v>
      </c>
      <c r="G127" t="s">
        <v>0</v>
      </c>
      <c r="H127" t="s">
        <v>75</v>
      </c>
      <c r="I127" t="s">
        <v>30540</v>
      </c>
    </row>
    <row r="128" spans="1:9">
      <c r="A128" s="1">
        <v>0.73634288290186434</v>
      </c>
      <c r="B128" s="1"/>
      <c r="C128">
        <v>1</v>
      </c>
      <c r="D128" t="s">
        <v>72</v>
      </c>
      <c r="E128" t="s">
        <v>30619</v>
      </c>
      <c r="F128">
        <v>3</v>
      </c>
      <c r="G128" t="s">
        <v>0</v>
      </c>
      <c r="H128" t="s">
        <v>73</v>
      </c>
      <c r="I128" t="s">
        <v>30540</v>
      </c>
    </row>
    <row r="129" spans="1:9">
      <c r="A129" s="1">
        <v>7.3136414837065566E-2</v>
      </c>
      <c r="B129" s="1"/>
      <c r="C129">
        <v>3</v>
      </c>
      <c r="D129" t="s">
        <v>68</v>
      </c>
      <c r="E129" t="s">
        <v>30620</v>
      </c>
      <c r="F129">
        <v>4</v>
      </c>
      <c r="G129" t="s">
        <v>0</v>
      </c>
      <c r="H129" t="s">
        <v>69</v>
      </c>
      <c r="I129" t="s">
        <v>30540</v>
      </c>
    </row>
    <row r="130" spans="1:9">
      <c r="A130" s="1">
        <v>0.32212263256121032</v>
      </c>
      <c r="B130" s="1"/>
      <c r="C130">
        <v>4</v>
      </c>
      <c r="D130" t="s">
        <v>70</v>
      </c>
      <c r="E130" t="s">
        <v>30620</v>
      </c>
      <c r="F130">
        <v>4</v>
      </c>
      <c r="G130" t="s">
        <v>0</v>
      </c>
      <c r="H130" t="s">
        <v>71</v>
      </c>
      <c r="I130" t="s">
        <v>30540</v>
      </c>
    </row>
    <row r="131" spans="1:9">
      <c r="A131" s="1">
        <v>0.35185646786743729</v>
      </c>
      <c r="B131" s="1"/>
      <c r="C131">
        <v>2</v>
      </c>
      <c r="D131" t="s">
        <v>66</v>
      </c>
      <c r="E131" t="s">
        <v>30620</v>
      </c>
      <c r="F131">
        <v>4</v>
      </c>
      <c r="G131" t="s">
        <v>9</v>
      </c>
      <c r="H131" t="s">
        <v>67</v>
      </c>
      <c r="I131" t="s">
        <v>30540</v>
      </c>
    </row>
    <row r="132" spans="1:9">
      <c r="A132" s="1">
        <v>0.22023861749877915</v>
      </c>
      <c r="B132" s="1"/>
      <c r="C132">
        <v>5</v>
      </c>
      <c r="D132" t="s">
        <v>64</v>
      </c>
      <c r="E132" t="s">
        <v>30621</v>
      </c>
      <c r="F132">
        <v>4</v>
      </c>
      <c r="G132" t="s">
        <v>0</v>
      </c>
      <c r="H132" t="s">
        <v>65</v>
      </c>
      <c r="I132" t="s">
        <v>30540</v>
      </c>
    </row>
    <row r="133" spans="1:9">
      <c r="A133" s="1">
        <v>0.73483211471317256</v>
      </c>
      <c r="B133" s="1"/>
      <c r="C133">
        <v>6</v>
      </c>
      <c r="D133" t="s">
        <v>62</v>
      </c>
      <c r="E133" t="s">
        <v>30622</v>
      </c>
      <c r="F133">
        <v>5</v>
      </c>
      <c r="G133" t="s">
        <v>0</v>
      </c>
      <c r="H133" t="s">
        <v>63</v>
      </c>
      <c r="I133" t="s">
        <v>30540</v>
      </c>
    </row>
    <row r="134" spans="1:9">
      <c r="A134" s="1">
        <v>0.33784221105923684</v>
      </c>
      <c r="B134" s="1"/>
      <c r="C134">
        <v>3</v>
      </c>
      <c r="D134" t="s">
        <v>58</v>
      </c>
      <c r="E134" t="s">
        <v>30623</v>
      </c>
      <c r="F134">
        <v>5</v>
      </c>
      <c r="G134" t="s">
        <v>13</v>
      </c>
      <c r="H134" t="s">
        <v>59</v>
      </c>
      <c r="I134" t="s">
        <v>30540</v>
      </c>
    </row>
    <row r="135" spans="1:9">
      <c r="A135" s="1">
        <v>0.33485876171767792</v>
      </c>
      <c r="B135" s="1"/>
      <c r="C135">
        <v>7</v>
      </c>
      <c r="D135" t="s">
        <v>56</v>
      </c>
      <c r="E135" t="s">
        <v>30624</v>
      </c>
      <c r="F135">
        <v>4</v>
      </c>
      <c r="G135" t="s">
        <v>13</v>
      </c>
      <c r="H135" t="s">
        <v>57</v>
      </c>
      <c r="I135" t="s">
        <v>30540</v>
      </c>
    </row>
    <row r="136" spans="1:9">
      <c r="A136" s="1">
        <v>0.30368086681116058</v>
      </c>
      <c r="B136" s="1"/>
      <c r="C136">
        <v>1</v>
      </c>
      <c r="D136" t="s">
        <v>52</v>
      </c>
      <c r="E136" t="s">
        <v>30625</v>
      </c>
      <c r="F136">
        <v>5</v>
      </c>
      <c r="G136" t="s">
        <v>2</v>
      </c>
      <c r="H136" t="s">
        <v>53</v>
      </c>
      <c r="I136" t="s">
        <v>30540</v>
      </c>
    </row>
    <row r="137" spans="1:9">
      <c r="A137" s="1">
        <v>0.95914477395234887</v>
      </c>
      <c r="B137" s="1"/>
      <c r="C137">
        <v>4</v>
      </c>
      <c r="D137" t="s">
        <v>54</v>
      </c>
      <c r="E137" t="s">
        <v>30625</v>
      </c>
      <c r="F137">
        <v>4</v>
      </c>
      <c r="G137" t="s">
        <v>0</v>
      </c>
      <c r="H137" t="s">
        <v>55</v>
      </c>
      <c r="I137" t="s">
        <v>30540</v>
      </c>
    </row>
    <row r="138" spans="1:9">
      <c r="A138" s="1">
        <v>0.753529765393678</v>
      </c>
      <c r="B138" s="1"/>
      <c r="C138">
        <v>5</v>
      </c>
      <c r="D138" t="s">
        <v>48</v>
      </c>
      <c r="E138" t="s">
        <v>30627</v>
      </c>
      <c r="F138">
        <v>5</v>
      </c>
      <c r="G138" t="s">
        <v>0</v>
      </c>
      <c r="H138" t="s">
        <v>49</v>
      </c>
      <c r="I138" t="s">
        <v>30540</v>
      </c>
    </row>
    <row r="139" spans="1:9">
      <c r="A139" s="1">
        <v>0.94372076258722981</v>
      </c>
      <c r="B139" s="1"/>
      <c r="C139">
        <v>4</v>
      </c>
      <c r="D139" t="s">
        <v>46</v>
      </c>
      <c r="E139" t="s">
        <v>30627</v>
      </c>
      <c r="F139">
        <v>4</v>
      </c>
      <c r="G139" t="s">
        <v>2</v>
      </c>
      <c r="H139" t="s">
        <v>47</v>
      </c>
      <c r="I139" t="s">
        <v>30540</v>
      </c>
    </row>
    <row r="140" spans="1:9">
      <c r="A140" s="1">
        <v>0.73148794648967641</v>
      </c>
      <c r="B140" s="1"/>
      <c r="C140">
        <v>1</v>
      </c>
      <c r="D140" t="s">
        <v>42</v>
      </c>
      <c r="E140" t="s">
        <v>30627</v>
      </c>
      <c r="F140">
        <v>4</v>
      </c>
      <c r="G140" t="s">
        <v>15</v>
      </c>
      <c r="H140" t="s">
        <v>43</v>
      </c>
      <c r="I140" t="s">
        <v>30540</v>
      </c>
    </row>
    <row r="141" spans="1:9">
      <c r="A141" s="1">
        <v>0.9442040342313206</v>
      </c>
      <c r="B141" s="1"/>
      <c r="C141">
        <v>5</v>
      </c>
      <c r="D141" t="s">
        <v>40</v>
      </c>
      <c r="E141" t="s">
        <v>30628</v>
      </c>
      <c r="F141">
        <v>4</v>
      </c>
      <c r="G141" t="s">
        <v>1</v>
      </c>
      <c r="H141" t="s">
        <v>41</v>
      </c>
      <c r="I141" t="s">
        <v>30540</v>
      </c>
    </row>
    <row r="142" spans="1:9">
      <c r="A142" s="1">
        <v>0.51848002495480883</v>
      </c>
      <c r="B142" s="1"/>
      <c r="C142">
        <v>2</v>
      </c>
      <c r="D142" t="s">
        <v>38</v>
      </c>
      <c r="E142" t="s">
        <v>30629</v>
      </c>
      <c r="F142">
        <v>4</v>
      </c>
      <c r="G142" t="s">
        <v>9</v>
      </c>
      <c r="H142" t="s">
        <v>39</v>
      </c>
      <c r="I142" t="s">
        <v>30540</v>
      </c>
    </row>
    <row r="143" spans="1:9">
      <c r="A143" s="1">
        <v>0.22128371320841755</v>
      </c>
      <c r="B143" s="1"/>
      <c r="C143">
        <v>1</v>
      </c>
      <c r="D143" t="s">
        <v>36</v>
      </c>
      <c r="E143" t="s">
        <v>30629</v>
      </c>
      <c r="F143">
        <v>4</v>
      </c>
      <c r="G143" t="s">
        <v>10</v>
      </c>
      <c r="H143" t="s">
        <v>37</v>
      </c>
      <c r="I143" t="s">
        <v>30540</v>
      </c>
    </row>
    <row r="144" spans="1:9">
      <c r="A144" s="1">
        <v>0.89692696401109184</v>
      </c>
      <c r="B144" s="1"/>
      <c r="C144">
        <v>1</v>
      </c>
      <c r="D144" t="s">
        <v>34</v>
      </c>
      <c r="E144" t="s">
        <v>30630</v>
      </c>
      <c r="F144">
        <v>3</v>
      </c>
      <c r="G144" t="s">
        <v>15</v>
      </c>
      <c r="H144" t="s">
        <v>35</v>
      </c>
      <c r="I144" t="s">
        <v>30540</v>
      </c>
    </row>
    <row r="145" spans="1:9">
      <c r="A145" s="1">
        <v>0.23553821369847816</v>
      </c>
      <c r="B145" s="1"/>
      <c r="C145">
        <v>5</v>
      </c>
      <c r="D145" t="s">
        <v>32</v>
      </c>
      <c r="E145" t="s">
        <v>30631</v>
      </c>
      <c r="F145">
        <v>4</v>
      </c>
      <c r="G145" t="s">
        <v>0</v>
      </c>
      <c r="H145" t="s">
        <v>33</v>
      </c>
      <c r="I145" t="s">
        <v>30540</v>
      </c>
    </row>
    <row r="146" spans="1:9">
      <c r="A146" s="1">
        <v>0.7308701986214613</v>
      </c>
      <c r="B146" s="1"/>
      <c r="C146">
        <v>1</v>
      </c>
      <c r="D146" t="s">
        <v>28</v>
      </c>
      <c r="E146" t="s">
        <v>30632</v>
      </c>
      <c r="F146">
        <v>4</v>
      </c>
      <c r="G146" t="s">
        <v>0</v>
      </c>
      <c r="H146" t="s">
        <v>29</v>
      </c>
      <c r="I146" t="s">
        <v>30540</v>
      </c>
    </row>
    <row r="147" spans="1:9">
      <c r="A147" s="1">
        <v>0.50811031180043553</v>
      </c>
      <c r="B147" s="1"/>
      <c r="C147">
        <v>3</v>
      </c>
      <c r="D147" t="s">
        <v>30</v>
      </c>
      <c r="E147" t="s">
        <v>30632</v>
      </c>
      <c r="F147">
        <v>4</v>
      </c>
      <c r="G147" t="s">
        <v>0</v>
      </c>
      <c r="H147" t="s">
        <v>31</v>
      </c>
      <c r="I147" t="s">
        <v>30540</v>
      </c>
    </row>
    <row r="148" spans="1:9">
      <c r="A148" s="1">
        <v>0.84838860891481704</v>
      </c>
      <c r="B148" s="1"/>
      <c r="C148">
        <v>7</v>
      </c>
      <c r="D148" t="s">
        <v>26</v>
      </c>
      <c r="E148" t="s">
        <v>30633</v>
      </c>
      <c r="F148">
        <v>5</v>
      </c>
      <c r="G148" t="s">
        <v>15</v>
      </c>
      <c r="H148" t="s">
        <v>27</v>
      </c>
      <c r="I148" t="s">
        <v>30540</v>
      </c>
    </row>
    <row r="149" spans="1:9">
      <c r="A149" s="1">
        <v>5.4700153154434772E-2</v>
      </c>
      <c r="B149" s="1"/>
      <c r="C149">
        <v>3</v>
      </c>
      <c r="D149" t="s">
        <v>20</v>
      </c>
      <c r="E149" t="s">
        <v>30633</v>
      </c>
      <c r="F149">
        <v>4</v>
      </c>
      <c r="G149" t="s">
        <v>9</v>
      </c>
      <c r="H149" t="s">
        <v>21</v>
      </c>
      <c r="I149" t="s">
        <v>30540</v>
      </c>
    </row>
    <row r="150" spans="1:9">
      <c r="A150" s="1">
        <v>0.73571063240530921</v>
      </c>
      <c r="B150" s="1"/>
      <c r="C150">
        <v>4</v>
      </c>
      <c r="D150" t="s">
        <v>22</v>
      </c>
      <c r="E150" t="s">
        <v>30633</v>
      </c>
      <c r="F150">
        <v>4</v>
      </c>
      <c r="G150" t="s">
        <v>15</v>
      </c>
      <c r="H150" t="s">
        <v>23</v>
      </c>
      <c r="I150" t="s">
        <v>30540</v>
      </c>
    </row>
    <row r="151" spans="1:9">
      <c r="A151" s="1">
        <v>0.19896449285680573</v>
      </c>
      <c r="B151" s="1"/>
      <c r="C151">
        <v>2</v>
      </c>
      <c r="D151" t="s">
        <v>18</v>
      </c>
      <c r="E151" t="s">
        <v>30633</v>
      </c>
      <c r="F151">
        <v>4</v>
      </c>
      <c r="G151" t="s">
        <v>2</v>
      </c>
      <c r="H151" t="s">
        <v>19</v>
      </c>
      <c r="I151" t="s">
        <v>30540</v>
      </c>
    </row>
    <row r="152" spans="1:9">
      <c r="A152" s="1">
        <v>0.41660205216959301</v>
      </c>
      <c r="B152" s="1"/>
      <c r="C152">
        <v>5</v>
      </c>
      <c r="D152" t="s">
        <v>24</v>
      </c>
      <c r="E152" t="s">
        <v>30633</v>
      </c>
      <c r="F152">
        <v>4</v>
      </c>
      <c r="G152" t="s">
        <v>0</v>
      </c>
      <c r="H152" t="s">
        <v>25</v>
      </c>
      <c r="I152" t="s">
        <v>30540</v>
      </c>
    </row>
    <row r="153" spans="1:9">
      <c r="A153" s="1">
        <v>0.27167747006044252</v>
      </c>
      <c r="B153" s="1"/>
      <c r="C153">
        <v>1</v>
      </c>
      <c r="D153" t="s">
        <v>16</v>
      </c>
      <c r="E153" t="s">
        <v>30633</v>
      </c>
      <c r="F153">
        <v>4</v>
      </c>
      <c r="G153" t="s">
        <v>2</v>
      </c>
      <c r="H153" t="s">
        <v>17</v>
      </c>
      <c r="I153" t="s">
        <v>30540</v>
      </c>
    </row>
    <row r="154" spans="1:9">
      <c r="A154" s="1">
        <v>0.27192217184743372</v>
      </c>
      <c r="B154" s="1"/>
      <c r="C154">
        <v>1</v>
      </c>
      <c r="D154" t="s">
        <v>5</v>
      </c>
      <c r="E154" t="s">
        <v>30635</v>
      </c>
      <c r="F154">
        <v>4</v>
      </c>
      <c r="G154" t="s">
        <v>0</v>
      </c>
      <c r="H154" t="s">
        <v>6</v>
      </c>
      <c r="I154" t="s">
        <v>30540</v>
      </c>
    </row>
    <row r="155" spans="1:9">
      <c r="A155" s="1">
        <v>0.91342604363358981</v>
      </c>
      <c r="B155" s="1"/>
      <c r="C155">
        <v>2</v>
      </c>
      <c r="D155" t="s">
        <v>7</v>
      </c>
      <c r="E155" t="s">
        <v>30635</v>
      </c>
      <c r="F155">
        <v>4</v>
      </c>
      <c r="G155" t="s">
        <v>0</v>
      </c>
      <c r="H155" t="s">
        <v>8</v>
      </c>
      <c r="I155" t="s">
        <v>30540</v>
      </c>
    </row>
    <row r="156" spans="1:9">
      <c r="A156" s="1">
        <v>0.94522130843760077</v>
      </c>
      <c r="B156" s="1"/>
      <c r="C156">
        <v>3</v>
      </c>
      <c r="D156" t="s">
        <v>3</v>
      </c>
      <c r="E156" t="s">
        <v>30636</v>
      </c>
      <c r="F156">
        <v>3</v>
      </c>
      <c r="G156" t="s">
        <v>1</v>
      </c>
      <c r="H156" t="s">
        <v>4</v>
      </c>
      <c r="I156" t="s">
        <v>30540</v>
      </c>
    </row>
    <row r="157" spans="1:9">
      <c r="A157" s="1">
        <v>0.49308403135293222</v>
      </c>
      <c r="B157" s="1"/>
      <c r="C157">
        <v>1</v>
      </c>
      <c r="D157" t="s">
        <v>828</v>
      </c>
      <c r="E157" t="s">
        <v>30637</v>
      </c>
      <c r="F157">
        <v>4</v>
      </c>
      <c r="G157" t="s">
        <v>10</v>
      </c>
      <c r="H157" t="s">
        <v>829</v>
      </c>
      <c r="I157" t="s">
        <v>30540</v>
      </c>
    </row>
    <row r="158" spans="1:9">
      <c r="A158" s="1">
        <v>0.97550881226569108</v>
      </c>
      <c r="B158" s="1"/>
      <c r="C158">
        <v>4</v>
      </c>
      <c r="D158" t="s">
        <v>830</v>
      </c>
      <c r="E158" t="s">
        <v>30637</v>
      </c>
      <c r="F158">
        <v>4</v>
      </c>
      <c r="G158" t="s">
        <v>0</v>
      </c>
      <c r="H158" t="s">
        <v>831</v>
      </c>
      <c r="I158" t="s">
        <v>30540</v>
      </c>
    </row>
    <row r="159" spans="1:9">
      <c r="A159" s="1">
        <v>0.56007897907875359</v>
      </c>
      <c r="B159" s="1"/>
      <c r="C159">
        <v>2</v>
      </c>
      <c r="D159" t="s">
        <v>826</v>
      </c>
      <c r="E159" t="s">
        <v>30638</v>
      </c>
      <c r="F159">
        <v>4</v>
      </c>
      <c r="G159" t="s">
        <v>2</v>
      </c>
      <c r="H159" t="s">
        <v>827</v>
      </c>
      <c r="I159" t="s">
        <v>30540</v>
      </c>
    </row>
    <row r="160" spans="1:9">
      <c r="A160" s="1">
        <v>0.15215137094391518</v>
      </c>
      <c r="B160" s="1"/>
      <c r="C160">
        <v>3</v>
      </c>
      <c r="D160" t="s">
        <v>824</v>
      </c>
      <c r="E160" t="s">
        <v>30639</v>
      </c>
      <c r="F160">
        <v>4</v>
      </c>
      <c r="G160" t="s">
        <v>9</v>
      </c>
      <c r="H160" t="s">
        <v>825</v>
      </c>
      <c r="I160" t="s">
        <v>30540</v>
      </c>
    </row>
    <row r="161" spans="1:9">
      <c r="A161" s="1">
        <v>4.6480754414479963E-2</v>
      </c>
      <c r="B161" s="1"/>
      <c r="C161">
        <v>1</v>
      </c>
      <c r="D161" t="s">
        <v>822</v>
      </c>
      <c r="E161" t="s">
        <v>30640</v>
      </c>
      <c r="F161">
        <v>4</v>
      </c>
      <c r="G161" t="s">
        <v>9</v>
      </c>
      <c r="H161" t="s">
        <v>823</v>
      </c>
      <c r="I161" t="s">
        <v>30540</v>
      </c>
    </row>
    <row r="162" spans="1:9">
      <c r="A162" s="1">
        <v>6.0091173227225458E-2</v>
      </c>
      <c r="B162" s="1"/>
      <c r="C162">
        <v>2</v>
      </c>
      <c r="D162" t="s">
        <v>820</v>
      </c>
      <c r="E162" t="s">
        <v>30641</v>
      </c>
      <c r="F162">
        <v>4</v>
      </c>
      <c r="G162" t="s">
        <v>0</v>
      </c>
      <c r="H162" t="s">
        <v>821</v>
      </c>
      <c r="I162" t="s">
        <v>30540</v>
      </c>
    </row>
    <row r="163" spans="1:9">
      <c r="A163" s="1">
        <v>0.89986055897481176</v>
      </c>
      <c r="B163" s="1"/>
      <c r="C163">
        <v>1</v>
      </c>
      <c r="D163" t="s">
        <v>816</v>
      </c>
      <c r="E163" t="s">
        <v>30642</v>
      </c>
      <c r="F163">
        <v>4</v>
      </c>
      <c r="G163" t="s">
        <v>9</v>
      </c>
      <c r="H163" t="s">
        <v>817</v>
      </c>
      <c r="I163" t="s">
        <v>30540</v>
      </c>
    </row>
    <row r="164" spans="1:9">
      <c r="A164" s="1">
        <v>1.5842001716787069E-2</v>
      </c>
      <c r="B164" s="1"/>
      <c r="C164">
        <v>3</v>
      </c>
      <c r="D164" t="s">
        <v>814</v>
      </c>
      <c r="E164" t="s">
        <v>30643</v>
      </c>
      <c r="F164">
        <v>4</v>
      </c>
      <c r="G164" t="s">
        <v>9</v>
      </c>
      <c r="H164" t="s">
        <v>815</v>
      </c>
      <c r="I164" t="s">
        <v>30540</v>
      </c>
    </row>
    <row r="165" spans="1:9">
      <c r="A165" s="1">
        <v>0.29216022218988225</v>
      </c>
      <c r="B165" s="1"/>
      <c r="C165">
        <v>7</v>
      </c>
      <c r="D165" t="s">
        <v>810</v>
      </c>
      <c r="E165" t="s">
        <v>30645</v>
      </c>
      <c r="F165">
        <v>4</v>
      </c>
      <c r="G165" t="s">
        <v>0</v>
      </c>
      <c r="H165" t="s">
        <v>811</v>
      </c>
      <c r="I165" t="s">
        <v>30540</v>
      </c>
    </row>
    <row r="166" spans="1:9">
      <c r="A166" s="1">
        <v>0.86279513189650225</v>
      </c>
      <c r="B166" s="1"/>
      <c r="C166">
        <v>1</v>
      </c>
      <c r="D166" t="s">
        <v>808</v>
      </c>
      <c r="E166" t="s">
        <v>30646</v>
      </c>
      <c r="F166">
        <v>5</v>
      </c>
      <c r="G166" t="s">
        <v>2</v>
      </c>
      <c r="H166" t="s">
        <v>809</v>
      </c>
      <c r="I166" t="s">
        <v>30540</v>
      </c>
    </row>
    <row r="167" spans="1:9">
      <c r="A167" s="1">
        <v>0.48817625762956396</v>
      </c>
      <c r="B167" s="1"/>
      <c r="C167">
        <v>2</v>
      </c>
      <c r="D167" t="s">
        <v>803</v>
      </c>
      <c r="E167" t="s">
        <v>30647</v>
      </c>
      <c r="F167">
        <v>5</v>
      </c>
      <c r="G167" t="s">
        <v>0</v>
      </c>
      <c r="H167" t="s">
        <v>804</v>
      </c>
      <c r="I167" t="s">
        <v>30540</v>
      </c>
    </row>
    <row r="168" spans="1:9">
      <c r="A168" s="1">
        <v>0.13651793611946406</v>
      </c>
      <c r="B168" s="1"/>
      <c r="C168">
        <v>5</v>
      </c>
      <c r="D168" t="s">
        <v>802</v>
      </c>
      <c r="E168" t="s">
        <v>30647</v>
      </c>
      <c r="F168">
        <v>5</v>
      </c>
      <c r="G168" t="s">
        <v>0</v>
      </c>
      <c r="H168" t="s">
        <v>805</v>
      </c>
      <c r="I168" t="s">
        <v>30540</v>
      </c>
    </row>
    <row r="169" spans="1:9">
      <c r="A169" s="1">
        <v>0.62824404351556262</v>
      </c>
      <c r="B169" s="1"/>
      <c r="C169">
        <v>7</v>
      </c>
      <c r="D169" t="s">
        <v>806</v>
      </c>
      <c r="E169" t="s">
        <v>30647</v>
      </c>
      <c r="F169">
        <v>4</v>
      </c>
      <c r="G169" t="s">
        <v>0</v>
      </c>
      <c r="H169" t="s">
        <v>807</v>
      </c>
      <c r="I169" t="s">
        <v>30540</v>
      </c>
    </row>
    <row r="170" spans="1:9">
      <c r="A170" s="1">
        <v>0.14916408955425986</v>
      </c>
      <c r="B170" s="1"/>
      <c r="C170">
        <v>2</v>
      </c>
      <c r="D170" t="s">
        <v>800</v>
      </c>
      <c r="E170" t="s">
        <v>30648</v>
      </c>
      <c r="F170">
        <v>4</v>
      </c>
      <c r="G170" t="s">
        <v>14</v>
      </c>
      <c r="H170" t="s">
        <v>801</v>
      </c>
      <c r="I170" t="s">
        <v>30540</v>
      </c>
    </row>
    <row r="171" spans="1:9">
      <c r="A171" s="1">
        <v>0.80053106747154812</v>
      </c>
      <c r="B171" s="1"/>
      <c r="C171">
        <v>1</v>
      </c>
      <c r="D171" t="s">
        <v>798</v>
      </c>
      <c r="E171" t="s">
        <v>30648</v>
      </c>
      <c r="F171">
        <v>4</v>
      </c>
      <c r="G171" t="s">
        <v>1</v>
      </c>
      <c r="H171" t="s">
        <v>799</v>
      </c>
      <c r="I171" t="s">
        <v>30540</v>
      </c>
    </row>
    <row r="172" spans="1:9">
      <c r="A172" s="1">
        <v>0.30010403151729115</v>
      </c>
      <c r="B172" s="1"/>
      <c r="C172">
        <v>1</v>
      </c>
      <c r="D172" t="s">
        <v>794</v>
      </c>
      <c r="E172" t="s">
        <v>30649</v>
      </c>
      <c r="F172">
        <v>4</v>
      </c>
      <c r="G172" t="s">
        <v>14</v>
      </c>
      <c r="H172" t="s">
        <v>795</v>
      </c>
      <c r="I172" t="s">
        <v>30540</v>
      </c>
    </row>
    <row r="173" spans="1:9">
      <c r="A173" s="1">
        <v>0.74045021088319185</v>
      </c>
      <c r="B173" s="1"/>
      <c r="C173">
        <v>3</v>
      </c>
      <c r="D173" t="s">
        <v>796</v>
      </c>
      <c r="E173" t="s">
        <v>30649</v>
      </c>
      <c r="F173">
        <v>4</v>
      </c>
      <c r="G173" t="s">
        <v>15</v>
      </c>
      <c r="H173" t="s">
        <v>797</v>
      </c>
      <c r="I173" t="s">
        <v>30540</v>
      </c>
    </row>
    <row r="174" spans="1:9">
      <c r="A174" s="1">
        <v>9.1121303704188139E-2</v>
      </c>
      <c r="B174" s="1"/>
      <c r="C174">
        <v>1</v>
      </c>
      <c r="D174" t="s">
        <v>792</v>
      </c>
      <c r="E174" t="s">
        <v>30650</v>
      </c>
      <c r="F174">
        <v>4</v>
      </c>
      <c r="G174" t="s">
        <v>14</v>
      </c>
      <c r="H174" t="s">
        <v>793</v>
      </c>
      <c r="I174" t="s">
        <v>30540</v>
      </c>
    </row>
    <row r="175" spans="1:9">
      <c r="A175" s="1">
        <v>0.63530565497464264</v>
      </c>
      <c r="B175" s="1"/>
      <c r="C175">
        <v>9</v>
      </c>
      <c r="D175" t="s">
        <v>790</v>
      </c>
      <c r="E175" t="s">
        <v>30651</v>
      </c>
      <c r="F175">
        <v>4</v>
      </c>
      <c r="G175" t="s">
        <v>2</v>
      </c>
      <c r="H175" t="s">
        <v>791</v>
      </c>
      <c r="I175" t="s">
        <v>30540</v>
      </c>
    </row>
    <row r="176" spans="1:9">
      <c r="A176" s="1">
        <v>0.64007495655136204</v>
      </c>
      <c r="B176" s="1"/>
      <c r="C176">
        <v>1</v>
      </c>
      <c r="D176" t="s">
        <v>778</v>
      </c>
      <c r="E176" t="s">
        <v>30651</v>
      </c>
      <c r="F176">
        <v>4</v>
      </c>
      <c r="G176" t="s">
        <v>2</v>
      </c>
      <c r="H176" t="s">
        <v>779</v>
      </c>
      <c r="I176" t="s">
        <v>30540</v>
      </c>
    </row>
    <row r="177" spans="1:9">
      <c r="A177" s="1">
        <v>0.36415262128721571</v>
      </c>
      <c r="B177" s="1"/>
      <c r="C177">
        <v>5</v>
      </c>
      <c r="D177" t="s">
        <v>784</v>
      </c>
      <c r="E177" t="s">
        <v>30651</v>
      </c>
      <c r="F177">
        <v>4</v>
      </c>
      <c r="G177" t="s">
        <v>9</v>
      </c>
      <c r="H177" t="s">
        <v>785</v>
      </c>
      <c r="I177" t="s">
        <v>30540</v>
      </c>
    </row>
    <row r="178" spans="1:9">
      <c r="A178" s="1">
        <v>1.1193680809873041E-2</v>
      </c>
      <c r="B178" s="1"/>
      <c r="C178">
        <v>2</v>
      </c>
      <c r="D178" t="s">
        <v>780</v>
      </c>
      <c r="E178" t="s">
        <v>30651</v>
      </c>
      <c r="F178">
        <v>4</v>
      </c>
      <c r="G178" t="s">
        <v>9</v>
      </c>
      <c r="H178" t="s">
        <v>781</v>
      </c>
      <c r="I178" t="s">
        <v>30540</v>
      </c>
    </row>
    <row r="179" spans="1:9">
      <c r="A179" s="1">
        <v>0.29770419210868393</v>
      </c>
      <c r="B179" s="1"/>
      <c r="C179">
        <v>8</v>
      </c>
      <c r="D179" t="s">
        <v>788</v>
      </c>
      <c r="E179" t="s">
        <v>30651</v>
      </c>
      <c r="F179">
        <v>3</v>
      </c>
      <c r="G179" t="s">
        <v>15</v>
      </c>
      <c r="H179" t="s">
        <v>789</v>
      </c>
      <c r="I179" t="s">
        <v>30540</v>
      </c>
    </row>
    <row r="180" spans="1:9">
      <c r="A180" s="1">
        <v>0.89254594652356323</v>
      </c>
      <c r="B180" s="1"/>
      <c r="C180">
        <v>2</v>
      </c>
      <c r="D180" t="s">
        <v>776</v>
      </c>
      <c r="E180" t="s">
        <v>30652</v>
      </c>
      <c r="F180">
        <v>3</v>
      </c>
      <c r="G180" t="s">
        <v>1</v>
      </c>
      <c r="H180" t="s">
        <v>777</v>
      </c>
      <c r="I180" t="s">
        <v>30540</v>
      </c>
    </row>
    <row r="181" spans="1:9">
      <c r="A181" s="1">
        <v>0.2491272880846388</v>
      </c>
      <c r="B181" s="1"/>
      <c r="C181">
        <v>1</v>
      </c>
      <c r="D181" t="s">
        <v>772</v>
      </c>
      <c r="E181" t="s">
        <v>30653</v>
      </c>
      <c r="F181">
        <v>4</v>
      </c>
      <c r="G181" t="s">
        <v>762</v>
      </c>
      <c r="H181" t="s">
        <v>773</v>
      </c>
      <c r="I181" t="s">
        <v>30540</v>
      </c>
    </row>
    <row r="182" spans="1:9">
      <c r="A182" s="1">
        <v>0.47346340988989377</v>
      </c>
      <c r="B182" s="1"/>
      <c r="C182">
        <v>4</v>
      </c>
      <c r="D182" t="s">
        <v>767</v>
      </c>
      <c r="E182" t="s">
        <v>30654</v>
      </c>
      <c r="F182">
        <v>4</v>
      </c>
      <c r="G182" t="s">
        <v>766</v>
      </c>
      <c r="H182" t="s">
        <v>768</v>
      </c>
      <c r="I182" t="s">
        <v>30540</v>
      </c>
    </row>
    <row r="183" spans="1:9">
      <c r="A183" s="1">
        <v>0.79143034672907009</v>
      </c>
      <c r="B183" s="1"/>
      <c r="C183">
        <v>2</v>
      </c>
      <c r="D183" t="s">
        <v>763</v>
      </c>
      <c r="E183" t="s">
        <v>30655</v>
      </c>
      <c r="F183">
        <v>4</v>
      </c>
      <c r="G183" t="s">
        <v>0</v>
      </c>
      <c r="H183" t="s">
        <v>764</v>
      </c>
      <c r="I183" t="s">
        <v>30540</v>
      </c>
    </row>
    <row r="184" spans="1:9">
      <c r="A184" s="1">
        <v>0.1247727836319199</v>
      </c>
      <c r="B184" s="1"/>
      <c r="C184">
        <v>1</v>
      </c>
      <c r="D184" t="s">
        <v>760</v>
      </c>
      <c r="E184" t="s">
        <v>30656</v>
      </c>
      <c r="F184">
        <v>4</v>
      </c>
      <c r="G184" t="s">
        <v>0</v>
      </c>
      <c r="H184" t="s">
        <v>761</v>
      </c>
      <c r="I184" t="s">
        <v>30540</v>
      </c>
    </row>
    <row r="185" spans="1:9">
      <c r="A185" s="1">
        <v>0.70404500778696788</v>
      </c>
      <c r="B185" s="1"/>
      <c r="C185">
        <v>1</v>
      </c>
      <c r="D185" t="s">
        <v>758</v>
      </c>
      <c r="E185" t="s">
        <v>30657</v>
      </c>
      <c r="F185">
        <v>4</v>
      </c>
      <c r="G185" t="s">
        <v>0</v>
      </c>
      <c r="H185" t="s">
        <v>759</v>
      </c>
      <c r="I185" t="s">
        <v>30540</v>
      </c>
    </row>
    <row r="186" spans="1:9">
      <c r="A186" s="1">
        <v>0.37488125691433805</v>
      </c>
      <c r="B186" s="1"/>
      <c r="C186">
        <v>3</v>
      </c>
      <c r="D186" t="s">
        <v>756</v>
      </c>
      <c r="E186" t="s">
        <v>30658</v>
      </c>
      <c r="F186">
        <v>4</v>
      </c>
      <c r="G186" t="s">
        <v>9</v>
      </c>
      <c r="H186" t="s">
        <v>757</v>
      </c>
      <c r="I186" t="s">
        <v>30540</v>
      </c>
    </row>
    <row r="187" spans="1:9">
      <c r="A187" s="1">
        <v>0.14704425429411816</v>
      </c>
      <c r="B187" s="1"/>
      <c r="C187">
        <v>1</v>
      </c>
      <c r="D187" t="s">
        <v>754</v>
      </c>
      <c r="E187" t="s">
        <v>30658</v>
      </c>
      <c r="F187">
        <v>4</v>
      </c>
      <c r="G187" t="s">
        <v>9</v>
      </c>
      <c r="H187" t="s">
        <v>755</v>
      </c>
      <c r="I187" t="s">
        <v>30540</v>
      </c>
    </row>
    <row r="188" spans="1:9">
      <c r="A188" s="1">
        <v>0.42174695414833663</v>
      </c>
      <c r="B188" s="1"/>
      <c r="C188">
        <v>2</v>
      </c>
      <c r="D188" t="s">
        <v>750</v>
      </c>
      <c r="E188" t="s">
        <v>30659</v>
      </c>
      <c r="F188">
        <v>4</v>
      </c>
      <c r="G188" t="s">
        <v>14</v>
      </c>
      <c r="H188" t="s">
        <v>751</v>
      </c>
      <c r="I188" t="s">
        <v>30540</v>
      </c>
    </row>
    <row r="189" spans="1:9">
      <c r="A189" s="1">
        <v>0.88022493683856573</v>
      </c>
      <c r="B189" s="1"/>
      <c r="C189">
        <v>1</v>
      </c>
      <c r="D189" t="s">
        <v>748</v>
      </c>
      <c r="E189" t="s">
        <v>30659</v>
      </c>
      <c r="F189">
        <v>4</v>
      </c>
      <c r="G189" t="s">
        <v>15</v>
      </c>
      <c r="H189" t="s">
        <v>749</v>
      </c>
      <c r="I189" t="s">
        <v>30540</v>
      </c>
    </row>
    <row r="190" spans="1:9">
      <c r="A190" s="1">
        <v>0.45848077274939891</v>
      </c>
      <c r="B190" s="1"/>
      <c r="C190">
        <v>4</v>
      </c>
      <c r="D190" t="s">
        <v>752</v>
      </c>
      <c r="E190" t="s">
        <v>30659</v>
      </c>
      <c r="F190">
        <v>4</v>
      </c>
      <c r="G190" t="s">
        <v>2</v>
      </c>
      <c r="H190" t="s">
        <v>753</v>
      </c>
      <c r="I190" t="s">
        <v>30540</v>
      </c>
    </row>
    <row r="191" spans="1:9">
      <c r="A191" s="1">
        <v>0.97805050506419855</v>
      </c>
      <c r="B191" s="1"/>
      <c r="C191">
        <v>1</v>
      </c>
      <c r="D191" t="s">
        <v>744</v>
      </c>
      <c r="E191" t="s">
        <v>30660</v>
      </c>
      <c r="F191">
        <v>4</v>
      </c>
      <c r="G191" t="s">
        <v>0</v>
      </c>
      <c r="H191" t="s">
        <v>745</v>
      </c>
      <c r="I191" t="s">
        <v>30540</v>
      </c>
    </row>
    <row r="192" spans="1:9">
      <c r="A192" s="1">
        <v>0.99360295230407636</v>
      </c>
      <c r="B192" s="1"/>
      <c r="C192">
        <v>2</v>
      </c>
      <c r="D192" t="s">
        <v>746</v>
      </c>
      <c r="E192" t="s">
        <v>30660</v>
      </c>
      <c r="F192">
        <v>4</v>
      </c>
      <c r="G192" t="s">
        <v>1</v>
      </c>
      <c r="H192" t="s">
        <v>747</v>
      </c>
      <c r="I192" t="s">
        <v>30540</v>
      </c>
    </row>
    <row r="193" spans="1:9">
      <c r="A193" s="1">
        <v>0.52255659105917496</v>
      </c>
      <c r="B193" s="1"/>
      <c r="C193">
        <v>2</v>
      </c>
      <c r="D193" t="s">
        <v>742</v>
      </c>
      <c r="E193" t="s">
        <v>30661</v>
      </c>
      <c r="F193">
        <v>4</v>
      </c>
      <c r="G193" t="s">
        <v>1</v>
      </c>
      <c r="H193" t="s">
        <v>743</v>
      </c>
      <c r="I193" t="s">
        <v>30540</v>
      </c>
    </row>
    <row r="194" spans="1:9">
      <c r="A194" s="1">
        <v>0.33590261240267105</v>
      </c>
      <c r="B194" s="1"/>
      <c r="C194">
        <v>2</v>
      </c>
      <c r="D194" t="s">
        <v>740</v>
      </c>
      <c r="E194" t="s">
        <v>30662</v>
      </c>
      <c r="F194">
        <v>4</v>
      </c>
      <c r="G194" t="s">
        <v>0</v>
      </c>
      <c r="H194" t="s">
        <v>741</v>
      </c>
      <c r="I194" t="s">
        <v>30540</v>
      </c>
    </row>
    <row r="195" spans="1:9">
      <c r="A195" s="1">
        <v>0.69236910903447291</v>
      </c>
      <c r="B195" s="1"/>
      <c r="C195">
        <v>1</v>
      </c>
      <c r="D195" t="s">
        <v>738</v>
      </c>
      <c r="E195" t="s">
        <v>30662</v>
      </c>
      <c r="F195">
        <v>4</v>
      </c>
      <c r="G195" t="s">
        <v>13</v>
      </c>
      <c r="H195" t="s">
        <v>739</v>
      </c>
      <c r="I195" t="s">
        <v>30540</v>
      </c>
    </row>
    <row r="196" spans="1:9">
      <c r="A196" s="1">
        <v>7.5514744397187195E-2</v>
      </c>
      <c r="B196" s="1"/>
      <c r="C196">
        <v>1</v>
      </c>
      <c r="D196" t="s">
        <v>736</v>
      </c>
      <c r="E196" t="s">
        <v>30663</v>
      </c>
      <c r="F196">
        <v>4</v>
      </c>
      <c r="G196" t="s">
        <v>1</v>
      </c>
      <c r="H196" t="s">
        <v>737</v>
      </c>
      <c r="I196" t="s">
        <v>30540</v>
      </c>
    </row>
    <row r="197" spans="1:9">
      <c r="A197" s="1">
        <v>0.3069852767714486</v>
      </c>
      <c r="B197" s="1"/>
      <c r="C197">
        <v>1</v>
      </c>
      <c r="D197" t="s">
        <v>734</v>
      </c>
      <c r="E197" t="s">
        <v>30664</v>
      </c>
      <c r="F197">
        <v>4</v>
      </c>
      <c r="G197" t="s">
        <v>0</v>
      </c>
      <c r="H197" t="s">
        <v>735</v>
      </c>
      <c r="I197" t="s">
        <v>30540</v>
      </c>
    </row>
    <row r="198" spans="1:9">
      <c r="A198" s="1">
        <v>5.6440296881242413E-2</v>
      </c>
      <c r="B198" s="1"/>
      <c r="C198">
        <v>2</v>
      </c>
      <c r="D198" t="s">
        <v>732</v>
      </c>
      <c r="E198" t="s">
        <v>30665</v>
      </c>
      <c r="F198">
        <v>4</v>
      </c>
      <c r="G198" t="s">
        <v>13</v>
      </c>
      <c r="H198" t="s">
        <v>733</v>
      </c>
      <c r="I198" t="s">
        <v>30540</v>
      </c>
    </row>
    <row r="199" spans="1:9">
      <c r="A199" s="1">
        <v>0.25527088064628556</v>
      </c>
      <c r="B199" s="1"/>
      <c r="C199">
        <v>1</v>
      </c>
      <c r="D199" t="s">
        <v>728</v>
      </c>
      <c r="E199" t="s">
        <v>30666</v>
      </c>
      <c r="F199">
        <v>4</v>
      </c>
      <c r="G199" t="s">
        <v>2</v>
      </c>
      <c r="H199" t="s">
        <v>729</v>
      </c>
      <c r="I199" t="s">
        <v>30540</v>
      </c>
    </row>
    <row r="200" spans="1:9">
      <c r="A200" s="1">
        <v>0.65776053563339221</v>
      </c>
      <c r="B200" s="1"/>
      <c r="C200">
        <v>2</v>
      </c>
      <c r="D200" t="s">
        <v>726</v>
      </c>
      <c r="E200" t="s">
        <v>30667</v>
      </c>
      <c r="F200">
        <v>4</v>
      </c>
      <c r="G200" t="s">
        <v>0</v>
      </c>
      <c r="H200" t="s">
        <v>727</v>
      </c>
      <c r="I200" t="s">
        <v>30540</v>
      </c>
    </row>
    <row r="201" spans="1:9">
      <c r="A201" s="1">
        <v>0.42374007792120016</v>
      </c>
      <c r="B201" s="1"/>
      <c r="C201">
        <v>3</v>
      </c>
      <c r="D201" t="s">
        <v>724</v>
      </c>
      <c r="E201" t="s">
        <v>30668</v>
      </c>
      <c r="F201">
        <v>4</v>
      </c>
      <c r="G201" t="s">
        <v>2</v>
      </c>
      <c r="H201" t="s">
        <v>725</v>
      </c>
      <c r="I201" t="s">
        <v>30540</v>
      </c>
    </row>
    <row r="202" spans="1:9">
      <c r="A202" s="1">
        <v>0.75007367267022951</v>
      </c>
      <c r="B202" s="1"/>
      <c r="C202">
        <v>1</v>
      </c>
      <c r="D202" t="s">
        <v>720</v>
      </c>
      <c r="E202" t="s">
        <v>30669</v>
      </c>
      <c r="F202">
        <v>5</v>
      </c>
      <c r="G202" t="s">
        <v>14</v>
      </c>
      <c r="H202" t="s">
        <v>721</v>
      </c>
      <c r="I202" t="s">
        <v>30540</v>
      </c>
    </row>
    <row r="203" spans="1:9">
      <c r="A203" s="1">
        <v>0.16153171531311528</v>
      </c>
      <c r="B203" s="1"/>
      <c r="C203">
        <v>2</v>
      </c>
      <c r="D203" t="s">
        <v>722</v>
      </c>
      <c r="E203" t="s">
        <v>30669</v>
      </c>
      <c r="F203">
        <v>4</v>
      </c>
      <c r="G203" t="s">
        <v>14</v>
      </c>
      <c r="H203" t="s">
        <v>723</v>
      </c>
      <c r="I203" t="s">
        <v>30540</v>
      </c>
    </row>
    <row r="204" spans="1:9">
      <c r="A204" s="1">
        <v>0.49208124235261941</v>
      </c>
      <c r="B204" s="1"/>
      <c r="C204">
        <v>1</v>
      </c>
      <c r="D204" t="s">
        <v>718</v>
      </c>
      <c r="E204" t="s">
        <v>30670</v>
      </c>
      <c r="F204">
        <v>4</v>
      </c>
      <c r="G204" t="s">
        <v>1</v>
      </c>
      <c r="H204" t="s">
        <v>719</v>
      </c>
      <c r="I204" t="s">
        <v>30540</v>
      </c>
    </row>
    <row r="205" spans="1:9">
      <c r="A205" s="1">
        <v>0.70642402904068746</v>
      </c>
      <c r="B205" s="1"/>
      <c r="C205">
        <v>1</v>
      </c>
      <c r="D205" t="s">
        <v>714</v>
      </c>
      <c r="E205" t="s">
        <v>30671</v>
      </c>
      <c r="F205">
        <v>5</v>
      </c>
      <c r="G205" t="s">
        <v>9</v>
      </c>
      <c r="H205" t="s">
        <v>715</v>
      </c>
      <c r="I205" t="s">
        <v>30540</v>
      </c>
    </row>
    <row r="206" spans="1:9">
      <c r="A206" s="1">
        <v>0.47866333035982589</v>
      </c>
      <c r="B206" s="1"/>
      <c r="C206">
        <v>2</v>
      </c>
      <c r="D206" t="s">
        <v>716</v>
      </c>
      <c r="E206" t="s">
        <v>30671</v>
      </c>
      <c r="F206">
        <v>4</v>
      </c>
      <c r="G206" t="s">
        <v>0</v>
      </c>
      <c r="H206" t="s">
        <v>717</v>
      </c>
      <c r="I206" t="s">
        <v>30540</v>
      </c>
    </row>
    <row r="207" spans="1:9">
      <c r="A207" s="1">
        <v>5.7734113248882557E-2</v>
      </c>
      <c r="B207" s="1"/>
      <c r="C207">
        <v>1</v>
      </c>
      <c r="D207" t="s">
        <v>712</v>
      </c>
      <c r="E207" t="s">
        <v>30672</v>
      </c>
      <c r="F207">
        <v>4</v>
      </c>
      <c r="G207" t="s">
        <v>9</v>
      </c>
      <c r="H207" t="s">
        <v>713</v>
      </c>
      <c r="I207" t="s">
        <v>30540</v>
      </c>
    </row>
    <row r="208" spans="1:9">
      <c r="A208" s="1">
        <v>0.30096443673150253</v>
      </c>
      <c r="B208" s="1"/>
      <c r="C208">
        <v>3</v>
      </c>
      <c r="D208" t="s">
        <v>710</v>
      </c>
      <c r="E208" t="s">
        <v>30673</v>
      </c>
      <c r="F208">
        <v>4</v>
      </c>
      <c r="G208" t="s">
        <v>1</v>
      </c>
      <c r="H208" t="s">
        <v>711</v>
      </c>
      <c r="I208" t="s">
        <v>30540</v>
      </c>
    </row>
    <row r="209" spans="1:9">
      <c r="A209" s="1">
        <v>0.97383327661510033</v>
      </c>
      <c r="B209" s="1"/>
      <c r="C209">
        <v>2</v>
      </c>
      <c r="D209" t="s">
        <v>708</v>
      </c>
      <c r="E209" t="s">
        <v>30674</v>
      </c>
      <c r="F209">
        <v>3</v>
      </c>
      <c r="G209" t="s">
        <v>2</v>
      </c>
      <c r="H209" t="s">
        <v>709</v>
      </c>
      <c r="I209" t="s">
        <v>30540</v>
      </c>
    </row>
    <row r="210" spans="1:9">
      <c r="A210" s="1">
        <v>0.10914464536779278</v>
      </c>
      <c r="B210" s="1"/>
      <c r="C210">
        <v>1</v>
      </c>
      <c r="D210" t="s">
        <v>704</v>
      </c>
      <c r="E210" t="s">
        <v>30675</v>
      </c>
      <c r="F210">
        <v>4</v>
      </c>
      <c r="G210" t="s">
        <v>14</v>
      </c>
      <c r="H210" t="s">
        <v>705</v>
      </c>
      <c r="I210" t="s">
        <v>30540</v>
      </c>
    </row>
    <row r="211" spans="1:9">
      <c r="A211" s="1">
        <v>0.86246547375670257</v>
      </c>
      <c r="B211" s="1"/>
      <c r="C211">
        <v>2</v>
      </c>
      <c r="D211" t="s">
        <v>702</v>
      </c>
      <c r="E211" t="s">
        <v>30676</v>
      </c>
      <c r="F211">
        <v>4</v>
      </c>
      <c r="G211" t="s">
        <v>0</v>
      </c>
      <c r="H211" t="s">
        <v>703</v>
      </c>
      <c r="I211" t="s">
        <v>30540</v>
      </c>
    </row>
    <row r="212" spans="1:9">
      <c r="A212" s="1">
        <v>0.98422821984899389</v>
      </c>
      <c r="B212" s="1"/>
      <c r="C212">
        <v>5</v>
      </c>
      <c r="D212" t="s">
        <v>698</v>
      </c>
      <c r="E212" t="s">
        <v>30678</v>
      </c>
      <c r="F212">
        <v>4</v>
      </c>
      <c r="G212" t="s">
        <v>14</v>
      </c>
      <c r="H212" t="s">
        <v>699</v>
      </c>
      <c r="I212" t="s">
        <v>30540</v>
      </c>
    </row>
    <row r="213" spans="1:9">
      <c r="A213" s="1">
        <v>0.56098180854171431</v>
      </c>
      <c r="B213" s="1"/>
      <c r="C213">
        <v>2</v>
      </c>
      <c r="D213" t="s">
        <v>694</v>
      </c>
      <c r="E213" t="s">
        <v>30679</v>
      </c>
      <c r="F213">
        <v>4</v>
      </c>
      <c r="G213" t="s">
        <v>2</v>
      </c>
      <c r="H213" t="s">
        <v>695</v>
      </c>
      <c r="I213" t="s">
        <v>30540</v>
      </c>
    </row>
    <row r="214" spans="1:9">
      <c r="A214" s="1">
        <v>0.46930176869876428</v>
      </c>
      <c r="B214" s="1"/>
      <c r="C214">
        <v>3</v>
      </c>
      <c r="D214" t="s">
        <v>696</v>
      </c>
      <c r="E214" t="s">
        <v>30679</v>
      </c>
      <c r="F214">
        <v>3</v>
      </c>
      <c r="G214" t="s">
        <v>1</v>
      </c>
      <c r="H214" t="s">
        <v>697</v>
      </c>
      <c r="I214" t="s">
        <v>30540</v>
      </c>
    </row>
    <row r="215" spans="1:9">
      <c r="A215" s="1">
        <v>0.7140737370201361</v>
      </c>
      <c r="B215" s="1"/>
      <c r="C215">
        <v>1</v>
      </c>
      <c r="D215" t="s">
        <v>688</v>
      </c>
      <c r="E215" t="s">
        <v>30680</v>
      </c>
      <c r="F215">
        <v>5</v>
      </c>
      <c r="G215" t="s">
        <v>2</v>
      </c>
      <c r="H215" t="s">
        <v>689</v>
      </c>
      <c r="I215" t="s">
        <v>30540</v>
      </c>
    </row>
    <row r="216" spans="1:9">
      <c r="A216" s="1">
        <v>0.74650577769383974</v>
      </c>
      <c r="B216" s="1"/>
      <c r="C216">
        <v>6</v>
      </c>
      <c r="D216" t="s">
        <v>690</v>
      </c>
      <c r="E216" t="s">
        <v>30680</v>
      </c>
      <c r="F216">
        <v>4</v>
      </c>
      <c r="G216" t="s">
        <v>0</v>
      </c>
      <c r="H216" t="s">
        <v>691</v>
      </c>
      <c r="I216" t="s">
        <v>30540</v>
      </c>
    </row>
    <row r="217" spans="1:9">
      <c r="A217" s="1">
        <v>8.2983377333488817E-2</v>
      </c>
      <c r="B217" s="1"/>
      <c r="C217">
        <v>7</v>
      </c>
      <c r="D217" t="s">
        <v>692</v>
      </c>
      <c r="E217" t="s">
        <v>30680</v>
      </c>
      <c r="F217">
        <v>4</v>
      </c>
      <c r="G217" t="s">
        <v>9</v>
      </c>
      <c r="H217" t="s">
        <v>693</v>
      </c>
      <c r="I217" t="s">
        <v>30540</v>
      </c>
    </row>
    <row r="218" spans="1:9">
      <c r="A218" s="1">
        <v>0.24613985220065027</v>
      </c>
      <c r="B218" s="1"/>
      <c r="C218">
        <v>1</v>
      </c>
      <c r="D218" t="s">
        <v>686</v>
      </c>
      <c r="E218" t="s">
        <v>30681</v>
      </c>
      <c r="F218">
        <v>4</v>
      </c>
      <c r="G218" t="s">
        <v>1</v>
      </c>
      <c r="H218" t="s">
        <v>687</v>
      </c>
      <c r="I218" t="s">
        <v>30540</v>
      </c>
    </row>
    <row r="219" spans="1:9">
      <c r="A219" s="1">
        <v>0.91947698982060888</v>
      </c>
      <c r="B219" s="1"/>
      <c r="C219">
        <v>2</v>
      </c>
      <c r="D219" t="s">
        <v>684</v>
      </c>
      <c r="E219" t="s">
        <v>30682</v>
      </c>
      <c r="F219">
        <v>4</v>
      </c>
      <c r="G219" t="s">
        <v>9</v>
      </c>
      <c r="H219" t="s">
        <v>685</v>
      </c>
      <c r="I219" t="s">
        <v>30540</v>
      </c>
    </row>
    <row r="220" spans="1:9">
      <c r="A220" s="1">
        <v>0.93783529360183293</v>
      </c>
      <c r="B220" s="1"/>
      <c r="C220">
        <v>1</v>
      </c>
      <c r="D220" t="s">
        <v>682</v>
      </c>
      <c r="E220" t="s">
        <v>30682</v>
      </c>
      <c r="F220">
        <v>4</v>
      </c>
      <c r="G220" t="s">
        <v>14</v>
      </c>
      <c r="H220" t="s">
        <v>683</v>
      </c>
      <c r="I220" t="s">
        <v>30540</v>
      </c>
    </row>
    <row r="221" spans="1:9">
      <c r="A221" s="1">
        <v>8.4448160967772967E-2</v>
      </c>
      <c r="B221" s="1"/>
      <c r="C221">
        <v>1</v>
      </c>
      <c r="D221" t="s">
        <v>678</v>
      </c>
      <c r="E221" t="s">
        <v>30683</v>
      </c>
      <c r="F221">
        <v>5</v>
      </c>
      <c r="G221" t="s">
        <v>14</v>
      </c>
      <c r="H221" t="s">
        <v>679</v>
      </c>
      <c r="I221" t="s">
        <v>30540</v>
      </c>
    </row>
    <row r="222" spans="1:9">
      <c r="A222" s="1">
        <v>0.10347206497398131</v>
      </c>
      <c r="B222" s="1"/>
      <c r="C222">
        <v>2</v>
      </c>
      <c r="D222" t="s">
        <v>680</v>
      </c>
      <c r="E222" t="s">
        <v>30683</v>
      </c>
      <c r="F222">
        <v>4</v>
      </c>
      <c r="G222" t="s">
        <v>14</v>
      </c>
      <c r="H222" t="s">
        <v>681</v>
      </c>
      <c r="I222" t="s">
        <v>30540</v>
      </c>
    </row>
    <row r="223" spans="1:9">
      <c r="A223" s="1">
        <v>0.97751234620473393</v>
      </c>
      <c r="B223" s="1"/>
      <c r="C223">
        <v>1</v>
      </c>
      <c r="D223" t="s">
        <v>676</v>
      </c>
      <c r="E223" t="s">
        <v>30684</v>
      </c>
      <c r="F223">
        <v>5</v>
      </c>
      <c r="G223" t="s">
        <v>0</v>
      </c>
      <c r="H223" t="s">
        <v>677</v>
      </c>
      <c r="I223" t="s">
        <v>30540</v>
      </c>
    </row>
    <row r="224" spans="1:9">
      <c r="A224" s="1">
        <v>0.51985911192795975</v>
      </c>
      <c r="B224" s="1"/>
      <c r="C224">
        <v>2</v>
      </c>
      <c r="D224" t="s">
        <v>674</v>
      </c>
      <c r="E224" t="s">
        <v>30685</v>
      </c>
      <c r="F224">
        <v>4</v>
      </c>
      <c r="G224" t="s">
        <v>2</v>
      </c>
      <c r="H224" t="s">
        <v>675</v>
      </c>
      <c r="I224" t="s">
        <v>30540</v>
      </c>
    </row>
    <row r="225" spans="1:9">
      <c r="A225" s="1">
        <v>0.56360809188691763</v>
      </c>
      <c r="B225" s="1"/>
      <c r="C225">
        <v>5</v>
      </c>
      <c r="D225" t="s">
        <v>672</v>
      </c>
      <c r="E225" t="s">
        <v>30686</v>
      </c>
      <c r="F225">
        <v>4</v>
      </c>
      <c r="G225" t="s">
        <v>0</v>
      </c>
      <c r="H225" t="s">
        <v>673</v>
      </c>
      <c r="I225" t="s">
        <v>30540</v>
      </c>
    </row>
    <row r="226" spans="1:9">
      <c r="A226" s="1">
        <v>0.2285097033169412</v>
      </c>
      <c r="B226" s="1"/>
      <c r="C226">
        <v>4</v>
      </c>
      <c r="D226" t="s">
        <v>670</v>
      </c>
      <c r="E226" t="s">
        <v>30686</v>
      </c>
      <c r="F226">
        <v>4</v>
      </c>
      <c r="G226" t="s">
        <v>1</v>
      </c>
      <c r="H226" t="s">
        <v>671</v>
      </c>
      <c r="I226" t="s">
        <v>30540</v>
      </c>
    </row>
    <row r="227" spans="1:9">
      <c r="A227" s="1">
        <v>0.45459278265651559</v>
      </c>
      <c r="B227" s="1"/>
      <c r="C227">
        <v>1</v>
      </c>
      <c r="D227" t="s">
        <v>668</v>
      </c>
      <c r="E227" t="s">
        <v>30687</v>
      </c>
      <c r="F227">
        <v>4</v>
      </c>
      <c r="G227" t="s">
        <v>0</v>
      </c>
      <c r="H227" t="s">
        <v>669</v>
      </c>
      <c r="I227" t="s">
        <v>30540</v>
      </c>
    </row>
    <row r="228" spans="1:9">
      <c r="A228" s="1">
        <v>0.44584761282664964</v>
      </c>
      <c r="B228" s="1"/>
      <c r="C228">
        <v>1</v>
      </c>
      <c r="D228" t="s">
        <v>666</v>
      </c>
      <c r="E228" t="s">
        <v>30688</v>
      </c>
      <c r="F228">
        <v>4</v>
      </c>
      <c r="G228" t="s">
        <v>0</v>
      </c>
      <c r="H228" t="s">
        <v>667</v>
      </c>
      <c r="I228" t="s">
        <v>30540</v>
      </c>
    </row>
    <row r="229" spans="1:9">
      <c r="A229" s="1">
        <v>0.69898816609625247</v>
      </c>
      <c r="B229" s="1"/>
      <c r="C229">
        <v>7</v>
      </c>
      <c r="D229" t="s">
        <v>664</v>
      </c>
      <c r="E229" t="s">
        <v>30689</v>
      </c>
      <c r="F229">
        <v>4</v>
      </c>
      <c r="G229" t="s">
        <v>0</v>
      </c>
      <c r="H229" t="s">
        <v>665</v>
      </c>
      <c r="I229" t="s">
        <v>30540</v>
      </c>
    </row>
    <row r="230" spans="1:9">
      <c r="A230" s="1">
        <v>0.31161196482889719</v>
      </c>
      <c r="B230" s="1"/>
      <c r="C230">
        <v>2</v>
      </c>
      <c r="D230" t="s">
        <v>662</v>
      </c>
      <c r="E230" t="s">
        <v>30690</v>
      </c>
      <c r="F230">
        <v>4</v>
      </c>
      <c r="G230" t="s">
        <v>0</v>
      </c>
      <c r="H230" t="s">
        <v>663</v>
      </c>
      <c r="I230" t="s">
        <v>30540</v>
      </c>
    </row>
    <row r="231" spans="1:9">
      <c r="A231" s="1">
        <v>8.7651276787812815E-2</v>
      </c>
      <c r="B231" s="1"/>
      <c r="C231">
        <v>2</v>
      </c>
      <c r="D231" t="s">
        <v>656</v>
      </c>
      <c r="E231" t="s">
        <v>30691</v>
      </c>
      <c r="F231">
        <v>5</v>
      </c>
      <c r="G231" t="s">
        <v>9</v>
      </c>
      <c r="H231" t="s">
        <v>657</v>
      </c>
      <c r="I231" t="s">
        <v>30540</v>
      </c>
    </row>
    <row r="232" spans="1:9">
      <c r="A232" s="1">
        <v>0.50901073299533384</v>
      </c>
      <c r="B232" s="1"/>
      <c r="C232">
        <v>4</v>
      </c>
      <c r="D232" t="s">
        <v>660</v>
      </c>
      <c r="E232" t="s">
        <v>30691</v>
      </c>
      <c r="F232">
        <v>4</v>
      </c>
      <c r="G232" t="s">
        <v>9</v>
      </c>
      <c r="H232" t="s">
        <v>661</v>
      </c>
      <c r="I232" t="s">
        <v>30540</v>
      </c>
    </row>
    <row r="233" spans="1:9">
      <c r="A233" s="1">
        <v>3.3295987174606467E-2</v>
      </c>
      <c r="B233" s="1"/>
      <c r="C233">
        <v>3</v>
      </c>
      <c r="D233" t="s">
        <v>658</v>
      </c>
      <c r="E233" t="s">
        <v>30691</v>
      </c>
      <c r="F233">
        <v>4</v>
      </c>
      <c r="G233" t="s">
        <v>9</v>
      </c>
      <c r="H233" t="s">
        <v>659</v>
      </c>
      <c r="I233" t="s">
        <v>30540</v>
      </c>
    </row>
    <row r="234" spans="1:9">
      <c r="A234" s="1">
        <v>1.2892511994844313E-2</v>
      </c>
      <c r="B234" s="1"/>
      <c r="C234">
        <v>1</v>
      </c>
      <c r="D234" t="s">
        <v>654</v>
      </c>
      <c r="E234" t="s">
        <v>30691</v>
      </c>
      <c r="F234">
        <v>3</v>
      </c>
      <c r="G234" t="s">
        <v>15</v>
      </c>
      <c r="H234" t="s">
        <v>655</v>
      </c>
      <c r="I234" t="s">
        <v>30540</v>
      </c>
    </row>
    <row r="235" spans="1:9">
      <c r="A235" s="1">
        <v>0.74999965439266802</v>
      </c>
      <c r="B235" s="1"/>
      <c r="C235">
        <v>1</v>
      </c>
      <c r="D235" t="s">
        <v>652</v>
      </c>
      <c r="E235" t="s">
        <v>30692</v>
      </c>
      <c r="F235">
        <v>4</v>
      </c>
      <c r="G235" t="s">
        <v>15</v>
      </c>
      <c r="H235" t="s">
        <v>653</v>
      </c>
      <c r="I235" t="s">
        <v>30540</v>
      </c>
    </row>
    <row r="236" spans="1:9">
      <c r="A236" s="1">
        <v>0.36781776627149643</v>
      </c>
      <c r="B236" s="1"/>
      <c r="C236">
        <v>5</v>
      </c>
      <c r="D236" t="s">
        <v>650</v>
      </c>
      <c r="E236" t="s">
        <v>30693</v>
      </c>
      <c r="F236">
        <v>5</v>
      </c>
      <c r="G236" t="s">
        <v>1</v>
      </c>
      <c r="H236" t="s">
        <v>651</v>
      </c>
      <c r="I236" t="s">
        <v>30540</v>
      </c>
    </row>
    <row r="237" spans="1:9">
      <c r="A237" s="1">
        <v>0.41333000632038008</v>
      </c>
      <c r="B237" s="1"/>
      <c r="C237">
        <v>4</v>
      </c>
      <c r="D237" t="s">
        <v>648</v>
      </c>
      <c r="E237" t="s">
        <v>30693</v>
      </c>
      <c r="F237">
        <v>4</v>
      </c>
      <c r="G237" t="s">
        <v>0</v>
      </c>
      <c r="H237" t="s">
        <v>649</v>
      </c>
      <c r="I237" t="s">
        <v>30540</v>
      </c>
    </row>
    <row r="238" spans="1:9">
      <c r="A238" s="1">
        <v>0.47642062280347719</v>
      </c>
      <c r="B238" s="1"/>
      <c r="C238">
        <v>3</v>
      </c>
      <c r="D238" t="s">
        <v>646</v>
      </c>
      <c r="E238" t="s">
        <v>30694</v>
      </c>
      <c r="F238">
        <v>5</v>
      </c>
      <c r="G238" t="s">
        <v>0</v>
      </c>
      <c r="H238" t="s">
        <v>647</v>
      </c>
      <c r="I238" t="s">
        <v>30540</v>
      </c>
    </row>
    <row r="239" spans="1:9">
      <c r="A239" s="1">
        <v>0.94954756239416205</v>
      </c>
      <c r="B239" s="1"/>
      <c r="C239">
        <v>2</v>
      </c>
      <c r="D239" t="s">
        <v>644</v>
      </c>
      <c r="E239" t="s">
        <v>30695</v>
      </c>
      <c r="F239">
        <v>4</v>
      </c>
      <c r="G239" t="s">
        <v>9</v>
      </c>
      <c r="H239" t="s">
        <v>645</v>
      </c>
      <c r="I239" t="s">
        <v>30540</v>
      </c>
    </row>
    <row r="240" spans="1:9">
      <c r="A240" s="1">
        <v>9.9576814941663705E-2</v>
      </c>
      <c r="B240" s="1"/>
      <c r="C240">
        <v>1</v>
      </c>
      <c r="D240" t="s">
        <v>642</v>
      </c>
      <c r="E240" t="s">
        <v>30695</v>
      </c>
      <c r="F240">
        <v>4</v>
      </c>
      <c r="G240" t="s">
        <v>9</v>
      </c>
      <c r="H240" t="s">
        <v>643</v>
      </c>
      <c r="I240" t="s">
        <v>30540</v>
      </c>
    </row>
    <row r="241" spans="1:9">
      <c r="A241" s="1">
        <v>7.6096485259633639E-2</v>
      </c>
      <c r="B241" s="1"/>
      <c r="C241">
        <v>4</v>
      </c>
      <c r="D241" t="s">
        <v>638</v>
      </c>
      <c r="E241" t="s">
        <v>30697</v>
      </c>
      <c r="F241">
        <v>4</v>
      </c>
      <c r="G241" t="s">
        <v>1</v>
      </c>
      <c r="H241" t="s">
        <v>639</v>
      </c>
      <c r="I241" t="s">
        <v>30540</v>
      </c>
    </row>
    <row r="242" spans="1:9">
      <c r="A242" s="1">
        <v>0.17825735319972125</v>
      </c>
      <c r="B242" s="1"/>
      <c r="C242">
        <v>1</v>
      </c>
      <c r="D242" t="s">
        <v>634</v>
      </c>
      <c r="E242" t="s">
        <v>30698</v>
      </c>
      <c r="F242">
        <v>4</v>
      </c>
      <c r="G242" t="s">
        <v>15</v>
      </c>
      <c r="H242" t="s">
        <v>635</v>
      </c>
      <c r="I242" t="s">
        <v>30540</v>
      </c>
    </row>
    <row r="243" spans="1:9">
      <c r="A243" s="1">
        <v>0.65481839880137338</v>
      </c>
      <c r="B243" s="1"/>
      <c r="C243">
        <v>6</v>
      </c>
      <c r="D243" t="s">
        <v>636</v>
      </c>
      <c r="E243" t="s">
        <v>30698</v>
      </c>
      <c r="F243">
        <v>3</v>
      </c>
      <c r="G243" t="s">
        <v>13</v>
      </c>
      <c r="H243" t="s">
        <v>637</v>
      </c>
      <c r="I243" t="s">
        <v>30540</v>
      </c>
    </row>
    <row r="244" spans="1:9">
      <c r="A244" s="1">
        <v>9.7846303368844145E-2</v>
      </c>
      <c r="B244" s="1"/>
      <c r="C244">
        <v>1</v>
      </c>
      <c r="D244" t="s">
        <v>632</v>
      </c>
      <c r="E244" t="s">
        <v>30699</v>
      </c>
      <c r="F244">
        <v>4</v>
      </c>
      <c r="G244" t="s">
        <v>0</v>
      </c>
      <c r="H244" t="s">
        <v>633</v>
      </c>
      <c r="I244" t="s">
        <v>30540</v>
      </c>
    </row>
    <row r="245" spans="1:9">
      <c r="A245" s="1">
        <v>0.30005374353875136</v>
      </c>
      <c r="B245" s="1"/>
      <c r="C245">
        <v>1</v>
      </c>
      <c r="D245" t="s">
        <v>628</v>
      </c>
      <c r="E245" t="s">
        <v>30700</v>
      </c>
      <c r="F245">
        <v>5</v>
      </c>
      <c r="G245" t="s">
        <v>9</v>
      </c>
      <c r="H245" t="s">
        <v>629</v>
      </c>
      <c r="I245" t="s">
        <v>30540</v>
      </c>
    </row>
    <row r="246" spans="1:9">
      <c r="A246" s="1">
        <v>0.72948080781694069</v>
      </c>
      <c r="B246" s="1"/>
      <c r="C246">
        <v>2</v>
      </c>
      <c r="D246" t="s">
        <v>630</v>
      </c>
      <c r="E246" t="s">
        <v>30700</v>
      </c>
      <c r="F246">
        <v>4</v>
      </c>
      <c r="G246" t="s">
        <v>15</v>
      </c>
      <c r="H246" t="s">
        <v>631</v>
      </c>
      <c r="I246" t="s">
        <v>30540</v>
      </c>
    </row>
    <row r="247" spans="1:9">
      <c r="A247" s="1">
        <v>0.28269831225913067</v>
      </c>
      <c r="B247" s="1"/>
      <c r="C247">
        <v>2</v>
      </c>
      <c r="D247" t="s">
        <v>626</v>
      </c>
      <c r="E247" t="s">
        <v>30701</v>
      </c>
      <c r="F247">
        <v>4</v>
      </c>
      <c r="G247" t="s">
        <v>0</v>
      </c>
      <c r="H247" t="s">
        <v>627</v>
      </c>
      <c r="I247" t="s">
        <v>30540</v>
      </c>
    </row>
    <row r="248" spans="1:9">
      <c r="A248" s="1">
        <v>0.27700067702343112</v>
      </c>
      <c r="B248" s="1"/>
      <c r="C248">
        <v>3</v>
      </c>
      <c r="D248" t="s">
        <v>624</v>
      </c>
      <c r="E248" t="s">
        <v>30702</v>
      </c>
      <c r="F248">
        <v>5</v>
      </c>
      <c r="G248" t="s">
        <v>0</v>
      </c>
      <c r="H248" t="s">
        <v>625</v>
      </c>
      <c r="I248" t="s">
        <v>30540</v>
      </c>
    </row>
    <row r="249" spans="1:9">
      <c r="A249" s="1">
        <v>0.52184020846799894</v>
      </c>
      <c r="B249" s="1"/>
      <c r="C249">
        <v>1</v>
      </c>
      <c r="D249" t="s">
        <v>622</v>
      </c>
      <c r="E249" t="s">
        <v>30703</v>
      </c>
      <c r="F249">
        <v>4</v>
      </c>
      <c r="G249" t="s">
        <v>0</v>
      </c>
      <c r="H249" t="s">
        <v>623</v>
      </c>
      <c r="I249" t="s">
        <v>30540</v>
      </c>
    </row>
    <row r="250" spans="1:9">
      <c r="A250" s="1">
        <v>1.6859161412334789E-3</v>
      </c>
      <c r="B250" s="1"/>
      <c r="C250">
        <v>1</v>
      </c>
      <c r="D250" t="s">
        <v>620</v>
      </c>
      <c r="E250" t="s">
        <v>30704</v>
      </c>
      <c r="F250">
        <v>5</v>
      </c>
      <c r="G250" t="s">
        <v>2</v>
      </c>
      <c r="H250" t="s">
        <v>621</v>
      </c>
      <c r="I250" t="s">
        <v>30540</v>
      </c>
    </row>
    <row r="251" spans="1:9">
      <c r="A251" s="1">
        <v>0.26525153956941261</v>
      </c>
      <c r="B251" s="1"/>
      <c r="C251">
        <v>2</v>
      </c>
      <c r="D251" t="s">
        <v>618</v>
      </c>
      <c r="E251" t="s">
        <v>30705</v>
      </c>
      <c r="F251">
        <v>4</v>
      </c>
      <c r="G251" t="s">
        <v>0</v>
      </c>
      <c r="H251" t="s">
        <v>619</v>
      </c>
      <c r="I251" t="s">
        <v>30540</v>
      </c>
    </row>
    <row r="252" spans="1:9">
      <c r="A252" s="1">
        <v>0.45586275821537925</v>
      </c>
      <c r="B252" s="1"/>
      <c r="C252">
        <v>1</v>
      </c>
      <c r="D252" t="s">
        <v>616</v>
      </c>
      <c r="E252" t="s">
        <v>30706</v>
      </c>
      <c r="F252">
        <v>4</v>
      </c>
      <c r="G252" t="s">
        <v>10</v>
      </c>
      <c r="H252" t="s">
        <v>617</v>
      </c>
      <c r="I252" t="s">
        <v>30540</v>
      </c>
    </row>
    <row r="253" spans="1:9">
      <c r="A253" s="1">
        <v>0.30631142080028695</v>
      </c>
      <c r="B253" s="1"/>
      <c r="C253">
        <v>2</v>
      </c>
      <c r="D253" t="s">
        <v>614</v>
      </c>
      <c r="E253" t="s">
        <v>30707</v>
      </c>
      <c r="F253">
        <v>4</v>
      </c>
      <c r="G253" t="s">
        <v>0</v>
      </c>
      <c r="H253" t="s">
        <v>615</v>
      </c>
      <c r="I253" t="s">
        <v>30540</v>
      </c>
    </row>
    <row r="254" spans="1:9">
      <c r="A254" s="1">
        <v>0.52229192224218246</v>
      </c>
      <c r="B254" s="1"/>
      <c r="C254">
        <v>2</v>
      </c>
      <c r="D254" t="s">
        <v>606</v>
      </c>
      <c r="E254" t="s">
        <v>30708</v>
      </c>
      <c r="F254">
        <v>4</v>
      </c>
      <c r="G254" t="s">
        <v>0</v>
      </c>
      <c r="H254" t="s">
        <v>607</v>
      </c>
      <c r="I254" t="s">
        <v>30540</v>
      </c>
    </row>
    <row r="255" spans="1:9">
      <c r="A255" s="1">
        <v>7.6202737556885003E-2</v>
      </c>
      <c r="B255" s="1"/>
      <c r="C255">
        <v>1</v>
      </c>
      <c r="D255" t="s">
        <v>604</v>
      </c>
      <c r="E255" t="s">
        <v>30708</v>
      </c>
      <c r="F255">
        <v>4</v>
      </c>
      <c r="G255" t="s">
        <v>15</v>
      </c>
      <c r="H255" t="s">
        <v>605</v>
      </c>
      <c r="I255" t="s">
        <v>30540</v>
      </c>
    </row>
    <row r="256" spans="1:9">
      <c r="A256" s="1">
        <v>0.48450024254824331</v>
      </c>
      <c r="B256" s="1"/>
      <c r="C256">
        <v>6</v>
      </c>
      <c r="D256" t="s">
        <v>610</v>
      </c>
      <c r="E256" t="s">
        <v>30708</v>
      </c>
      <c r="F256">
        <v>4</v>
      </c>
      <c r="G256" t="s">
        <v>15</v>
      </c>
      <c r="H256" t="s">
        <v>611</v>
      </c>
      <c r="I256" t="s">
        <v>30540</v>
      </c>
    </row>
    <row r="257" spans="1:9">
      <c r="A257" s="1">
        <v>0.81533243066575278</v>
      </c>
      <c r="B257" s="1"/>
      <c r="C257">
        <v>3</v>
      </c>
      <c r="D257" t="s">
        <v>608</v>
      </c>
      <c r="E257" t="s">
        <v>30708</v>
      </c>
      <c r="F257">
        <v>4</v>
      </c>
      <c r="G257" t="s">
        <v>0</v>
      </c>
      <c r="H257" t="s">
        <v>609</v>
      </c>
      <c r="I257" t="s">
        <v>30540</v>
      </c>
    </row>
    <row r="258" spans="1:9">
      <c r="A258" s="1">
        <v>0.45627785682959698</v>
      </c>
      <c r="B258" s="1"/>
      <c r="C258">
        <v>7</v>
      </c>
      <c r="D258" t="s">
        <v>612</v>
      </c>
      <c r="E258" t="s">
        <v>30708</v>
      </c>
      <c r="F258">
        <v>4</v>
      </c>
      <c r="G258" t="s">
        <v>9</v>
      </c>
      <c r="H258" t="s">
        <v>613</v>
      </c>
      <c r="I258" t="s">
        <v>30540</v>
      </c>
    </row>
    <row r="259" spans="1:9">
      <c r="A259" s="1">
        <v>0.82788016447078761</v>
      </c>
      <c r="B259" s="1"/>
      <c r="C259">
        <v>3</v>
      </c>
      <c r="D259" t="s">
        <v>600</v>
      </c>
      <c r="E259" t="s">
        <v>30709</v>
      </c>
      <c r="F259">
        <v>5</v>
      </c>
      <c r="G259" t="s">
        <v>1</v>
      </c>
      <c r="H259" t="s">
        <v>601</v>
      </c>
      <c r="I259" t="s">
        <v>30540</v>
      </c>
    </row>
    <row r="260" spans="1:9">
      <c r="A260" s="1">
        <v>0.86824500513961744</v>
      </c>
      <c r="B260" s="1"/>
      <c r="C260">
        <v>4</v>
      </c>
      <c r="D260" t="s">
        <v>602</v>
      </c>
      <c r="E260" t="s">
        <v>30709</v>
      </c>
      <c r="F260">
        <v>4</v>
      </c>
      <c r="G260" t="s">
        <v>0</v>
      </c>
      <c r="H260" t="s">
        <v>603</v>
      </c>
      <c r="I260" t="s">
        <v>30540</v>
      </c>
    </row>
    <row r="261" spans="1:9">
      <c r="A261" s="1">
        <v>0.68777937340657791</v>
      </c>
      <c r="B261" s="1"/>
      <c r="C261">
        <v>2</v>
      </c>
      <c r="D261" t="s">
        <v>596</v>
      </c>
      <c r="E261" t="s">
        <v>30710</v>
      </c>
      <c r="F261">
        <v>5</v>
      </c>
      <c r="G261" t="s">
        <v>9</v>
      </c>
      <c r="H261" t="s">
        <v>597</v>
      </c>
      <c r="I261" t="s">
        <v>30540</v>
      </c>
    </row>
    <row r="262" spans="1:9">
      <c r="A262" s="1">
        <v>0.86722912903659777</v>
      </c>
      <c r="B262" s="1"/>
      <c r="C262">
        <v>3</v>
      </c>
      <c r="D262" t="s">
        <v>598</v>
      </c>
      <c r="E262" t="s">
        <v>30710</v>
      </c>
      <c r="F262">
        <v>4</v>
      </c>
      <c r="G262" t="s">
        <v>0</v>
      </c>
      <c r="H262" t="s">
        <v>599</v>
      </c>
      <c r="I262" t="s">
        <v>30540</v>
      </c>
    </row>
    <row r="263" spans="1:9">
      <c r="A263" s="1">
        <v>6.7983164308956234E-2</v>
      </c>
      <c r="B263" s="1"/>
      <c r="C263">
        <v>1</v>
      </c>
      <c r="D263" t="s">
        <v>594</v>
      </c>
      <c r="E263" t="s">
        <v>30710</v>
      </c>
      <c r="F263">
        <v>3</v>
      </c>
      <c r="G263" t="s">
        <v>0</v>
      </c>
      <c r="H263" t="s">
        <v>595</v>
      </c>
      <c r="I263" t="s">
        <v>30540</v>
      </c>
    </row>
    <row r="264" spans="1:9">
      <c r="A264" s="1">
        <v>0.5488860074698072</v>
      </c>
      <c r="B264" s="1"/>
      <c r="C264">
        <v>1</v>
      </c>
      <c r="D264" t="s">
        <v>592</v>
      </c>
      <c r="E264" t="s">
        <v>30711</v>
      </c>
      <c r="F264">
        <v>4</v>
      </c>
      <c r="G264" t="s">
        <v>10</v>
      </c>
      <c r="H264" t="s">
        <v>593</v>
      </c>
      <c r="I264" t="s">
        <v>30540</v>
      </c>
    </row>
    <row r="265" spans="1:9">
      <c r="A265" s="1">
        <v>0.28512019074617745</v>
      </c>
      <c r="B265" s="1"/>
      <c r="C265">
        <v>4</v>
      </c>
      <c r="D265" t="s">
        <v>590</v>
      </c>
      <c r="E265" t="s">
        <v>30712</v>
      </c>
      <c r="F265">
        <v>5</v>
      </c>
      <c r="G265" t="s">
        <v>0</v>
      </c>
      <c r="H265" t="s">
        <v>591</v>
      </c>
      <c r="I265" t="s">
        <v>30540</v>
      </c>
    </row>
    <row r="266" spans="1:9">
      <c r="A266" s="1">
        <v>0.94626497953349997</v>
      </c>
      <c r="B266" s="1"/>
      <c r="C266">
        <v>3</v>
      </c>
      <c r="D266" t="s">
        <v>588</v>
      </c>
      <c r="E266" t="s">
        <v>30712</v>
      </c>
      <c r="F266">
        <v>4</v>
      </c>
      <c r="G266" t="s">
        <v>15</v>
      </c>
      <c r="H266" t="s">
        <v>589</v>
      </c>
      <c r="I266" t="s">
        <v>30540</v>
      </c>
    </row>
    <row r="267" spans="1:9">
      <c r="A267" s="1">
        <v>0.60956738356653184</v>
      </c>
      <c r="B267" s="1"/>
      <c r="C267">
        <v>1</v>
      </c>
      <c r="D267" t="s">
        <v>586</v>
      </c>
      <c r="E267" t="s">
        <v>30713</v>
      </c>
      <c r="F267">
        <v>4</v>
      </c>
      <c r="G267" t="s">
        <v>0</v>
      </c>
      <c r="H267" t="s">
        <v>587</v>
      </c>
      <c r="I267" t="s">
        <v>30540</v>
      </c>
    </row>
    <row r="268" spans="1:9">
      <c r="A268" s="1">
        <v>5.0717642606314728E-2</v>
      </c>
      <c r="B268" s="1"/>
      <c r="C268">
        <v>2</v>
      </c>
      <c r="D268" t="s">
        <v>584</v>
      </c>
      <c r="E268" t="s">
        <v>30714</v>
      </c>
      <c r="F268">
        <v>4</v>
      </c>
      <c r="G268" t="s">
        <v>9</v>
      </c>
      <c r="H268" t="s">
        <v>585</v>
      </c>
      <c r="I268" t="s">
        <v>30540</v>
      </c>
    </row>
    <row r="269" spans="1:9">
      <c r="A269" s="1">
        <v>0.53929868102204548</v>
      </c>
      <c r="B269" s="1"/>
      <c r="C269">
        <v>1</v>
      </c>
      <c r="D269" t="s">
        <v>582</v>
      </c>
      <c r="E269" t="s">
        <v>30715</v>
      </c>
      <c r="F269">
        <v>5</v>
      </c>
      <c r="G269" t="s">
        <v>13</v>
      </c>
      <c r="H269" t="s">
        <v>583</v>
      </c>
      <c r="I269" t="s">
        <v>30540</v>
      </c>
    </row>
    <row r="270" spans="1:9">
      <c r="A270" s="1">
        <v>0.42103960773993754</v>
      </c>
      <c r="B270" s="1"/>
      <c r="C270">
        <v>2</v>
      </c>
      <c r="D270" t="s">
        <v>580</v>
      </c>
      <c r="E270" t="s">
        <v>30716</v>
      </c>
      <c r="F270">
        <v>5</v>
      </c>
      <c r="G270" t="s">
        <v>14</v>
      </c>
      <c r="H270" t="s">
        <v>581</v>
      </c>
      <c r="I270" t="s">
        <v>30540</v>
      </c>
    </row>
    <row r="271" spans="1:9">
      <c r="A271" s="1">
        <v>0.54042076125360272</v>
      </c>
      <c r="B271" s="1"/>
      <c r="C271">
        <v>1</v>
      </c>
      <c r="D271" t="s">
        <v>572</v>
      </c>
      <c r="E271" t="s">
        <v>30718</v>
      </c>
      <c r="F271">
        <v>4</v>
      </c>
      <c r="G271" t="s">
        <v>2</v>
      </c>
      <c r="H271" t="s">
        <v>573</v>
      </c>
      <c r="I271" t="s">
        <v>30540</v>
      </c>
    </row>
    <row r="272" spans="1:9">
      <c r="A272" s="1">
        <v>0.40598539343978202</v>
      </c>
      <c r="B272" s="1"/>
      <c r="C272">
        <v>3</v>
      </c>
      <c r="D272" t="s">
        <v>576</v>
      </c>
      <c r="E272" t="s">
        <v>30718</v>
      </c>
      <c r="F272">
        <v>4</v>
      </c>
      <c r="G272" t="s">
        <v>10</v>
      </c>
      <c r="H272" t="s">
        <v>577</v>
      </c>
      <c r="I272" t="s">
        <v>30540</v>
      </c>
    </row>
    <row r="273" spans="1:9">
      <c r="A273" s="1">
        <v>0.96495295857643137</v>
      </c>
      <c r="B273" s="1"/>
      <c r="C273">
        <v>2</v>
      </c>
      <c r="D273" t="s">
        <v>574</v>
      </c>
      <c r="E273" t="s">
        <v>30718</v>
      </c>
      <c r="F273">
        <v>4</v>
      </c>
      <c r="G273" t="s">
        <v>9</v>
      </c>
      <c r="H273" t="s">
        <v>575</v>
      </c>
      <c r="I273" t="s">
        <v>30540</v>
      </c>
    </row>
    <row r="274" spans="1:9">
      <c r="A274" s="1">
        <v>1.7933954716077727E-2</v>
      </c>
      <c r="B274" s="1"/>
      <c r="C274">
        <v>5</v>
      </c>
      <c r="D274" t="s">
        <v>570</v>
      </c>
      <c r="E274" t="s">
        <v>30719</v>
      </c>
      <c r="F274">
        <v>4</v>
      </c>
      <c r="G274" t="s">
        <v>1</v>
      </c>
      <c r="H274" t="s">
        <v>571</v>
      </c>
      <c r="I274" t="s">
        <v>30540</v>
      </c>
    </row>
    <row r="275" spans="1:9">
      <c r="A275" s="1">
        <v>0.84155540207206603</v>
      </c>
      <c r="B275" s="1"/>
      <c r="C275">
        <v>1</v>
      </c>
      <c r="D275" t="s">
        <v>558</v>
      </c>
      <c r="E275" t="s">
        <v>30720</v>
      </c>
      <c r="F275">
        <v>4</v>
      </c>
      <c r="G275" t="s">
        <v>14</v>
      </c>
      <c r="H275" t="s">
        <v>569</v>
      </c>
      <c r="I275" t="s">
        <v>30540</v>
      </c>
    </row>
    <row r="276" spans="1:9">
      <c r="A276" s="1">
        <v>0.70297767606695993</v>
      </c>
      <c r="B276" s="1"/>
      <c r="C276">
        <v>2</v>
      </c>
      <c r="D276" t="s">
        <v>567</v>
      </c>
      <c r="E276" t="s">
        <v>30721</v>
      </c>
      <c r="F276">
        <v>4</v>
      </c>
      <c r="G276" t="s">
        <v>1</v>
      </c>
      <c r="H276" t="s">
        <v>568</v>
      </c>
      <c r="I276" t="s">
        <v>30540</v>
      </c>
    </row>
    <row r="277" spans="1:9">
      <c r="A277" s="1">
        <v>0.90433365755203565</v>
      </c>
      <c r="B277" s="1"/>
      <c r="C277">
        <v>6</v>
      </c>
      <c r="D277" t="s">
        <v>565</v>
      </c>
      <c r="E277" t="s">
        <v>30722</v>
      </c>
      <c r="F277">
        <v>4</v>
      </c>
      <c r="G277" t="s">
        <v>0</v>
      </c>
      <c r="H277" t="s">
        <v>566</v>
      </c>
      <c r="I277" t="s">
        <v>30540</v>
      </c>
    </row>
    <row r="278" spans="1:9">
      <c r="A278" s="1">
        <v>0.93734120723226155</v>
      </c>
      <c r="B278" s="1"/>
      <c r="C278">
        <v>2</v>
      </c>
      <c r="D278" t="s">
        <v>563</v>
      </c>
      <c r="E278" t="s">
        <v>30723</v>
      </c>
      <c r="F278">
        <v>3</v>
      </c>
      <c r="G278" t="s">
        <v>0</v>
      </c>
      <c r="H278" t="s">
        <v>564</v>
      </c>
      <c r="I278" t="s">
        <v>30540</v>
      </c>
    </row>
    <row r="279" spans="1:9">
      <c r="A279" s="1">
        <v>0.19785499245202209</v>
      </c>
      <c r="B279" s="1"/>
      <c r="C279">
        <v>1</v>
      </c>
      <c r="D279" t="s">
        <v>558</v>
      </c>
      <c r="E279" t="s">
        <v>30724</v>
      </c>
      <c r="F279">
        <v>4</v>
      </c>
      <c r="G279" t="s">
        <v>14</v>
      </c>
      <c r="H279" t="s">
        <v>559</v>
      </c>
      <c r="I279" t="s">
        <v>30540</v>
      </c>
    </row>
    <row r="280" spans="1:9">
      <c r="A280" s="1">
        <v>0.65498744221336924</v>
      </c>
      <c r="B280" s="1"/>
      <c r="C280">
        <v>2</v>
      </c>
      <c r="D280" t="s">
        <v>543</v>
      </c>
      <c r="E280" t="s">
        <v>30724</v>
      </c>
      <c r="F280">
        <v>4</v>
      </c>
      <c r="G280" t="s">
        <v>14</v>
      </c>
      <c r="H280" t="s">
        <v>560</v>
      </c>
      <c r="I280" t="s">
        <v>30540</v>
      </c>
    </row>
    <row r="281" spans="1:9">
      <c r="A281" s="1">
        <v>0.77944760921058553</v>
      </c>
      <c r="B281" s="1"/>
      <c r="C281">
        <v>3</v>
      </c>
      <c r="D281" t="s">
        <v>561</v>
      </c>
      <c r="E281" t="s">
        <v>30724</v>
      </c>
      <c r="F281">
        <v>3</v>
      </c>
      <c r="G281" t="s">
        <v>14</v>
      </c>
      <c r="H281" t="s">
        <v>562</v>
      </c>
      <c r="I281" t="s">
        <v>30540</v>
      </c>
    </row>
    <row r="282" spans="1:9">
      <c r="A282" s="1">
        <v>0.93856041744902641</v>
      </c>
      <c r="B282" s="1"/>
      <c r="C282">
        <v>1</v>
      </c>
      <c r="D282" t="s">
        <v>556</v>
      </c>
      <c r="E282" t="s">
        <v>30725</v>
      </c>
      <c r="F282">
        <v>4</v>
      </c>
      <c r="G282" t="s">
        <v>0</v>
      </c>
      <c r="H282" t="s">
        <v>557</v>
      </c>
      <c r="I282" t="s">
        <v>30540</v>
      </c>
    </row>
    <row r="283" spans="1:9">
      <c r="A283" s="1">
        <v>4.2520239305276819E-2</v>
      </c>
      <c r="B283" s="1"/>
      <c r="C283">
        <v>8</v>
      </c>
      <c r="D283" t="s">
        <v>554</v>
      </c>
      <c r="E283" t="s">
        <v>30726</v>
      </c>
      <c r="F283">
        <v>5</v>
      </c>
      <c r="G283" t="s">
        <v>0</v>
      </c>
      <c r="H283" t="s">
        <v>555</v>
      </c>
      <c r="I283" t="s">
        <v>30540</v>
      </c>
    </row>
    <row r="284" spans="1:9">
      <c r="A284" s="1">
        <v>0.42263135171903954</v>
      </c>
      <c r="B284" s="1"/>
      <c r="C284">
        <v>1</v>
      </c>
      <c r="D284" t="s">
        <v>552</v>
      </c>
      <c r="E284" t="s">
        <v>30726</v>
      </c>
      <c r="F284">
        <v>4</v>
      </c>
      <c r="G284" t="s">
        <v>0</v>
      </c>
      <c r="H284" t="s">
        <v>553</v>
      </c>
      <c r="I284" t="s">
        <v>30540</v>
      </c>
    </row>
    <row r="285" spans="1:9">
      <c r="A285" s="1">
        <v>0.48511478994226342</v>
      </c>
      <c r="B285" s="1"/>
      <c r="C285">
        <v>1</v>
      </c>
      <c r="D285" t="s">
        <v>549</v>
      </c>
      <c r="E285" t="s">
        <v>30727</v>
      </c>
      <c r="F285">
        <v>4</v>
      </c>
      <c r="G285" t="s">
        <v>1</v>
      </c>
      <c r="H285" t="s">
        <v>550</v>
      </c>
      <c r="I285" t="s">
        <v>30540</v>
      </c>
    </row>
    <row r="286" spans="1:9">
      <c r="A286" s="1">
        <v>0.27012682026222501</v>
      </c>
      <c r="B286" s="1"/>
      <c r="C286">
        <v>3</v>
      </c>
      <c r="D286" t="s">
        <v>551</v>
      </c>
      <c r="E286" t="s">
        <v>30727</v>
      </c>
      <c r="F286">
        <v>4</v>
      </c>
      <c r="G286" t="s">
        <v>0</v>
      </c>
      <c r="H286" t="s">
        <v>542</v>
      </c>
      <c r="I286" t="s">
        <v>30540</v>
      </c>
    </row>
    <row r="287" spans="1:9">
      <c r="A287" s="1">
        <v>0.71951225401444308</v>
      </c>
      <c r="B287" s="1"/>
      <c r="C287">
        <v>1</v>
      </c>
      <c r="D287" t="s">
        <v>545</v>
      </c>
      <c r="E287" t="s">
        <v>30728</v>
      </c>
      <c r="F287">
        <v>4</v>
      </c>
      <c r="G287" t="s">
        <v>0</v>
      </c>
      <c r="H287" t="s">
        <v>546</v>
      </c>
      <c r="I287" t="s">
        <v>30540</v>
      </c>
    </row>
    <row r="288" spans="1:9">
      <c r="A288" s="1">
        <v>0.2200933988309749</v>
      </c>
      <c r="B288" s="1"/>
      <c r="C288">
        <v>2</v>
      </c>
      <c r="D288" t="s">
        <v>547</v>
      </c>
      <c r="E288" t="s">
        <v>30728</v>
      </c>
      <c r="F288">
        <v>3</v>
      </c>
      <c r="G288" t="s">
        <v>0</v>
      </c>
      <c r="H288" t="s">
        <v>548</v>
      </c>
      <c r="I288" t="s">
        <v>30540</v>
      </c>
    </row>
    <row r="289" spans="1:9">
      <c r="A289" s="1">
        <v>0.89055886429873021</v>
      </c>
      <c r="B289" s="1"/>
      <c r="C289">
        <v>1</v>
      </c>
      <c r="D289" t="s">
        <v>543</v>
      </c>
      <c r="E289" t="s">
        <v>30729</v>
      </c>
      <c r="F289">
        <v>4</v>
      </c>
      <c r="G289" t="s">
        <v>14</v>
      </c>
      <c r="H289" t="s">
        <v>544</v>
      </c>
      <c r="I289" t="s">
        <v>30540</v>
      </c>
    </row>
    <row r="290" spans="1:9">
      <c r="A290" s="1">
        <v>4.4657936227046391E-2</v>
      </c>
      <c r="B290" s="1"/>
      <c r="C290">
        <v>3</v>
      </c>
      <c r="D290" t="s">
        <v>541</v>
      </c>
      <c r="E290" t="s">
        <v>30730</v>
      </c>
      <c r="F290">
        <v>5</v>
      </c>
      <c r="G290" t="s">
        <v>0</v>
      </c>
      <c r="H290" t="s">
        <v>542</v>
      </c>
      <c r="I290" t="s">
        <v>30540</v>
      </c>
    </row>
    <row r="291" spans="1:9">
      <c r="A291" s="1">
        <v>0.11185894566147336</v>
      </c>
      <c r="B291" s="1"/>
      <c r="C291">
        <v>1</v>
      </c>
      <c r="D291" t="s">
        <v>539</v>
      </c>
      <c r="E291" t="s">
        <v>30731</v>
      </c>
      <c r="F291">
        <v>4</v>
      </c>
      <c r="G291" t="s">
        <v>9</v>
      </c>
      <c r="H291" t="s">
        <v>540</v>
      </c>
      <c r="I291" t="s">
        <v>30540</v>
      </c>
    </row>
    <row r="292" spans="1:9">
      <c r="A292" s="1">
        <v>0.95315328677174815</v>
      </c>
      <c r="B292" s="1"/>
      <c r="C292">
        <v>1</v>
      </c>
      <c r="D292" t="s">
        <v>537</v>
      </c>
      <c r="E292" t="s">
        <v>30732</v>
      </c>
      <c r="F292">
        <v>5</v>
      </c>
      <c r="G292" t="s">
        <v>14</v>
      </c>
      <c r="H292" t="s">
        <v>538</v>
      </c>
      <c r="I292" t="s">
        <v>30540</v>
      </c>
    </row>
    <row r="293" spans="1:9">
      <c r="A293" s="1">
        <v>0.87969276525733153</v>
      </c>
      <c r="B293" s="1"/>
      <c r="C293">
        <v>2</v>
      </c>
      <c r="D293" t="s">
        <v>535</v>
      </c>
      <c r="E293" t="s">
        <v>30733</v>
      </c>
      <c r="F293">
        <v>3</v>
      </c>
      <c r="G293" t="s">
        <v>2</v>
      </c>
      <c r="H293" t="s">
        <v>536</v>
      </c>
      <c r="I293" t="s">
        <v>30540</v>
      </c>
    </row>
    <row r="294" spans="1:9">
      <c r="A294" s="1">
        <v>0.66952317473289713</v>
      </c>
      <c r="B294" s="1"/>
      <c r="C294">
        <v>2</v>
      </c>
      <c r="D294" t="s">
        <v>531</v>
      </c>
      <c r="E294" t="s">
        <v>30734</v>
      </c>
      <c r="F294">
        <v>4</v>
      </c>
      <c r="G294" t="s">
        <v>0</v>
      </c>
      <c r="H294" t="s">
        <v>532</v>
      </c>
      <c r="I294" t="s">
        <v>30540</v>
      </c>
    </row>
    <row r="295" spans="1:9">
      <c r="A295" s="1">
        <v>0.94282665131104881</v>
      </c>
      <c r="B295" s="1"/>
      <c r="C295">
        <v>1</v>
      </c>
      <c r="D295" t="s">
        <v>529</v>
      </c>
      <c r="E295" t="s">
        <v>30734</v>
      </c>
      <c r="F295">
        <v>4</v>
      </c>
      <c r="G295" t="s">
        <v>0</v>
      </c>
      <c r="H295" t="s">
        <v>530</v>
      </c>
      <c r="I295" t="s">
        <v>30540</v>
      </c>
    </row>
    <row r="296" spans="1:9">
      <c r="A296" s="1">
        <v>0.3342035462744557</v>
      </c>
      <c r="B296" s="1"/>
      <c r="C296">
        <v>5</v>
      </c>
      <c r="D296" t="s">
        <v>527</v>
      </c>
      <c r="E296" t="s">
        <v>30735</v>
      </c>
      <c r="F296">
        <v>4</v>
      </c>
      <c r="G296" t="s">
        <v>10</v>
      </c>
      <c r="H296" t="s">
        <v>528</v>
      </c>
      <c r="I296" t="s">
        <v>30540</v>
      </c>
    </row>
    <row r="297" spans="1:9">
      <c r="A297" s="1">
        <v>0.57015398577192689</v>
      </c>
      <c r="B297" s="1"/>
      <c r="C297">
        <v>2</v>
      </c>
      <c r="D297" t="s">
        <v>525</v>
      </c>
      <c r="E297" t="s">
        <v>30736</v>
      </c>
      <c r="F297">
        <v>4</v>
      </c>
      <c r="G297" t="s">
        <v>0</v>
      </c>
      <c r="H297" t="s">
        <v>526</v>
      </c>
      <c r="I297" t="s">
        <v>30540</v>
      </c>
    </row>
    <row r="298" spans="1:9">
      <c r="A298" s="1">
        <v>0.35868192638855811</v>
      </c>
      <c r="B298" s="1"/>
      <c r="C298">
        <v>4</v>
      </c>
      <c r="D298" t="s">
        <v>521</v>
      </c>
      <c r="E298" t="s">
        <v>30737</v>
      </c>
      <c r="F298">
        <v>5</v>
      </c>
      <c r="G298" t="s">
        <v>15</v>
      </c>
      <c r="H298" t="s">
        <v>522</v>
      </c>
      <c r="I298" t="s">
        <v>30540</v>
      </c>
    </row>
    <row r="299" spans="1:9">
      <c r="A299" s="1">
        <v>5.9537263247386285E-2</v>
      </c>
      <c r="B299" s="1"/>
      <c r="C299">
        <v>1</v>
      </c>
      <c r="D299" t="s">
        <v>515</v>
      </c>
      <c r="E299" t="s">
        <v>30737</v>
      </c>
      <c r="F299">
        <v>5</v>
      </c>
      <c r="G299" t="s">
        <v>10</v>
      </c>
      <c r="H299" t="s">
        <v>516</v>
      </c>
      <c r="I299" t="s">
        <v>30540</v>
      </c>
    </row>
    <row r="300" spans="1:9">
      <c r="A300" s="1">
        <v>0.41732931856987954</v>
      </c>
      <c r="B300" s="1"/>
      <c r="C300">
        <v>2</v>
      </c>
      <c r="D300" t="s">
        <v>517</v>
      </c>
      <c r="E300" t="s">
        <v>30737</v>
      </c>
      <c r="F300">
        <v>4</v>
      </c>
      <c r="G300" t="s">
        <v>0</v>
      </c>
      <c r="H300" t="s">
        <v>518</v>
      </c>
      <c r="I300" t="s">
        <v>30540</v>
      </c>
    </row>
    <row r="301" spans="1:9">
      <c r="A301" s="1">
        <v>0.74210266041438355</v>
      </c>
      <c r="B301" s="1"/>
      <c r="C301">
        <v>5</v>
      </c>
      <c r="D301" t="s">
        <v>523</v>
      </c>
      <c r="E301" t="s">
        <v>30737</v>
      </c>
      <c r="F301">
        <v>4</v>
      </c>
      <c r="G301" t="s">
        <v>2</v>
      </c>
      <c r="H301" t="s">
        <v>524</v>
      </c>
      <c r="I301" t="s">
        <v>30540</v>
      </c>
    </row>
    <row r="302" spans="1:9">
      <c r="A302" s="1">
        <v>0.54835061565226806</v>
      </c>
      <c r="B302" s="1"/>
      <c r="C302">
        <v>3</v>
      </c>
      <c r="D302" t="s">
        <v>519</v>
      </c>
      <c r="E302" t="s">
        <v>30737</v>
      </c>
      <c r="F302">
        <v>4</v>
      </c>
      <c r="G302" t="s">
        <v>9</v>
      </c>
      <c r="H302" t="s">
        <v>520</v>
      </c>
      <c r="I302" t="s">
        <v>30540</v>
      </c>
    </row>
    <row r="303" spans="1:9">
      <c r="A303" s="1">
        <v>0.43946021361276799</v>
      </c>
      <c r="B303" s="1"/>
      <c r="C303">
        <v>1</v>
      </c>
      <c r="D303" t="s">
        <v>513</v>
      </c>
      <c r="E303" t="s">
        <v>30738</v>
      </c>
      <c r="F303">
        <v>4</v>
      </c>
      <c r="G303" t="s">
        <v>14</v>
      </c>
      <c r="H303" t="s">
        <v>514</v>
      </c>
      <c r="I303" t="s">
        <v>30540</v>
      </c>
    </row>
    <row r="304" spans="1:9">
      <c r="A304" s="1">
        <v>0.37092632899935607</v>
      </c>
      <c r="B304" s="1"/>
      <c r="C304">
        <v>1</v>
      </c>
      <c r="D304" t="s">
        <v>511</v>
      </c>
      <c r="E304" t="s">
        <v>30739</v>
      </c>
      <c r="F304">
        <v>4</v>
      </c>
      <c r="G304" t="s">
        <v>0</v>
      </c>
      <c r="H304" t="s">
        <v>512</v>
      </c>
      <c r="I304" t="s">
        <v>30540</v>
      </c>
    </row>
    <row r="305" spans="1:9">
      <c r="A305" s="1">
        <v>5.2252589802176397E-3</v>
      </c>
      <c r="B305" s="1"/>
      <c r="C305">
        <v>3</v>
      </c>
      <c r="D305" t="s">
        <v>505</v>
      </c>
      <c r="E305" t="s">
        <v>30741</v>
      </c>
      <c r="F305">
        <v>5</v>
      </c>
      <c r="G305" t="s">
        <v>10</v>
      </c>
      <c r="H305" t="s">
        <v>506</v>
      </c>
      <c r="I305" t="s">
        <v>30540</v>
      </c>
    </row>
    <row r="306" spans="1:9">
      <c r="A306" s="1">
        <v>0.52650552201171619</v>
      </c>
      <c r="B306" s="1"/>
      <c r="C306">
        <v>4</v>
      </c>
      <c r="D306" t="s">
        <v>507</v>
      </c>
      <c r="E306" t="s">
        <v>30741</v>
      </c>
      <c r="F306">
        <v>4</v>
      </c>
      <c r="G306" t="s">
        <v>9</v>
      </c>
      <c r="H306" t="s">
        <v>508</v>
      </c>
      <c r="I306" t="s">
        <v>30540</v>
      </c>
    </row>
    <row r="307" spans="1:9">
      <c r="A307" s="1">
        <v>0.89831957770440307</v>
      </c>
      <c r="B307" s="1"/>
      <c r="C307">
        <v>1</v>
      </c>
      <c r="D307" t="s">
        <v>503</v>
      </c>
      <c r="E307" t="s">
        <v>30742</v>
      </c>
      <c r="F307">
        <v>4</v>
      </c>
      <c r="G307" t="s">
        <v>14</v>
      </c>
      <c r="H307" t="s">
        <v>504</v>
      </c>
      <c r="I307" t="s">
        <v>30540</v>
      </c>
    </row>
    <row r="308" spans="1:9">
      <c r="A308" s="1">
        <v>0.23048774076768819</v>
      </c>
      <c r="B308" s="1"/>
      <c r="C308">
        <v>4</v>
      </c>
      <c r="D308" t="s">
        <v>501</v>
      </c>
      <c r="E308" t="s">
        <v>30743</v>
      </c>
      <c r="F308">
        <v>4</v>
      </c>
      <c r="G308" t="s">
        <v>2</v>
      </c>
      <c r="H308" t="s">
        <v>502</v>
      </c>
      <c r="I308" t="s">
        <v>30540</v>
      </c>
    </row>
    <row r="309" spans="1:9">
      <c r="A309" s="1">
        <v>0.76292358387897519</v>
      </c>
      <c r="B309" s="1"/>
      <c r="C309">
        <v>3</v>
      </c>
      <c r="D309" t="s">
        <v>495</v>
      </c>
      <c r="E309" t="s">
        <v>30745</v>
      </c>
      <c r="F309">
        <v>4</v>
      </c>
      <c r="G309" t="s">
        <v>0</v>
      </c>
      <c r="H309" t="s">
        <v>496</v>
      </c>
      <c r="I309" t="s">
        <v>30540</v>
      </c>
    </row>
    <row r="310" spans="1:9">
      <c r="A310" s="1">
        <v>0.85390328873724974</v>
      </c>
      <c r="B310" s="1"/>
      <c r="C310">
        <v>1</v>
      </c>
      <c r="D310" t="s">
        <v>493</v>
      </c>
      <c r="E310" t="s">
        <v>30745</v>
      </c>
      <c r="F310">
        <v>4</v>
      </c>
      <c r="G310" t="s">
        <v>0</v>
      </c>
      <c r="H310" t="s">
        <v>494</v>
      </c>
      <c r="I310" t="s">
        <v>30540</v>
      </c>
    </row>
    <row r="311" spans="1:9">
      <c r="A311" s="1">
        <v>0.74740911273714605</v>
      </c>
      <c r="B311" s="1"/>
      <c r="C311">
        <v>5</v>
      </c>
      <c r="D311" t="s">
        <v>491</v>
      </c>
      <c r="E311" t="s">
        <v>30746</v>
      </c>
      <c r="F311">
        <v>4</v>
      </c>
      <c r="G311" t="s">
        <v>2</v>
      </c>
      <c r="H311" t="s">
        <v>492</v>
      </c>
      <c r="I311" t="s">
        <v>30540</v>
      </c>
    </row>
    <row r="312" spans="1:9">
      <c r="A312" s="1">
        <v>0.30890025465582815</v>
      </c>
      <c r="B312" s="1"/>
      <c r="C312">
        <v>2</v>
      </c>
      <c r="D312" t="s">
        <v>489</v>
      </c>
      <c r="E312" t="s">
        <v>30746</v>
      </c>
      <c r="F312">
        <v>4</v>
      </c>
      <c r="G312" t="s">
        <v>15</v>
      </c>
      <c r="H312" t="s">
        <v>490</v>
      </c>
      <c r="I312" t="s">
        <v>30540</v>
      </c>
    </row>
    <row r="313" spans="1:9">
      <c r="A313" s="1">
        <v>0.92196497590558601</v>
      </c>
      <c r="B313" s="1"/>
      <c r="C313">
        <v>1</v>
      </c>
      <c r="D313" t="s">
        <v>485</v>
      </c>
      <c r="E313" t="s">
        <v>30747</v>
      </c>
      <c r="F313">
        <v>5</v>
      </c>
      <c r="G313" t="s">
        <v>9</v>
      </c>
      <c r="H313" t="s">
        <v>486</v>
      </c>
      <c r="I313" t="s">
        <v>30540</v>
      </c>
    </row>
    <row r="314" spans="1:9">
      <c r="A314" s="1">
        <v>0.66836379164310289</v>
      </c>
      <c r="B314" s="1"/>
      <c r="C314">
        <v>1</v>
      </c>
      <c r="D314" t="s">
        <v>479</v>
      </c>
      <c r="E314" t="s">
        <v>30748</v>
      </c>
      <c r="F314">
        <v>4</v>
      </c>
      <c r="G314" t="s">
        <v>15</v>
      </c>
      <c r="H314" t="s">
        <v>480</v>
      </c>
      <c r="I314" t="s">
        <v>30540</v>
      </c>
    </row>
    <row r="315" spans="1:9">
      <c r="A315" s="1">
        <v>0.24566128580830604</v>
      </c>
      <c r="B315" s="1"/>
      <c r="C315">
        <v>4</v>
      </c>
      <c r="D315" t="s">
        <v>483</v>
      </c>
      <c r="E315" t="s">
        <v>30748</v>
      </c>
      <c r="F315">
        <v>4</v>
      </c>
      <c r="G315" t="s">
        <v>0</v>
      </c>
      <c r="H315" t="s">
        <v>484</v>
      </c>
      <c r="I315" t="s">
        <v>30540</v>
      </c>
    </row>
    <row r="316" spans="1:9">
      <c r="A316" s="1">
        <v>0.87387523437775727</v>
      </c>
      <c r="B316" s="1"/>
      <c r="C316">
        <v>1</v>
      </c>
      <c r="D316" t="s">
        <v>475</v>
      </c>
      <c r="E316" t="s">
        <v>30750</v>
      </c>
      <c r="F316">
        <v>4</v>
      </c>
      <c r="G316" t="s">
        <v>0</v>
      </c>
      <c r="H316" t="s">
        <v>476</v>
      </c>
      <c r="I316" t="s">
        <v>30540</v>
      </c>
    </row>
    <row r="317" spans="1:9">
      <c r="A317" s="1">
        <v>0.73064479013330352</v>
      </c>
      <c r="B317" s="1"/>
      <c r="C317">
        <v>3</v>
      </c>
      <c r="D317" t="s">
        <v>473</v>
      </c>
      <c r="E317" t="s">
        <v>30751</v>
      </c>
      <c r="F317">
        <v>4</v>
      </c>
      <c r="G317" t="s">
        <v>15</v>
      </c>
      <c r="H317" t="s">
        <v>474</v>
      </c>
      <c r="I317" t="s">
        <v>30540</v>
      </c>
    </row>
    <row r="318" spans="1:9">
      <c r="A318" s="1">
        <v>0.9442268433696468</v>
      </c>
      <c r="B318" s="1"/>
      <c r="C318">
        <v>3</v>
      </c>
      <c r="D318" t="s">
        <v>471</v>
      </c>
      <c r="E318" t="s">
        <v>30752</v>
      </c>
      <c r="F318">
        <v>4</v>
      </c>
      <c r="G318" t="s">
        <v>13</v>
      </c>
      <c r="H318" t="s">
        <v>472</v>
      </c>
      <c r="I318" t="s">
        <v>30540</v>
      </c>
    </row>
    <row r="319" spans="1:9">
      <c r="A319" s="1">
        <v>0.90435897325560832</v>
      </c>
      <c r="B319" s="1"/>
      <c r="C319">
        <v>5</v>
      </c>
      <c r="D319" t="s">
        <v>469</v>
      </c>
      <c r="E319" t="s">
        <v>30753</v>
      </c>
      <c r="F319">
        <v>4</v>
      </c>
      <c r="G319" t="s">
        <v>0</v>
      </c>
      <c r="H319" t="s">
        <v>470</v>
      </c>
      <c r="I319" t="s">
        <v>30540</v>
      </c>
    </row>
    <row r="320" spans="1:9">
      <c r="A320" s="1">
        <v>0.85365609887828831</v>
      </c>
      <c r="B320" s="1"/>
      <c r="C320">
        <v>4</v>
      </c>
      <c r="D320" t="s">
        <v>467</v>
      </c>
      <c r="E320" t="s">
        <v>30753</v>
      </c>
      <c r="F320">
        <v>4</v>
      </c>
      <c r="G320" t="s">
        <v>15</v>
      </c>
      <c r="H320" t="s">
        <v>468</v>
      </c>
      <c r="I320" t="s">
        <v>30540</v>
      </c>
    </row>
    <row r="321" spans="1:9">
      <c r="A321" s="1">
        <v>0.97218108088779331</v>
      </c>
      <c r="B321" s="1"/>
      <c r="C321">
        <v>4</v>
      </c>
      <c r="D321" t="s">
        <v>465</v>
      </c>
      <c r="E321" t="s">
        <v>30754</v>
      </c>
      <c r="F321">
        <v>4</v>
      </c>
      <c r="G321" t="s">
        <v>9</v>
      </c>
      <c r="H321" t="s">
        <v>466</v>
      </c>
      <c r="I321" t="s">
        <v>30540</v>
      </c>
    </row>
    <row r="322" spans="1:9">
      <c r="A322" s="1">
        <v>0.52384512516874793</v>
      </c>
      <c r="B322" s="1"/>
      <c r="C322">
        <v>3</v>
      </c>
      <c r="D322" t="s">
        <v>463</v>
      </c>
      <c r="E322" t="s">
        <v>30754</v>
      </c>
      <c r="F322">
        <v>4</v>
      </c>
      <c r="G322" t="s">
        <v>2</v>
      </c>
      <c r="H322" t="s">
        <v>464</v>
      </c>
      <c r="I322" t="s">
        <v>30540</v>
      </c>
    </row>
    <row r="323" spans="1:9">
      <c r="A323" s="1">
        <v>4.1219653472024054E-2</v>
      </c>
      <c r="B323" s="1"/>
      <c r="C323">
        <v>2</v>
      </c>
      <c r="D323" t="s">
        <v>457</v>
      </c>
      <c r="E323" t="s">
        <v>30755</v>
      </c>
      <c r="F323">
        <v>5</v>
      </c>
      <c r="G323" t="s">
        <v>9</v>
      </c>
      <c r="H323" t="s">
        <v>458</v>
      </c>
      <c r="I323" t="s">
        <v>30540</v>
      </c>
    </row>
    <row r="324" spans="1:9">
      <c r="A324" s="1">
        <v>2.7386031627746443E-2</v>
      </c>
      <c r="B324" s="1"/>
      <c r="C324">
        <v>4</v>
      </c>
      <c r="D324" t="s">
        <v>459</v>
      </c>
      <c r="E324" t="s">
        <v>30755</v>
      </c>
      <c r="F324">
        <v>4</v>
      </c>
      <c r="G324" t="s">
        <v>0</v>
      </c>
      <c r="H324" t="s">
        <v>460</v>
      </c>
      <c r="I324" t="s">
        <v>30540</v>
      </c>
    </row>
    <row r="325" spans="1:9">
      <c r="A325" s="1">
        <v>0.86987810878609162</v>
      </c>
      <c r="B325" s="1"/>
      <c r="C325">
        <v>1</v>
      </c>
      <c r="D325" t="s">
        <v>455</v>
      </c>
      <c r="E325" t="s">
        <v>30756</v>
      </c>
      <c r="F325">
        <v>4</v>
      </c>
      <c r="G325" t="s">
        <v>0</v>
      </c>
      <c r="H325" t="s">
        <v>456</v>
      </c>
      <c r="I325" t="s">
        <v>30540</v>
      </c>
    </row>
    <row r="326" spans="1:9">
      <c r="A326" s="1">
        <v>0.22257139023306627</v>
      </c>
      <c r="B326" s="1"/>
      <c r="C326">
        <v>1</v>
      </c>
      <c r="D326" t="s">
        <v>453</v>
      </c>
      <c r="E326" t="s">
        <v>30757</v>
      </c>
      <c r="F326">
        <v>4</v>
      </c>
      <c r="G326" t="s">
        <v>0</v>
      </c>
      <c r="H326" t="s">
        <v>454</v>
      </c>
      <c r="I326" t="s">
        <v>30540</v>
      </c>
    </row>
    <row r="327" spans="1:9">
      <c r="A327" s="1">
        <v>0.82362412275895169</v>
      </c>
      <c r="B327" s="1"/>
      <c r="C327">
        <v>4</v>
      </c>
      <c r="D327" t="s">
        <v>451</v>
      </c>
      <c r="E327" t="s">
        <v>30758</v>
      </c>
      <c r="F327">
        <v>4</v>
      </c>
      <c r="G327" t="s">
        <v>14</v>
      </c>
      <c r="H327" t="s">
        <v>452</v>
      </c>
      <c r="I327" t="s">
        <v>30540</v>
      </c>
    </row>
    <row r="328" spans="1:9">
      <c r="A328" s="1">
        <v>0.86714725428872508</v>
      </c>
      <c r="B328" s="1"/>
      <c r="C328">
        <v>1</v>
      </c>
      <c r="D328" t="s">
        <v>447</v>
      </c>
      <c r="E328" t="s">
        <v>30759</v>
      </c>
      <c r="F328">
        <v>5</v>
      </c>
      <c r="G328" t="s">
        <v>13</v>
      </c>
      <c r="H328" t="s">
        <v>448</v>
      </c>
      <c r="I328" t="s">
        <v>30540</v>
      </c>
    </row>
    <row r="329" spans="1:9">
      <c r="A329" s="1">
        <v>0.51717654884609399</v>
      </c>
      <c r="B329" s="1"/>
      <c r="C329">
        <v>2</v>
      </c>
      <c r="D329" t="s">
        <v>445</v>
      </c>
      <c r="E329" t="s">
        <v>30760</v>
      </c>
      <c r="F329">
        <v>4</v>
      </c>
      <c r="G329" t="s">
        <v>15</v>
      </c>
      <c r="H329" t="s">
        <v>446</v>
      </c>
      <c r="I329" t="s">
        <v>30540</v>
      </c>
    </row>
    <row r="330" spans="1:9">
      <c r="A330" s="1">
        <v>0.86587593662299378</v>
      </c>
      <c r="B330" s="1"/>
      <c r="C330">
        <v>2</v>
      </c>
      <c r="D330" t="s">
        <v>441</v>
      </c>
      <c r="E330" t="s">
        <v>30762</v>
      </c>
      <c r="F330">
        <v>5</v>
      </c>
      <c r="G330" t="s">
        <v>9</v>
      </c>
      <c r="H330" t="s">
        <v>442</v>
      </c>
      <c r="I330" t="s">
        <v>30540</v>
      </c>
    </row>
    <row r="331" spans="1:9">
      <c r="A331" s="1">
        <v>0.71913754249637141</v>
      </c>
      <c r="B331" s="1"/>
      <c r="C331">
        <v>1</v>
      </c>
      <c r="D331" t="s">
        <v>439</v>
      </c>
      <c r="E331" t="s">
        <v>30762</v>
      </c>
      <c r="F331">
        <v>4</v>
      </c>
      <c r="G331" t="s">
        <v>10</v>
      </c>
      <c r="H331" t="s">
        <v>440</v>
      </c>
      <c r="I331" t="s">
        <v>30540</v>
      </c>
    </row>
    <row r="332" spans="1:9">
      <c r="A332" s="1">
        <v>0.70003459405003909</v>
      </c>
      <c r="B332" s="1"/>
      <c r="C332">
        <v>1</v>
      </c>
      <c r="D332" t="s">
        <v>437</v>
      </c>
      <c r="E332" t="s">
        <v>30763</v>
      </c>
      <c r="F332">
        <v>4</v>
      </c>
      <c r="G332" t="s">
        <v>0</v>
      </c>
      <c r="H332" t="s">
        <v>438</v>
      </c>
      <c r="I332" t="s">
        <v>30540</v>
      </c>
    </row>
    <row r="333" spans="1:9">
      <c r="A333" s="1">
        <v>0.37550448304306017</v>
      </c>
      <c r="B333" s="1"/>
      <c r="C333">
        <v>2</v>
      </c>
      <c r="D333" t="s">
        <v>431</v>
      </c>
      <c r="E333" t="s">
        <v>30766</v>
      </c>
      <c r="F333">
        <v>5</v>
      </c>
      <c r="G333" t="s">
        <v>1</v>
      </c>
      <c r="H333" t="s">
        <v>432</v>
      </c>
      <c r="I333" t="s">
        <v>30540</v>
      </c>
    </row>
    <row r="334" spans="1:9">
      <c r="A334" s="1">
        <v>0.35177937050071928</v>
      </c>
      <c r="B334" s="1"/>
      <c r="C334">
        <v>1</v>
      </c>
      <c r="D334" t="s">
        <v>429</v>
      </c>
      <c r="E334" t="s">
        <v>30767</v>
      </c>
      <c r="F334">
        <v>3</v>
      </c>
      <c r="G334" t="s">
        <v>13</v>
      </c>
      <c r="H334" t="s">
        <v>430</v>
      </c>
      <c r="I334" t="s">
        <v>30540</v>
      </c>
    </row>
    <row r="335" spans="1:9">
      <c r="A335" s="1">
        <v>0.65608699204475618</v>
      </c>
      <c r="B335" s="1"/>
      <c r="C335">
        <v>2</v>
      </c>
      <c r="D335" t="s">
        <v>427</v>
      </c>
      <c r="E335" t="s">
        <v>30768</v>
      </c>
      <c r="F335">
        <v>4</v>
      </c>
      <c r="G335" t="s">
        <v>0</v>
      </c>
      <c r="H335" t="s">
        <v>428</v>
      </c>
      <c r="I335" t="s">
        <v>30540</v>
      </c>
    </row>
    <row r="336" spans="1:9">
      <c r="A336" s="1">
        <v>0.12490630546158554</v>
      </c>
      <c r="B336" s="1"/>
      <c r="C336">
        <v>1</v>
      </c>
      <c r="D336" t="s">
        <v>425</v>
      </c>
      <c r="E336" t="s">
        <v>30768</v>
      </c>
      <c r="F336">
        <v>3</v>
      </c>
      <c r="G336" t="s">
        <v>15</v>
      </c>
      <c r="H336" t="s">
        <v>426</v>
      </c>
      <c r="I336" t="s">
        <v>30540</v>
      </c>
    </row>
    <row r="337" spans="1:9">
      <c r="A337" s="1">
        <v>0.94407793230548709</v>
      </c>
      <c r="B337" s="1"/>
      <c r="C337">
        <v>5</v>
      </c>
      <c r="D337" t="s">
        <v>423</v>
      </c>
      <c r="E337" t="s">
        <v>30769</v>
      </c>
      <c r="F337">
        <v>5</v>
      </c>
      <c r="G337" t="s">
        <v>14</v>
      </c>
      <c r="H337" t="s">
        <v>424</v>
      </c>
      <c r="I337" t="s">
        <v>30540</v>
      </c>
    </row>
    <row r="338" spans="1:9">
      <c r="A338" s="1">
        <v>0.96951551859639418</v>
      </c>
      <c r="B338" s="1"/>
      <c r="C338">
        <v>3</v>
      </c>
      <c r="D338" t="s">
        <v>421</v>
      </c>
      <c r="E338" t="s">
        <v>30769</v>
      </c>
      <c r="F338">
        <v>4</v>
      </c>
      <c r="G338" t="s">
        <v>15</v>
      </c>
      <c r="H338" t="s">
        <v>422</v>
      </c>
      <c r="I338" t="s">
        <v>30540</v>
      </c>
    </row>
    <row r="339" spans="1:9">
      <c r="A339" s="1">
        <v>4.432671323769577E-2</v>
      </c>
      <c r="B339" s="1"/>
      <c r="C339">
        <v>3</v>
      </c>
      <c r="D339" t="s">
        <v>417</v>
      </c>
      <c r="E339" t="s">
        <v>30770</v>
      </c>
      <c r="F339">
        <v>3</v>
      </c>
      <c r="G339" t="s">
        <v>1</v>
      </c>
      <c r="H339" t="s">
        <v>418</v>
      </c>
      <c r="I339" t="s">
        <v>30540</v>
      </c>
    </row>
    <row r="340" spans="1:9">
      <c r="A340" s="1">
        <v>0.71661188467838011</v>
      </c>
      <c r="B340" s="1"/>
      <c r="C340">
        <v>3</v>
      </c>
      <c r="D340" t="s">
        <v>413</v>
      </c>
      <c r="E340" t="s">
        <v>30771</v>
      </c>
      <c r="F340">
        <v>4</v>
      </c>
      <c r="G340" t="s">
        <v>0</v>
      </c>
      <c r="H340" t="s">
        <v>414</v>
      </c>
      <c r="I340" t="s">
        <v>30540</v>
      </c>
    </row>
    <row r="341" spans="1:9">
      <c r="A341" s="1">
        <v>0.17588836085412007</v>
      </c>
      <c r="B341" s="1"/>
      <c r="C341">
        <v>7</v>
      </c>
      <c r="D341" t="s">
        <v>415</v>
      </c>
      <c r="E341" t="s">
        <v>30771</v>
      </c>
      <c r="F341">
        <v>4</v>
      </c>
      <c r="G341" t="s">
        <v>15</v>
      </c>
      <c r="H341" t="s">
        <v>416</v>
      </c>
      <c r="I341" t="s">
        <v>30540</v>
      </c>
    </row>
    <row r="342" spans="1:9">
      <c r="A342" s="1">
        <v>0.15653200642934217</v>
      </c>
      <c r="B342" s="1"/>
      <c r="C342">
        <v>2</v>
      </c>
      <c r="D342" t="s">
        <v>411</v>
      </c>
      <c r="E342" t="s">
        <v>30771</v>
      </c>
      <c r="F342">
        <v>4</v>
      </c>
      <c r="G342" t="s">
        <v>0</v>
      </c>
      <c r="H342" t="s">
        <v>412</v>
      </c>
      <c r="I342" t="s">
        <v>30540</v>
      </c>
    </row>
    <row r="343" spans="1:9">
      <c r="A343" s="1">
        <v>0.60079393606115317</v>
      </c>
      <c r="B343" s="1"/>
      <c r="C343">
        <v>1</v>
      </c>
      <c r="D343" t="s">
        <v>407</v>
      </c>
      <c r="E343" t="s">
        <v>30772</v>
      </c>
      <c r="F343">
        <v>4</v>
      </c>
      <c r="G343" t="s">
        <v>2</v>
      </c>
      <c r="H343" t="s">
        <v>408</v>
      </c>
      <c r="I343" t="s">
        <v>30540</v>
      </c>
    </row>
    <row r="344" spans="1:9">
      <c r="A344" s="1">
        <v>8.6887778183811326E-2</v>
      </c>
      <c r="B344" s="1"/>
      <c r="C344">
        <v>1</v>
      </c>
      <c r="D344" t="s">
        <v>405</v>
      </c>
      <c r="E344" t="s">
        <v>30773</v>
      </c>
      <c r="F344">
        <v>4</v>
      </c>
      <c r="G344" t="s">
        <v>0</v>
      </c>
      <c r="H344" t="s">
        <v>406</v>
      </c>
      <c r="I344" t="s">
        <v>30540</v>
      </c>
    </row>
    <row r="345" spans="1:9">
      <c r="A345" s="1">
        <v>0.74723222339728712</v>
      </c>
      <c r="B345" s="1"/>
      <c r="C345">
        <v>2</v>
      </c>
      <c r="D345" t="s">
        <v>401</v>
      </c>
      <c r="E345" t="s">
        <v>30774</v>
      </c>
      <c r="F345">
        <v>4</v>
      </c>
      <c r="G345" t="s">
        <v>2</v>
      </c>
      <c r="H345" t="s">
        <v>402</v>
      </c>
      <c r="I345" t="s">
        <v>30540</v>
      </c>
    </row>
    <row r="346" spans="1:9">
      <c r="A346" s="1">
        <v>0.67395112617571284</v>
      </c>
      <c r="B346" s="1"/>
      <c r="C346">
        <v>5</v>
      </c>
      <c r="D346" t="s">
        <v>403</v>
      </c>
      <c r="E346" t="s">
        <v>30774</v>
      </c>
      <c r="F346">
        <v>4</v>
      </c>
      <c r="G346" t="s">
        <v>9</v>
      </c>
      <c r="H346" t="s">
        <v>404</v>
      </c>
      <c r="I346" t="s">
        <v>30540</v>
      </c>
    </row>
    <row r="347" spans="1:9">
      <c r="A347" s="1">
        <v>0.76969789271869915</v>
      </c>
      <c r="B347" s="1"/>
      <c r="C347">
        <v>4</v>
      </c>
      <c r="D347" t="s">
        <v>399</v>
      </c>
      <c r="E347" t="s">
        <v>30775</v>
      </c>
      <c r="F347">
        <v>4</v>
      </c>
      <c r="G347" t="s">
        <v>0</v>
      </c>
      <c r="H347" t="s">
        <v>400</v>
      </c>
      <c r="I347" t="s">
        <v>30540</v>
      </c>
    </row>
    <row r="348" spans="1:9">
      <c r="A348" s="1">
        <v>0.68974766826906553</v>
      </c>
      <c r="B348" s="1"/>
      <c r="C348">
        <v>2</v>
      </c>
      <c r="D348" t="s">
        <v>397</v>
      </c>
      <c r="E348" t="s">
        <v>30775</v>
      </c>
      <c r="F348">
        <v>4</v>
      </c>
      <c r="G348" t="s">
        <v>1</v>
      </c>
      <c r="H348" t="s">
        <v>398</v>
      </c>
      <c r="I348" t="s">
        <v>30540</v>
      </c>
    </row>
    <row r="349" spans="1:9">
      <c r="A349" s="1">
        <v>1.6684098207020215E-2</v>
      </c>
      <c r="B349" s="1"/>
      <c r="C349">
        <v>2</v>
      </c>
      <c r="D349" t="s">
        <v>389</v>
      </c>
      <c r="E349" t="s">
        <v>30778</v>
      </c>
      <c r="F349">
        <v>4</v>
      </c>
      <c r="G349" t="s">
        <v>0</v>
      </c>
      <c r="H349" t="s">
        <v>390</v>
      </c>
      <c r="I349" t="s">
        <v>30540</v>
      </c>
    </row>
    <row r="350" spans="1:9">
      <c r="A350" s="1">
        <v>0.42926510056899558</v>
      </c>
      <c r="B350" s="1"/>
      <c r="C350">
        <v>3</v>
      </c>
      <c r="D350" t="s">
        <v>391</v>
      </c>
      <c r="E350" t="s">
        <v>30778</v>
      </c>
      <c r="F350">
        <v>4</v>
      </c>
      <c r="G350" t="s">
        <v>0</v>
      </c>
      <c r="H350" t="s">
        <v>392</v>
      </c>
      <c r="I350" t="s">
        <v>30540</v>
      </c>
    </row>
    <row r="351" spans="1:9">
      <c r="A351" s="1">
        <v>0.2045096502022643</v>
      </c>
      <c r="B351" s="1"/>
      <c r="C351">
        <v>6</v>
      </c>
      <c r="D351" t="s">
        <v>385</v>
      </c>
      <c r="E351" t="s">
        <v>30779</v>
      </c>
      <c r="F351">
        <v>5</v>
      </c>
      <c r="G351" t="s">
        <v>0</v>
      </c>
      <c r="H351" t="s">
        <v>386</v>
      </c>
      <c r="I351" t="s">
        <v>30540</v>
      </c>
    </row>
    <row r="352" spans="1:9">
      <c r="A352" s="1">
        <v>0.95922224937887879</v>
      </c>
      <c r="B352" s="1"/>
      <c r="C352">
        <v>5</v>
      </c>
      <c r="D352" t="s">
        <v>383</v>
      </c>
      <c r="E352" t="s">
        <v>30779</v>
      </c>
      <c r="F352">
        <v>4</v>
      </c>
      <c r="G352" t="s">
        <v>10</v>
      </c>
      <c r="H352" t="s">
        <v>384</v>
      </c>
      <c r="I352" t="s">
        <v>30540</v>
      </c>
    </row>
    <row r="353" spans="1:9">
      <c r="A353" s="1">
        <v>8.9850029940872655E-2</v>
      </c>
      <c r="B353" s="1"/>
      <c r="C353">
        <v>7</v>
      </c>
      <c r="D353" t="s">
        <v>387</v>
      </c>
      <c r="E353" t="s">
        <v>30779</v>
      </c>
      <c r="F353">
        <v>3</v>
      </c>
      <c r="G353" t="s">
        <v>0</v>
      </c>
      <c r="H353" t="s">
        <v>388</v>
      </c>
      <c r="I353" t="s">
        <v>30540</v>
      </c>
    </row>
    <row r="354" spans="1:9">
      <c r="A354" s="1">
        <v>0.16742084390528811</v>
      </c>
      <c r="B354" s="1"/>
      <c r="C354">
        <v>2</v>
      </c>
      <c r="D354" t="s">
        <v>379</v>
      </c>
      <c r="E354" t="s">
        <v>30780</v>
      </c>
      <c r="F354">
        <v>4</v>
      </c>
      <c r="G354" t="s">
        <v>1</v>
      </c>
      <c r="H354" t="s">
        <v>380</v>
      </c>
      <c r="I354" t="s">
        <v>30540</v>
      </c>
    </row>
    <row r="355" spans="1:9">
      <c r="A355" s="1">
        <v>0.38852687721902468</v>
      </c>
      <c r="B355" s="1"/>
      <c r="C355">
        <v>1</v>
      </c>
      <c r="D355" t="s">
        <v>377</v>
      </c>
      <c r="E355" t="s">
        <v>30781</v>
      </c>
      <c r="F355">
        <v>4</v>
      </c>
      <c r="G355" t="s">
        <v>15</v>
      </c>
      <c r="H355" t="s">
        <v>378</v>
      </c>
      <c r="I355" t="s">
        <v>30540</v>
      </c>
    </row>
    <row r="356" spans="1:9">
      <c r="A356" s="1">
        <v>0.62068494569604604</v>
      </c>
      <c r="B356" s="1"/>
      <c r="C356">
        <v>1</v>
      </c>
      <c r="D356" t="s">
        <v>375</v>
      </c>
      <c r="E356" t="s">
        <v>30782</v>
      </c>
      <c r="F356">
        <v>4</v>
      </c>
      <c r="G356" t="s">
        <v>0</v>
      </c>
      <c r="H356" t="s">
        <v>376</v>
      </c>
      <c r="I356" t="s">
        <v>30540</v>
      </c>
    </row>
    <row r="357" spans="1:9">
      <c r="A357" s="1">
        <v>0.79243397343549449</v>
      </c>
      <c r="B357" s="1"/>
      <c r="C357">
        <v>3</v>
      </c>
      <c r="D357" t="s">
        <v>373</v>
      </c>
      <c r="E357" t="s">
        <v>30783</v>
      </c>
      <c r="F357">
        <v>5</v>
      </c>
      <c r="G357" t="s">
        <v>10</v>
      </c>
      <c r="H357" t="s">
        <v>374</v>
      </c>
      <c r="I357" t="s">
        <v>30540</v>
      </c>
    </row>
    <row r="358" spans="1:9">
      <c r="A358" s="1">
        <v>0.87719583863388861</v>
      </c>
      <c r="B358" s="1"/>
      <c r="C358">
        <v>2</v>
      </c>
      <c r="D358" t="s">
        <v>369</v>
      </c>
      <c r="E358" t="s">
        <v>30784</v>
      </c>
      <c r="F358">
        <v>4</v>
      </c>
      <c r="G358" t="s">
        <v>9</v>
      </c>
      <c r="H358" t="s">
        <v>370</v>
      </c>
      <c r="I358" t="s">
        <v>30540</v>
      </c>
    </row>
    <row r="359" spans="1:9">
      <c r="A359" s="1">
        <v>0.8652671165905772</v>
      </c>
      <c r="B359" s="1"/>
      <c r="C359">
        <v>9</v>
      </c>
      <c r="D359" t="s">
        <v>371</v>
      </c>
      <c r="E359" t="s">
        <v>30784</v>
      </c>
      <c r="F359">
        <v>4</v>
      </c>
      <c r="G359" t="s">
        <v>14</v>
      </c>
      <c r="H359" t="s">
        <v>372</v>
      </c>
      <c r="I359" t="s">
        <v>30540</v>
      </c>
    </row>
    <row r="360" spans="1:9">
      <c r="A360" s="1">
        <v>0.77466716740669594</v>
      </c>
      <c r="B360" s="1"/>
      <c r="C360">
        <v>1</v>
      </c>
      <c r="D360" t="s">
        <v>367</v>
      </c>
      <c r="E360" t="s">
        <v>30785</v>
      </c>
      <c r="F360">
        <v>4</v>
      </c>
      <c r="G360" t="s">
        <v>1</v>
      </c>
      <c r="H360" t="s">
        <v>368</v>
      </c>
      <c r="I360" t="s">
        <v>30540</v>
      </c>
    </row>
    <row r="361" spans="1:9">
      <c r="A361" s="1">
        <v>0.94403037281743984</v>
      </c>
      <c r="B361" s="1"/>
      <c r="C361">
        <v>1</v>
      </c>
      <c r="D361" t="s">
        <v>363</v>
      </c>
      <c r="E361" t="s">
        <v>30787</v>
      </c>
      <c r="F361">
        <v>4</v>
      </c>
      <c r="G361" t="s">
        <v>1</v>
      </c>
      <c r="H361" t="s">
        <v>364</v>
      </c>
      <c r="I361" t="s">
        <v>30540</v>
      </c>
    </row>
    <row r="362" spans="1:9">
      <c r="A362" s="1">
        <v>0.45110503788126488</v>
      </c>
      <c r="B362" s="1"/>
      <c r="C362">
        <v>1</v>
      </c>
      <c r="D362" t="s">
        <v>361</v>
      </c>
      <c r="E362" t="s">
        <v>30788</v>
      </c>
      <c r="F362">
        <v>4</v>
      </c>
      <c r="G362" t="s">
        <v>1</v>
      </c>
      <c r="H362" t="s">
        <v>362</v>
      </c>
      <c r="I362" t="s">
        <v>30540</v>
      </c>
    </row>
    <row r="363" spans="1:9">
      <c r="A363" s="1">
        <v>0.25819424259869239</v>
      </c>
      <c r="B363" s="1"/>
      <c r="C363">
        <v>5</v>
      </c>
      <c r="D363" t="s">
        <v>359</v>
      </c>
      <c r="E363" t="s">
        <v>30789</v>
      </c>
      <c r="F363">
        <v>4</v>
      </c>
      <c r="G363" t="s">
        <v>0</v>
      </c>
      <c r="H363" t="s">
        <v>360</v>
      </c>
      <c r="I363" t="s">
        <v>30540</v>
      </c>
    </row>
    <row r="364" spans="1:9">
      <c r="A364" s="1">
        <v>0.4576812613315423</v>
      </c>
      <c r="B364" s="1"/>
      <c r="C364">
        <v>3</v>
      </c>
      <c r="D364" t="s">
        <v>355</v>
      </c>
      <c r="E364" t="s">
        <v>30790</v>
      </c>
      <c r="F364">
        <v>4</v>
      </c>
      <c r="G364" t="s">
        <v>1</v>
      </c>
      <c r="H364" t="s">
        <v>356</v>
      </c>
      <c r="I364" t="s">
        <v>30540</v>
      </c>
    </row>
    <row r="365" spans="1:9">
      <c r="A365" s="1">
        <v>0.82596081171378088</v>
      </c>
      <c r="B365" s="1"/>
      <c r="C365">
        <v>2</v>
      </c>
      <c r="D365" t="s">
        <v>351</v>
      </c>
      <c r="E365" t="s">
        <v>30791</v>
      </c>
      <c r="F365">
        <v>4</v>
      </c>
      <c r="G365" t="s">
        <v>9</v>
      </c>
      <c r="H365" t="s">
        <v>352</v>
      </c>
      <c r="I365" t="s">
        <v>30540</v>
      </c>
    </row>
    <row r="366" spans="1:9">
      <c r="A366" s="1">
        <v>1.740265346515224E-2</v>
      </c>
      <c r="B366" s="1"/>
      <c r="C366">
        <v>3</v>
      </c>
      <c r="D366" t="s">
        <v>353</v>
      </c>
      <c r="E366" t="s">
        <v>30791</v>
      </c>
      <c r="F366">
        <v>4</v>
      </c>
      <c r="G366" t="s">
        <v>0</v>
      </c>
      <c r="H366" t="s">
        <v>354</v>
      </c>
      <c r="I366" t="s">
        <v>30540</v>
      </c>
    </row>
    <row r="367" spans="1:9">
      <c r="A367" s="1">
        <v>0.49168277583852449</v>
      </c>
      <c r="B367" s="1"/>
      <c r="C367">
        <v>1</v>
      </c>
      <c r="D367" t="s">
        <v>347</v>
      </c>
      <c r="E367" t="s">
        <v>30792</v>
      </c>
      <c r="F367">
        <v>5</v>
      </c>
      <c r="G367" t="s">
        <v>0</v>
      </c>
      <c r="H367" t="s">
        <v>348</v>
      </c>
      <c r="I367" t="s">
        <v>30540</v>
      </c>
    </row>
    <row r="368" spans="1:9">
      <c r="A368" s="1">
        <v>0.89859492776278893</v>
      </c>
      <c r="B368" s="1"/>
      <c r="C368">
        <v>1</v>
      </c>
      <c r="D368" t="s">
        <v>1480</v>
      </c>
      <c r="E368" t="s">
        <v>30793</v>
      </c>
      <c r="F368">
        <v>4</v>
      </c>
      <c r="G368" t="s">
        <v>0</v>
      </c>
      <c r="H368" t="s">
        <v>1481</v>
      </c>
      <c r="I368" t="s">
        <v>30540</v>
      </c>
    </row>
    <row r="369" spans="1:9">
      <c r="A369" s="1">
        <v>0.49530704807481241</v>
      </c>
      <c r="B369" s="1"/>
      <c r="C369">
        <v>4</v>
      </c>
      <c r="D369" t="s">
        <v>1478</v>
      </c>
      <c r="E369" t="s">
        <v>30794</v>
      </c>
      <c r="F369">
        <v>4</v>
      </c>
      <c r="G369" t="s">
        <v>0</v>
      </c>
      <c r="H369" t="s">
        <v>1479</v>
      </c>
      <c r="I369" t="s">
        <v>30540</v>
      </c>
    </row>
    <row r="370" spans="1:9">
      <c r="A370" s="1">
        <v>0.1784088001660229</v>
      </c>
      <c r="B370" s="1"/>
      <c r="C370">
        <v>1</v>
      </c>
      <c r="D370" t="s">
        <v>1476</v>
      </c>
      <c r="E370" t="s">
        <v>30795</v>
      </c>
      <c r="F370">
        <v>4</v>
      </c>
      <c r="G370" t="s">
        <v>0</v>
      </c>
      <c r="H370" t="s">
        <v>1477</v>
      </c>
      <c r="I370" t="s">
        <v>30540</v>
      </c>
    </row>
    <row r="371" spans="1:9">
      <c r="A371" s="1">
        <v>0.62065583083264897</v>
      </c>
      <c r="B371" s="1"/>
      <c r="C371">
        <v>3</v>
      </c>
      <c r="D371" t="s">
        <v>1474</v>
      </c>
      <c r="E371" t="s">
        <v>30796</v>
      </c>
      <c r="F371">
        <v>4</v>
      </c>
      <c r="G371" t="s">
        <v>13</v>
      </c>
      <c r="H371" t="s">
        <v>1475</v>
      </c>
      <c r="I371" t="s">
        <v>30540</v>
      </c>
    </row>
    <row r="372" spans="1:9">
      <c r="A372" s="1">
        <v>9.6911307136440472E-2</v>
      </c>
      <c r="B372" s="1"/>
      <c r="C372">
        <v>1</v>
      </c>
      <c r="D372" t="s">
        <v>1472</v>
      </c>
      <c r="E372" t="s">
        <v>30797</v>
      </c>
      <c r="F372">
        <v>4</v>
      </c>
      <c r="G372" t="s">
        <v>0</v>
      </c>
      <c r="H372" t="s">
        <v>1473</v>
      </c>
      <c r="I372" t="s">
        <v>30540</v>
      </c>
    </row>
    <row r="373" spans="1:9">
      <c r="A373" s="1">
        <v>0.79208363388769831</v>
      </c>
      <c r="B373" s="1"/>
      <c r="C373">
        <v>5</v>
      </c>
      <c r="D373" t="s">
        <v>1468</v>
      </c>
      <c r="E373" t="s">
        <v>30798</v>
      </c>
      <c r="F373">
        <v>5</v>
      </c>
      <c r="G373" t="s">
        <v>2</v>
      </c>
      <c r="H373" t="s">
        <v>1469</v>
      </c>
      <c r="I373" t="s">
        <v>30540</v>
      </c>
    </row>
    <row r="374" spans="1:9">
      <c r="A374" s="1">
        <v>0.97928855120083191</v>
      </c>
      <c r="B374" s="1"/>
      <c r="C374">
        <v>6</v>
      </c>
      <c r="D374" t="s">
        <v>1470</v>
      </c>
      <c r="E374" t="s">
        <v>30798</v>
      </c>
      <c r="F374">
        <v>4</v>
      </c>
      <c r="G374" t="s">
        <v>0</v>
      </c>
      <c r="H374" t="s">
        <v>1471</v>
      </c>
      <c r="I374" t="s">
        <v>30540</v>
      </c>
    </row>
    <row r="375" spans="1:9">
      <c r="A375" s="1">
        <v>0.93652622357195414</v>
      </c>
      <c r="B375" s="1"/>
      <c r="C375">
        <v>1</v>
      </c>
      <c r="D375" t="s">
        <v>1466</v>
      </c>
      <c r="E375" t="s">
        <v>30798</v>
      </c>
      <c r="F375">
        <v>4</v>
      </c>
      <c r="G375" t="s">
        <v>2</v>
      </c>
      <c r="H375" t="s">
        <v>1467</v>
      </c>
      <c r="I375" t="s">
        <v>30540</v>
      </c>
    </row>
    <row r="376" spans="1:9">
      <c r="A376" s="1">
        <v>0.30854089173132038</v>
      </c>
      <c r="B376" s="1"/>
      <c r="C376">
        <v>1</v>
      </c>
      <c r="D376" t="s">
        <v>1462</v>
      </c>
      <c r="E376" t="s">
        <v>30800</v>
      </c>
      <c r="F376">
        <v>4</v>
      </c>
      <c r="G376" t="s">
        <v>0</v>
      </c>
      <c r="H376" t="s">
        <v>1463</v>
      </c>
      <c r="I376" t="s">
        <v>30540</v>
      </c>
    </row>
    <row r="377" spans="1:9">
      <c r="A377" s="1">
        <v>0.15144079140358058</v>
      </c>
      <c r="B377" s="1"/>
      <c r="C377">
        <v>1</v>
      </c>
      <c r="D377" t="s">
        <v>1460</v>
      </c>
      <c r="E377" t="s">
        <v>30801</v>
      </c>
      <c r="F377">
        <v>4</v>
      </c>
      <c r="G377" t="s">
        <v>15</v>
      </c>
      <c r="H377" t="s">
        <v>1461</v>
      </c>
      <c r="I377" t="s">
        <v>30540</v>
      </c>
    </row>
    <row r="378" spans="1:9">
      <c r="A378" s="1">
        <v>0.58368132717927534</v>
      </c>
      <c r="B378" s="1"/>
      <c r="C378">
        <v>4</v>
      </c>
      <c r="D378" t="s">
        <v>1458</v>
      </c>
      <c r="E378" t="s">
        <v>30802</v>
      </c>
      <c r="F378">
        <v>5</v>
      </c>
      <c r="G378" t="s">
        <v>0</v>
      </c>
      <c r="H378" t="s">
        <v>1459</v>
      </c>
      <c r="I378" t="s">
        <v>30540</v>
      </c>
    </row>
    <row r="379" spans="1:9">
      <c r="A379" s="1">
        <v>0.76642116027886265</v>
      </c>
      <c r="B379" s="1"/>
      <c r="C379">
        <v>1</v>
      </c>
      <c r="D379" t="s">
        <v>1456</v>
      </c>
      <c r="E379" t="s">
        <v>30802</v>
      </c>
      <c r="F379">
        <v>4</v>
      </c>
      <c r="G379" t="s">
        <v>1</v>
      </c>
      <c r="H379" t="s">
        <v>1457</v>
      </c>
      <c r="I379" t="s">
        <v>30540</v>
      </c>
    </row>
    <row r="380" spans="1:9">
      <c r="A380" s="1">
        <v>0.19380612207716508</v>
      </c>
      <c r="B380" s="1"/>
      <c r="C380">
        <v>2</v>
      </c>
      <c r="D380" t="s">
        <v>1454</v>
      </c>
      <c r="E380" t="s">
        <v>30803</v>
      </c>
      <c r="F380">
        <v>4</v>
      </c>
      <c r="G380" t="s">
        <v>1</v>
      </c>
      <c r="H380" t="s">
        <v>1455</v>
      </c>
      <c r="I380" t="s">
        <v>30540</v>
      </c>
    </row>
    <row r="381" spans="1:9">
      <c r="A381" s="1">
        <v>0.93373885665182799</v>
      </c>
      <c r="B381" s="1"/>
      <c r="C381">
        <v>1</v>
      </c>
      <c r="D381" t="s">
        <v>1452</v>
      </c>
      <c r="E381" t="s">
        <v>30803</v>
      </c>
      <c r="F381">
        <v>4</v>
      </c>
      <c r="G381" t="s">
        <v>0</v>
      </c>
      <c r="H381" t="s">
        <v>1453</v>
      </c>
      <c r="I381" t="s">
        <v>30540</v>
      </c>
    </row>
    <row r="382" spans="1:9">
      <c r="A382" s="1">
        <v>6.9640520205229817E-2</v>
      </c>
      <c r="B382" s="1"/>
      <c r="C382">
        <v>3</v>
      </c>
      <c r="D382" t="s">
        <v>1450</v>
      </c>
      <c r="E382" t="s">
        <v>30804</v>
      </c>
      <c r="F382">
        <v>4</v>
      </c>
      <c r="G382" t="s">
        <v>0</v>
      </c>
      <c r="H382" t="s">
        <v>1451</v>
      </c>
      <c r="I382" t="s">
        <v>30540</v>
      </c>
    </row>
    <row r="383" spans="1:9">
      <c r="A383" s="1">
        <v>0.25322467930399362</v>
      </c>
      <c r="B383" s="1"/>
      <c r="C383">
        <v>6</v>
      </c>
      <c r="D383" t="s">
        <v>1448</v>
      </c>
      <c r="E383" t="s">
        <v>30805</v>
      </c>
      <c r="F383">
        <v>5</v>
      </c>
      <c r="G383" t="s">
        <v>0</v>
      </c>
      <c r="H383" t="s">
        <v>1449</v>
      </c>
      <c r="I383" t="s">
        <v>30540</v>
      </c>
    </row>
    <row r="384" spans="1:9">
      <c r="A384" s="1">
        <v>0.23516780343512877</v>
      </c>
      <c r="B384" s="1"/>
      <c r="C384">
        <v>1</v>
      </c>
      <c r="D384" t="s">
        <v>1446</v>
      </c>
      <c r="E384" t="s">
        <v>30806</v>
      </c>
      <c r="F384">
        <v>4</v>
      </c>
      <c r="G384" t="s">
        <v>0</v>
      </c>
      <c r="H384" t="s">
        <v>1447</v>
      </c>
      <c r="I384" t="s">
        <v>30540</v>
      </c>
    </row>
    <row r="385" spans="1:9">
      <c r="A385" s="1">
        <v>0.47124902477138542</v>
      </c>
      <c r="B385" s="1"/>
      <c r="C385">
        <v>1</v>
      </c>
      <c r="D385" t="s">
        <v>1442</v>
      </c>
      <c r="E385" t="s">
        <v>30807</v>
      </c>
      <c r="F385">
        <v>4</v>
      </c>
      <c r="G385" t="s">
        <v>0</v>
      </c>
      <c r="H385" t="s">
        <v>1443</v>
      </c>
      <c r="I385" t="s">
        <v>30540</v>
      </c>
    </row>
    <row r="386" spans="1:9">
      <c r="A386" s="1">
        <v>0.43739916281989566</v>
      </c>
      <c r="B386" s="1"/>
      <c r="C386">
        <v>3</v>
      </c>
      <c r="D386" t="s">
        <v>1444</v>
      </c>
      <c r="E386" t="s">
        <v>30807</v>
      </c>
      <c r="F386">
        <v>4</v>
      </c>
      <c r="G386" t="s">
        <v>0</v>
      </c>
      <c r="H386" t="s">
        <v>1445</v>
      </c>
      <c r="I386" t="s">
        <v>30540</v>
      </c>
    </row>
    <row r="387" spans="1:9">
      <c r="A387" s="1">
        <v>6.001104405438662E-3</v>
      </c>
      <c r="B387" s="1"/>
      <c r="C387">
        <v>2</v>
      </c>
      <c r="D387" t="s">
        <v>1440</v>
      </c>
      <c r="E387" t="s">
        <v>30808</v>
      </c>
      <c r="F387">
        <v>4</v>
      </c>
      <c r="G387" t="s">
        <v>2</v>
      </c>
      <c r="H387" t="s">
        <v>1441</v>
      </c>
      <c r="I387" t="s">
        <v>30540</v>
      </c>
    </row>
    <row r="388" spans="1:9">
      <c r="A388" s="1">
        <v>0.13666003262879856</v>
      </c>
      <c r="B388" s="1"/>
      <c r="C388">
        <v>1</v>
      </c>
      <c r="D388" t="s">
        <v>1438</v>
      </c>
      <c r="E388" t="s">
        <v>30809</v>
      </c>
      <c r="F388">
        <v>4</v>
      </c>
      <c r="G388" t="s">
        <v>10</v>
      </c>
      <c r="H388" t="s">
        <v>1439</v>
      </c>
      <c r="I388" t="s">
        <v>30540</v>
      </c>
    </row>
    <row r="389" spans="1:9">
      <c r="A389" s="1">
        <v>0.62637437872999291</v>
      </c>
      <c r="B389" s="1"/>
      <c r="C389">
        <v>4</v>
      </c>
      <c r="D389" t="s">
        <v>1436</v>
      </c>
      <c r="E389" t="s">
        <v>30810</v>
      </c>
      <c r="F389">
        <v>4</v>
      </c>
      <c r="G389" t="s">
        <v>15</v>
      </c>
      <c r="H389" t="s">
        <v>1437</v>
      </c>
      <c r="I389" t="s">
        <v>30540</v>
      </c>
    </row>
    <row r="390" spans="1:9">
      <c r="A390" s="1">
        <v>0.2817216721321345</v>
      </c>
      <c r="B390" s="1"/>
      <c r="C390">
        <v>4</v>
      </c>
      <c r="D390" t="s">
        <v>1427</v>
      </c>
      <c r="E390" t="s">
        <v>30811</v>
      </c>
      <c r="F390">
        <v>4</v>
      </c>
      <c r="G390" t="s">
        <v>15</v>
      </c>
      <c r="H390" t="s">
        <v>1428</v>
      </c>
      <c r="I390" t="s">
        <v>30540</v>
      </c>
    </row>
    <row r="391" spans="1:9">
      <c r="A391" s="1">
        <v>0.62084537735961509</v>
      </c>
      <c r="B391" s="1"/>
      <c r="C391">
        <v>6</v>
      </c>
      <c r="D391" t="s">
        <v>1429</v>
      </c>
      <c r="E391" t="s">
        <v>30811</v>
      </c>
      <c r="F391">
        <v>4</v>
      </c>
      <c r="G391" t="s">
        <v>1426</v>
      </c>
      <c r="H391" t="s">
        <v>1430</v>
      </c>
      <c r="I391" t="s">
        <v>30540</v>
      </c>
    </row>
    <row r="392" spans="1:9">
      <c r="A392" s="1">
        <v>0.88318476765539145</v>
      </c>
      <c r="B392" s="1"/>
      <c r="C392">
        <v>8</v>
      </c>
      <c r="D392" t="s">
        <v>1432</v>
      </c>
      <c r="E392" t="s">
        <v>30811</v>
      </c>
      <c r="F392">
        <v>4</v>
      </c>
      <c r="G392" t="s">
        <v>0</v>
      </c>
      <c r="H392" t="s">
        <v>1433</v>
      </c>
      <c r="I392" t="s">
        <v>30540</v>
      </c>
    </row>
    <row r="393" spans="1:9">
      <c r="A393" s="1">
        <v>0.78813399706933507</v>
      </c>
      <c r="B393" s="1"/>
      <c r="C393">
        <v>9</v>
      </c>
      <c r="D393" t="s">
        <v>1434</v>
      </c>
      <c r="E393" t="s">
        <v>30811</v>
      </c>
      <c r="F393">
        <v>4</v>
      </c>
      <c r="G393" t="s">
        <v>770</v>
      </c>
      <c r="H393" t="s">
        <v>1435</v>
      </c>
      <c r="I393" t="s">
        <v>30540</v>
      </c>
    </row>
    <row r="394" spans="1:9">
      <c r="A394" s="1">
        <v>0.16699932083585944</v>
      </c>
      <c r="B394" s="1"/>
      <c r="C394">
        <v>2</v>
      </c>
      <c r="D394" t="s">
        <v>1424</v>
      </c>
      <c r="E394" t="s">
        <v>30812</v>
      </c>
      <c r="F394">
        <v>4</v>
      </c>
      <c r="G394" t="s">
        <v>0</v>
      </c>
      <c r="H394" t="s">
        <v>1425</v>
      </c>
      <c r="I394" t="s">
        <v>30540</v>
      </c>
    </row>
    <row r="395" spans="1:9">
      <c r="A395" s="1">
        <v>6.257304629147753E-3</v>
      </c>
      <c r="B395" s="1"/>
      <c r="C395">
        <v>1</v>
      </c>
      <c r="D395" t="s">
        <v>1422</v>
      </c>
      <c r="E395" t="s">
        <v>30812</v>
      </c>
      <c r="F395">
        <v>4</v>
      </c>
      <c r="G395" t="s">
        <v>765</v>
      </c>
      <c r="H395" t="s">
        <v>1423</v>
      </c>
      <c r="I395" t="s">
        <v>30540</v>
      </c>
    </row>
    <row r="396" spans="1:9">
      <c r="A396" s="1">
        <v>0.4556430788261453</v>
      </c>
      <c r="B396" s="1"/>
      <c r="C396">
        <v>2</v>
      </c>
      <c r="D396" t="s">
        <v>1420</v>
      </c>
      <c r="E396" t="s">
        <v>30813</v>
      </c>
      <c r="F396">
        <v>4</v>
      </c>
      <c r="G396" t="s">
        <v>766</v>
      </c>
      <c r="H396" t="s">
        <v>1421</v>
      </c>
      <c r="I396" t="s">
        <v>30540</v>
      </c>
    </row>
    <row r="397" spans="1:9">
      <c r="A397" s="1">
        <v>0.51547162837475036</v>
      </c>
      <c r="B397" s="1"/>
      <c r="C397">
        <v>1</v>
      </c>
      <c r="D397" t="s">
        <v>1416</v>
      </c>
      <c r="E397" t="s">
        <v>30814</v>
      </c>
      <c r="F397">
        <v>4</v>
      </c>
      <c r="G397" t="s">
        <v>766</v>
      </c>
      <c r="H397" t="s">
        <v>1417</v>
      </c>
      <c r="I397" t="s">
        <v>30540</v>
      </c>
    </row>
    <row r="398" spans="1:9">
      <c r="A398" s="1">
        <v>0.17569771086268393</v>
      </c>
      <c r="B398" s="1"/>
      <c r="C398">
        <v>3</v>
      </c>
      <c r="D398" t="s">
        <v>1418</v>
      </c>
      <c r="E398" t="s">
        <v>30814</v>
      </c>
      <c r="F398">
        <v>3</v>
      </c>
      <c r="G398" t="s">
        <v>762</v>
      </c>
      <c r="H398" t="s">
        <v>1419</v>
      </c>
      <c r="I398" t="s">
        <v>30540</v>
      </c>
    </row>
    <row r="399" spans="1:9">
      <c r="A399" s="1">
        <v>9.4157079939065635E-3</v>
      </c>
      <c r="B399" s="1"/>
      <c r="C399">
        <v>2</v>
      </c>
      <c r="D399" t="s">
        <v>1414</v>
      </c>
      <c r="E399" t="s">
        <v>30815</v>
      </c>
      <c r="F399">
        <v>4</v>
      </c>
      <c r="G399" t="s">
        <v>0</v>
      </c>
      <c r="H399" t="s">
        <v>1415</v>
      </c>
      <c r="I399" t="s">
        <v>30540</v>
      </c>
    </row>
    <row r="400" spans="1:9">
      <c r="A400" s="1">
        <v>0.39507185840304215</v>
      </c>
      <c r="B400" s="1"/>
      <c r="C400">
        <v>1</v>
      </c>
      <c r="D400" t="s">
        <v>1412</v>
      </c>
      <c r="E400" t="s">
        <v>30815</v>
      </c>
      <c r="F400">
        <v>4</v>
      </c>
      <c r="G400" t="s">
        <v>9</v>
      </c>
      <c r="H400" t="s">
        <v>1413</v>
      </c>
      <c r="I400" t="s">
        <v>30540</v>
      </c>
    </row>
    <row r="401" spans="1:9">
      <c r="A401" s="1">
        <v>0.16220907794107109</v>
      </c>
      <c r="B401" s="1"/>
      <c r="C401">
        <v>2</v>
      </c>
      <c r="D401" t="s">
        <v>1410</v>
      </c>
      <c r="E401" t="s">
        <v>30816</v>
      </c>
      <c r="F401">
        <v>5</v>
      </c>
      <c r="G401" t="s">
        <v>10</v>
      </c>
      <c r="H401" t="s">
        <v>1411</v>
      </c>
      <c r="I401" t="s">
        <v>30540</v>
      </c>
    </row>
    <row r="402" spans="1:9">
      <c r="A402" s="1">
        <v>0.35972981682390304</v>
      </c>
      <c r="B402" s="1"/>
      <c r="C402">
        <v>1</v>
      </c>
      <c r="D402" t="s">
        <v>1408</v>
      </c>
      <c r="E402" t="s">
        <v>30816</v>
      </c>
      <c r="F402">
        <v>4</v>
      </c>
      <c r="G402" t="s">
        <v>762</v>
      </c>
      <c r="H402" t="s">
        <v>1409</v>
      </c>
      <c r="I402" t="s">
        <v>30540</v>
      </c>
    </row>
    <row r="403" spans="1:9">
      <c r="A403" s="1">
        <v>0.11721220521603171</v>
      </c>
      <c r="B403" s="1"/>
      <c r="C403">
        <v>1</v>
      </c>
      <c r="D403" t="s">
        <v>1406</v>
      </c>
      <c r="E403" t="s">
        <v>30817</v>
      </c>
      <c r="F403">
        <v>3</v>
      </c>
      <c r="G403" t="s">
        <v>15</v>
      </c>
      <c r="H403" t="s">
        <v>1407</v>
      </c>
      <c r="I403" t="s">
        <v>30540</v>
      </c>
    </row>
    <row r="404" spans="1:9">
      <c r="A404" s="1">
        <v>0.84141682334149226</v>
      </c>
      <c r="B404" s="1"/>
      <c r="C404">
        <v>1</v>
      </c>
      <c r="D404" t="s">
        <v>1404</v>
      </c>
      <c r="E404" t="s">
        <v>30818</v>
      </c>
      <c r="F404">
        <v>4</v>
      </c>
      <c r="G404" t="s">
        <v>0</v>
      </c>
      <c r="H404" t="s">
        <v>1405</v>
      </c>
      <c r="I404" t="s">
        <v>30540</v>
      </c>
    </row>
    <row r="405" spans="1:9">
      <c r="A405" s="1">
        <v>0.32848528690446133</v>
      </c>
      <c r="B405" s="1"/>
      <c r="C405">
        <v>2</v>
      </c>
      <c r="D405" t="s">
        <v>1402</v>
      </c>
      <c r="E405" t="s">
        <v>30819</v>
      </c>
      <c r="F405">
        <v>4</v>
      </c>
      <c r="G405" t="s">
        <v>0</v>
      </c>
      <c r="H405" t="s">
        <v>1403</v>
      </c>
      <c r="I405" t="s">
        <v>30540</v>
      </c>
    </row>
    <row r="406" spans="1:9">
      <c r="A406" s="1">
        <v>0.95859620650863353</v>
      </c>
      <c r="B406" s="1"/>
      <c r="C406">
        <v>1</v>
      </c>
      <c r="D406" t="s">
        <v>1398</v>
      </c>
      <c r="E406" t="s">
        <v>30820</v>
      </c>
      <c r="F406">
        <v>4</v>
      </c>
      <c r="G406" t="s">
        <v>0</v>
      </c>
      <c r="H406" t="s">
        <v>1399</v>
      </c>
      <c r="I406" t="s">
        <v>30540</v>
      </c>
    </row>
    <row r="407" spans="1:9">
      <c r="A407" s="1">
        <v>0.72469846585399966</v>
      </c>
      <c r="B407" s="1"/>
      <c r="C407">
        <v>3</v>
      </c>
      <c r="D407" t="s">
        <v>1396</v>
      </c>
      <c r="E407" t="s">
        <v>30821</v>
      </c>
      <c r="F407">
        <v>4</v>
      </c>
      <c r="G407" t="s">
        <v>0</v>
      </c>
      <c r="H407" t="s">
        <v>1397</v>
      </c>
      <c r="I407" t="s">
        <v>30540</v>
      </c>
    </row>
    <row r="408" spans="1:9">
      <c r="A408" s="1">
        <v>0.14874786038682652</v>
      </c>
      <c r="B408" s="1"/>
      <c r="C408">
        <v>3</v>
      </c>
      <c r="D408" t="s">
        <v>1394</v>
      </c>
      <c r="E408" t="s">
        <v>30822</v>
      </c>
      <c r="F408">
        <v>4</v>
      </c>
      <c r="G408" t="s">
        <v>2</v>
      </c>
      <c r="H408" t="s">
        <v>1395</v>
      </c>
      <c r="I408" t="s">
        <v>30540</v>
      </c>
    </row>
    <row r="409" spans="1:9">
      <c r="A409" s="1">
        <v>0.64053326238105568</v>
      </c>
      <c r="B409" s="1"/>
      <c r="C409">
        <v>2</v>
      </c>
      <c r="D409" t="s">
        <v>1392</v>
      </c>
      <c r="E409" t="s">
        <v>30823</v>
      </c>
      <c r="F409">
        <v>4</v>
      </c>
      <c r="G409" t="s">
        <v>0</v>
      </c>
      <c r="H409" t="s">
        <v>1393</v>
      </c>
      <c r="I409" t="s">
        <v>30540</v>
      </c>
    </row>
    <row r="410" spans="1:9">
      <c r="A410" s="1">
        <v>0.8522993468094171</v>
      </c>
      <c r="B410" s="1"/>
      <c r="C410">
        <v>1</v>
      </c>
      <c r="D410" t="s">
        <v>1390</v>
      </c>
      <c r="E410" t="s">
        <v>30824</v>
      </c>
      <c r="F410">
        <v>5</v>
      </c>
      <c r="G410" t="s">
        <v>0</v>
      </c>
      <c r="H410" t="s">
        <v>1391</v>
      </c>
      <c r="I410" t="s">
        <v>30540</v>
      </c>
    </row>
    <row r="411" spans="1:9">
      <c r="A411" s="1">
        <v>0.51085963435035564</v>
      </c>
      <c r="B411" s="1"/>
      <c r="C411">
        <v>5</v>
      </c>
      <c r="D411" t="s">
        <v>1388</v>
      </c>
      <c r="E411" t="s">
        <v>30825</v>
      </c>
      <c r="F411">
        <v>4</v>
      </c>
      <c r="G411" t="s">
        <v>0</v>
      </c>
      <c r="H411" t="s">
        <v>1389</v>
      </c>
      <c r="I411" t="s">
        <v>30540</v>
      </c>
    </row>
    <row r="412" spans="1:9">
      <c r="A412" s="1">
        <v>0.94242470161756287</v>
      </c>
      <c r="B412" s="1"/>
      <c r="C412">
        <v>5</v>
      </c>
      <c r="D412" t="s">
        <v>1384</v>
      </c>
      <c r="E412" t="s">
        <v>30826</v>
      </c>
      <c r="F412">
        <v>5</v>
      </c>
      <c r="G412" t="s">
        <v>0</v>
      </c>
      <c r="H412" t="s">
        <v>1385</v>
      </c>
      <c r="I412" t="s">
        <v>30540</v>
      </c>
    </row>
    <row r="413" spans="1:9">
      <c r="A413" s="1">
        <v>0.2571937451054005</v>
      </c>
      <c r="B413" s="1"/>
      <c r="C413">
        <v>6</v>
      </c>
      <c r="D413" t="s">
        <v>1386</v>
      </c>
      <c r="E413" t="s">
        <v>30826</v>
      </c>
      <c r="F413">
        <v>4</v>
      </c>
      <c r="G413" t="s">
        <v>0</v>
      </c>
      <c r="H413" t="s">
        <v>1387</v>
      </c>
      <c r="I413" t="s">
        <v>30540</v>
      </c>
    </row>
    <row r="414" spans="1:9">
      <c r="A414" s="1">
        <v>0.5786597169206078</v>
      </c>
      <c r="B414" s="1"/>
      <c r="C414">
        <v>3</v>
      </c>
      <c r="D414" t="s">
        <v>1382</v>
      </c>
      <c r="E414" t="s">
        <v>30827</v>
      </c>
      <c r="F414">
        <v>5</v>
      </c>
      <c r="G414" t="s">
        <v>0</v>
      </c>
      <c r="H414" t="s">
        <v>1383</v>
      </c>
      <c r="I414" t="s">
        <v>30540</v>
      </c>
    </row>
    <row r="415" spans="1:9">
      <c r="A415" s="1">
        <v>0.61675876184270362</v>
      </c>
      <c r="B415" s="1"/>
      <c r="C415">
        <v>4</v>
      </c>
      <c r="D415" t="s">
        <v>1380</v>
      </c>
      <c r="E415" t="s">
        <v>30828</v>
      </c>
      <c r="F415">
        <v>5</v>
      </c>
      <c r="G415" t="s">
        <v>1</v>
      </c>
      <c r="H415" t="s">
        <v>1381</v>
      </c>
      <c r="I415" t="s">
        <v>30540</v>
      </c>
    </row>
    <row r="416" spans="1:9">
      <c r="A416" s="1">
        <v>0.2101459775229676</v>
      </c>
      <c r="B416" s="1"/>
      <c r="C416">
        <v>2</v>
      </c>
      <c r="D416" t="s">
        <v>1376</v>
      </c>
      <c r="E416" t="s">
        <v>30828</v>
      </c>
      <c r="F416">
        <v>4</v>
      </c>
      <c r="G416" t="s">
        <v>0</v>
      </c>
      <c r="H416" t="s">
        <v>1377</v>
      </c>
      <c r="I416" t="s">
        <v>30540</v>
      </c>
    </row>
    <row r="417" spans="1:9">
      <c r="A417" s="1">
        <v>7.5017351002528043E-2</v>
      </c>
      <c r="B417" s="1"/>
      <c r="C417">
        <v>3</v>
      </c>
      <c r="D417" t="s">
        <v>1378</v>
      </c>
      <c r="E417" t="s">
        <v>30828</v>
      </c>
      <c r="F417">
        <v>3</v>
      </c>
      <c r="G417" t="s">
        <v>15</v>
      </c>
      <c r="H417" t="s">
        <v>1379</v>
      </c>
      <c r="I417" t="s">
        <v>30540</v>
      </c>
    </row>
    <row r="418" spans="1:9">
      <c r="A418" s="1">
        <v>0.1983728844159891</v>
      </c>
      <c r="B418" s="1"/>
      <c r="C418">
        <v>1</v>
      </c>
      <c r="D418" t="s">
        <v>1372</v>
      </c>
      <c r="E418" t="s">
        <v>30829</v>
      </c>
      <c r="F418">
        <v>4</v>
      </c>
      <c r="G418" t="s">
        <v>15</v>
      </c>
      <c r="H418" t="s">
        <v>1373</v>
      </c>
      <c r="I418" t="s">
        <v>30540</v>
      </c>
    </row>
    <row r="419" spans="1:9">
      <c r="A419" s="1">
        <v>0.25906392759037511</v>
      </c>
      <c r="B419" s="1"/>
      <c r="C419">
        <v>1</v>
      </c>
      <c r="D419" t="s">
        <v>1370</v>
      </c>
      <c r="E419" t="s">
        <v>30830</v>
      </c>
      <c r="F419">
        <v>4</v>
      </c>
      <c r="G419" t="s">
        <v>0</v>
      </c>
      <c r="H419" t="s">
        <v>1371</v>
      </c>
      <c r="I419" t="s">
        <v>30540</v>
      </c>
    </row>
    <row r="420" spans="1:9">
      <c r="A420" s="1">
        <v>0.28269221400214928</v>
      </c>
      <c r="B420" s="1"/>
      <c r="C420">
        <v>4</v>
      </c>
      <c r="D420" t="s">
        <v>1368</v>
      </c>
      <c r="E420" t="s">
        <v>30831</v>
      </c>
      <c r="F420">
        <v>4</v>
      </c>
      <c r="G420" t="s">
        <v>0</v>
      </c>
      <c r="H420" t="s">
        <v>1369</v>
      </c>
      <c r="I420" t="s">
        <v>30540</v>
      </c>
    </row>
    <row r="421" spans="1:9">
      <c r="A421" s="1">
        <v>0.8572687916992684</v>
      </c>
      <c r="B421" s="1"/>
      <c r="C421">
        <v>5</v>
      </c>
      <c r="D421" t="s">
        <v>1364</v>
      </c>
      <c r="E421" t="s">
        <v>30832</v>
      </c>
      <c r="F421">
        <v>4</v>
      </c>
      <c r="G421" t="s">
        <v>1</v>
      </c>
      <c r="H421" t="s">
        <v>1365</v>
      </c>
      <c r="I421" t="s">
        <v>30540</v>
      </c>
    </row>
    <row r="422" spans="1:9">
      <c r="A422" s="1">
        <v>0.96591992947631322</v>
      </c>
      <c r="B422" s="1"/>
      <c r="C422">
        <v>3</v>
      </c>
      <c r="D422" t="s">
        <v>1362</v>
      </c>
      <c r="E422" t="s">
        <v>30832</v>
      </c>
      <c r="F422">
        <v>4</v>
      </c>
      <c r="G422" t="s">
        <v>0</v>
      </c>
      <c r="H422" t="s">
        <v>1363</v>
      </c>
      <c r="I422" t="s">
        <v>30540</v>
      </c>
    </row>
    <row r="423" spans="1:9">
      <c r="A423" s="1">
        <v>1.8737558606525706E-2</v>
      </c>
      <c r="B423" s="1"/>
      <c r="C423">
        <v>6</v>
      </c>
      <c r="D423" t="s">
        <v>1366</v>
      </c>
      <c r="E423" t="s">
        <v>30832</v>
      </c>
      <c r="F423">
        <v>3</v>
      </c>
      <c r="G423" t="s">
        <v>0</v>
      </c>
      <c r="H423" t="s">
        <v>1367</v>
      </c>
      <c r="I423" t="s">
        <v>30540</v>
      </c>
    </row>
    <row r="424" spans="1:9">
      <c r="A424" s="1">
        <v>0.62919395667339273</v>
      </c>
      <c r="B424" s="1"/>
      <c r="C424">
        <v>1</v>
      </c>
      <c r="D424" t="s">
        <v>1356</v>
      </c>
      <c r="E424" t="s">
        <v>30834</v>
      </c>
      <c r="F424">
        <v>3</v>
      </c>
      <c r="G424" t="s">
        <v>10</v>
      </c>
      <c r="H424" t="s">
        <v>1357</v>
      </c>
      <c r="I424" t="s">
        <v>30540</v>
      </c>
    </row>
    <row r="425" spans="1:9">
      <c r="A425" s="1">
        <v>0.23375292139726356</v>
      </c>
      <c r="B425" s="1"/>
      <c r="C425">
        <v>3</v>
      </c>
      <c r="D425" t="s">
        <v>1358</v>
      </c>
      <c r="E425" t="s">
        <v>30834</v>
      </c>
      <c r="F425">
        <v>3</v>
      </c>
      <c r="G425" t="s">
        <v>1</v>
      </c>
      <c r="H425" t="s">
        <v>1359</v>
      </c>
      <c r="I425" t="s">
        <v>30540</v>
      </c>
    </row>
    <row r="426" spans="1:9">
      <c r="A426" s="1">
        <v>0.45874437983456617</v>
      </c>
      <c r="B426" s="1"/>
      <c r="C426">
        <v>1</v>
      </c>
      <c r="D426" t="s">
        <v>1354</v>
      </c>
      <c r="E426" t="s">
        <v>30835</v>
      </c>
      <c r="F426">
        <v>4</v>
      </c>
      <c r="G426" t="s">
        <v>0</v>
      </c>
      <c r="H426" t="s">
        <v>1355</v>
      </c>
      <c r="I426" t="s">
        <v>30540</v>
      </c>
    </row>
    <row r="427" spans="1:9">
      <c r="A427" s="1">
        <v>0.26620278181541601</v>
      </c>
      <c r="B427" s="1"/>
      <c r="C427">
        <v>2</v>
      </c>
      <c r="D427" t="s">
        <v>1352</v>
      </c>
      <c r="E427" t="s">
        <v>30836</v>
      </c>
      <c r="F427">
        <v>3</v>
      </c>
      <c r="G427" t="s">
        <v>15</v>
      </c>
      <c r="H427" t="s">
        <v>1353</v>
      </c>
      <c r="I427" t="s">
        <v>30540</v>
      </c>
    </row>
    <row r="428" spans="1:9">
      <c r="A428" s="1">
        <v>0.65771712282651584</v>
      </c>
      <c r="B428" s="1"/>
      <c r="C428">
        <v>2</v>
      </c>
      <c r="D428" t="s">
        <v>1348</v>
      </c>
      <c r="E428" t="s">
        <v>30838</v>
      </c>
      <c r="F428">
        <v>4</v>
      </c>
      <c r="G428" t="s">
        <v>0</v>
      </c>
      <c r="H428" t="s">
        <v>1349</v>
      </c>
      <c r="I428" t="s">
        <v>30540</v>
      </c>
    </row>
    <row r="429" spans="1:9">
      <c r="A429" s="1">
        <v>0.68151996060168751</v>
      </c>
      <c r="B429" s="1"/>
      <c r="C429">
        <v>2</v>
      </c>
      <c r="D429" t="s">
        <v>1346</v>
      </c>
      <c r="E429" t="s">
        <v>30839</v>
      </c>
      <c r="F429">
        <v>4</v>
      </c>
      <c r="G429" t="s">
        <v>0</v>
      </c>
      <c r="H429" t="s">
        <v>1347</v>
      </c>
      <c r="I429" t="s">
        <v>30540</v>
      </c>
    </row>
    <row r="430" spans="1:9">
      <c r="A430" s="1">
        <v>0.38026801856602321</v>
      </c>
      <c r="B430" s="1"/>
      <c r="C430">
        <v>4</v>
      </c>
      <c r="D430" t="s">
        <v>1344</v>
      </c>
      <c r="E430" t="s">
        <v>30840</v>
      </c>
      <c r="F430">
        <v>5</v>
      </c>
      <c r="G430" t="s">
        <v>0</v>
      </c>
      <c r="H430" t="s">
        <v>1345</v>
      </c>
      <c r="I430" t="s">
        <v>30540</v>
      </c>
    </row>
    <row r="431" spans="1:9">
      <c r="A431" s="1">
        <v>0.12083185475596225</v>
      </c>
      <c r="B431" s="1"/>
      <c r="C431">
        <v>3</v>
      </c>
      <c r="D431" t="s">
        <v>1342</v>
      </c>
      <c r="E431" t="s">
        <v>30840</v>
      </c>
      <c r="F431">
        <v>4</v>
      </c>
      <c r="G431" t="s">
        <v>0</v>
      </c>
      <c r="H431" t="s">
        <v>1343</v>
      </c>
      <c r="I431" t="s">
        <v>30540</v>
      </c>
    </row>
    <row r="432" spans="1:9">
      <c r="A432" s="1">
        <v>0.80911749685844503</v>
      </c>
      <c r="B432" s="1"/>
      <c r="C432">
        <v>2</v>
      </c>
      <c r="D432" t="s">
        <v>1340</v>
      </c>
      <c r="E432" t="s">
        <v>30841</v>
      </c>
      <c r="F432">
        <v>4</v>
      </c>
      <c r="G432" t="s">
        <v>0</v>
      </c>
      <c r="H432" t="s">
        <v>1341</v>
      </c>
      <c r="I432" t="s">
        <v>30540</v>
      </c>
    </row>
    <row r="433" spans="1:9">
      <c r="A433" s="1">
        <v>0.7210817272795309</v>
      </c>
      <c r="B433" s="1"/>
      <c r="C433">
        <v>1</v>
      </c>
      <c r="D433" t="s">
        <v>1330</v>
      </c>
      <c r="E433" t="s">
        <v>30842</v>
      </c>
      <c r="F433">
        <v>4</v>
      </c>
      <c r="G433" t="s">
        <v>9</v>
      </c>
      <c r="H433" t="s">
        <v>1331</v>
      </c>
      <c r="I433" t="s">
        <v>30540</v>
      </c>
    </row>
    <row r="434" spans="1:9">
      <c r="A434" s="1">
        <v>0.29043813636408877</v>
      </c>
      <c r="B434" s="1"/>
      <c r="C434">
        <v>3</v>
      </c>
      <c r="D434" t="s">
        <v>1334</v>
      </c>
      <c r="E434" t="s">
        <v>30842</v>
      </c>
      <c r="F434">
        <v>4</v>
      </c>
      <c r="G434" t="s">
        <v>10</v>
      </c>
      <c r="H434" t="s">
        <v>1335</v>
      </c>
      <c r="I434" t="s">
        <v>30540</v>
      </c>
    </row>
    <row r="435" spans="1:9">
      <c r="A435" s="1">
        <v>0.75991272040067426</v>
      </c>
      <c r="B435" s="1"/>
      <c r="C435">
        <v>4</v>
      </c>
      <c r="D435" t="s">
        <v>1336</v>
      </c>
      <c r="E435" t="s">
        <v>30842</v>
      </c>
      <c r="F435">
        <v>3</v>
      </c>
      <c r="G435" t="s">
        <v>1</v>
      </c>
      <c r="H435" t="s">
        <v>1337</v>
      </c>
      <c r="I435" t="s">
        <v>30540</v>
      </c>
    </row>
    <row r="436" spans="1:9">
      <c r="A436" s="1">
        <v>2.712694119059833E-3</v>
      </c>
      <c r="B436" s="1"/>
      <c r="C436">
        <v>3</v>
      </c>
      <c r="D436" t="s">
        <v>1326</v>
      </c>
      <c r="E436" t="s">
        <v>30843</v>
      </c>
      <c r="F436">
        <v>4</v>
      </c>
      <c r="G436" t="s">
        <v>9</v>
      </c>
      <c r="H436" t="s">
        <v>1327</v>
      </c>
      <c r="I436" t="s">
        <v>30540</v>
      </c>
    </row>
    <row r="437" spans="1:9">
      <c r="A437" s="1">
        <v>0.92790904501578997</v>
      </c>
      <c r="B437" s="1"/>
      <c r="C437">
        <v>2</v>
      </c>
      <c r="D437" t="s">
        <v>1324</v>
      </c>
      <c r="E437" t="s">
        <v>30844</v>
      </c>
      <c r="F437">
        <v>4</v>
      </c>
      <c r="G437" t="s">
        <v>0</v>
      </c>
      <c r="H437" t="s">
        <v>1325</v>
      </c>
      <c r="I437" t="s">
        <v>30540</v>
      </c>
    </row>
    <row r="438" spans="1:9">
      <c r="A438" s="1">
        <v>7.959515459883082E-2</v>
      </c>
      <c r="B438" s="1"/>
      <c r="C438">
        <v>3</v>
      </c>
      <c r="D438" t="s">
        <v>1320</v>
      </c>
      <c r="E438" t="s">
        <v>30845</v>
      </c>
      <c r="F438">
        <v>4</v>
      </c>
      <c r="G438" t="s">
        <v>0</v>
      </c>
      <c r="H438" t="s">
        <v>1321</v>
      </c>
      <c r="I438" t="s">
        <v>30540</v>
      </c>
    </row>
    <row r="439" spans="1:9">
      <c r="A439" s="1">
        <v>0.73233090708810755</v>
      </c>
      <c r="B439" s="1"/>
      <c r="C439">
        <v>1</v>
      </c>
      <c r="D439" t="s">
        <v>1316</v>
      </c>
      <c r="E439" t="s">
        <v>30846</v>
      </c>
      <c r="F439">
        <v>4</v>
      </c>
      <c r="G439" t="s">
        <v>10</v>
      </c>
      <c r="H439" t="s">
        <v>1317</v>
      </c>
      <c r="I439" t="s">
        <v>30540</v>
      </c>
    </row>
    <row r="440" spans="1:9">
      <c r="A440" s="1">
        <v>0.27880744497296239</v>
      </c>
      <c r="B440" s="1"/>
      <c r="C440">
        <v>2</v>
      </c>
      <c r="D440" t="s">
        <v>1318</v>
      </c>
      <c r="E440" t="s">
        <v>30846</v>
      </c>
      <c r="F440">
        <v>4</v>
      </c>
      <c r="G440" t="s">
        <v>15</v>
      </c>
      <c r="H440" t="s">
        <v>1319</v>
      </c>
      <c r="I440" t="s">
        <v>30540</v>
      </c>
    </row>
    <row r="441" spans="1:9">
      <c r="A441" s="1">
        <v>0.30857964638533864</v>
      </c>
      <c r="B441" s="1"/>
      <c r="C441">
        <v>2</v>
      </c>
      <c r="D441" t="s">
        <v>1314</v>
      </c>
      <c r="E441" t="s">
        <v>30847</v>
      </c>
      <c r="F441">
        <v>5</v>
      </c>
      <c r="G441" t="s">
        <v>0</v>
      </c>
      <c r="H441" t="s">
        <v>1315</v>
      </c>
      <c r="I441" t="s">
        <v>30540</v>
      </c>
    </row>
    <row r="442" spans="1:9">
      <c r="A442" s="1">
        <v>0.15561007334575427</v>
      </c>
      <c r="B442" s="1"/>
      <c r="C442">
        <v>3</v>
      </c>
      <c r="D442" t="s">
        <v>1312</v>
      </c>
      <c r="E442" t="s">
        <v>30848</v>
      </c>
      <c r="F442">
        <v>4</v>
      </c>
      <c r="G442" t="s">
        <v>0</v>
      </c>
      <c r="H442" t="s">
        <v>1313</v>
      </c>
      <c r="I442" t="s">
        <v>30540</v>
      </c>
    </row>
    <row r="443" spans="1:9">
      <c r="A443" s="1">
        <v>0.17501507826758766</v>
      </c>
      <c r="B443" s="1"/>
      <c r="C443">
        <v>2</v>
      </c>
      <c r="D443" t="s">
        <v>1310</v>
      </c>
      <c r="E443" t="s">
        <v>30848</v>
      </c>
      <c r="F443">
        <v>4</v>
      </c>
      <c r="G443" t="s">
        <v>9</v>
      </c>
      <c r="H443" t="s">
        <v>1311</v>
      </c>
      <c r="I443" t="s">
        <v>30540</v>
      </c>
    </row>
    <row r="444" spans="1:9">
      <c r="A444" s="1">
        <v>0.72685570294316504</v>
      </c>
      <c r="B444" s="1"/>
      <c r="C444">
        <v>2</v>
      </c>
      <c r="D444" t="s">
        <v>1308</v>
      </c>
      <c r="E444" t="s">
        <v>30849</v>
      </c>
      <c r="F444">
        <v>4</v>
      </c>
      <c r="G444" t="s">
        <v>0</v>
      </c>
      <c r="H444" t="s">
        <v>1309</v>
      </c>
      <c r="I444" t="s">
        <v>30540</v>
      </c>
    </row>
    <row r="445" spans="1:9">
      <c r="A445" s="1">
        <v>0.97050283400746296</v>
      </c>
      <c r="B445" s="1"/>
      <c r="C445">
        <v>1</v>
      </c>
      <c r="D445" t="s">
        <v>1302</v>
      </c>
      <c r="E445" t="s">
        <v>30850</v>
      </c>
      <c r="F445">
        <v>4</v>
      </c>
      <c r="G445" t="s">
        <v>9</v>
      </c>
      <c r="H445" t="s">
        <v>1303</v>
      </c>
      <c r="I445" t="s">
        <v>30540</v>
      </c>
    </row>
    <row r="446" spans="1:9">
      <c r="A446" s="1">
        <v>0.54832093647530122</v>
      </c>
      <c r="B446" s="1"/>
      <c r="C446">
        <v>7</v>
      </c>
      <c r="D446" t="s">
        <v>1306</v>
      </c>
      <c r="E446" t="s">
        <v>30850</v>
      </c>
      <c r="F446">
        <v>4</v>
      </c>
      <c r="G446" t="s">
        <v>9</v>
      </c>
      <c r="H446" t="s">
        <v>1307</v>
      </c>
      <c r="I446" t="s">
        <v>30540</v>
      </c>
    </row>
    <row r="447" spans="1:9">
      <c r="A447" s="1">
        <v>2.8278096769247751E-2</v>
      </c>
      <c r="B447" s="1"/>
      <c r="C447">
        <v>4</v>
      </c>
      <c r="D447" t="s">
        <v>1304</v>
      </c>
      <c r="E447" t="s">
        <v>30850</v>
      </c>
      <c r="F447">
        <v>4</v>
      </c>
      <c r="G447" t="s">
        <v>14</v>
      </c>
      <c r="H447" t="s">
        <v>1305</v>
      </c>
      <c r="I447" t="s">
        <v>30540</v>
      </c>
    </row>
    <row r="448" spans="1:9">
      <c r="A448" s="1">
        <v>0.54218134163522302</v>
      </c>
      <c r="B448" s="1"/>
      <c r="C448">
        <v>6</v>
      </c>
      <c r="D448" t="s">
        <v>1300</v>
      </c>
      <c r="E448" t="s">
        <v>30851</v>
      </c>
      <c r="F448">
        <v>4</v>
      </c>
      <c r="G448" t="s">
        <v>9</v>
      </c>
      <c r="H448" t="s">
        <v>1301</v>
      </c>
      <c r="I448" t="s">
        <v>30540</v>
      </c>
    </row>
    <row r="449" spans="1:9">
      <c r="A449" s="1">
        <v>0.49518239740678638</v>
      </c>
      <c r="B449" s="1"/>
      <c r="C449">
        <v>2</v>
      </c>
      <c r="D449" t="s">
        <v>1293</v>
      </c>
      <c r="E449" t="s">
        <v>30853</v>
      </c>
      <c r="F449">
        <v>4</v>
      </c>
      <c r="G449" t="s">
        <v>0</v>
      </c>
      <c r="H449" t="s">
        <v>1294</v>
      </c>
      <c r="I449" t="s">
        <v>30540</v>
      </c>
    </row>
    <row r="450" spans="1:9">
      <c r="A450" s="1">
        <v>7.1923468543126923E-3</v>
      </c>
      <c r="B450" s="1"/>
      <c r="C450">
        <v>4</v>
      </c>
      <c r="D450" t="s">
        <v>1289</v>
      </c>
      <c r="E450" t="s">
        <v>30854</v>
      </c>
      <c r="F450">
        <v>4</v>
      </c>
      <c r="G450" t="s">
        <v>10</v>
      </c>
      <c r="H450" t="s">
        <v>1290</v>
      </c>
      <c r="I450" t="s">
        <v>30540</v>
      </c>
    </row>
    <row r="451" spans="1:9">
      <c r="A451" s="1">
        <v>0.58932980611641927</v>
      </c>
      <c r="B451" s="1"/>
      <c r="C451">
        <v>7</v>
      </c>
      <c r="D451" t="s">
        <v>1291</v>
      </c>
      <c r="E451" t="s">
        <v>30854</v>
      </c>
      <c r="F451">
        <v>4</v>
      </c>
      <c r="G451" t="s">
        <v>0</v>
      </c>
      <c r="H451" t="s">
        <v>1292</v>
      </c>
      <c r="I451" t="s">
        <v>30540</v>
      </c>
    </row>
    <row r="452" spans="1:9">
      <c r="A452" s="1">
        <v>0.54731871624164485</v>
      </c>
      <c r="B452" s="1"/>
      <c r="C452">
        <v>2</v>
      </c>
      <c r="D452" t="s">
        <v>1287</v>
      </c>
      <c r="E452" t="s">
        <v>30855</v>
      </c>
      <c r="F452">
        <v>4</v>
      </c>
      <c r="G452" t="s">
        <v>15</v>
      </c>
      <c r="H452" t="s">
        <v>1288</v>
      </c>
      <c r="I452" t="s">
        <v>30540</v>
      </c>
    </row>
    <row r="453" spans="1:9">
      <c r="A453" s="1">
        <v>0.36104645576449002</v>
      </c>
      <c r="B453" s="1"/>
      <c r="C453">
        <v>2</v>
      </c>
      <c r="D453" t="s">
        <v>1285</v>
      </c>
      <c r="E453" t="s">
        <v>30856</v>
      </c>
      <c r="F453">
        <v>5</v>
      </c>
      <c r="G453" t="s">
        <v>0</v>
      </c>
      <c r="H453" t="s">
        <v>1286</v>
      </c>
      <c r="I453" t="s">
        <v>30540</v>
      </c>
    </row>
    <row r="454" spans="1:9">
      <c r="A454" s="1">
        <v>0.36065346623208616</v>
      </c>
      <c r="B454" s="1"/>
      <c r="C454">
        <v>9</v>
      </c>
      <c r="D454" t="s">
        <v>1283</v>
      </c>
      <c r="E454" t="s">
        <v>30857</v>
      </c>
      <c r="F454">
        <v>5</v>
      </c>
      <c r="G454" t="s">
        <v>0</v>
      </c>
      <c r="H454" t="s">
        <v>1284</v>
      </c>
      <c r="I454" t="s">
        <v>30540</v>
      </c>
    </row>
    <row r="455" spans="1:9">
      <c r="A455" s="1">
        <v>0.62259921371467186</v>
      </c>
      <c r="B455" s="1"/>
      <c r="C455">
        <v>2</v>
      </c>
      <c r="D455" t="s">
        <v>1279</v>
      </c>
      <c r="E455" t="s">
        <v>30857</v>
      </c>
      <c r="F455">
        <v>4</v>
      </c>
      <c r="G455" t="s">
        <v>10</v>
      </c>
      <c r="H455" t="s">
        <v>1280</v>
      </c>
      <c r="I455" t="s">
        <v>30540</v>
      </c>
    </row>
    <row r="456" spans="1:9">
      <c r="A456" s="1">
        <v>0.90110203845795267</v>
      </c>
      <c r="B456" s="1"/>
      <c r="C456">
        <v>5</v>
      </c>
      <c r="D456" t="s">
        <v>1281</v>
      </c>
      <c r="E456" t="s">
        <v>30857</v>
      </c>
      <c r="F456">
        <v>4</v>
      </c>
      <c r="G456" t="s">
        <v>9</v>
      </c>
      <c r="H456" t="s">
        <v>1282</v>
      </c>
      <c r="I456" t="s">
        <v>30540</v>
      </c>
    </row>
    <row r="457" spans="1:9">
      <c r="A457" s="1">
        <v>0.84729673118610349</v>
      </c>
      <c r="B457" s="1"/>
      <c r="C457">
        <v>4</v>
      </c>
      <c r="D457" t="s">
        <v>1277</v>
      </c>
      <c r="E457" t="s">
        <v>30858</v>
      </c>
      <c r="F457">
        <v>4</v>
      </c>
      <c r="G457" t="s">
        <v>0</v>
      </c>
      <c r="H457" t="s">
        <v>1278</v>
      </c>
      <c r="I457" t="s">
        <v>30540</v>
      </c>
    </row>
    <row r="458" spans="1:9">
      <c r="A458" s="1">
        <v>0.83106219121731517</v>
      </c>
      <c r="B458" s="1"/>
      <c r="C458">
        <v>2</v>
      </c>
      <c r="D458" t="s">
        <v>1275</v>
      </c>
      <c r="E458" t="s">
        <v>30859</v>
      </c>
      <c r="F458">
        <v>5</v>
      </c>
      <c r="G458" t="s">
        <v>0</v>
      </c>
      <c r="H458" t="s">
        <v>1276</v>
      </c>
      <c r="I458" t="s">
        <v>30540</v>
      </c>
    </row>
    <row r="459" spans="1:9">
      <c r="A459" s="1">
        <v>0.81821849352101361</v>
      </c>
      <c r="B459" s="1"/>
      <c r="C459">
        <v>1</v>
      </c>
      <c r="D459" t="s">
        <v>1271</v>
      </c>
      <c r="E459" t="s">
        <v>30860</v>
      </c>
      <c r="F459">
        <v>5</v>
      </c>
      <c r="G459" t="s">
        <v>10</v>
      </c>
      <c r="H459" t="s">
        <v>1272</v>
      </c>
      <c r="I459" t="s">
        <v>30540</v>
      </c>
    </row>
    <row r="460" spans="1:9">
      <c r="A460" s="1">
        <v>0.48051844413395006</v>
      </c>
      <c r="B460" s="1"/>
      <c r="C460">
        <v>6</v>
      </c>
      <c r="D460" t="s">
        <v>1273</v>
      </c>
      <c r="E460" t="s">
        <v>30860</v>
      </c>
      <c r="F460">
        <v>4</v>
      </c>
      <c r="G460" t="s">
        <v>0</v>
      </c>
      <c r="H460" t="s">
        <v>1274</v>
      </c>
      <c r="I460" t="s">
        <v>30540</v>
      </c>
    </row>
    <row r="461" spans="1:9">
      <c r="A461" s="1">
        <v>0.41469727622355501</v>
      </c>
      <c r="B461" s="1"/>
      <c r="C461">
        <v>2</v>
      </c>
      <c r="D461" t="s">
        <v>1269</v>
      </c>
      <c r="E461" t="s">
        <v>30861</v>
      </c>
      <c r="F461">
        <v>4</v>
      </c>
      <c r="G461" t="s">
        <v>1</v>
      </c>
      <c r="H461" t="s">
        <v>1270</v>
      </c>
      <c r="I461" t="s">
        <v>30540</v>
      </c>
    </row>
    <row r="462" spans="1:9">
      <c r="A462" s="1">
        <v>0.15821162789162446</v>
      </c>
      <c r="B462" s="1"/>
      <c r="C462">
        <v>1</v>
      </c>
      <c r="D462" t="s">
        <v>1267</v>
      </c>
      <c r="E462" t="s">
        <v>30861</v>
      </c>
      <c r="F462">
        <v>4</v>
      </c>
      <c r="G462" t="s">
        <v>15</v>
      </c>
      <c r="H462" t="s">
        <v>1268</v>
      </c>
      <c r="I462" t="s">
        <v>30540</v>
      </c>
    </row>
    <row r="463" spans="1:9">
      <c r="A463" s="1">
        <v>0.91419459818433735</v>
      </c>
      <c r="B463" s="1"/>
      <c r="C463">
        <v>5</v>
      </c>
      <c r="D463" t="s">
        <v>1265</v>
      </c>
      <c r="E463" t="s">
        <v>30862</v>
      </c>
      <c r="F463">
        <v>4</v>
      </c>
      <c r="G463" t="s">
        <v>1</v>
      </c>
      <c r="H463" t="s">
        <v>1266</v>
      </c>
      <c r="I463" t="s">
        <v>30540</v>
      </c>
    </row>
    <row r="464" spans="1:9">
      <c r="A464" s="1">
        <v>0.97812361821880256</v>
      </c>
      <c r="B464" s="1"/>
      <c r="C464">
        <v>6</v>
      </c>
      <c r="D464" t="s">
        <v>1263</v>
      </c>
      <c r="E464" t="s">
        <v>30863</v>
      </c>
      <c r="F464">
        <v>4</v>
      </c>
      <c r="G464" t="s">
        <v>9</v>
      </c>
      <c r="H464" t="s">
        <v>1264</v>
      </c>
      <c r="I464" t="s">
        <v>30540</v>
      </c>
    </row>
    <row r="465" spans="1:9">
      <c r="A465" s="1">
        <v>0.76100176920288742</v>
      </c>
      <c r="B465" s="1"/>
      <c r="C465">
        <v>1</v>
      </c>
      <c r="D465" t="s">
        <v>1257</v>
      </c>
      <c r="E465" t="s">
        <v>30863</v>
      </c>
      <c r="F465">
        <v>4</v>
      </c>
      <c r="G465" t="s">
        <v>15</v>
      </c>
      <c r="H465" t="s">
        <v>1258</v>
      </c>
      <c r="I465" t="s">
        <v>30540</v>
      </c>
    </row>
    <row r="466" spans="1:9">
      <c r="A466" s="1">
        <v>0.98608828844726359</v>
      </c>
      <c r="B466" s="1"/>
      <c r="C466">
        <v>3</v>
      </c>
      <c r="D466" t="s">
        <v>1259</v>
      </c>
      <c r="E466" t="s">
        <v>30863</v>
      </c>
      <c r="F466">
        <v>4</v>
      </c>
      <c r="G466" t="s">
        <v>15</v>
      </c>
      <c r="H466" t="s">
        <v>1260</v>
      </c>
      <c r="I466" t="s">
        <v>30540</v>
      </c>
    </row>
    <row r="467" spans="1:9">
      <c r="A467" s="1">
        <v>0.16970439990455821</v>
      </c>
      <c r="B467" s="1"/>
      <c r="C467">
        <v>5</v>
      </c>
      <c r="D467" t="s">
        <v>1261</v>
      </c>
      <c r="E467" t="s">
        <v>30863</v>
      </c>
      <c r="F467">
        <v>4</v>
      </c>
      <c r="G467" t="s">
        <v>0</v>
      </c>
      <c r="H467" t="s">
        <v>1262</v>
      </c>
      <c r="I467" t="s">
        <v>30540</v>
      </c>
    </row>
    <row r="468" spans="1:9">
      <c r="A468" s="1">
        <v>0.44666964443546975</v>
      </c>
      <c r="B468" s="1"/>
      <c r="C468">
        <v>1</v>
      </c>
      <c r="D468" t="s">
        <v>1255</v>
      </c>
      <c r="E468" t="s">
        <v>30864</v>
      </c>
      <c r="F468">
        <v>5</v>
      </c>
      <c r="G468" t="s">
        <v>0</v>
      </c>
      <c r="H468" t="s">
        <v>1256</v>
      </c>
      <c r="I468" t="s">
        <v>30540</v>
      </c>
    </row>
    <row r="469" spans="1:9">
      <c r="A469" s="1">
        <v>0.23280249453574342</v>
      </c>
      <c r="B469" s="1"/>
      <c r="C469">
        <v>1</v>
      </c>
      <c r="D469" t="s">
        <v>1253</v>
      </c>
      <c r="E469" t="s">
        <v>30865</v>
      </c>
      <c r="F469">
        <v>4</v>
      </c>
      <c r="G469" t="s">
        <v>0</v>
      </c>
      <c r="H469" t="s">
        <v>1254</v>
      </c>
      <c r="I469" t="s">
        <v>30540</v>
      </c>
    </row>
    <row r="470" spans="1:9">
      <c r="A470" s="1">
        <v>0.76072752563056223</v>
      </c>
      <c r="B470" s="1"/>
      <c r="C470">
        <v>2</v>
      </c>
      <c r="D470" t="s">
        <v>1249</v>
      </c>
      <c r="E470" t="s">
        <v>30866</v>
      </c>
      <c r="F470">
        <v>4</v>
      </c>
      <c r="G470" t="s">
        <v>13</v>
      </c>
      <c r="H470" t="s">
        <v>1250</v>
      </c>
      <c r="I470" t="s">
        <v>30540</v>
      </c>
    </row>
    <row r="471" spans="1:9">
      <c r="A471" s="1">
        <v>0.26753520438911749</v>
      </c>
      <c r="B471" s="1"/>
      <c r="C471">
        <v>4</v>
      </c>
      <c r="D471" t="s">
        <v>1251</v>
      </c>
      <c r="E471" t="s">
        <v>30866</v>
      </c>
      <c r="F471">
        <v>4</v>
      </c>
      <c r="G471" t="s">
        <v>9</v>
      </c>
      <c r="H471" t="s">
        <v>1252</v>
      </c>
      <c r="I471" t="s">
        <v>30540</v>
      </c>
    </row>
    <row r="472" spans="1:9">
      <c r="A472" s="1">
        <v>0.17015419549665867</v>
      </c>
      <c r="B472" s="1"/>
      <c r="C472">
        <v>2</v>
      </c>
      <c r="D472" t="s">
        <v>1245</v>
      </c>
      <c r="E472" t="s">
        <v>30867</v>
      </c>
      <c r="F472">
        <v>4</v>
      </c>
      <c r="G472" t="s">
        <v>0</v>
      </c>
      <c r="H472" t="s">
        <v>1246</v>
      </c>
      <c r="I472" t="s">
        <v>30540</v>
      </c>
    </row>
    <row r="473" spans="1:9">
      <c r="A473" s="1">
        <v>0.12093368085788636</v>
      </c>
      <c r="B473" s="1"/>
      <c r="C473">
        <v>1</v>
      </c>
      <c r="D473" t="s">
        <v>1243</v>
      </c>
      <c r="E473" t="s">
        <v>30867</v>
      </c>
      <c r="F473">
        <v>4</v>
      </c>
      <c r="G473" t="s">
        <v>0</v>
      </c>
      <c r="H473" t="s">
        <v>1244</v>
      </c>
      <c r="I473" t="s">
        <v>30540</v>
      </c>
    </row>
    <row r="474" spans="1:9">
      <c r="A474" s="1">
        <v>0.62317652142361879</v>
      </c>
      <c r="B474" s="1"/>
      <c r="C474">
        <v>4</v>
      </c>
      <c r="D474" t="s">
        <v>1239</v>
      </c>
      <c r="E474" t="s">
        <v>30868</v>
      </c>
      <c r="F474">
        <v>4</v>
      </c>
      <c r="G474" t="s">
        <v>0</v>
      </c>
      <c r="H474" t="s">
        <v>1240</v>
      </c>
      <c r="I474" t="s">
        <v>30540</v>
      </c>
    </row>
    <row r="475" spans="1:9">
      <c r="A475" s="1">
        <v>0.52570606693091437</v>
      </c>
      <c r="B475" s="1"/>
      <c r="C475">
        <v>5</v>
      </c>
      <c r="D475" t="s">
        <v>1241</v>
      </c>
      <c r="E475" t="s">
        <v>30868</v>
      </c>
      <c r="F475">
        <v>4</v>
      </c>
      <c r="G475" t="s">
        <v>0</v>
      </c>
      <c r="H475" t="s">
        <v>1242</v>
      </c>
      <c r="I475" t="s">
        <v>30540</v>
      </c>
    </row>
    <row r="476" spans="1:9">
      <c r="A476" s="1">
        <v>0.75267446767022539</v>
      </c>
      <c r="B476" s="1"/>
      <c r="C476">
        <v>1</v>
      </c>
      <c r="D476" t="s">
        <v>1235</v>
      </c>
      <c r="E476" t="s">
        <v>30868</v>
      </c>
      <c r="F476">
        <v>4</v>
      </c>
      <c r="G476" t="s">
        <v>10</v>
      </c>
      <c r="H476" t="s">
        <v>1236</v>
      </c>
      <c r="I476" t="s">
        <v>30540</v>
      </c>
    </row>
    <row r="477" spans="1:9">
      <c r="A477" s="1">
        <v>0.88302572221235931</v>
      </c>
      <c r="B477" s="1"/>
      <c r="C477">
        <v>2</v>
      </c>
      <c r="D477" t="s">
        <v>1237</v>
      </c>
      <c r="E477" t="s">
        <v>30868</v>
      </c>
      <c r="F477">
        <v>4</v>
      </c>
      <c r="G477" t="s">
        <v>1</v>
      </c>
      <c r="H477" t="s">
        <v>1238</v>
      </c>
      <c r="I477" t="s">
        <v>30540</v>
      </c>
    </row>
    <row r="478" spans="1:9">
      <c r="A478" s="1">
        <v>4.0125065408495142E-2</v>
      </c>
      <c r="B478" s="1"/>
      <c r="C478">
        <v>2</v>
      </c>
      <c r="D478" t="s">
        <v>1233</v>
      </c>
      <c r="E478" t="s">
        <v>30869</v>
      </c>
      <c r="F478">
        <v>5</v>
      </c>
      <c r="G478" t="s">
        <v>0</v>
      </c>
      <c r="H478" t="s">
        <v>1234</v>
      </c>
      <c r="I478" t="s">
        <v>30540</v>
      </c>
    </row>
    <row r="479" spans="1:9">
      <c r="A479" s="1">
        <v>0.25325964779185461</v>
      </c>
      <c r="B479" s="1"/>
      <c r="C479">
        <v>1</v>
      </c>
      <c r="D479" t="s">
        <v>1231</v>
      </c>
      <c r="E479" t="s">
        <v>30870</v>
      </c>
      <c r="F479">
        <v>4</v>
      </c>
      <c r="G479" t="s">
        <v>0</v>
      </c>
      <c r="H479" t="s">
        <v>1232</v>
      </c>
      <c r="I479" t="s">
        <v>30540</v>
      </c>
    </row>
    <row r="480" spans="1:9">
      <c r="A480" s="1">
        <v>0.27832031485466913</v>
      </c>
      <c r="B480" s="1"/>
      <c r="C480">
        <v>4</v>
      </c>
      <c r="D480" t="s">
        <v>1229</v>
      </c>
      <c r="E480" t="s">
        <v>30871</v>
      </c>
      <c r="F480">
        <v>4</v>
      </c>
      <c r="G480" t="s">
        <v>1</v>
      </c>
      <c r="H480" t="s">
        <v>1230</v>
      </c>
      <c r="I480" t="s">
        <v>30540</v>
      </c>
    </row>
    <row r="481" spans="1:9">
      <c r="A481" s="1">
        <v>0.17304828209370882</v>
      </c>
      <c r="B481" s="1"/>
      <c r="C481">
        <v>3</v>
      </c>
      <c r="D481" t="s">
        <v>1227</v>
      </c>
      <c r="E481" t="s">
        <v>30872</v>
      </c>
      <c r="F481">
        <v>5</v>
      </c>
      <c r="G481" t="s">
        <v>15</v>
      </c>
      <c r="H481" t="s">
        <v>1228</v>
      </c>
      <c r="I481" t="s">
        <v>30540</v>
      </c>
    </row>
    <row r="482" spans="1:9">
      <c r="A482" s="1">
        <v>0.56675454735485387</v>
      </c>
      <c r="B482" s="1"/>
      <c r="C482">
        <v>3</v>
      </c>
      <c r="D482" t="s">
        <v>1225</v>
      </c>
      <c r="E482" t="s">
        <v>30873</v>
      </c>
      <c r="F482">
        <v>4</v>
      </c>
      <c r="G482" t="s">
        <v>0</v>
      </c>
      <c r="H482" t="s">
        <v>1226</v>
      </c>
      <c r="I482" t="s">
        <v>30540</v>
      </c>
    </row>
    <row r="483" spans="1:9">
      <c r="A483" s="1">
        <v>0.32794716603845275</v>
      </c>
      <c r="B483" s="1"/>
      <c r="C483">
        <v>10</v>
      </c>
      <c r="D483" t="s">
        <v>1223</v>
      </c>
      <c r="E483" t="s">
        <v>30874</v>
      </c>
      <c r="F483">
        <v>5</v>
      </c>
      <c r="G483" t="s">
        <v>0</v>
      </c>
      <c r="H483" t="s">
        <v>1224</v>
      </c>
      <c r="I483" t="s">
        <v>30540</v>
      </c>
    </row>
    <row r="484" spans="1:9">
      <c r="A484" s="1">
        <v>0.37762428669797143</v>
      </c>
      <c r="B484" s="1"/>
      <c r="C484">
        <v>1</v>
      </c>
      <c r="D484" t="s">
        <v>1215</v>
      </c>
      <c r="E484" t="s">
        <v>30874</v>
      </c>
      <c r="F484">
        <v>4</v>
      </c>
      <c r="G484" t="s">
        <v>2</v>
      </c>
      <c r="H484" t="s">
        <v>1216</v>
      </c>
      <c r="I484" t="s">
        <v>30540</v>
      </c>
    </row>
    <row r="485" spans="1:9">
      <c r="A485" s="1">
        <v>0.40856196197320227</v>
      </c>
      <c r="B485" s="1"/>
      <c r="C485">
        <v>4</v>
      </c>
      <c r="D485" t="s">
        <v>1217</v>
      </c>
      <c r="E485" t="s">
        <v>30874</v>
      </c>
      <c r="F485">
        <v>4</v>
      </c>
      <c r="G485" t="s">
        <v>9</v>
      </c>
      <c r="H485" t="s">
        <v>1218</v>
      </c>
      <c r="I485" t="s">
        <v>30540</v>
      </c>
    </row>
    <row r="486" spans="1:9">
      <c r="A486" s="1">
        <v>0.37166240580066023</v>
      </c>
      <c r="B486" s="1"/>
      <c r="C486">
        <v>8</v>
      </c>
      <c r="D486" t="s">
        <v>1219</v>
      </c>
      <c r="E486" t="s">
        <v>30874</v>
      </c>
      <c r="F486">
        <v>4</v>
      </c>
      <c r="G486" t="s">
        <v>9</v>
      </c>
      <c r="H486" t="s">
        <v>1220</v>
      </c>
      <c r="I486" t="s">
        <v>30540</v>
      </c>
    </row>
    <row r="487" spans="1:9">
      <c r="A487" s="1">
        <v>0.454447471119791</v>
      </c>
      <c r="B487" s="1"/>
      <c r="C487">
        <v>9</v>
      </c>
      <c r="D487" t="s">
        <v>1221</v>
      </c>
      <c r="E487" t="s">
        <v>30874</v>
      </c>
      <c r="F487">
        <v>4</v>
      </c>
      <c r="G487" t="s">
        <v>9</v>
      </c>
      <c r="H487" t="s">
        <v>1222</v>
      </c>
      <c r="I487" t="s">
        <v>30540</v>
      </c>
    </row>
    <row r="488" spans="1:9">
      <c r="A488" s="1">
        <v>0.40061650016964268</v>
      </c>
      <c r="B488" s="1"/>
      <c r="C488">
        <v>2</v>
      </c>
      <c r="D488" t="s">
        <v>1213</v>
      </c>
      <c r="E488" t="s">
        <v>30875</v>
      </c>
      <c r="F488">
        <v>4</v>
      </c>
      <c r="G488" t="s">
        <v>1</v>
      </c>
      <c r="H488" t="s">
        <v>1214</v>
      </c>
      <c r="I488" t="s">
        <v>30540</v>
      </c>
    </row>
    <row r="489" spans="1:9">
      <c r="A489" s="1">
        <v>0.3959260871854855</v>
      </c>
      <c r="B489" s="1"/>
      <c r="C489">
        <v>4</v>
      </c>
      <c r="D489" t="s">
        <v>1211</v>
      </c>
      <c r="E489" t="s">
        <v>30876</v>
      </c>
      <c r="F489">
        <v>4</v>
      </c>
      <c r="G489" t="s">
        <v>0</v>
      </c>
      <c r="H489" t="s">
        <v>1212</v>
      </c>
      <c r="I489" t="s">
        <v>30540</v>
      </c>
    </row>
    <row r="490" spans="1:9">
      <c r="A490" s="1">
        <v>0.12413428082634137</v>
      </c>
      <c r="B490" s="1"/>
      <c r="C490">
        <v>2</v>
      </c>
      <c r="D490" t="s">
        <v>1203</v>
      </c>
      <c r="E490" t="s">
        <v>30877</v>
      </c>
      <c r="F490">
        <v>4</v>
      </c>
      <c r="G490" t="s">
        <v>0</v>
      </c>
      <c r="H490" t="s">
        <v>1204</v>
      </c>
      <c r="I490" t="s">
        <v>30540</v>
      </c>
    </row>
    <row r="491" spans="1:9">
      <c r="A491" s="1">
        <v>0.19416416645267554</v>
      </c>
      <c r="B491" s="1"/>
      <c r="C491">
        <v>5</v>
      </c>
      <c r="D491" t="s">
        <v>1209</v>
      </c>
      <c r="E491" t="s">
        <v>30877</v>
      </c>
      <c r="F491">
        <v>4</v>
      </c>
      <c r="G491" t="s">
        <v>1</v>
      </c>
      <c r="H491" t="s">
        <v>1210</v>
      </c>
      <c r="I491" t="s">
        <v>30540</v>
      </c>
    </row>
    <row r="492" spans="1:9">
      <c r="A492" s="1">
        <v>0.55379276413019562</v>
      </c>
      <c r="B492" s="1"/>
      <c r="C492">
        <v>1</v>
      </c>
      <c r="D492" t="s">
        <v>1201</v>
      </c>
      <c r="E492" t="s">
        <v>30877</v>
      </c>
      <c r="F492">
        <v>4</v>
      </c>
      <c r="G492" t="s">
        <v>10</v>
      </c>
      <c r="H492" t="s">
        <v>1202</v>
      </c>
      <c r="I492" t="s">
        <v>30540</v>
      </c>
    </row>
    <row r="493" spans="1:9">
      <c r="A493" s="1">
        <v>0.36070548708196482</v>
      </c>
      <c r="B493" s="1"/>
      <c r="C493">
        <v>4</v>
      </c>
      <c r="D493" t="s">
        <v>1207</v>
      </c>
      <c r="E493" t="s">
        <v>30877</v>
      </c>
      <c r="F493">
        <v>4</v>
      </c>
      <c r="G493" t="s">
        <v>0</v>
      </c>
      <c r="H493" t="s">
        <v>1208</v>
      </c>
      <c r="I493" t="s">
        <v>30540</v>
      </c>
    </row>
    <row r="494" spans="1:9">
      <c r="A494" s="1">
        <v>0.96052834717630653</v>
      </c>
      <c r="B494" s="1"/>
      <c r="C494">
        <v>3</v>
      </c>
      <c r="D494" t="s">
        <v>1205</v>
      </c>
      <c r="E494" t="s">
        <v>30877</v>
      </c>
      <c r="F494">
        <v>4</v>
      </c>
      <c r="G494" t="s">
        <v>13</v>
      </c>
      <c r="H494" t="s">
        <v>1206</v>
      </c>
      <c r="I494" t="s">
        <v>30540</v>
      </c>
    </row>
    <row r="495" spans="1:9">
      <c r="A495" s="1">
        <v>0.14856725362564971</v>
      </c>
      <c r="B495" s="1"/>
      <c r="C495">
        <v>4</v>
      </c>
      <c r="D495" t="s">
        <v>1199</v>
      </c>
      <c r="E495" t="s">
        <v>30878</v>
      </c>
      <c r="F495">
        <v>4</v>
      </c>
      <c r="G495" t="s">
        <v>0</v>
      </c>
      <c r="H495" t="s">
        <v>1200</v>
      </c>
      <c r="I495" t="s">
        <v>30540</v>
      </c>
    </row>
    <row r="496" spans="1:9">
      <c r="A496" s="1">
        <v>0.34221138158026132</v>
      </c>
      <c r="B496" s="1"/>
      <c r="C496">
        <v>1</v>
      </c>
      <c r="D496" t="s">
        <v>1197</v>
      </c>
      <c r="E496" t="s">
        <v>30878</v>
      </c>
      <c r="F496">
        <v>3</v>
      </c>
      <c r="G496" t="s">
        <v>10</v>
      </c>
      <c r="H496" t="s">
        <v>1198</v>
      </c>
      <c r="I496" t="s">
        <v>30540</v>
      </c>
    </row>
    <row r="497" spans="1:9">
      <c r="A497" s="1">
        <v>0.57738412915850157</v>
      </c>
      <c r="B497" s="1"/>
      <c r="C497">
        <v>2</v>
      </c>
      <c r="D497" t="s">
        <v>1193</v>
      </c>
      <c r="E497" t="s">
        <v>30879</v>
      </c>
      <c r="F497">
        <v>5</v>
      </c>
      <c r="G497" t="s">
        <v>0</v>
      </c>
      <c r="H497" t="s">
        <v>1194</v>
      </c>
      <c r="I497" t="s">
        <v>30540</v>
      </c>
    </row>
    <row r="498" spans="1:9">
      <c r="A498" s="1">
        <v>0.42803268910603631</v>
      </c>
      <c r="B498" s="1"/>
      <c r="C498">
        <v>4</v>
      </c>
      <c r="D498" t="s">
        <v>1195</v>
      </c>
      <c r="E498" t="s">
        <v>30879</v>
      </c>
      <c r="F498">
        <v>4</v>
      </c>
      <c r="G498" t="s">
        <v>1</v>
      </c>
      <c r="H498" t="s">
        <v>1196</v>
      </c>
      <c r="I498" t="s">
        <v>30540</v>
      </c>
    </row>
    <row r="499" spans="1:9">
      <c r="A499" s="1">
        <v>0.90355764691061768</v>
      </c>
      <c r="B499" s="1"/>
      <c r="C499">
        <v>5</v>
      </c>
      <c r="D499" t="s">
        <v>1191</v>
      </c>
      <c r="E499" t="s">
        <v>30880</v>
      </c>
      <c r="F499">
        <v>5</v>
      </c>
      <c r="G499" t="s">
        <v>9</v>
      </c>
      <c r="H499" t="s">
        <v>1192</v>
      </c>
      <c r="I499" t="s">
        <v>30540</v>
      </c>
    </row>
    <row r="500" spans="1:9">
      <c r="A500" s="1">
        <v>0.64188466719344139</v>
      </c>
      <c r="B500" s="1"/>
      <c r="C500">
        <v>2</v>
      </c>
      <c r="D500" t="s">
        <v>1187</v>
      </c>
      <c r="E500" t="s">
        <v>30881</v>
      </c>
      <c r="F500">
        <v>5</v>
      </c>
      <c r="G500" t="s">
        <v>0</v>
      </c>
      <c r="H500" t="s">
        <v>1188</v>
      </c>
      <c r="I500" t="s">
        <v>30540</v>
      </c>
    </row>
    <row r="501" spans="1:9">
      <c r="A501" s="1">
        <v>0.3872226794307555</v>
      </c>
      <c r="B501" s="1"/>
      <c r="C501">
        <v>1</v>
      </c>
      <c r="D501" t="s">
        <v>1185</v>
      </c>
      <c r="E501" t="s">
        <v>30881</v>
      </c>
      <c r="F501">
        <v>5</v>
      </c>
      <c r="G501" t="s">
        <v>9</v>
      </c>
      <c r="H501" t="s">
        <v>1186</v>
      </c>
      <c r="I501" t="s">
        <v>30540</v>
      </c>
    </row>
    <row r="502" spans="1:9">
      <c r="A502" s="1">
        <v>0.54688551840139277</v>
      </c>
      <c r="B502" s="1"/>
      <c r="C502">
        <v>1</v>
      </c>
      <c r="D502" t="s">
        <v>1181</v>
      </c>
      <c r="E502" t="s">
        <v>30883</v>
      </c>
      <c r="F502">
        <v>4</v>
      </c>
      <c r="G502" t="s">
        <v>2</v>
      </c>
      <c r="H502" t="s">
        <v>1182</v>
      </c>
      <c r="I502" t="s">
        <v>30540</v>
      </c>
    </row>
    <row r="503" spans="1:9">
      <c r="A503" s="1">
        <v>0.8042174566109479</v>
      </c>
      <c r="B503" s="1"/>
      <c r="C503">
        <v>3</v>
      </c>
      <c r="D503" t="s">
        <v>1179</v>
      </c>
      <c r="E503" t="s">
        <v>30884</v>
      </c>
      <c r="F503">
        <v>5</v>
      </c>
      <c r="G503" t="s">
        <v>0</v>
      </c>
      <c r="H503" t="s">
        <v>1180</v>
      </c>
      <c r="I503" t="s">
        <v>30540</v>
      </c>
    </row>
    <row r="504" spans="1:9">
      <c r="A504" s="1">
        <v>0.58888576614456056</v>
      </c>
      <c r="B504" s="1"/>
      <c r="C504">
        <v>5</v>
      </c>
      <c r="D504" t="s">
        <v>1177</v>
      </c>
      <c r="E504" t="s">
        <v>30885</v>
      </c>
      <c r="F504">
        <v>4</v>
      </c>
      <c r="G504" t="s">
        <v>0</v>
      </c>
      <c r="H504" t="s">
        <v>1178</v>
      </c>
      <c r="I504" t="s">
        <v>30540</v>
      </c>
    </row>
    <row r="505" spans="1:9">
      <c r="A505" s="1">
        <v>2.7785378883243506E-2</v>
      </c>
      <c r="B505" s="1"/>
      <c r="C505">
        <v>1</v>
      </c>
      <c r="D505" t="s">
        <v>1171</v>
      </c>
      <c r="E505" t="s">
        <v>30886</v>
      </c>
      <c r="F505">
        <v>5</v>
      </c>
      <c r="H505" t="s">
        <v>1172</v>
      </c>
      <c r="I505" t="s">
        <v>30540</v>
      </c>
    </row>
    <row r="506" spans="1:9">
      <c r="A506" s="1">
        <v>0.93009681936672495</v>
      </c>
      <c r="B506" s="1"/>
      <c r="C506">
        <v>3</v>
      </c>
      <c r="D506" t="s">
        <v>1175</v>
      </c>
      <c r="E506" t="s">
        <v>30886</v>
      </c>
      <c r="F506">
        <v>5</v>
      </c>
      <c r="H506" t="s">
        <v>1176</v>
      </c>
      <c r="I506" t="s">
        <v>30540</v>
      </c>
    </row>
    <row r="507" spans="1:9">
      <c r="A507" s="1">
        <v>0.91886923280095634</v>
      </c>
      <c r="B507" s="1"/>
      <c r="C507">
        <v>2</v>
      </c>
      <c r="D507" t="s">
        <v>1173</v>
      </c>
      <c r="E507" t="s">
        <v>30886</v>
      </c>
      <c r="F507">
        <v>4</v>
      </c>
      <c r="H507" t="s">
        <v>1174</v>
      </c>
      <c r="I507" t="s">
        <v>30540</v>
      </c>
    </row>
    <row r="508" spans="1:9">
      <c r="A508" s="1">
        <v>0.57310583696521777</v>
      </c>
      <c r="B508" s="1"/>
      <c r="C508">
        <v>2</v>
      </c>
      <c r="D508" t="s">
        <v>1169</v>
      </c>
      <c r="E508" t="s">
        <v>30887</v>
      </c>
      <c r="F508">
        <v>5</v>
      </c>
      <c r="G508" t="s">
        <v>15</v>
      </c>
      <c r="H508" t="s">
        <v>1170</v>
      </c>
      <c r="I508" t="s">
        <v>30540</v>
      </c>
    </row>
    <row r="509" spans="1:9">
      <c r="A509" s="1">
        <v>0.58729989114599002</v>
      </c>
      <c r="B509" s="1"/>
      <c r="C509">
        <v>1</v>
      </c>
      <c r="D509" t="s">
        <v>1167</v>
      </c>
      <c r="E509" t="s">
        <v>30887</v>
      </c>
      <c r="F509">
        <v>4</v>
      </c>
      <c r="G509" t="s">
        <v>14</v>
      </c>
      <c r="H509" t="s">
        <v>1168</v>
      </c>
      <c r="I509" t="s">
        <v>30540</v>
      </c>
    </row>
    <row r="510" spans="1:9">
      <c r="A510" s="1">
        <v>0.82747820488333046</v>
      </c>
      <c r="B510" s="1"/>
      <c r="C510">
        <v>4</v>
      </c>
      <c r="D510" t="s">
        <v>1165</v>
      </c>
      <c r="E510" t="s">
        <v>30888</v>
      </c>
      <c r="F510">
        <v>5</v>
      </c>
      <c r="H510" t="s">
        <v>1166</v>
      </c>
      <c r="I510" t="s">
        <v>30540</v>
      </c>
    </row>
    <row r="511" spans="1:9">
      <c r="A511" s="1">
        <v>0.90805039361592055</v>
      </c>
      <c r="B511" s="1"/>
      <c r="C511">
        <v>2</v>
      </c>
      <c r="D511" t="s">
        <v>1161</v>
      </c>
      <c r="E511" t="s">
        <v>30888</v>
      </c>
      <c r="F511">
        <v>4</v>
      </c>
      <c r="H511" t="s">
        <v>1162</v>
      </c>
      <c r="I511" t="s">
        <v>30540</v>
      </c>
    </row>
    <row r="512" spans="1:9">
      <c r="A512" s="1">
        <v>0.52603851756137598</v>
      </c>
      <c r="B512" s="1"/>
      <c r="C512">
        <v>3</v>
      </c>
      <c r="D512" t="s">
        <v>1163</v>
      </c>
      <c r="E512" t="s">
        <v>30888</v>
      </c>
      <c r="F512">
        <v>4</v>
      </c>
      <c r="H512" t="s">
        <v>1164</v>
      </c>
      <c r="I512" t="s">
        <v>30540</v>
      </c>
    </row>
    <row r="513" spans="1:9">
      <c r="A513" s="1">
        <v>0.95726592053570148</v>
      </c>
      <c r="B513" s="1"/>
      <c r="C513">
        <v>4</v>
      </c>
      <c r="D513" t="s">
        <v>1159</v>
      </c>
      <c r="E513" t="s">
        <v>30889</v>
      </c>
      <c r="F513">
        <v>5</v>
      </c>
      <c r="H513" t="s">
        <v>1160</v>
      </c>
      <c r="I513" t="s">
        <v>30540</v>
      </c>
    </row>
    <row r="514" spans="1:9">
      <c r="A514" s="1">
        <v>0.55582711047930233</v>
      </c>
      <c r="B514" s="1"/>
      <c r="C514">
        <v>3</v>
      </c>
      <c r="D514" t="s">
        <v>1157</v>
      </c>
      <c r="E514" t="s">
        <v>30889</v>
      </c>
      <c r="F514">
        <v>4</v>
      </c>
      <c r="H514" t="s">
        <v>1158</v>
      </c>
      <c r="I514" t="s">
        <v>30540</v>
      </c>
    </row>
    <row r="515" spans="1:9">
      <c r="A515" s="1">
        <v>0.43841321302182401</v>
      </c>
      <c r="B515" s="1"/>
      <c r="C515">
        <v>3</v>
      </c>
      <c r="D515" t="s">
        <v>1155</v>
      </c>
      <c r="E515" t="s">
        <v>30890</v>
      </c>
      <c r="F515">
        <v>4</v>
      </c>
      <c r="H515" t="s">
        <v>1156</v>
      </c>
      <c r="I515" t="s">
        <v>30540</v>
      </c>
    </row>
    <row r="516" spans="1:9">
      <c r="A516" s="1">
        <v>8.5582333295579516E-2</v>
      </c>
      <c r="B516" s="1"/>
      <c r="C516">
        <v>2</v>
      </c>
      <c r="D516" t="s">
        <v>1153</v>
      </c>
      <c r="E516" t="s">
        <v>30891</v>
      </c>
      <c r="F516">
        <v>4</v>
      </c>
      <c r="G516" t="s">
        <v>2</v>
      </c>
      <c r="H516" t="s">
        <v>1154</v>
      </c>
      <c r="I516" t="s">
        <v>30540</v>
      </c>
    </row>
    <row r="517" spans="1:9">
      <c r="A517" s="1">
        <v>0.43338112529269823</v>
      </c>
      <c r="B517" s="1"/>
      <c r="C517">
        <v>3</v>
      </c>
      <c r="D517" t="s">
        <v>1151</v>
      </c>
      <c r="E517" t="s">
        <v>30892</v>
      </c>
      <c r="F517">
        <v>4</v>
      </c>
      <c r="H517" t="s">
        <v>1152</v>
      </c>
      <c r="I517" t="s">
        <v>30540</v>
      </c>
    </row>
    <row r="518" spans="1:9">
      <c r="A518" s="1">
        <v>0.54975036143805966</v>
      </c>
      <c r="B518" s="1"/>
      <c r="C518">
        <v>4</v>
      </c>
      <c r="D518" t="s">
        <v>1147</v>
      </c>
      <c r="E518" t="s">
        <v>30893</v>
      </c>
      <c r="F518">
        <v>5</v>
      </c>
      <c r="H518" t="s">
        <v>1148</v>
      </c>
      <c r="I518" t="s">
        <v>30540</v>
      </c>
    </row>
    <row r="519" spans="1:9">
      <c r="A519" s="1">
        <v>0.51032243894773544</v>
      </c>
      <c r="B519" s="1"/>
      <c r="C519">
        <v>5</v>
      </c>
      <c r="D519" t="s">
        <v>1149</v>
      </c>
      <c r="E519" t="s">
        <v>30893</v>
      </c>
      <c r="F519">
        <v>4</v>
      </c>
      <c r="H519" t="s">
        <v>1150</v>
      </c>
      <c r="I519" t="s">
        <v>30540</v>
      </c>
    </row>
    <row r="520" spans="1:9">
      <c r="A520" s="1">
        <v>0.89642304506901216</v>
      </c>
      <c r="B520" s="1"/>
      <c r="C520">
        <v>2</v>
      </c>
      <c r="D520" t="s">
        <v>1145</v>
      </c>
      <c r="E520" t="s">
        <v>30894</v>
      </c>
      <c r="F520">
        <v>3</v>
      </c>
      <c r="H520" t="s">
        <v>1146</v>
      </c>
      <c r="I520" t="s">
        <v>30540</v>
      </c>
    </row>
    <row r="521" spans="1:9">
      <c r="A521" s="1">
        <v>0.69922080416329158</v>
      </c>
      <c r="B521" s="1"/>
      <c r="C521">
        <v>3</v>
      </c>
      <c r="D521" t="s">
        <v>1143</v>
      </c>
      <c r="E521" t="s">
        <v>30895</v>
      </c>
      <c r="F521">
        <v>4</v>
      </c>
      <c r="H521" t="s">
        <v>1144</v>
      </c>
      <c r="I521" t="s">
        <v>30540</v>
      </c>
    </row>
    <row r="522" spans="1:9">
      <c r="A522" s="1">
        <v>0.60236695565150755</v>
      </c>
      <c r="B522" s="1"/>
      <c r="C522">
        <v>2</v>
      </c>
      <c r="D522" t="s">
        <v>1141</v>
      </c>
      <c r="E522" t="s">
        <v>30896</v>
      </c>
      <c r="F522">
        <v>4</v>
      </c>
      <c r="H522" t="s">
        <v>1142</v>
      </c>
      <c r="I522" t="s">
        <v>30540</v>
      </c>
    </row>
    <row r="523" spans="1:9">
      <c r="A523" s="1">
        <v>0.42708180046300581</v>
      </c>
      <c r="B523" s="1"/>
      <c r="C523">
        <v>4</v>
      </c>
      <c r="D523" t="s">
        <v>1137</v>
      </c>
      <c r="E523" t="s">
        <v>30897</v>
      </c>
      <c r="F523">
        <v>5</v>
      </c>
      <c r="H523" t="s">
        <v>1138</v>
      </c>
      <c r="I523" t="s">
        <v>30540</v>
      </c>
    </row>
    <row r="524" spans="1:9">
      <c r="A524" s="1">
        <v>0.25197274929205749</v>
      </c>
      <c r="B524" s="1"/>
      <c r="C524">
        <v>7</v>
      </c>
      <c r="D524" t="s">
        <v>1139</v>
      </c>
      <c r="E524" t="s">
        <v>30897</v>
      </c>
      <c r="F524">
        <v>4</v>
      </c>
      <c r="H524" t="s">
        <v>1140</v>
      </c>
      <c r="I524" t="s">
        <v>30540</v>
      </c>
    </row>
    <row r="525" spans="1:9">
      <c r="A525" s="1">
        <v>0.37777021258156041</v>
      </c>
      <c r="B525" s="1"/>
      <c r="C525">
        <v>1</v>
      </c>
      <c r="D525" t="s">
        <v>1135</v>
      </c>
      <c r="E525" t="s">
        <v>30898</v>
      </c>
      <c r="F525">
        <v>4</v>
      </c>
      <c r="G525" t="s">
        <v>2</v>
      </c>
      <c r="H525" t="s">
        <v>1136</v>
      </c>
      <c r="I525" t="s">
        <v>30540</v>
      </c>
    </row>
    <row r="526" spans="1:9">
      <c r="A526" s="1">
        <v>0.86618697874651762</v>
      </c>
      <c r="B526" s="1"/>
      <c r="C526">
        <v>1</v>
      </c>
      <c r="D526" t="s">
        <v>1131</v>
      </c>
      <c r="E526" t="s">
        <v>30899</v>
      </c>
      <c r="F526">
        <v>4</v>
      </c>
      <c r="H526" t="s">
        <v>1132</v>
      </c>
      <c r="I526" t="s">
        <v>30540</v>
      </c>
    </row>
    <row r="527" spans="1:9">
      <c r="A527" s="1">
        <v>0.6664148465850368</v>
      </c>
      <c r="B527" s="1"/>
      <c r="C527">
        <v>3</v>
      </c>
      <c r="D527" t="s">
        <v>1133</v>
      </c>
      <c r="E527" t="s">
        <v>30899</v>
      </c>
      <c r="F527">
        <v>4</v>
      </c>
      <c r="H527" t="s">
        <v>1134</v>
      </c>
      <c r="I527" t="s">
        <v>30540</v>
      </c>
    </row>
    <row r="528" spans="1:9">
      <c r="A528" s="1">
        <v>9.9417189070159284E-2</v>
      </c>
      <c r="B528" s="1"/>
      <c r="C528">
        <v>2</v>
      </c>
      <c r="D528" t="s">
        <v>1129</v>
      </c>
      <c r="E528" t="s">
        <v>30900</v>
      </c>
      <c r="F528">
        <v>4</v>
      </c>
      <c r="H528" t="s">
        <v>1130</v>
      </c>
      <c r="I528" t="s">
        <v>30540</v>
      </c>
    </row>
    <row r="529" spans="1:9">
      <c r="A529" s="1">
        <v>0.36074236644942759</v>
      </c>
      <c r="B529" s="1"/>
      <c r="C529">
        <v>2</v>
      </c>
      <c r="D529" t="s">
        <v>1127</v>
      </c>
      <c r="E529" t="s">
        <v>30901</v>
      </c>
      <c r="F529">
        <v>4</v>
      </c>
      <c r="H529" t="s">
        <v>1128</v>
      </c>
      <c r="I529" t="s">
        <v>30540</v>
      </c>
    </row>
    <row r="530" spans="1:9">
      <c r="A530" s="1">
        <v>0.38417297766999059</v>
      </c>
      <c r="B530" s="1"/>
      <c r="C530">
        <v>3</v>
      </c>
      <c r="D530" t="s">
        <v>1123</v>
      </c>
      <c r="E530" t="s">
        <v>30902</v>
      </c>
      <c r="F530">
        <v>5</v>
      </c>
      <c r="H530" t="s">
        <v>1124</v>
      </c>
      <c r="I530" t="s">
        <v>30540</v>
      </c>
    </row>
    <row r="531" spans="1:9">
      <c r="A531" s="1">
        <v>0.79245102568406367</v>
      </c>
      <c r="B531" s="1"/>
      <c r="C531">
        <v>4</v>
      </c>
      <c r="D531" t="s">
        <v>1125</v>
      </c>
      <c r="E531" t="s">
        <v>30902</v>
      </c>
      <c r="F531">
        <v>4</v>
      </c>
      <c r="H531" t="s">
        <v>1126</v>
      </c>
      <c r="I531" t="s">
        <v>30540</v>
      </c>
    </row>
    <row r="532" spans="1:9">
      <c r="A532" s="1">
        <v>0.29092648590678372</v>
      </c>
      <c r="B532" s="1"/>
      <c r="C532">
        <v>1</v>
      </c>
      <c r="D532" t="s">
        <v>1121</v>
      </c>
      <c r="E532" t="s">
        <v>30903</v>
      </c>
      <c r="F532">
        <v>5</v>
      </c>
      <c r="H532" t="s">
        <v>1122</v>
      </c>
      <c r="I532" t="s">
        <v>30540</v>
      </c>
    </row>
    <row r="533" spans="1:9">
      <c r="A533" s="1">
        <v>0.31199221894754747</v>
      </c>
      <c r="B533" s="1"/>
      <c r="C533">
        <v>4</v>
      </c>
      <c r="D533" t="s">
        <v>1119</v>
      </c>
      <c r="E533" t="s">
        <v>30904</v>
      </c>
      <c r="F533">
        <v>4</v>
      </c>
      <c r="G533" t="s">
        <v>14</v>
      </c>
      <c r="H533" t="s">
        <v>1120</v>
      </c>
      <c r="I533" t="s">
        <v>30540</v>
      </c>
    </row>
    <row r="534" spans="1:9">
      <c r="A534" s="1">
        <v>0.97215544257739506</v>
      </c>
      <c r="B534" s="1"/>
      <c r="C534">
        <v>4</v>
      </c>
      <c r="D534" t="s">
        <v>1117</v>
      </c>
      <c r="E534" t="s">
        <v>30905</v>
      </c>
      <c r="F534">
        <v>4</v>
      </c>
      <c r="H534" t="s">
        <v>1118</v>
      </c>
      <c r="I534" t="s">
        <v>30540</v>
      </c>
    </row>
    <row r="535" spans="1:9">
      <c r="A535" s="1">
        <v>0.55417411259494864</v>
      </c>
      <c r="B535" s="1"/>
      <c r="C535">
        <v>1</v>
      </c>
      <c r="D535" t="s">
        <v>1115</v>
      </c>
      <c r="E535" t="s">
        <v>30906</v>
      </c>
      <c r="F535">
        <v>4</v>
      </c>
      <c r="H535" t="s">
        <v>1116</v>
      </c>
      <c r="I535" t="s">
        <v>30540</v>
      </c>
    </row>
    <row r="536" spans="1:9">
      <c r="A536" s="1">
        <v>0.40414798414397579</v>
      </c>
      <c r="B536" s="1"/>
      <c r="C536">
        <v>2</v>
      </c>
      <c r="D536" t="s">
        <v>1111</v>
      </c>
      <c r="E536" t="s">
        <v>30908</v>
      </c>
      <c r="F536">
        <v>4</v>
      </c>
      <c r="H536" t="s">
        <v>1112</v>
      </c>
      <c r="I536" t="s">
        <v>30540</v>
      </c>
    </row>
    <row r="537" spans="1:9">
      <c r="A537" s="1">
        <v>0.77794593069110107</v>
      </c>
      <c r="B537" s="1"/>
      <c r="C537">
        <v>8</v>
      </c>
      <c r="D537" t="s">
        <v>1107</v>
      </c>
      <c r="E537" t="s">
        <v>30909</v>
      </c>
      <c r="F537">
        <v>4</v>
      </c>
      <c r="H537" t="s">
        <v>1108</v>
      </c>
      <c r="I537" t="s">
        <v>30540</v>
      </c>
    </row>
    <row r="538" spans="1:9">
      <c r="A538" s="1">
        <v>0.79150333598100076</v>
      </c>
      <c r="B538" s="1"/>
      <c r="C538">
        <v>5</v>
      </c>
      <c r="D538" t="s">
        <v>1105</v>
      </c>
      <c r="E538" t="s">
        <v>30909</v>
      </c>
      <c r="F538">
        <v>4</v>
      </c>
      <c r="H538" t="s">
        <v>1106</v>
      </c>
      <c r="I538" t="s">
        <v>30540</v>
      </c>
    </row>
    <row r="539" spans="1:9">
      <c r="A539" s="1">
        <v>0.57127787098755678</v>
      </c>
      <c r="B539" s="1"/>
      <c r="C539">
        <v>9</v>
      </c>
      <c r="D539" t="s">
        <v>1109</v>
      </c>
      <c r="E539" t="s">
        <v>30909</v>
      </c>
      <c r="F539">
        <v>4</v>
      </c>
      <c r="H539" t="s">
        <v>1110</v>
      </c>
      <c r="I539" t="s">
        <v>30540</v>
      </c>
    </row>
    <row r="540" spans="1:9">
      <c r="A540" s="1">
        <v>0.6707873142658406</v>
      </c>
      <c r="B540" s="1"/>
      <c r="C540">
        <v>1</v>
      </c>
      <c r="D540" t="s">
        <v>1101</v>
      </c>
      <c r="E540" t="s">
        <v>30910</v>
      </c>
      <c r="F540">
        <v>5</v>
      </c>
      <c r="H540" t="s">
        <v>1102</v>
      </c>
      <c r="I540" t="s">
        <v>30540</v>
      </c>
    </row>
    <row r="541" spans="1:9">
      <c r="A541" s="1">
        <v>0.78226176696171246</v>
      </c>
      <c r="B541" s="1"/>
      <c r="C541">
        <v>2</v>
      </c>
      <c r="D541" t="s">
        <v>1103</v>
      </c>
      <c r="E541" t="s">
        <v>30910</v>
      </c>
      <c r="F541">
        <v>4</v>
      </c>
      <c r="H541" t="s">
        <v>1104</v>
      </c>
      <c r="I541" t="s">
        <v>30540</v>
      </c>
    </row>
    <row r="542" spans="1:9">
      <c r="A542" s="1">
        <v>0.37449111136384838</v>
      </c>
      <c r="B542" s="1"/>
      <c r="C542">
        <v>1</v>
      </c>
      <c r="D542" t="s">
        <v>1097</v>
      </c>
      <c r="E542" t="s">
        <v>30911</v>
      </c>
      <c r="F542">
        <v>4</v>
      </c>
      <c r="H542" t="s">
        <v>1098</v>
      </c>
      <c r="I542" t="s">
        <v>30540</v>
      </c>
    </row>
    <row r="543" spans="1:9">
      <c r="A543" s="1">
        <v>0.46996967126717015</v>
      </c>
      <c r="B543" s="1"/>
      <c r="C543">
        <v>2</v>
      </c>
      <c r="D543" t="s">
        <v>1099</v>
      </c>
      <c r="E543" t="s">
        <v>30911</v>
      </c>
      <c r="F543">
        <v>4</v>
      </c>
      <c r="H543" t="s">
        <v>1100</v>
      </c>
      <c r="I543" t="s">
        <v>30540</v>
      </c>
    </row>
    <row r="544" spans="1:9">
      <c r="A544" s="1">
        <v>0.20706921410239687</v>
      </c>
      <c r="B544" s="1"/>
      <c r="C544">
        <v>7</v>
      </c>
      <c r="D544" t="s">
        <v>1093</v>
      </c>
      <c r="E544" t="s">
        <v>30912</v>
      </c>
      <c r="F544">
        <v>4</v>
      </c>
      <c r="H544" t="s">
        <v>1094</v>
      </c>
      <c r="I544" t="s">
        <v>30540</v>
      </c>
    </row>
    <row r="545" spans="1:9">
      <c r="A545" s="1">
        <v>7.7390493462395904E-3</v>
      </c>
      <c r="B545" s="1"/>
      <c r="C545">
        <v>2</v>
      </c>
      <c r="D545" t="s">
        <v>1089</v>
      </c>
      <c r="E545" t="s">
        <v>30912</v>
      </c>
      <c r="F545">
        <v>4</v>
      </c>
      <c r="H545" t="s">
        <v>1090</v>
      </c>
      <c r="I545" t="s">
        <v>30540</v>
      </c>
    </row>
    <row r="546" spans="1:9">
      <c r="A546" s="1">
        <v>0.89610580928006578</v>
      </c>
      <c r="B546" s="1"/>
      <c r="C546">
        <v>9</v>
      </c>
      <c r="D546" t="s">
        <v>1095</v>
      </c>
      <c r="E546" t="s">
        <v>30912</v>
      </c>
      <c r="F546">
        <v>4</v>
      </c>
      <c r="H546" t="s">
        <v>1096</v>
      </c>
      <c r="I546" t="s">
        <v>30540</v>
      </c>
    </row>
    <row r="547" spans="1:9">
      <c r="A547" s="1">
        <v>0.72204272511697454</v>
      </c>
      <c r="B547" s="1"/>
      <c r="C547">
        <v>6</v>
      </c>
      <c r="D547" t="s">
        <v>1091</v>
      </c>
      <c r="E547" t="s">
        <v>30912</v>
      </c>
      <c r="F547">
        <v>3</v>
      </c>
      <c r="H547" t="s">
        <v>1092</v>
      </c>
      <c r="I547" t="s">
        <v>30540</v>
      </c>
    </row>
    <row r="548" spans="1:9">
      <c r="A548" s="1">
        <v>4.4750039101035033E-2</v>
      </c>
      <c r="B548" s="1"/>
      <c r="C548">
        <v>1</v>
      </c>
      <c r="D548" t="s">
        <v>1087</v>
      </c>
      <c r="E548" t="s">
        <v>30913</v>
      </c>
      <c r="F548">
        <v>5</v>
      </c>
      <c r="H548" t="s">
        <v>1088</v>
      </c>
      <c r="I548" t="s">
        <v>30540</v>
      </c>
    </row>
    <row r="549" spans="1:9">
      <c r="A549" s="1">
        <v>0.75821896722541304</v>
      </c>
      <c r="B549" s="1"/>
      <c r="C549">
        <v>3</v>
      </c>
      <c r="D549" t="s">
        <v>1083</v>
      </c>
      <c r="E549" t="s">
        <v>30914</v>
      </c>
      <c r="F549">
        <v>5</v>
      </c>
      <c r="H549" t="s">
        <v>1084</v>
      </c>
      <c r="I549" t="s">
        <v>30540</v>
      </c>
    </row>
    <row r="550" spans="1:9">
      <c r="A550" s="1">
        <v>0.21931253840581022</v>
      </c>
      <c r="B550" s="1"/>
      <c r="C550">
        <v>4</v>
      </c>
      <c r="D550" t="s">
        <v>1085</v>
      </c>
      <c r="E550" t="s">
        <v>30914</v>
      </c>
      <c r="F550">
        <v>5</v>
      </c>
      <c r="H550" t="s">
        <v>1086</v>
      </c>
      <c r="I550" t="s">
        <v>30540</v>
      </c>
    </row>
    <row r="551" spans="1:9">
      <c r="A551" s="1">
        <v>0.11714447874381118</v>
      </c>
      <c r="B551" s="1"/>
      <c r="C551">
        <v>4</v>
      </c>
      <c r="D551" t="s">
        <v>1079</v>
      </c>
      <c r="E551" t="s">
        <v>30915</v>
      </c>
      <c r="F551">
        <v>4</v>
      </c>
      <c r="H551" t="s">
        <v>1080</v>
      </c>
      <c r="I551" t="s">
        <v>30540</v>
      </c>
    </row>
    <row r="552" spans="1:9">
      <c r="A552" s="1">
        <v>0.75538237156907784</v>
      </c>
      <c r="B552" s="1"/>
      <c r="C552">
        <v>5</v>
      </c>
      <c r="D552" t="s">
        <v>1081</v>
      </c>
      <c r="E552" t="s">
        <v>30915</v>
      </c>
      <c r="F552">
        <v>3</v>
      </c>
      <c r="H552" t="s">
        <v>1082</v>
      </c>
      <c r="I552" t="s">
        <v>30540</v>
      </c>
    </row>
    <row r="553" spans="1:9">
      <c r="A553" s="1">
        <v>7.8549003983537591E-2</v>
      </c>
      <c r="B553" s="1"/>
      <c r="C553">
        <v>4</v>
      </c>
      <c r="D553" t="s">
        <v>1077</v>
      </c>
      <c r="E553" t="s">
        <v>30916</v>
      </c>
      <c r="F553">
        <v>4</v>
      </c>
      <c r="H553" t="s">
        <v>1078</v>
      </c>
      <c r="I553" t="s">
        <v>30540</v>
      </c>
    </row>
    <row r="554" spans="1:9">
      <c r="A554" s="1">
        <v>0.36359432897869193</v>
      </c>
      <c r="B554" s="1"/>
      <c r="C554">
        <v>5</v>
      </c>
      <c r="D554" t="s">
        <v>1075</v>
      </c>
      <c r="E554" t="s">
        <v>30917</v>
      </c>
      <c r="F554">
        <v>5</v>
      </c>
      <c r="H554" t="s">
        <v>1076</v>
      </c>
      <c r="I554" t="s">
        <v>30540</v>
      </c>
    </row>
    <row r="555" spans="1:9">
      <c r="A555" s="1">
        <v>0.30376432326629554</v>
      </c>
      <c r="B555" s="1"/>
      <c r="C555">
        <v>1</v>
      </c>
      <c r="D555" t="s">
        <v>1071</v>
      </c>
      <c r="E555" t="s">
        <v>30918</v>
      </c>
      <c r="F555">
        <v>4</v>
      </c>
      <c r="H555" t="s">
        <v>1072</v>
      </c>
      <c r="I555" t="s">
        <v>30540</v>
      </c>
    </row>
    <row r="556" spans="1:9">
      <c r="A556" s="1">
        <v>0.39047832880011968</v>
      </c>
      <c r="B556" s="1"/>
      <c r="C556">
        <v>2</v>
      </c>
      <c r="D556" t="s">
        <v>1073</v>
      </c>
      <c r="E556" t="s">
        <v>30918</v>
      </c>
      <c r="F556">
        <v>4</v>
      </c>
      <c r="H556" t="s">
        <v>1074</v>
      </c>
      <c r="I556" t="s">
        <v>30540</v>
      </c>
    </row>
    <row r="557" spans="1:9">
      <c r="A557" s="1">
        <v>0.76545556400769443</v>
      </c>
      <c r="B557" s="1"/>
      <c r="C557">
        <v>3</v>
      </c>
      <c r="D557" t="s">
        <v>1067</v>
      </c>
      <c r="E557" t="s">
        <v>30919</v>
      </c>
      <c r="F557">
        <v>5</v>
      </c>
      <c r="H557" t="s">
        <v>1068</v>
      </c>
      <c r="I557" t="s">
        <v>30540</v>
      </c>
    </row>
    <row r="558" spans="1:9">
      <c r="A558" s="1">
        <v>0.75890579697010419</v>
      </c>
      <c r="B558" s="1"/>
      <c r="C558">
        <v>4</v>
      </c>
      <c r="D558" t="s">
        <v>1069</v>
      </c>
      <c r="E558" t="s">
        <v>30919</v>
      </c>
      <c r="F558">
        <v>4</v>
      </c>
      <c r="H558" t="s">
        <v>1070</v>
      </c>
      <c r="I558" t="s">
        <v>30540</v>
      </c>
    </row>
    <row r="559" spans="1:9">
      <c r="A559" s="1">
        <v>0.326502457130045</v>
      </c>
      <c r="B559" s="1"/>
      <c r="C559">
        <v>1</v>
      </c>
      <c r="D559" t="s">
        <v>1065</v>
      </c>
      <c r="E559" t="s">
        <v>30919</v>
      </c>
      <c r="F559">
        <v>4</v>
      </c>
      <c r="H559" t="s">
        <v>1066</v>
      </c>
      <c r="I559" t="s">
        <v>30540</v>
      </c>
    </row>
    <row r="560" spans="1:9">
      <c r="A560" s="1">
        <v>0.98934071576489691</v>
      </c>
      <c r="B560" s="1"/>
      <c r="C560">
        <v>3</v>
      </c>
      <c r="D560" t="s">
        <v>1063</v>
      </c>
      <c r="E560" t="s">
        <v>30920</v>
      </c>
      <c r="F560">
        <v>4</v>
      </c>
      <c r="H560" t="s">
        <v>1064</v>
      </c>
      <c r="I560" t="s">
        <v>30540</v>
      </c>
    </row>
    <row r="561" spans="1:9">
      <c r="A561" s="1">
        <v>0.4199540036018381</v>
      </c>
      <c r="B561" s="1"/>
      <c r="C561">
        <v>1</v>
      </c>
      <c r="D561" t="s">
        <v>1057</v>
      </c>
      <c r="E561" t="s">
        <v>30921</v>
      </c>
      <c r="F561">
        <v>4</v>
      </c>
      <c r="G561" t="s">
        <v>838</v>
      </c>
      <c r="H561" t="s">
        <v>1058</v>
      </c>
      <c r="I561" t="s">
        <v>30540</v>
      </c>
    </row>
    <row r="562" spans="1:9">
      <c r="A562" s="1">
        <v>0.52653709820127137</v>
      </c>
      <c r="B562" s="1"/>
      <c r="C562">
        <v>2</v>
      </c>
      <c r="D562" t="s">
        <v>1059</v>
      </c>
      <c r="E562" t="s">
        <v>30921</v>
      </c>
      <c r="F562">
        <v>3</v>
      </c>
      <c r="H562" t="s">
        <v>1060</v>
      </c>
      <c r="I562" t="s">
        <v>30540</v>
      </c>
    </row>
    <row r="563" spans="1:9">
      <c r="A563" s="1">
        <v>0.65794890879876167</v>
      </c>
      <c r="B563" s="1"/>
      <c r="C563">
        <v>3</v>
      </c>
      <c r="D563" t="s">
        <v>1055</v>
      </c>
      <c r="E563" t="s">
        <v>30922</v>
      </c>
      <c r="F563">
        <v>4</v>
      </c>
      <c r="H563" t="s">
        <v>1056</v>
      </c>
      <c r="I563" t="s">
        <v>30540</v>
      </c>
    </row>
    <row r="564" spans="1:9">
      <c r="A564" s="1">
        <v>0.99614347649134716</v>
      </c>
      <c r="B564" s="1"/>
      <c r="C564">
        <v>2</v>
      </c>
      <c r="D564" t="s">
        <v>1053</v>
      </c>
      <c r="E564" t="s">
        <v>30922</v>
      </c>
      <c r="F564">
        <v>4</v>
      </c>
      <c r="H564" t="s">
        <v>1054</v>
      </c>
      <c r="I564" t="s">
        <v>30540</v>
      </c>
    </row>
    <row r="565" spans="1:9">
      <c r="A565" s="1">
        <v>0.72095749862873892</v>
      </c>
      <c r="B565" s="1"/>
      <c r="C565">
        <v>3</v>
      </c>
      <c r="D565" t="s">
        <v>1051</v>
      </c>
      <c r="E565" t="s">
        <v>30923</v>
      </c>
      <c r="F565">
        <v>4</v>
      </c>
      <c r="H565" t="s">
        <v>1052</v>
      </c>
      <c r="I565" t="s">
        <v>30540</v>
      </c>
    </row>
    <row r="566" spans="1:9">
      <c r="A566" s="1">
        <v>0.22599294113718105</v>
      </c>
      <c r="B566" s="1"/>
      <c r="C566">
        <v>6</v>
      </c>
      <c r="D566" t="s">
        <v>1049</v>
      </c>
      <c r="E566" t="s">
        <v>30924</v>
      </c>
      <c r="F566">
        <v>3</v>
      </c>
      <c r="H566" t="s">
        <v>1050</v>
      </c>
      <c r="I566" t="s">
        <v>30540</v>
      </c>
    </row>
    <row r="567" spans="1:9">
      <c r="A567" s="1">
        <v>0.27234495929257885</v>
      </c>
      <c r="B567" s="1"/>
      <c r="C567">
        <v>5</v>
      </c>
      <c r="D567" t="s">
        <v>1047</v>
      </c>
      <c r="E567" t="s">
        <v>30925</v>
      </c>
      <c r="F567">
        <v>4</v>
      </c>
      <c r="H567" t="s">
        <v>1048</v>
      </c>
      <c r="I567" t="s">
        <v>30540</v>
      </c>
    </row>
    <row r="568" spans="1:9">
      <c r="A568" s="1">
        <v>0.89810982741646517</v>
      </c>
      <c r="B568" s="1"/>
      <c r="C568">
        <v>1</v>
      </c>
      <c r="D568" t="s">
        <v>1039</v>
      </c>
      <c r="E568" t="s">
        <v>30926</v>
      </c>
      <c r="F568">
        <v>4</v>
      </c>
      <c r="H568" t="s">
        <v>1040</v>
      </c>
      <c r="I568" t="s">
        <v>30540</v>
      </c>
    </row>
    <row r="569" spans="1:9">
      <c r="A569" s="1">
        <v>0.54845806191656243</v>
      </c>
      <c r="B569" s="1"/>
      <c r="C569">
        <v>4</v>
      </c>
      <c r="D569" t="s">
        <v>1041</v>
      </c>
      <c r="E569" t="s">
        <v>30926</v>
      </c>
      <c r="F569">
        <v>3</v>
      </c>
      <c r="H569" t="s">
        <v>1042</v>
      </c>
      <c r="I569" t="s">
        <v>30540</v>
      </c>
    </row>
    <row r="570" spans="1:9">
      <c r="A570" s="1">
        <v>0.78748807832412948</v>
      </c>
      <c r="B570" s="1"/>
      <c r="C570">
        <v>4</v>
      </c>
      <c r="D570" t="s">
        <v>1037</v>
      </c>
      <c r="E570" t="s">
        <v>30927</v>
      </c>
      <c r="F570">
        <v>4</v>
      </c>
      <c r="G570" t="s">
        <v>838</v>
      </c>
      <c r="H570" t="s">
        <v>1038</v>
      </c>
      <c r="I570" t="s">
        <v>30540</v>
      </c>
    </row>
    <row r="571" spans="1:9">
      <c r="A571" s="1">
        <v>0.58294833496515841</v>
      </c>
      <c r="B571" s="1"/>
      <c r="C571">
        <v>3</v>
      </c>
      <c r="D571" t="s">
        <v>1035</v>
      </c>
      <c r="E571" t="s">
        <v>30927</v>
      </c>
      <c r="F571">
        <v>4</v>
      </c>
      <c r="H571" t="s">
        <v>1036</v>
      </c>
      <c r="I571" t="s">
        <v>30540</v>
      </c>
    </row>
    <row r="572" spans="1:9">
      <c r="A572" s="1">
        <v>0.45238556396689567</v>
      </c>
      <c r="B572" s="1"/>
      <c r="C572">
        <v>2</v>
      </c>
      <c r="D572" t="s">
        <v>1033</v>
      </c>
      <c r="E572" t="s">
        <v>30928</v>
      </c>
      <c r="F572">
        <v>5</v>
      </c>
      <c r="H572" t="s">
        <v>1034</v>
      </c>
      <c r="I572" t="s">
        <v>30540</v>
      </c>
    </row>
    <row r="573" spans="1:9">
      <c r="A573" s="1">
        <v>0.35032141638523429</v>
      </c>
      <c r="B573" s="1"/>
      <c r="C573">
        <v>4</v>
      </c>
      <c r="D573" t="s">
        <v>1031</v>
      </c>
      <c r="E573" t="s">
        <v>30929</v>
      </c>
      <c r="F573">
        <v>5</v>
      </c>
      <c r="H573" t="s">
        <v>1032</v>
      </c>
      <c r="I573" t="s">
        <v>30540</v>
      </c>
    </row>
    <row r="574" spans="1:9">
      <c r="A574" s="1">
        <v>0.50704813804437432</v>
      </c>
      <c r="B574" s="1"/>
      <c r="C574">
        <v>3</v>
      </c>
      <c r="D574" t="s">
        <v>1029</v>
      </c>
      <c r="E574" t="s">
        <v>30929</v>
      </c>
      <c r="F574">
        <v>4</v>
      </c>
      <c r="H574" t="s">
        <v>1030</v>
      </c>
      <c r="I574" t="s">
        <v>30540</v>
      </c>
    </row>
    <row r="575" spans="1:9">
      <c r="A575" s="1">
        <v>0.12761427571328765</v>
      </c>
      <c r="B575" s="1"/>
      <c r="C575">
        <v>2</v>
      </c>
      <c r="D575" t="s">
        <v>1027</v>
      </c>
      <c r="E575" t="s">
        <v>30929</v>
      </c>
      <c r="F575">
        <v>4</v>
      </c>
      <c r="H575" t="s">
        <v>1028</v>
      </c>
      <c r="I575" t="s">
        <v>30540</v>
      </c>
    </row>
    <row r="576" spans="1:9">
      <c r="A576" s="1">
        <v>0.11364209244938395</v>
      </c>
      <c r="B576" s="1"/>
      <c r="C576">
        <v>8</v>
      </c>
      <c r="D576" t="s">
        <v>1025</v>
      </c>
      <c r="E576" t="s">
        <v>30930</v>
      </c>
      <c r="F576">
        <v>4</v>
      </c>
      <c r="H576" t="s">
        <v>1026</v>
      </c>
      <c r="I576" t="s">
        <v>30540</v>
      </c>
    </row>
    <row r="577" spans="1:9">
      <c r="A577" s="1">
        <v>0.45350372466654254</v>
      </c>
      <c r="B577" s="1"/>
      <c r="C577">
        <v>1</v>
      </c>
      <c r="D577" t="s">
        <v>1019</v>
      </c>
      <c r="E577" t="s">
        <v>30930</v>
      </c>
      <c r="F577">
        <v>4</v>
      </c>
      <c r="H577" t="s">
        <v>1020</v>
      </c>
      <c r="I577" t="s">
        <v>30540</v>
      </c>
    </row>
    <row r="578" spans="1:9">
      <c r="A578" s="1">
        <v>0.40135836914651302</v>
      </c>
      <c r="B578" s="1"/>
      <c r="C578">
        <v>5</v>
      </c>
      <c r="D578" t="s">
        <v>1021</v>
      </c>
      <c r="E578" t="s">
        <v>30930</v>
      </c>
      <c r="F578">
        <v>4</v>
      </c>
      <c r="H578" t="s">
        <v>1022</v>
      </c>
      <c r="I578" t="s">
        <v>30540</v>
      </c>
    </row>
    <row r="579" spans="1:9">
      <c r="A579" s="1">
        <v>9.5541705105667063E-2</v>
      </c>
      <c r="B579" s="1"/>
      <c r="C579">
        <v>6</v>
      </c>
      <c r="D579" t="s">
        <v>1023</v>
      </c>
      <c r="E579" t="s">
        <v>30930</v>
      </c>
      <c r="F579">
        <v>4</v>
      </c>
      <c r="H579" t="s">
        <v>1024</v>
      </c>
      <c r="I579" t="s">
        <v>30540</v>
      </c>
    </row>
    <row r="580" spans="1:9">
      <c r="A580" s="1">
        <v>0.98369340554569684</v>
      </c>
      <c r="B580" s="1"/>
      <c r="C580">
        <v>4</v>
      </c>
      <c r="D580" t="s">
        <v>1013</v>
      </c>
      <c r="E580" t="s">
        <v>30931</v>
      </c>
      <c r="F580">
        <v>4</v>
      </c>
      <c r="H580" t="s">
        <v>1014</v>
      </c>
      <c r="I580" t="s">
        <v>30540</v>
      </c>
    </row>
    <row r="581" spans="1:9">
      <c r="A581" s="1">
        <v>0.4274241635967283</v>
      </c>
      <c r="B581" s="1"/>
      <c r="C581">
        <v>7</v>
      </c>
      <c r="D581" t="s">
        <v>1017</v>
      </c>
      <c r="E581" t="s">
        <v>30931</v>
      </c>
      <c r="F581">
        <v>3</v>
      </c>
      <c r="H581" t="s">
        <v>1018</v>
      </c>
      <c r="I581" t="s">
        <v>30540</v>
      </c>
    </row>
    <row r="582" spans="1:9">
      <c r="A582" s="1">
        <v>3.3826447943331117E-2</v>
      </c>
      <c r="B582" s="1"/>
      <c r="C582">
        <v>4</v>
      </c>
      <c r="D582" t="s">
        <v>1011</v>
      </c>
      <c r="E582" t="s">
        <v>30932</v>
      </c>
      <c r="F582">
        <v>5</v>
      </c>
      <c r="G582" t="s">
        <v>838</v>
      </c>
      <c r="H582" t="s">
        <v>1012</v>
      </c>
      <c r="I582" t="s">
        <v>30540</v>
      </c>
    </row>
    <row r="583" spans="1:9">
      <c r="A583" s="1">
        <v>9.8005672182097658E-3</v>
      </c>
      <c r="B583" s="1"/>
      <c r="C583">
        <v>2</v>
      </c>
      <c r="D583" t="s">
        <v>1009</v>
      </c>
      <c r="E583" t="s">
        <v>30932</v>
      </c>
      <c r="F583">
        <v>4</v>
      </c>
      <c r="H583" t="s">
        <v>1010</v>
      </c>
      <c r="I583" t="s">
        <v>30540</v>
      </c>
    </row>
    <row r="584" spans="1:9">
      <c r="A584" s="1">
        <v>0.66424650651608319</v>
      </c>
      <c r="B584" s="1"/>
      <c r="C584">
        <v>4</v>
      </c>
      <c r="D584" t="s">
        <v>1007</v>
      </c>
      <c r="E584" t="s">
        <v>30933</v>
      </c>
      <c r="F584">
        <v>4</v>
      </c>
      <c r="H584" t="s">
        <v>1008</v>
      </c>
      <c r="I584" t="s">
        <v>30540</v>
      </c>
    </row>
    <row r="585" spans="1:9">
      <c r="A585" s="1">
        <v>0.46121479039332369</v>
      </c>
      <c r="B585" s="1"/>
      <c r="C585">
        <v>3</v>
      </c>
      <c r="D585" t="s">
        <v>1005</v>
      </c>
      <c r="E585" t="s">
        <v>30933</v>
      </c>
      <c r="F585">
        <v>4</v>
      </c>
      <c r="G585" t="s">
        <v>838</v>
      </c>
      <c r="H585" t="s">
        <v>1006</v>
      </c>
      <c r="I585" t="s">
        <v>30540</v>
      </c>
    </row>
    <row r="586" spans="1:9">
      <c r="A586" s="1">
        <v>0.79061723234216841</v>
      </c>
      <c r="B586" s="1"/>
      <c r="C586">
        <v>5</v>
      </c>
      <c r="D586" t="s">
        <v>1001</v>
      </c>
      <c r="E586" t="s">
        <v>30934</v>
      </c>
      <c r="F586">
        <v>5</v>
      </c>
      <c r="H586" t="s">
        <v>1002</v>
      </c>
      <c r="I586" t="s">
        <v>30540</v>
      </c>
    </row>
    <row r="587" spans="1:9">
      <c r="A587" s="1">
        <v>0.3708465044413044</v>
      </c>
      <c r="B587" s="1"/>
      <c r="C587">
        <v>6</v>
      </c>
      <c r="D587" t="s">
        <v>1003</v>
      </c>
      <c r="E587" t="s">
        <v>30934</v>
      </c>
      <c r="F587">
        <v>4</v>
      </c>
      <c r="H587" t="s">
        <v>1004</v>
      </c>
      <c r="I587" t="s">
        <v>30540</v>
      </c>
    </row>
    <row r="588" spans="1:9">
      <c r="A588" s="1">
        <v>0.92208611695198994</v>
      </c>
      <c r="B588" s="1"/>
      <c r="C588">
        <v>1</v>
      </c>
      <c r="D588" t="s">
        <v>997</v>
      </c>
      <c r="E588" t="s">
        <v>30935</v>
      </c>
      <c r="F588">
        <v>4</v>
      </c>
      <c r="H588" t="s">
        <v>998</v>
      </c>
      <c r="I588" t="s">
        <v>30540</v>
      </c>
    </row>
    <row r="589" spans="1:9">
      <c r="A589" s="1">
        <v>0.81640807242124513</v>
      </c>
      <c r="B589" s="1"/>
      <c r="C589">
        <v>2</v>
      </c>
      <c r="D589" t="s">
        <v>999</v>
      </c>
      <c r="E589" t="s">
        <v>30935</v>
      </c>
      <c r="F589">
        <v>4</v>
      </c>
      <c r="H589" t="s">
        <v>1000</v>
      </c>
      <c r="I589" t="s">
        <v>30540</v>
      </c>
    </row>
    <row r="590" spans="1:9">
      <c r="A590" s="1">
        <v>0.58062692778654867</v>
      </c>
      <c r="B590" s="1"/>
      <c r="C590">
        <v>6</v>
      </c>
      <c r="D590" t="s">
        <v>991</v>
      </c>
      <c r="E590" t="s">
        <v>30937</v>
      </c>
      <c r="F590">
        <v>5</v>
      </c>
      <c r="H590" t="s">
        <v>992</v>
      </c>
      <c r="I590" t="s">
        <v>30540</v>
      </c>
    </row>
    <row r="591" spans="1:9">
      <c r="A591" s="1">
        <v>0.68124496020888148</v>
      </c>
      <c r="B591" s="1"/>
      <c r="C591">
        <v>7</v>
      </c>
      <c r="D591" t="s">
        <v>993</v>
      </c>
      <c r="E591" t="s">
        <v>30937</v>
      </c>
      <c r="F591">
        <v>5</v>
      </c>
      <c r="H591" t="s">
        <v>994</v>
      </c>
      <c r="I591" t="s">
        <v>30540</v>
      </c>
    </row>
    <row r="592" spans="1:9">
      <c r="A592" s="1">
        <v>0.31236727899442573</v>
      </c>
      <c r="B592" s="1"/>
      <c r="C592">
        <v>3</v>
      </c>
      <c r="D592" t="s">
        <v>989</v>
      </c>
      <c r="E592" t="s">
        <v>30937</v>
      </c>
      <c r="F592">
        <v>4</v>
      </c>
      <c r="H592" t="s">
        <v>990</v>
      </c>
      <c r="I592" t="s">
        <v>30540</v>
      </c>
    </row>
    <row r="593" spans="1:9">
      <c r="A593" s="1">
        <v>0.78774620887983682</v>
      </c>
      <c r="B593" s="1"/>
      <c r="C593">
        <v>4</v>
      </c>
      <c r="D593" t="s">
        <v>987</v>
      </c>
      <c r="E593" t="s">
        <v>30938</v>
      </c>
      <c r="F593">
        <v>4</v>
      </c>
      <c r="H593" t="s">
        <v>988</v>
      </c>
      <c r="I593" t="s">
        <v>30540</v>
      </c>
    </row>
    <row r="594" spans="1:9">
      <c r="A594" s="1">
        <v>0.51904110344703214</v>
      </c>
      <c r="B594" s="1"/>
      <c r="C594">
        <v>2</v>
      </c>
      <c r="D594" t="s">
        <v>985</v>
      </c>
      <c r="E594" t="s">
        <v>30938</v>
      </c>
      <c r="F594">
        <v>3</v>
      </c>
      <c r="H594" t="s">
        <v>986</v>
      </c>
      <c r="I594" t="s">
        <v>30540</v>
      </c>
    </row>
    <row r="595" spans="1:9">
      <c r="A595" s="1">
        <v>0.91727414437666599</v>
      </c>
      <c r="B595" s="1"/>
      <c r="C595">
        <v>1</v>
      </c>
      <c r="D595" t="s">
        <v>979</v>
      </c>
      <c r="E595" t="s">
        <v>30939</v>
      </c>
      <c r="F595">
        <v>4</v>
      </c>
      <c r="H595" t="s">
        <v>980</v>
      </c>
      <c r="I595" t="s">
        <v>30540</v>
      </c>
    </row>
    <row r="596" spans="1:9">
      <c r="A596" s="1">
        <v>0.46733400726416452</v>
      </c>
      <c r="B596" s="1"/>
      <c r="C596">
        <v>3</v>
      </c>
      <c r="D596" t="s">
        <v>981</v>
      </c>
      <c r="E596" t="s">
        <v>30939</v>
      </c>
      <c r="F596">
        <v>4</v>
      </c>
      <c r="H596" t="s">
        <v>982</v>
      </c>
      <c r="I596" t="s">
        <v>30540</v>
      </c>
    </row>
    <row r="597" spans="1:9">
      <c r="A597" s="1">
        <v>0.6642891958162338</v>
      </c>
      <c r="B597" s="1"/>
      <c r="C597">
        <v>5</v>
      </c>
      <c r="D597" t="s">
        <v>977</v>
      </c>
      <c r="E597" t="s">
        <v>30940</v>
      </c>
      <c r="F597">
        <v>4</v>
      </c>
      <c r="H597" t="s">
        <v>978</v>
      </c>
      <c r="I597" t="s">
        <v>30540</v>
      </c>
    </row>
    <row r="598" spans="1:9">
      <c r="A598" s="1">
        <v>0.80652052871194468</v>
      </c>
      <c r="B598" s="1"/>
      <c r="C598">
        <v>1</v>
      </c>
      <c r="D598" t="s">
        <v>975</v>
      </c>
      <c r="E598" t="s">
        <v>30940</v>
      </c>
      <c r="F598">
        <v>3</v>
      </c>
      <c r="H598" t="s">
        <v>976</v>
      </c>
      <c r="I598" t="s">
        <v>30540</v>
      </c>
    </row>
    <row r="599" spans="1:9">
      <c r="A599" s="1">
        <v>0.25131952937409952</v>
      </c>
      <c r="B599" s="1"/>
      <c r="C599">
        <v>3</v>
      </c>
      <c r="D599" t="s">
        <v>973</v>
      </c>
      <c r="E599" t="s">
        <v>30941</v>
      </c>
      <c r="F599">
        <v>4</v>
      </c>
      <c r="H599" t="s">
        <v>974</v>
      </c>
      <c r="I599" t="s">
        <v>30540</v>
      </c>
    </row>
    <row r="600" spans="1:9">
      <c r="A600" s="1">
        <v>0.28748838272681176</v>
      </c>
      <c r="B600" s="1"/>
      <c r="C600">
        <v>7</v>
      </c>
      <c r="D600" t="s">
        <v>971</v>
      </c>
      <c r="E600" t="s">
        <v>30942</v>
      </c>
      <c r="F600">
        <v>4</v>
      </c>
      <c r="H600" t="s">
        <v>972</v>
      </c>
      <c r="I600" t="s">
        <v>30540</v>
      </c>
    </row>
    <row r="601" spans="1:9">
      <c r="A601" s="1">
        <v>0.9011001082441612</v>
      </c>
      <c r="B601" s="1"/>
      <c r="C601">
        <v>1</v>
      </c>
      <c r="D601" t="s">
        <v>967</v>
      </c>
      <c r="E601" t="s">
        <v>30943</v>
      </c>
      <c r="F601">
        <v>4</v>
      </c>
      <c r="G601" t="s">
        <v>838</v>
      </c>
      <c r="H601" t="s">
        <v>968</v>
      </c>
      <c r="I601" t="s">
        <v>30540</v>
      </c>
    </row>
    <row r="602" spans="1:9">
      <c r="A602" s="1">
        <v>3.3185985846251098E-2</v>
      </c>
      <c r="B602" s="1"/>
      <c r="C602">
        <v>5</v>
      </c>
      <c r="D602" t="s">
        <v>969</v>
      </c>
      <c r="E602" t="s">
        <v>30943</v>
      </c>
      <c r="F602">
        <v>4</v>
      </c>
      <c r="H602" t="s">
        <v>970</v>
      </c>
      <c r="I602" t="s">
        <v>30540</v>
      </c>
    </row>
    <row r="603" spans="1:9">
      <c r="A603" s="1">
        <v>0.42218945241669714</v>
      </c>
      <c r="B603" s="1"/>
      <c r="C603">
        <v>4</v>
      </c>
      <c r="D603" t="s">
        <v>965</v>
      </c>
      <c r="E603" t="s">
        <v>30944</v>
      </c>
      <c r="F603">
        <v>4</v>
      </c>
      <c r="H603" t="s">
        <v>966</v>
      </c>
      <c r="I603" t="s">
        <v>30540</v>
      </c>
    </row>
    <row r="604" spans="1:9">
      <c r="A604" s="1">
        <v>0.77246409187874188</v>
      </c>
      <c r="B604" s="1"/>
      <c r="C604">
        <v>2</v>
      </c>
      <c r="D604" t="s">
        <v>963</v>
      </c>
      <c r="E604" t="s">
        <v>30944</v>
      </c>
      <c r="F604">
        <v>3</v>
      </c>
      <c r="H604" t="s">
        <v>964</v>
      </c>
      <c r="I604" t="s">
        <v>30540</v>
      </c>
    </row>
    <row r="605" spans="1:9">
      <c r="A605" s="1">
        <v>3.2825948720090481E-2</v>
      </c>
      <c r="B605" s="1"/>
      <c r="C605">
        <v>5</v>
      </c>
      <c r="D605" t="s">
        <v>961</v>
      </c>
      <c r="E605" t="s">
        <v>30945</v>
      </c>
      <c r="F605">
        <v>4</v>
      </c>
      <c r="H605" t="s">
        <v>962</v>
      </c>
      <c r="I605" t="s">
        <v>30540</v>
      </c>
    </row>
    <row r="606" spans="1:9">
      <c r="A606" s="1">
        <v>0.63564601162104006</v>
      </c>
      <c r="B606" s="1"/>
      <c r="C606">
        <v>4</v>
      </c>
      <c r="D606" t="s">
        <v>959</v>
      </c>
      <c r="E606" t="s">
        <v>30945</v>
      </c>
      <c r="F606">
        <v>4</v>
      </c>
      <c r="H606" t="s">
        <v>960</v>
      </c>
      <c r="I606" t="s">
        <v>30540</v>
      </c>
    </row>
    <row r="607" spans="1:9">
      <c r="A607" s="1">
        <v>0.55762136073451207</v>
      </c>
      <c r="B607" s="1"/>
      <c r="C607">
        <v>3</v>
      </c>
      <c r="D607" t="s">
        <v>957</v>
      </c>
      <c r="E607" t="s">
        <v>30946</v>
      </c>
      <c r="F607">
        <v>4</v>
      </c>
      <c r="H607" t="s">
        <v>958</v>
      </c>
      <c r="I607" t="s">
        <v>30540</v>
      </c>
    </row>
    <row r="608" spans="1:9">
      <c r="A608" s="1">
        <v>0.45868328004211545</v>
      </c>
      <c r="B608" s="1"/>
      <c r="C608">
        <v>2</v>
      </c>
      <c r="D608" t="s">
        <v>955</v>
      </c>
      <c r="E608" t="s">
        <v>30947</v>
      </c>
      <c r="F608">
        <v>4</v>
      </c>
      <c r="H608" t="s">
        <v>956</v>
      </c>
      <c r="I608" t="s">
        <v>30540</v>
      </c>
    </row>
    <row r="609" spans="1:9">
      <c r="A609" s="1">
        <v>0.46313576521594846</v>
      </c>
      <c r="B609" s="1"/>
      <c r="C609">
        <v>4</v>
      </c>
      <c r="D609" t="s">
        <v>953</v>
      </c>
      <c r="E609" t="s">
        <v>30948</v>
      </c>
      <c r="F609">
        <v>4</v>
      </c>
      <c r="H609" t="s">
        <v>954</v>
      </c>
      <c r="I609" t="s">
        <v>30540</v>
      </c>
    </row>
    <row r="610" spans="1:9">
      <c r="A610" s="1">
        <v>0.89625051768119746</v>
      </c>
      <c r="B610" s="1"/>
      <c r="C610">
        <v>2</v>
      </c>
      <c r="D610" t="s">
        <v>951</v>
      </c>
      <c r="E610" t="s">
        <v>30949</v>
      </c>
      <c r="F610">
        <v>4</v>
      </c>
      <c r="H610" t="s">
        <v>952</v>
      </c>
      <c r="I610" t="s">
        <v>30540</v>
      </c>
    </row>
    <row r="611" spans="1:9">
      <c r="A611" s="1">
        <v>0.72388217687514811</v>
      </c>
      <c r="B611" s="1"/>
      <c r="C611">
        <v>3</v>
      </c>
      <c r="D611" t="s">
        <v>947</v>
      </c>
      <c r="E611" t="s">
        <v>30950</v>
      </c>
      <c r="F611">
        <v>4</v>
      </c>
      <c r="H611" t="s">
        <v>948</v>
      </c>
      <c r="I611" t="s">
        <v>30540</v>
      </c>
    </row>
    <row r="612" spans="1:9">
      <c r="A612" s="1">
        <v>7.4408791379913852E-2</v>
      </c>
      <c r="B612" s="1"/>
      <c r="C612">
        <v>1</v>
      </c>
      <c r="D612" t="s">
        <v>945</v>
      </c>
      <c r="E612" t="s">
        <v>30951</v>
      </c>
      <c r="F612">
        <v>4</v>
      </c>
      <c r="G612" t="s">
        <v>838</v>
      </c>
      <c r="H612" t="s">
        <v>946</v>
      </c>
      <c r="I612" t="s">
        <v>30540</v>
      </c>
    </row>
    <row r="613" spans="1:9">
      <c r="A613" s="1">
        <v>0.33458430102783787</v>
      </c>
      <c r="B613" s="1"/>
      <c r="C613">
        <v>1</v>
      </c>
      <c r="D613" t="s">
        <v>943</v>
      </c>
      <c r="E613" t="s">
        <v>30952</v>
      </c>
      <c r="F613">
        <v>3</v>
      </c>
      <c r="H613" t="s">
        <v>944</v>
      </c>
      <c r="I613" t="s">
        <v>30540</v>
      </c>
    </row>
    <row r="614" spans="1:9">
      <c r="A614" s="1">
        <v>0.89452899956855858</v>
      </c>
      <c r="B614" s="1"/>
      <c r="C614">
        <v>1</v>
      </c>
      <c r="D614" t="s">
        <v>941</v>
      </c>
      <c r="E614" t="s">
        <v>30953</v>
      </c>
      <c r="F614">
        <v>4</v>
      </c>
      <c r="H614" t="s">
        <v>942</v>
      </c>
      <c r="I614" t="s">
        <v>30540</v>
      </c>
    </row>
    <row r="615" spans="1:9">
      <c r="A615" s="1">
        <v>0.18856794201215654</v>
      </c>
      <c r="B615" s="1"/>
      <c r="C615">
        <v>3</v>
      </c>
      <c r="D615" t="s">
        <v>939</v>
      </c>
      <c r="E615" t="s">
        <v>30954</v>
      </c>
      <c r="F615">
        <v>3</v>
      </c>
      <c r="H615" t="s">
        <v>940</v>
      </c>
      <c r="I615" t="s">
        <v>30540</v>
      </c>
    </row>
    <row r="616" spans="1:9">
      <c r="A616" s="1">
        <v>0.99533799979209914</v>
      </c>
      <c r="B616" s="1"/>
      <c r="C616">
        <v>3</v>
      </c>
      <c r="D616" t="s">
        <v>937</v>
      </c>
      <c r="E616" t="s">
        <v>30955</v>
      </c>
      <c r="F616">
        <v>4</v>
      </c>
      <c r="H616" t="s">
        <v>938</v>
      </c>
      <c r="I616" t="s">
        <v>30540</v>
      </c>
    </row>
    <row r="617" spans="1:9">
      <c r="A617" s="1">
        <v>0.29605246775202787</v>
      </c>
      <c r="B617" s="1"/>
      <c r="C617">
        <v>8</v>
      </c>
      <c r="D617" t="s">
        <v>933</v>
      </c>
      <c r="E617" t="s">
        <v>30956</v>
      </c>
      <c r="F617">
        <v>5</v>
      </c>
      <c r="G617" t="s">
        <v>15</v>
      </c>
      <c r="H617" t="s">
        <v>934</v>
      </c>
      <c r="I617" t="s">
        <v>30540</v>
      </c>
    </row>
    <row r="618" spans="1:9">
      <c r="A618" s="1">
        <v>0.43059489801205852</v>
      </c>
      <c r="B618" s="1"/>
      <c r="C618">
        <v>1</v>
      </c>
      <c r="D618" t="s">
        <v>927</v>
      </c>
      <c r="E618" t="s">
        <v>30956</v>
      </c>
      <c r="F618">
        <v>4</v>
      </c>
      <c r="G618" t="s">
        <v>15</v>
      </c>
      <c r="H618" t="s">
        <v>928</v>
      </c>
      <c r="I618" t="s">
        <v>30540</v>
      </c>
    </row>
    <row r="619" spans="1:9">
      <c r="A619" s="1">
        <v>0.62325990189508484</v>
      </c>
      <c r="B619" s="1"/>
      <c r="C619">
        <v>6</v>
      </c>
      <c r="D619" t="s">
        <v>931</v>
      </c>
      <c r="E619" t="s">
        <v>30956</v>
      </c>
      <c r="F619">
        <v>4</v>
      </c>
      <c r="G619" t="s">
        <v>0</v>
      </c>
      <c r="H619" t="s">
        <v>932</v>
      </c>
      <c r="I619" t="s">
        <v>30540</v>
      </c>
    </row>
    <row r="620" spans="1:9">
      <c r="A620" s="1">
        <v>0.81714862490639162</v>
      </c>
      <c r="B620" s="1"/>
      <c r="C620">
        <v>9</v>
      </c>
      <c r="D620" t="s">
        <v>935</v>
      </c>
      <c r="E620" t="s">
        <v>30956</v>
      </c>
      <c r="F620">
        <v>4</v>
      </c>
      <c r="G620" t="s">
        <v>1</v>
      </c>
      <c r="H620" t="s">
        <v>936</v>
      </c>
      <c r="I620" t="s">
        <v>30540</v>
      </c>
    </row>
    <row r="621" spans="1:9">
      <c r="A621" s="1">
        <v>0.44037159037327855</v>
      </c>
      <c r="B621" s="1"/>
      <c r="C621">
        <v>3</v>
      </c>
      <c r="D621" t="s">
        <v>929</v>
      </c>
      <c r="E621" t="s">
        <v>30956</v>
      </c>
      <c r="F621">
        <v>3</v>
      </c>
      <c r="G621" t="s">
        <v>10</v>
      </c>
      <c r="H621" t="s">
        <v>930</v>
      </c>
      <c r="I621" t="s">
        <v>30540</v>
      </c>
    </row>
    <row r="622" spans="1:9">
      <c r="A622" s="1">
        <v>0.60499898526230189</v>
      </c>
      <c r="B622" s="1"/>
      <c r="C622">
        <v>1</v>
      </c>
      <c r="D622" t="s">
        <v>925</v>
      </c>
      <c r="E622" t="s">
        <v>30957</v>
      </c>
      <c r="F622">
        <v>4</v>
      </c>
      <c r="H622" t="s">
        <v>926</v>
      </c>
      <c r="I622" t="s">
        <v>30540</v>
      </c>
    </row>
    <row r="623" spans="1:9">
      <c r="A623" s="1">
        <v>0.1158904965811155</v>
      </c>
      <c r="B623" s="1"/>
      <c r="C623">
        <v>6</v>
      </c>
      <c r="D623" t="s">
        <v>923</v>
      </c>
      <c r="E623" t="s">
        <v>30958</v>
      </c>
      <c r="F623">
        <v>4</v>
      </c>
      <c r="H623" t="s">
        <v>924</v>
      </c>
      <c r="I623" t="s">
        <v>30540</v>
      </c>
    </row>
    <row r="624" spans="1:9">
      <c r="A624" s="1">
        <v>0.37168830213885429</v>
      </c>
      <c r="B624" s="1"/>
      <c r="C624">
        <v>3</v>
      </c>
      <c r="D624" t="s">
        <v>921</v>
      </c>
      <c r="E624" t="s">
        <v>30958</v>
      </c>
      <c r="F624">
        <v>4</v>
      </c>
      <c r="H624" t="s">
        <v>922</v>
      </c>
      <c r="I624" t="s">
        <v>30540</v>
      </c>
    </row>
    <row r="625" spans="1:9">
      <c r="A625" s="1">
        <v>0.86258926817368542</v>
      </c>
      <c r="B625" s="1"/>
      <c r="C625">
        <v>2</v>
      </c>
      <c r="D625" t="s">
        <v>917</v>
      </c>
      <c r="E625" t="s">
        <v>30959</v>
      </c>
      <c r="F625">
        <v>4</v>
      </c>
      <c r="H625" t="s">
        <v>918</v>
      </c>
      <c r="I625" t="s">
        <v>30540</v>
      </c>
    </row>
    <row r="626" spans="1:9">
      <c r="A626" s="1">
        <v>0.62718923799242154</v>
      </c>
      <c r="B626" s="1"/>
      <c r="C626">
        <v>3</v>
      </c>
      <c r="D626" t="s">
        <v>919</v>
      </c>
      <c r="E626" t="s">
        <v>30959</v>
      </c>
      <c r="F626">
        <v>4</v>
      </c>
      <c r="H626" t="s">
        <v>920</v>
      </c>
      <c r="I626" t="s">
        <v>30540</v>
      </c>
    </row>
    <row r="627" spans="1:9">
      <c r="A627" s="1">
        <v>0.82202243594606372</v>
      </c>
      <c r="B627" s="1"/>
      <c r="C627">
        <v>1</v>
      </c>
      <c r="D627" t="s">
        <v>915</v>
      </c>
      <c r="E627" t="s">
        <v>30959</v>
      </c>
      <c r="F627">
        <v>4</v>
      </c>
      <c r="H627" t="s">
        <v>916</v>
      </c>
      <c r="I627" t="s">
        <v>30540</v>
      </c>
    </row>
    <row r="628" spans="1:9">
      <c r="A628" s="1">
        <v>0.95492154230464787</v>
      </c>
      <c r="B628" s="1"/>
      <c r="C628">
        <v>2</v>
      </c>
      <c r="D628" t="s">
        <v>913</v>
      </c>
      <c r="E628" t="s">
        <v>30960</v>
      </c>
      <c r="F628">
        <v>4</v>
      </c>
      <c r="G628" t="s">
        <v>838</v>
      </c>
      <c r="H628" t="s">
        <v>914</v>
      </c>
      <c r="I628" t="s">
        <v>30540</v>
      </c>
    </row>
    <row r="629" spans="1:9">
      <c r="A629" s="1">
        <v>0.10478922423849624</v>
      </c>
      <c r="B629" s="1"/>
      <c r="C629">
        <v>3</v>
      </c>
      <c r="D629" t="s">
        <v>911</v>
      </c>
      <c r="E629" t="s">
        <v>30961</v>
      </c>
      <c r="F629">
        <v>4</v>
      </c>
      <c r="H629" t="s">
        <v>912</v>
      </c>
      <c r="I629" t="s">
        <v>30540</v>
      </c>
    </row>
    <row r="630" spans="1:9">
      <c r="A630" s="1">
        <v>0.48715921160117881</v>
      </c>
      <c r="B630" s="1"/>
      <c r="C630">
        <v>5</v>
      </c>
      <c r="D630" t="s">
        <v>909</v>
      </c>
      <c r="E630" t="s">
        <v>30962</v>
      </c>
      <c r="F630">
        <v>5</v>
      </c>
      <c r="H630" t="s">
        <v>910</v>
      </c>
      <c r="I630" t="s">
        <v>30540</v>
      </c>
    </row>
    <row r="631" spans="1:9">
      <c r="A631" s="1">
        <v>0.97591763318791735</v>
      </c>
      <c r="B631" s="1"/>
      <c r="C631">
        <v>2</v>
      </c>
      <c r="D631" t="s">
        <v>907</v>
      </c>
      <c r="E631" t="s">
        <v>30962</v>
      </c>
      <c r="F631">
        <v>3</v>
      </c>
      <c r="H631" t="s">
        <v>908</v>
      </c>
      <c r="I631" t="s">
        <v>30540</v>
      </c>
    </row>
    <row r="632" spans="1:9">
      <c r="A632" s="1">
        <v>4.3487073629607798E-2</v>
      </c>
      <c r="B632" s="1"/>
      <c r="C632">
        <v>5</v>
      </c>
      <c r="D632" t="s">
        <v>901</v>
      </c>
      <c r="E632" t="s">
        <v>30963</v>
      </c>
      <c r="F632">
        <v>4</v>
      </c>
      <c r="H632" t="s">
        <v>902</v>
      </c>
      <c r="I632" t="s">
        <v>30540</v>
      </c>
    </row>
    <row r="633" spans="1:9">
      <c r="A633" s="1">
        <v>0.53790990372668257</v>
      </c>
      <c r="B633" s="1"/>
      <c r="C633">
        <v>6</v>
      </c>
      <c r="D633" t="s">
        <v>903</v>
      </c>
      <c r="E633" t="s">
        <v>30963</v>
      </c>
      <c r="F633">
        <v>4</v>
      </c>
      <c r="H633" t="s">
        <v>904</v>
      </c>
      <c r="I633" t="s">
        <v>30540</v>
      </c>
    </row>
    <row r="634" spans="1:9">
      <c r="A634" s="1">
        <v>0.23748730499579818</v>
      </c>
      <c r="B634" s="1"/>
      <c r="C634">
        <v>1</v>
      </c>
      <c r="D634" t="s">
        <v>897</v>
      </c>
      <c r="E634" t="s">
        <v>30964</v>
      </c>
      <c r="F634">
        <v>5</v>
      </c>
      <c r="H634" t="s">
        <v>898</v>
      </c>
      <c r="I634" t="s">
        <v>30540</v>
      </c>
    </row>
    <row r="635" spans="1:9">
      <c r="A635" s="1">
        <v>9.8087720621556462E-2</v>
      </c>
      <c r="B635" s="1"/>
      <c r="C635">
        <v>3</v>
      </c>
      <c r="D635" t="s">
        <v>899</v>
      </c>
      <c r="E635" t="s">
        <v>30964</v>
      </c>
      <c r="F635">
        <v>4</v>
      </c>
      <c r="H635" t="s">
        <v>900</v>
      </c>
      <c r="I635" t="s">
        <v>30540</v>
      </c>
    </row>
    <row r="636" spans="1:9">
      <c r="A636" s="1">
        <v>0.73434781549918848</v>
      </c>
      <c r="B636" s="1"/>
      <c r="C636">
        <v>2</v>
      </c>
      <c r="D636" t="s">
        <v>893</v>
      </c>
      <c r="E636" t="s">
        <v>30965</v>
      </c>
      <c r="F636">
        <v>4</v>
      </c>
      <c r="H636" t="s">
        <v>894</v>
      </c>
      <c r="I636" t="s">
        <v>30540</v>
      </c>
    </row>
    <row r="637" spans="1:9">
      <c r="A637" s="1">
        <v>0.30251441240878629</v>
      </c>
      <c r="B637" s="1"/>
      <c r="C637">
        <v>1</v>
      </c>
      <c r="D637" t="s">
        <v>891</v>
      </c>
      <c r="E637" t="s">
        <v>30965</v>
      </c>
      <c r="F637">
        <v>4</v>
      </c>
      <c r="H637" t="s">
        <v>892</v>
      </c>
      <c r="I637" t="s">
        <v>30540</v>
      </c>
    </row>
    <row r="638" spans="1:9">
      <c r="A638" s="1">
        <v>0.86865485947384857</v>
      </c>
      <c r="B638" s="1"/>
      <c r="C638">
        <v>4</v>
      </c>
      <c r="D638" t="s">
        <v>895</v>
      </c>
      <c r="E638" t="s">
        <v>30965</v>
      </c>
      <c r="F638">
        <v>3</v>
      </c>
      <c r="H638" t="s">
        <v>896</v>
      </c>
      <c r="I638" t="s">
        <v>30540</v>
      </c>
    </row>
    <row r="639" spans="1:9">
      <c r="A639" s="1">
        <v>0.32002236047829447</v>
      </c>
      <c r="B639" s="1"/>
      <c r="C639">
        <v>5</v>
      </c>
      <c r="D639" t="s">
        <v>889</v>
      </c>
      <c r="E639" t="s">
        <v>30966</v>
      </c>
      <c r="F639">
        <v>5</v>
      </c>
      <c r="H639" t="s">
        <v>890</v>
      </c>
      <c r="I639" t="s">
        <v>30540</v>
      </c>
    </row>
    <row r="640" spans="1:9">
      <c r="A640" s="1">
        <v>0.1016501414461245</v>
      </c>
      <c r="B640" s="1"/>
      <c r="C640">
        <v>4</v>
      </c>
      <c r="D640" t="s">
        <v>887</v>
      </c>
      <c r="E640" t="s">
        <v>30966</v>
      </c>
      <c r="F640">
        <v>4</v>
      </c>
      <c r="H640" t="s">
        <v>888</v>
      </c>
      <c r="I640" t="s">
        <v>30540</v>
      </c>
    </row>
    <row r="641" spans="1:9">
      <c r="A641" s="1">
        <v>0.43303781604636193</v>
      </c>
      <c r="B641" s="1"/>
      <c r="C641">
        <v>1</v>
      </c>
      <c r="D641" t="s">
        <v>885</v>
      </c>
      <c r="E641" t="s">
        <v>30966</v>
      </c>
      <c r="F641">
        <v>4</v>
      </c>
      <c r="H641" t="s">
        <v>886</v>
      </c>
      <c r="I641" t="s">
        <v>30540</v>
      </c>
    </row>
    <row r="642" spans="1:9">
      <c r="A642" s="1">
        <v>3.3278745201912097E-2</v>
      </c>
      <c r="B642" s="1"/>
      <c r="C642">
        <v>2</v>
      </c>
      <c r="D642" t="s">
        <v>877</v>
      </c>
      <c r="E642" t="s">
        <v>30967</v>
      </c>
      <c r="F642">
        <v>4</v>
      </c>
      <c r="H642" t="s">
        <v>878</v>
      </c>
      <c r="I642" t="s">
        <v>30540</v>
      </c>
    </row>
    <row r="643" spans="1:9">
      <c r="A643" s="1">
        <v>0.73382604563523979</v>
      </c>
      <c r="B643" s="1"/>
      <c r="C643">
        <v>8</v>
      </c>
      <c r="D643" t="s">
        <v>883</v>
      </c>
      <c r="E643" t="s">
        <v>30967</v>
      </c>
      <c r="F643">
        <v>4</v>
      </c>
      <c r="H643" t="s">
        <v>884</v>
      </c>
      <c r="I643" t="s">
        <v>30540</v>
      </c>
    </row>
    <row r="644" spans="1:9">
      <c r="A644" s="1">
        <v>0.73210363317265581</v>
      </c>
      <c r="B644" s="1"/>
      <c r="C644">
        <v>5</v>
      </c>
      <c r="D644" t="s">
        <v>879</v>
      </c>
      <c r="E644" t="s">
        <v>30967</v>
      </c>
      <c r="F644">
        <v>4</v>
      </c>
      <c r="H644" t="s">
        <v>880</v>
      </c>
      <c r="I644" t="s">
        <v>30540</v>
      </c>
    </row>
    <row r="645" spans="1:9">
      <c r="A645" s="1">
        <v>0.10700955878130225</v>
      </c>
      <c r="B645" s="1"/>
      <c r="C645">
        <v>7</v>
      </c>
      <c r="D645" t="s">
        <v>881</v>
      </c>
      <c r="E645" t="s">
        <v>30967</v>
      </c>
      <c r="F645">
        <v>3</v>
      </c>
      <c r="H645" t="s">
        <v>882</v>
      </c>
      <c r="I645" t="s">
        <v>30540</v>
      </c>
    </row>
    <row r="646" spans="1:9">
      <c r="A646" s="1">
        <v>0.76008379043743246</v>
      </c>
      <c r="B646" s="1"/>
      <c r="C646">
        <v>5</v>
      </c>
      <c r="D646" t="s">
        <v>875</v>
      </c>
      <c r="E646" t="s">
        <v>30968</v>
      </c>
      <c r="F646">
        <v>4</v>
      </c>
      <c r="H646" t="s">
        <v>876</v>
      </c>
      <c r="I646" t="s">
        <v>30540</v>
      </c>
    </row>
    <row r="647" spans="1:9">
      <c r="A647" s="1">
        <v>0.42933316899110574</v>
      </c>
      <c r="B647" s="1"/>
      <c r="C647">
        <v>2</v>
      </c>
      <c r="D647" t="s">
        <v>873</v>
      </c>
      <c r="E647" t="s">
        <v>30968</v>
      </c>
      <c r="F647">
        <v>4</v>
      </c>
      <c r="H647" t="s">
        <v>874</v>
      </c>
      <c r="I647" t="s">
        <v>30540</v>
      </c>
    </row>
    <row r="648" spans="1:9">
      <c r="A648" s="1">
        <v>0.54548084183284007</v>
      </c>
      <c r="B648" s="1"/>
      <c r="C648">
        <v>1</v>
      </c>
      <c r="D648" t="s">
        <v>871</v>
      </c>
      <c r="E648" t="s">
        <v>30969</v>
      </c>
      <c r="F648">
        <v>5</v>
      </c>
      <c r="H648" t="s">
        <v>872</v>
      </c>
      <c r="I648" t="s">
        <v>30540</v>
      </c>
    </row>
    <row r="649" spans="1:9">
      <c r="A649" s="1">
        <v>0.50396242092639831</v>
      </c>
      <c r="B649" s="1"/>
      <c r="C649">
        <v>10</v>
      </c>
      <c r="D649" t="s">
        <v>869</v>
      </c>
      <c r="E649" t="s">
        <v>30970</v>
      </c>
      <c r="F649">
        <v>4</v>
      </c>
      <c r="H649" t="s">
        <v>870</v>
      </c>
      <c r="I649" t="s">
        <v>30540</v>
      </c>
    </row>
    <row r="650" spans="1:9">
      <c r="A650" s="1">
        <v>0.65759451418667825</v>
      </c>
      <c r="B650" s="1"/>
      <c r="C650">
        <v>4</v>
      </c>
      <c r="D650" t="s">
        <v>865</v>
      </c>
      <c r="E650" t="s">
        <v>30970</v>
      </c>
      <c r="F650">
        <v>4</v>
      </c>
      <c r="H650" t="s">
        <v>866</v>
      </c>
      <c r="I650" t="s">
        <v>30540</v>
      </c>
    </row>
    <row r="651" spans="1:9">
      <c r="A651" s="1">
        <v>0.42822791512344427</v>
      </c>
      <c r="B651" s="1"/>
      <c r="C651">
        <v>6</v>
      </c>
      <c r="D651" t="s">
        <v>863</v>
      </c>
      <c r="E651" t="s">
        <v>30971</v>
      </c>
      <c r="F651">
        <v>4</v>
      </c>
      <c r="H651" t="s">
        <v>864</v>
      </c>
      <c r="I651" t="s">
        <v>30540</v>
      </c>
    </row>
    <row r="652" spans="1:9">
      <c r="A652" s="1">
        <v>6.1105881819596974E-2</v>
      </c>
      <c r="B652" s="1"/>
      <c r="C652">
        <v>3</v>
      </c>
      <c r="D652" t="s">
        <v>861</v>
      </c>
      <c r="E652" t="s">
        <v>30971</v>
      </c>
      <c r="F652">
        <v>4</v>
      </c>
      <c r="H652" t="s">
        <v>862</v>
      </c>
      <c r="I652" t="s">
        <v>30540</v>
      </c>
    </row>
    <row r="653" spans="1:9">
      <c r="A653" s="1">
        <v>0.42424918022075753</v>
      </c>
      <c r="B653" s="1"/>
      <c r="C653">
        <v>4</v>
      </c>
      <c r="D653" t="s">
        <v>859</v>
      </c>
      <c r="E653" t="s">
        <v>30972</v>
      </c>
      <c r="F653">
        <v>4</v>
      </c>
      <c r="G653" t="s">
        <v>838</v>
      </c>
      <c r="H653" t="s">
        <v>860</v>
      </c>
      <c r="I653" t="s">
        <v>30540</v>
      </c>
    </row>
    <row r="654" spans="1:9">
      <c r="A654" s="1">
        <v>0.18332845280557053</v>
      </c>
      <c r="B654" s="1"/>
      <c r="C654">
        <v>1</v>
      </c>
      <c r="D654" t="s">
        <v>857</v>
      </c>
      <c r="E654" t="s">
        <v>30973</v>
      </c>
      <c r="F654">
        <v>4</v>
      </c>
      <c r="H654" t="s">
        <v>858</v>
      </c>
      <c r="I654" t="s">
        <v>30540</v>
      </c>
    </row>
    <row r="655" spans="1:9">
      <c r="A655" s="1">
        <v>0.27862419313256148</v>
      </c>
      <c r="B655" s="1"/>
      <c r="C655">
        <v>2</v>
      </c>
      <c r="D655" t="s">
        <v>855</v>
      </c>
      <c r="E655" t="s">
        <v>30974</v>
      </c>
      <c r="F655">
        <v>4</v>
      </c>
      <c r="G655" t="s">
        <v>10</v>
      </c>
      <c r="H655" t="s">
        <v>856</v>
      </c>
      <c r="I655" t="s">
        <v>30540</v>
      </c>
    </row>
    <row r="656" spans="1:9">
      <c r="A656" s="1">
        <v>0.13217322581816704</v>
      </c>
      <c r="B656" s="1"/>
      <c r="C656">
        <v>1</v>
      </c>
      <c r="D656" t="s">
        <v>853</v>
      </c>
      <c r="E656" t="s">
        <v>30974</v>
      </c>
      <c r="F656">
        <v>4</v>
      </c>
      <c r="G656" t="s">
        <v>15</v>
      </c>
      <c r="H656" t="s">
        <v>854</v>
      </c>
      <c r="I656" t="s">
        <v>30540</v>
      </c>
    </row>
    <row r="657" spans="1:9">
      <c r="A657" s="1">
        <v>0.12236420289114958</v>
      </c>
      <c r="B657" s="1"/>
      <c r="C657">
        <v>6</v>
      </c>
      <c r="D657" t="s">
        <v>851</v>
      </c>
      <c r="E657" t="s">
        <v>30975</v>
      </c>
      <c r="F657">
        <v>4</v>
      </c>
      <c r="H657" t="s">
        <v>852</v>
      </c>
      <c r="I657" t="s">
        <v>30540</v>
      </c>
    </row>
    <row r="658" spans="1:9">
      <c r="A658" s="1">
        <v>6.5435860287160197E-2</v>
      </c>
      <c r="B658" s="1"/>
      <c r="C658">
        <v>1</v>
      </c>
      <c r="D658" t="s">
        <v>849</v>
      </c>
      <c r="E658" t="s">
        <v>30976</v>
      </c>
      <c r="F658">
        <v>4</v>
      </c>
      <c r="H658" t="s">
        <v>850</v>
      </c>
      <c r="I658" t="s">
        <v>30540</v>
      </c>
    </row>
    <row r="659" spans="1:9">
      <c r="A659" s="1">
        <v>0.71714697783774284</v>
      </c>
      <c r="B659" s="1"/>
      <c r="C659">
        <v>2</v>
      </c>
      <c r="D659" t="s">
        <v>845</v>
      </c>
      <c r="E659" t="s">
        <v>30978</v>
      </c>
      <c r="F659">
        <v>4</v>
      </c>
      <c r="H659" t="s">
        <v>846</v>
      </c>
      <c r="I659" t="s">
        <v>30540</v>
      </c>
    </row>
    <row r="660" spans="1:9">
      <c r="A660" s="1">
        <v>0.42849504057369792</v>
      </c>
      <c r="B660" s="1"/>
      <c r="C660">
        <v>7</v>
      </c>
      <c r="D660" t="s">
        <v>843</v>
      </c>
      <c r="E660" t="s">
        <v>30979</v>
      </c>
      <c r="F660">
        <v>4</v>
      </c>
      <c r="H660" t="s">
        <v>844</v>
      </c>
      <c r="I660" t="s">
        <v>30540</v>
      </c>
    </row>
    <row r="661" spans="1:9">
      <c r="A661" s="1">
        <v>0.5806203656016572</v>
      </c>
      <c r="B661" s="1"/>
      <c r="C661">
        <v>2</v>
      </c>
      <c r="D661" t="s">
        <v>839</v>
      </c>
      <c r="E661" t="s">
        <v>30979</v>
      </c>
      <c r="F661">
        <v>4</v>
      </c>
      <c r="H661" t="s">
        <v>840</v>
      </c>
      <c r="I661" t="s">
        <v>30540</v>
      </c>
    </row>
    <row r="662" spans="1:9">
      <c r="A662" s="1">
        <v>0.8584224626840431</v>
      </c>
      <c r="B662" s="1"/>
      <c r="C662">
        <v>3</v>
      </c>
      <c r="D662" t="s">
        <v>841</v>
      </c>
      <c r="E662" t="s">
        <v>30979</v>
      </c>
      <c r="F662">
        <v>4</v>
      </c>
      <c r="H662" t="s">
        <v>842</v>
      </c>
      <c r="I662" t="s">
        <v>30540</v>
      </c>
    </row>
    <row r="663" spans="1:9">
      <c r="A663" s="1">
        <v>0.85530648450602254</v>
      </c>
      <c r="B663" s="1"/>
      <c r="C663">
        <v>7</v>
      </c>
      <c r="D663" t="s">
        <v>836</v>
      </c>
      <c r="E663" t="s">
        <v>30980</v>
      </c>
      <c r="F663">
        <v>5</v>
      </c>
      <c r="H663" t="s">
        <v>837</v>
      </c>
      <c r="I663" t="s">
        <v>30540</v>
      </c>
    </row>
    <row r="664" spans="1:9">
      <c r="A664" s="1">
        <v>3.6988278446663192E-2</v>
      </c>
      <c r="B664" s="1"/>
      <c r="C664">
        <v>5</v>
      </c>
      <c r="D664" t="s">
        <v>834</v>
      </c>
      <c r="E664" t="s">
        <v>30980</v>
      </c>
      <c r="F664">
        <v>4</v>
      </c>
      <c r="H664" t="s">
        <v>835</v>
      </c>
      <c r="I664" t="s">
        <v>30540</v>
      </c>
    </row>
    <row r="665" spans="1:9">
      <c r="A665" s="1">
        <v>3.264458505684098E-2</v>
      </c>
      <c r="B665" s="1"/>
      <c r="C665">
        <v>1</v>
      </c>
      <c r="D665" t="s">
        <v>832</v>
      </c>
      <c r="E665" t="s">
        <v>30980</v>
      </c>
      <c r="F665">
        <v>4</v>
      </c>
      <c r="H665" t="s">
        <v>833</v>
      </c>
      <c r="I665" t="s">
        <v>30540</v>
      </c>
    </row>
    <row r="666" spans="1:9">
      <c r="A666" s="1">
        <v>0.35203642052450201</v>
      </c>
      <c r="B666" s="1"/>
      <c r="C666">
        <v>4</v>
      </c>
      <c r="D666" t="s">
        <v>2430</v>
      </c>
      <c r="E666" t="s">
        <v>30981</v>
      </c>
      <c r="F666">
        <v>4</v>
      </c>
      <c r="H666" t="s">
        <v>2431</v>
      </c>
      <c r="I666" t="s">
        <v>30540</v>
      </c>
    </row>
    <row r="667" spans="1:9">
      <c r="A667" s="1">
        <v>0.40730506015509615</v>
      </c>
      <c r="B667" s="1"/>
      <c r="C667">
        <v>4</v>
      </c>
      <c r="D667" t="s">
        <v>2430</v>
      </c>
      <c r="E667" t="s">
        <v>30981</v>
      </c>
      <c r="F667">
        <v>4</v>
      </c>
      <c r="H667" t="s">
        <v>2431</v>
      </c>
      <c r="I667" t="s">
        <v>30540</v>
      </c>
    </row>
    <row r="668" spans="1:9">
      <c r="A668" s="1">
        <v>0.78025279403709569</v>
      </c>
      <c r="B668" s="1"/>
      <c r="C668">
        <v>3</v>
      </c>
      <c r="D668" t="s">
        <v>2428</v>
      </c>
      <c r="E668" t="s">
        <v>30981</v>
      </c>
      <c r="F668">
        <v>4</v>
      </c>
      <c r="H668" t="s">
        <v>2429</v>
      </c>
      <c r="I668" t="s">
        <v>30540</v>
      </c>
    </row>
    <row r="669" spans="1:9">
      <c r="A669" s="1">
        <v>5.6129824740838274E-2</v>
      </c>
      <c r="B669" s="1"/>
      <c r="C669">
        <v>3</v>
      </c>
      <c r="D669" t="s">
        <v>2428</v>
      </c>
      <c r="E669" t="s">
        <v>30981</v>
      </c>
      <c r="F669">
        <v>4</v>
      </c>
      <c r="H669" t="s">
        <v>2429</v>
      </c>
      <c r="I669" t="s">
        <v>30540</v>
      </c>
    </row>
    <row r="670" spans="1:9">
      <c r="A670" s="1">
        <v>0.24307268540412041</v>
      </c>
      <c r="B670" s="1"/>
      <c r="C670">
        <v>9</v>
      </c>
      <c r="D670" t="s">
        <v>2426</v>
      </c>
      <c r="E670" t="s">
        <v>30982</v>
      </c>
      <c r="F670">
        <v>5</v>
      </c>
      <c r="H670" t="s">
        <v>2427</v>
      </c>
      <c r="I670" t="s">
        <v>30540</v>
      </c>
    </row>
    <row r="671" spans="1:9">
      <c r="A671" s="1">
        <v>0.20177647430987489</v>
      </c>
      <c r="B671" s="1"/>
      <c r="C671">
        <v>9</v>
      </c>
      <c r="D671" t="s">
        <v>2426</v>
      </c>
      <c r="E671" t="s">
        <v>30982</v>
      </c>
      <c r="F671">
        <v>5</v>
      </c>
      <c r="H671" t="s">
        <v>2427</v>
      </c>
      <c r="I671" t="s">
        <v>30540</v>
      </c>
    </row>
    <row r="672" spans="1:9">
      <c r="A672" s="1">
        <v>0.48506747430365771</v>
      </c>
      <c r="B672" s="1"/>
      <c r="C672">
        <v>7</v>
      </c>
      <c r="D672" t="s">
        <v>2424</v>
      </c>
      <c r="E672" t="s">
        <v>30982</v>
      </c>
      <c r="F672">
        <v>4</v>
      </c>
      <c r="H672" t="s">
        <v>2425</v>
      </c>
      <c r="I672" t="s">
        <v>30540</v>
      </c>
    </row>
    <row r="673" spans="1:9">
      <c r="A673" s="1">
        <v>0.78422722712350801</v>
      </c>
      <c r="B673" s="1"/>
      <c r="C673">
        <v>7</v>
      </c>
      <c r="D673" t="s">
        <v>2424</v>
      </c>
      <c r="E673" t="s">
        <v>30982</v>
      </c>
      <c r="F673">
        <v>4</v>
      </c>
      <c r="H673" t="s">
        <v>2425</v>
      </c>
      <c r="I673" t="s">
        <v>30540</v>
      </c>
    </row>
    <row r="674" spans="1:9">
      <c r="A674" s="1">
        <v>0.86578883375246518</v>
      </c>
      <c r="B674" s="1"/>
      <c r="C674">
        <v>3</v>
      </c>
      <c r="D674" t="s">
        <v>2422</v>
      </c>
      <c r="E674" t="s">
        <v>30982</v>
      </c>
      <c r="F674">
        <v>4</v>
      </c>
      <c r="H674" t="s">
        <v>2423</v>
      </c>
      <c r="I674" t="s">
        <v>30540</v>
      </c>
    </row>
    <row r="675" spans="1:9">
      <c r="A675" s="1">
        <v>8.208170473943166E-2</v>
      </c>
      <c r="B675" s="1"/>
      <c r="C675">
        <v>3</v>
      </c>
      <c r="D675" t="s">
        <v>2422</v>
      </c>
      <c r="E675" t="s">
        <v>30982</v>
      </c>
      <c r="F675">
        <v>4</v>
      </c>
      <c r="H675" t="s">
        <v>2423</v>
      </c>
      <c r="I675" t="s">
        <v>30540</v>
      </c>
    </row>
    <row r="676" spans="1:9">
      <c r="A676" s="1">
        <v>0.76605965206310522</v>
      </c>
      <c r="B676" s="1"/>
      <c r="C676">
        <v>10</v>
      </c>
      <c r="D676" t="s">
        <v>2418</v>
      </c>
      <c r="E676" t="s">
        <v>30983</v>
      </c>
      <c r="F676">
        <v>5</v>
      </c>
      <c r="H676" t="s">
        <v>2419</v>
      </c>
      <c r="I676" t="s">
        <v>30540</v>
      </c>
    </row>
    <row r="677" spans="1:9">
      <c r="A677" s="1">
        <v>0.8613126633218664</v>
      </c>
      <c r="B677" s="1"/>
      <c r="C677">
        <v>11</v>
      </c>
      <c r="D677" t="s">
        <v>2420</v>
      </c>
      <c r="E677" t="s">
        <v>30983</v>
      </c>
      <c r="F677">
        <v>5</v>
      </c>
      <c r="H677" t="s">
        <v>2421</v>
      </c>
      <c r="I677" t="s">
        <v>30540</v>
      </c>
    </row>
    <row r="678" spans="1:9">
      <c r="A678" s="1">
        <v>0.25460151993076152</v>
      </c>
      <c r="B678" s="1"/>
      <c r="C678">
        <v>11</v>
      </c>
      <c r="D678" t="s">
        <v>2420</v>
      </c>
      <c r="E678" t="s">
        <v>30983</v>
      </c>
      <c r="F678">
        <v>5</v>
      </c>
      <c r="H678" t="s">
        <v>2421</v>
      </c>
      <c r="I678" t="s">
        <v>30540</v>
      </c>
    </row>
    <row r="679" spans="1:9">
      <c r="A679" s="1">
        <v>0.72629503135577089</v>
      </c>
      <c r="B679" s="1"/>
      <c r="C679">
        <v>10</v>
      </c>
      <c r="D679" t="s">
        <v>2418</v>
      </c>
      <c r="E679" t="s">
        <v>30983</v>
      </c>
      <c r="F679">
        <v>5</v>
      </c>
      <c r="H679" t="s">
        <v>2419</v>
      </c>
      <c r="I679" t="s">
        <v>30540</v>
      </c>
    </row>
    <row r="680" spans="1:9">
      <c r="A680" s="1">
        <v>0.45377140832000085</v>
      </c>
      <c r="B680" s="1"/>
      <c r="C680">
        <v>5</v>
      </c>
      <c r="D680" t="s">
        <v>2412</v>
      </c>
      <c r="E680" t="s">
        <v>30983</v>
      </c>
      <c r="F680">
        <v>4</v>
      </c>
      <c r="H680" t="s">
        <v>2413</v>
      </c>
      <c r="I680" t="s">
        <v>30540</v>
      </c>
    </row>
    <row r="681" spans="1:9">
      <c r="A681" s="1">
        <v>0.62539379668897666</v>
      </c>
      <c r="B681" s="1"/>
      <c r="C681">
        <v>7</v>
      </c>
      <c r="D681" t="s">
        <v>2416</v>
      </c>
      <c r="E681" t="s">
        <v>30983</v>
      </c>
      <c r="F681">
        <v>4</v>
      </c>
      <c r="H681" t="s">
        <v>2417</v>
      </c>
      <c r="I681" t="s">
        <v>30540</v>
      </c>
    </row>
    <row r="682" spans="1:9">
      <c r="A682" s="1">
        <v>0.20187171987237351</v>
      </c>
      <c r="B682" s="1"/>
      <c r="C682">
        <v>6</v>
      </c>
      <c r="D682" t="s">
        <v>2414</v>
      </c>
      <c r="E682" t="s">
        <v>30983</v>
      </c>
      <c r="F682">
        <v>4</v>
      </c>
      <c r="H682" t="s">
        <v>2415</v>
      </c>
      <c r="I682" t="s">
        <v>30540</v>
      </c>
    </row>
    <row r="683" spans="1:9">
      <c r="A683" s="1">
        <v>0.47684498376081941</v>
      </c>
      <c r="B683" s="1"/>
      <c r="C683">
        <v>6</v>
      </c>
      <c r="D683" t="s">
        <v>2414</v>
      </c>
      <c r="E683" t="s">
        <v>30983</v>
      </c>
      <c r="F683">
        <v>4</v>
      </c>
      <c r="H683" t="s">
        <v>2415</v>
      </c>
      <c r="I683" t="s">
        <v>30540</v>
      </c>
    </row>
    <row r="684" spans="1:9">
      <c r="A684" s="1">
        <v>0.22330943039762641</v>
      </c>
      <c r="B684" s="1"/>
      <c r="C684">
        <v>5</v>
      </c>
      <c r="D684" t="s">
        <v>2412</v>
      </c>
      <c r="E684" t="s">
        <v>30983</v>
      </c>
      <c r="F684">
        <v>4</v>
      </c>
      <c r="H684" t="s">
        <v>2413</v>
      </c>
      <c r="I684" t="s">
        <v>30540</v>
      </c>
    </row>
    <row r="685" spans="1:9">
      <c r="A685" s="1">
        <v>0.17488742393702794</v>
      </c>
      <c r="B685" s="1"/>
      <c r="C685">
        <v>7</v>
      </c>
      <c r="D685" t="s">
        <v>2416</v>
      </c>
      <c r="E685" t="s">
        <v>30983</v>
      </c>
      <c r="F685">
        <v>4</v>
      </c>
      <c r="H685" t="s">
        <v>2417</v>
      </c>
      <c r="I685" t="s">
        <v>30540</v>
      </c>
    </row>
    <row r="686" spans="1:9">
      <c r="A686" s="1">
        <v>0.7232280417004795</v>
      </c>
      <c r="B686" s="1"/>
      <c r="C686">
        <v>2</v>
      </c>
      <c r="D686" t="s">
        <v>2410</v>
      </c>
      <c r="E686" t="s">
        <v>30984</v>
      </c>
      <c r="F686">
        <v>5</v>
      </c>
      <c r="H686" t="s">
        <v>2411</v>
      </c>
      <c r="I686" t="s">
        <v>30540</v>
      </c>
    </row>
    <row r="687" spans="1:9">
      <c r="A687" s="1">
        <v>0.58692359540556482</v>
      </c>
      <c r="B687" s="1"/>
      <c r="C687">
        <v>2</v>
      </c>
      <c r="D687" t="s">
        <v>2410</v>
      </c>
      <c r="E687" t="s">
        <v>30984</v>
      </c>
      <c r="F687">
        <v>5</v>
      </c>
      <c r="H687" t="s">
        <v>2411</v>
      </c>
      <c r="I687" t="s">
        <v>30540</v>
      </c>
    </row>
    <row r="688" spans="1:9">
      <c r="A688" s="1">
        <v>0.37154126271694266</v>
      </c>
      <c r="B688" s="1"/>
      <c r="C688">
        <v>4</v>
      </c>
      <c r="D688" t="s">
        <v>2408</v>
      </c>
      <c r="E688" t="s">
        <v>30985</v>
      </c>
      <c r="F688">
        <v>5</v>
      </c>
      <c r="H688" t="s">
        <v>2409</v>
      </c>
      <c r="I688" t="s">
        <v>30540</v>
      </c>
    </row>
    <row r="689" spans="1:9">
      <c r="A689" s="1">
        <v>1.5893188059462271E-2</v>
      </c>
      <c r="B689" s="1"/>
      <c r="C689">
        <v>3</v>
      </c>
      <c r="D689" t="s">
        <v>2406</v>
      </c>
      <c r="E689" t="s">
        <v>30985</v>
      </c>
      <c r="F689">
        <v>5</v>
      </c>
      <c r="H689" t="s">
        <v>2407</v>
      </c>
      <c r="I689" t="s">
        <v>30540</v>
      </c>
    </row>
    <row r="690" spans="1:9">
      <c r="A690" s="1">
        <v>0.65615948603336494</v>
      </c>
      <c r="B690" s="1"/>
      <c r="C690">
        <v>3</v>
      </c>
      <c r="D690" t="s">
        <v>2406</v>
      </c>
      <c r="E690" t="s">
        <v>30985</v>
      </c>
      <c r="F690">
        <v>5</v>
      </c>
      <c r="H690" t="s">
        <v>2407</v>
      </c>
      <c r="I690" t="s">
        <v>30540</v>
      </c>
    </row>
    <row r="691" spans="1:9">
      <c r="A691" s="1">
        <v>0.85729811854493798</v>
      </c>
      <c r="B691" s="1"/>
      <c r="C691">
        <v>4</v>
      </c>
      <c r="D691" t="s">
        <v>2408</v>
      </c>
      <c r="E691" t="s">
        <v>30985</v>
      </c>
      <c r="F691">
        <v>5</v>
      </c>
      <c r="H691" t="s">
        <v>2409</v>
      </c>
      <c r="I691" t="s">
        <v>30540</v>
      </c>
    </row>
    <row r="692" spans="1:9">
      <c r="A692" s="1">
        <v>0.55733363632005173</v>
      </c>
      <c r="B692" s="1"/>
      <c r="C692">
        <v>1</v>
      </c>
      <c r="D692" t="s">
        <v>2404</v>
      </c>
      <c r="E692" t="s">
        <v>30985</v>
      </c>
      <c r="F692">
        <v>4</v>
      </c>
      <c r="H692" t="s">
        <v>2405</v>
      </c>
      <c r="I692" t="s">
        <v>30540</v>
      </c>
    </row>
    <row r="693" spans="1:9">
      <c r="A693" s="1">
        <v>0.7186144538907735</v>
      </c>
      <c r="B693" s="1"/>
      <c r="C693">
        <v>1</v>
      </c>
      <c r="D693" t="s">
        <v>2404</v>
      </c>
      <c r="E693" t="s">
        <v>30985</v>
      </c>
      <c r="F693">
        <v>4</v>
      </c>
      <c r="H693" t="s">
        <v>2405</v>
      </c>
      <c r="I693" t="s">
        <v>30540</v>
      </c>
    </row>
    <row r="694" spans="1:9">
      <c r="A694" s="1">
        <v>0.22125370181580784</v>
      </c>
      <c r="B694" s="1"/>
      <c r="C694">
        <v>1</v>
      </c>
      <c r="D694" t="s">
        <v>2402</v>
      </c>
      <c r="E694" t="s">
        <v>30986</v>
      </c>
      <c r="F694">
        <v>4</v>
      </c>
      <c r="H694" t="s">
        <v>2403</v>
      </c>
      <c r="I694" t="s">
        <v>30540</v>
      </c>
    </row>
    <row r="695" spans="1:9">
      <c r="A695" s="1">
        <v>0.2151203667563425</v>
      </c>
      <c r="B695" s="1"/>
      <c r="C695">
        <v>1</v>
      </c>
      <c r="D695" t="s">
        <v>2402</v>
      </c>
      <c r="E695" t="s">
        <v>30986</v>
      </c>
      <c r="F695">
        <v>4</v>
      </c>
      <c r="H695" t="s">
        <v>2403</v>
      </c>
      <c r="I695" t="s">
        <v>30540</v>
      </c>
    </row>
    <row r="696" spans="1:9">
      <c r="A696" s="1">
        <v>9.6408983280437344E-2</v>
      </c>
      <c r="B696" s="1"/>
      <c r="C696">
        <v>5</v>
      </c>
      <c r="D696" t="s">
        <v>2400</v>
      </c>
      <c r="E696" t="s">
        <v>30987</v>
      </c>
      <c r="F696">
        <v>4</v>
      </c>
      <c r="H696" t="s">
        <v>2401</v>
      </c>
      <c r="I696" t="s">
        <v>30540</v>
      </c>
    </row>
    <row r="697" spans="1:9">
      <c r="A697" s="1">
        <v>0.53791121228191652</v>
      </c>
      <c r="B697" s="1"/>
      <c r="C697">
        <v>5</v>
      </c>
      <c r="D697" t="s">
        <v>2400</v>
      </c>
      <c r="E697" t="s">
        <v>30987</v>
      </c>
      <c r="F697">
        <v>4</v>
      </c>
      <c r="H697" t="s">
        <v>2401</v>
      </c>
      <c r="I697" t="s">
        <v>30540</v>
      </c>
    </row>
    <row r="698" spans="1:9">
      <c r="A698" s="1">
        <v>0.88724413738143382</v>
      </c>
      <c r="B698" s="1"/>
      <c r="C698">
        <v>3</v>
      </c>
      <c r="D698" t="s">
        <v>2396</v>
      </c>
      <c r="E698" t="s">
        <v>30988</v>
      </c>
      <c r="F698">
        <v>4</v>
      </c>
      <c r="H698" t="s">
        <v>2397</v>
      </c>
      <c r="I698" t="s">
        <v>30540</v>
      </c>
    </row>
    <row r="699" spans="1:9">
      <c r="A699" s="1">
        <v>0.40924447111083606</v>
      </c>
      <c r="B699" s="1"/>
      <c r="C699">
        <v>3</v>
      </c>
      <c r="D699" t="s">
        <v>2396</v>
      </c>
      <c r="E699" t="s">
        <v>30988</v>
      </c>
      <c r="F699">
        <v>4</v>
      </c>
      <c r="H699" t="s">
        <v>2397</v>
      </c>
      <c r="I699" t="s">
        <v>30540</v>
      </c>
    </row>
    <row r="700" spans="1:9">
      <c r="A700" s="1">
        <v>0.71156251496019984</v>
      </c>
      <c r="B700" s="1"/>
      <c r="C700">
        <v>10</v>
      </c>
      <c r="D700" t="s">
        <v>2390</v>
      </c>
      <c r="E700" t="s">
        <v>30989</v>
      </c>
      <c r="F700">
        <v>4</v>
      </c>
      <c r="H700" t="s">
        <v>2391</v>
      </c>
      <c r="I700" t="s">
        <v>30540</v>
      </c>
    </row>
    <row r="701" spans="1:9">
      <c r="A701" s="1">
        <v>0.55069629983025892</v>
      </c>
      <c r="B701" s="1"/>
      <c r="C701">
        <v>10</v>
      </c>
      <c r="D701" t="s">
        <v>2390</v>
      </c>
      <c r="E701" t="s">
        <v>30989</v>
      </c>
      <c r="F701">
        <v>4</v>
      </c>
      <c r="H701" t="s">
        <v>2391</v>
      </c>
      <c r="I701" t="s">
        <v>30540</v>
      </c>
    </row>
    <row r="702" spans="1:9">
      <c r="A702" s="1">
        <v>0.70745859133446543</v>
      </c>
      <c r="B702" s="1"/>
      <c r="C702">
        <v>2</v>
      </c>
      <c r="D702" t="s">
        <v>2388</v>
      </c>
      <c r="E702" t="s">
        <v>30989</v>
      </c>
      <c r="F702">
        <v>4</v>
      </c>
      <c r="H702" t="s">
        <v>2389</v>
      </c>
      <c r="I702" t="s">
        <v>30540</v>
      </c>
    </row>
    <row r="703" spans="1:9">
      <c r="A703" s="1">
        <v>0.68456931519269881</v>
      </c>
      <c r="B703" s="1"/>
      <c r="C703">
        <v>11</v>
      </c>
      <c r="D703" t="s">
        <v>2392</v>
      </c>
      <c r="E703" t="s">
        <v>30989</v>
      </c>
      <c r="F703">
        <v>4</v>
      </c>
      <c r="H703" t="s">
        <v>2393</v>
      </c>
      <c r="I703" t="s">
        <v>30540</v>
      </c>
    </row>
    <row r="704" spans="1:9">
      <c r="A704" s="1">
        <v>0.37839957921658129</v>
      </c>
      <c r="B704" s="1"/>
      <c r="C704">
        <v>2</v>
      </c>
      <c r="D704" t="s">
        <v>2388</v>
      </c>
      <c r="E704" t="s">
        <v>30989</v>
      </c>
      <c r="F704">
        <v>4</v>
      </c>
      <c r="H704" t="s">
        <v>2389</v>
      </c>
      <c r="I704" t="s">
        <v>30540</v>
      </c>
    </row>
    <row r="705" spans="1:9">
      <c r="A705" s="1">
        <v>0.3077339758457488</v>
      </c>
      <c r="B705" s="1"/>
      <c r="C705">
        <v>12</v>
      </c>
      <c r="D705" t="s">
        <v>2394</v>
      </c>
      <c r="E705" t="s">
        <v>30989</v>
      </c>
      <c r="F705">
        <v>4</v>
      </c>
      <c r="H705" t="s">
        <v>2395</v>
      </c>
      <c r="I705" t="s">
        <v>30540</v>
      </c>
    </row>
    <row r="706" spans="1:9">
      <c r="A706" s="1">
        <v>0.51020681596658535</v>
      </c>
      <c r="B706" s="1"/>
      <c r="C706">
        <v>12</v>
      </c>
      <c r="D706" t="s">
        <v>2394</v>
      </c>
      <c r="E706" t="s">
        <v>30989</v>
      </c>
      <c r="F706">
        <v>4</v>
      </c>
      <c r="H706" t="s">
        <v>2395</v>
      </c>
      <c r="I706" t="s">
        <v>30540</v>
      </c>
    </row>
    <row r="707" spans="1:9">
      <c r="A707" s="1">
        <v>0.99866266927376579</v>
      </c>
      <c r="B707" s="1"/>
      <c r="C707">
        <v>11</v>
      </c>
      <c r="D707" t="s">
        <v>2392</v>
      </c>
      <c r="E707" t="s">
        <v>30989</v>
      </c>
      <c r="F707">
        <v>4</v>
      </c>
      <c r="H707" t="s">
        <v>2393</v>
      </c>
      <c r="I707" t="s">
        <v>30540</v>
      </c>
    </row>
    <row r="708" spans="1:9">
      <c r="A708" s="1">
        <v>0.8309776118051605</v>
      </c>
      <c r="B708" s="1"/>
      <c r="C708">
        <v>6</v>
      </c>
      <c r="D708" t="s">
        <v>2378</v>
      </c>
      <c r="E708" t="s">
        <v>30990</v>
      </c>
      <c r="F708">
        <v>5</v>
      </c>
      <c r="H708" t="s">
        <v>2379</v>
      </c>
      <c r="I708" t="s">
        <v>30540</v>
      </c>
    </row>
    <row r="709" spans="1:9">
      <c r="A709" s="1">
        <v>0.28000450377679198</v>
      </c>
      <c r="B709" s="1"/>
      <c r="C709">
        <v>12</v>
      </c>
      <c r="D709" t="s">
        <v>2384</v>
      </c>
      <c r="E709" t="s">
        <v>30990</v>
      </c>
      <c r="F709">
        <v>5</v>
      </c>
      <c r="H709" t="s">
        <v>2385</v>
      </c>
      <c r="I709" t="s">
        <v>30540</v>
      </c>
    </row>
    <row r="710" spans="1:9">
      <c r="A710" s="1">
        <v>0.55989531396428127</v>
      </c>
      <c r="B710" s="1"/>
      <c r="C710">
        <v>12</v>
      </c>
      <c r="D710" t="s">
        <v>2384</v>
      </c>
      <c r="E710" t="s">
        <v>30990</v>
      </c>
      <c r="F710">
        <v>5</v>
      </c>
      <c r="H710" t="s">
        <v>2385</v>
      </c>
      <c r="I710" t="s">
        <v>30540</v>
      </c>
    </row>
    <row r="711" spans="1:9">
      <c r="A711" s="1">
        <v>0.5771419347600617</v>
      </c>
      <c r="B711" s="1"/>
      <c r="C711">
        <v>6</v>
      </c>
      <c r="D711" t="s">
        <v>2378</v>
      </c>
      <c r="E711" t="s">
        <v>30990</v>
      </c>
      <c r="F711">
        <v>5</v>
      </c>
      <c r="H711" t="s">
        <v>2379</v>
      </c>
      <c r="I711" t="s">
        <v>30540</v>
      </c>
    </row>
    <row r="712" spans="1:9">
      <c r="A712" s="1">
        <v>0.91236025503137907</v>
      </c>
      <c r="B712" s="1"/>
      <c r="C712">
        <v>2</v>
      </c>
      <c r="D712" t="s">
        <v>2376</v>
      </c>
      <c r="E712" t="s">
        <v>30990</v>
      </c>
      <c r="F712">
        <v>4</v>
      </c>
      <c r="H712" t="s">
        <v>2377</v>
      </c>
      <c r="I712" t="s">
        <v>30540</v>
      </c>
    </row>
    <row r="713" spans="1:9">
      <c r="A713" s="1">
        <v>0.11426810381245711</v>
      </c>
      <c r="B713" s="1"/>
      <c r="C713">
        <v>10</v>
      </c>
      <c r="D713" t="s">
        <v>2380</v>
      </c>
      <c r="E713" t="s">
        <v>30990</v>
      </c>
      <c r="F713">
        <v>4</v>
      </c>
      <c r="H713" t="s">
        <v>2381</v>
      </c>
      <c r="I713" t="s">
        <v>30540</v>
      </c>
    </row>
    <row r="714" spans="1:9">
      <c r="A714" s="1">
        <v>0.49925140348195729</v>
      </c>
      <c r="B714" s="1"/>
      <c r="C714">
        <v>10</v>
      </c>
      <c r="D714" t="s">
        <v>2380</v>
      </c>
      <c r="E714" t="s">
        <v>30990</v>
      </c>
      <c r="F714">
        <v>4</v>
      </c>
      <c r="H714" t="s">
        <v>2381</v>
      </c>
      <c r="I714" t="s">
        <v>30540</v>
      </c>
    </row>
    <row r="715" spans="1:9">
      <c r="A715" s="1">
        <v>0.69441519069788904</v>
      </c>
      <c r="B715" s="1"/>
      <c r="C715">
        <v>2</v>
      </c>
      <c r="D715" t="s">
        <v>2376</v>
      </c>
      <c r="E715" t="s">
        <v>30990</v>
      </c>
      <c r="F715">
        <v>4</v>
      </c>
      <c r="H715" t="s">
        <v>2377</v>
      </c>
      <c r="I715" t="s">
        <v>30540</v>
      </c>
    </row>
    <row r="716" spans="1:9">
      <c r="A716" s="1">
        <v>9.0916687951642317E-2</v>
      </c>
      <c r="B716" s="1"/>
      <c r="C716">
        <v>11</v>
      </c>
      <c r="D716" t="s">
        <v>2382</v>
      </c>
      <c r="E716" t="s">
        <v>30990</v>
      </c>
      <c r="F716">
        <v>3</v>
      </c>
      <c r="H716" t="s">
        <v>2383</v>
      </c>
      <c r="I716" t="s">
        <v>30540</v>
      </c>
    </row>
    <row r="717" spans="1:9">
      <c r="A717" s="1">
        <v>0.24301845313546244</v>
      </c>
      <c r="B717" s="1"/>
      <c r="C717">
        <v>11</v>
      </c>
      <c r="D717" t="s">
        <v>2382</v>
      </c>
      <c r="E717" t="s">
        <v>30990</v>
      </c>
      <c r="F717">
        <v>3</v>
      </c>
      <c r="H717" t="s">
        <v>2383</v>
      </c>
      <c r="I717" t="s">
        <v>30540</v>
      </c>
    </row>
    <row r="718" spans="1:9">
      <c r="A718" s="1">
        <v>0.98662530859871178</v>
      </c>
      <c r="B718" s="1"/>
      <c r="C718">
        <v>6</v>
      </c>
      <c r="D718" t="s">
        <v>2372</v>
      </c>
      <c r="E718" t="s">
        <v>30991</v>
      </c>
      <c r="F718">
        <v>5</v>
      </c>
      <c r="H718" t="s">
        <v>2373</v>
      </c>
      <c r="I718" t="s">
        <v>30540</v>
      </c>
    </row>
    <row r="719" spans="1:9">
      <c r="A719" s="1">
        <v>0.81936355393401783</v>
      </c>
      <c r="B719" s="1"/>
      <c r="C719">
        <v>6</v>
      </c>
      <c r="D719" t="s">
        <v>2372</v>
      </c>
      <c r="E719" t="s">
        <v>30991</v>
      </c>
      <c r="F719">
        <v>5</v>
      </c>
      <c r="H719" t="s">
        <v>2373</v>
      </c>
      <c r="I719" t="s">
        <v>30540</v>
      </c>
    </row>
    <row r="720" spans="1:9">
      <c r="A720" s="1">
        <v>8.1666828231965916E-2</v>
      </c>
      <c r="B720" s="1"/>
      <c r="C720">
        <v>9</v>
      </c>
      <c r="D720" t="s">
        <v>2374</v>
      </c>
      <c r="E720" t="s">
        <v>30991</v>
      </c>
      <c r="F720">
        <v>4</v>
      </c>
      <c r="H720" t="s">
        <v>2375</v>
      </c>
      <c r="I720" t="s">
        <v>30540</v>
      </c>
    </row>
    <row r="721" spans="1:9">
      <c r="A721" s="1">
        <v>0.24727941542670628</v>
      </c>
      <c r="B721" s="1"/>
      <c r="C721">
        <v>9</v>
      </c>
      <c r="D721" t="s">
        <v>2374</v>
      </c>
      <c r="E721" t="s">
        <v>30991</v>
      </c>
      <c r="F721">
        <v>4</v>
      </c>
      <c r="H721" t="s">
        <v>2375</v>
      </c>
      <c r="I721" t="s">
        <v>30540</v>
      </c>
    </row>
    <row r="722" spans="1:9">
      <c r="A722" s="1">
        <v>0.32933591229401815</v>
      </c>
      <c r="B722" s="1"/>
      <c r="C722">
        <v>2</v>
      </c>
      <c r="D722" t="s">
        <v>2370</v>
      </c>
      <c r="E722" t="s">
        <v>30992</v>
      </c>
      <c r="F722">
        <v>4</v>
      </c>
      <c r="H722" t="s">
        <v>2371</v>
      </c>
      <c r="I722" t="s">
        <v>30540</v>
      </c>
    </row>
    <row r="723" spans="1:9">
      <c r="A723" s="1">
        <v>0.16540053950789801</v>
      </c>
      <c r="B723" s="1"/>
      <c r="C723">
        <v>2</v>
      </c>
      <c r="D723" t="s">
        <v>2370</v>
      </c>
      <c r="E723" t="s">
        <v>30992</v>
      </c>
      <c r="F723">
        <v>4</v>
      </c>
      <c r="H723" t="s">
        <v>2371</v>
      </c>
      <c r="I723" t="s">
        <v>30540</v>
      </c>
    </row>
    <row r="724" spans="1:9">
      <c r="A724" s="1">
        <v>0.54403468214618389</v>
      </c>
      <c r="B724" s="1"/>
      <c r="C724">
        <v>2</v>
      </c>
      <c r="D724" t="s">
        <v>2368</v>
      </c>
      <c r="E724" t="s">
        <v>30993</v>
      </c>
      <c r="F724">
        <v>4</v>
      </c>
      <c r="H724" t="s">
        <v>2369</v>
      </c>
      <c r="I724" t="s">
        <v>30540</v>
      </c>
    </row>
    <row r="725" spans="1:9">
      <c r="A725" s="1">
        <v>0.31145935126867585</v>
      </c>
      <c r="B725" s="1"/>
      <c r="C725">
        <v>2</v>
      </c>
      <c r="D725" t="s">
        <v>2368</v>
      </c>
      <c r="E725" t="s">
        <v>30993</v>
      </c>
      <c r="F725">
        <v>4</v>
      </c>
      <c r="H725" t="s">
        <v>2369</v>
      </c>
      <c r="I725" t="s">
        <v>30540</v>
      </c>
    </row>
    <row r="726" spans="1:9">
      <c r="A726" s="1">
        <v>0.55638840730216288</v>
      </c>
      <c r="B726" s="1"/>
      <c r="C726">
        <v>4</v>
      </c>
      <c r="D726" t="s">
        <v>2362</v>
      </c>
      <c r="E726" t="s">
        <v>30994</v>
      </c>
      <c r="F726">
        <v>5</v>
      </c>
      <c r="H726" t="s">
        <v>2363</v>
      </c>
      <c r="I726" t="s">
        <v>30540</v>
      </c>
    </row>
    <row r="727" spans="1:9">
      <c r="A727" s="1">
        <v>0.37815444932371445</v>
      </c>
      <c r="B727" s="1"/>
      <c r="C727">
        <v>4</v>
      </c>
      <c r="D727" t="s">
        <v>2362</v>
      </c>
      <c r="E727" t="s">
        <v>30994</v>
      </c>
      <c r="F727">
        <v>5</v>
      </c>
      <c r="H727" t="s">
        <v>2363</v>
      </c>
      <c r="I727" t="s">
        <v>30540</v>
      </c>
    </row>
    <row r="728" spans="1:9">
      <c r="A728" s="1">
        <v>0.23223123052981598</v>
      </c>
      <c r="B728" s="1"/>
      <c r="C728">
        <v>10</v>
      </c>
      <c r="D728" t="s">
        <v>2366</v>
      </c>
      <c r="E728" t="s">
        <v>30994</v>
      </c>
      <c r="F728">
        <v>4</v>
      </c>
      <c r="H728" t="s">
        <v>2367</v>
      </c>
      <c r="I728" t="s">
        <v>30540</v>
      </c>
    </row>
    <row r="729" spans="1:9">
      <c r="A729" s="1">
        <v>4.4266046672770454E-2</v>
      </c>
      <c r="B729" s="1"/>
      <c r="C729">
        <v>10</v>
      </c>
      <c r="D729" t="s">
        <v>2366</v>
      </c>
      <c r="E729" t="s">
        <v>30994</v>
      </c>
      <c r="F729">
        <v>4</v>
      </c>
      <c r="H729" t="s">
        <v>2367</v>
      </c>
      <c r="I729" t="s">
        <v>30540</v>
      </c>
    </row>
    <row r="730" spans="1:9">
      <c r="A730" s="1">
        <v>0.21494350232321069</v>
      </c>
      <c r="B730" s="1"/>
      <c r="C730">
        <v>1</v>
      </c>
      <c r="D730" t="s">
        <v>2358</v>
      </c>
      <c r="E730" t="s">
        <v>30995</v>
      </c>
      <c r="F730">
        <v>4</v>
      </c>
      <c r="H730" t="s">
        <v>2359</v>
      </c>
      <c r="I730" t="s">
        <v>30540</v>
      </c>
    </row>
    <row r="731" spans="1:9">
      <c r="A731" s="1">
        <v>0.89628171369027021</v>
      </c>
      <c r="B731" s="1"/>
      <c r="C731">
        <v>3</v>
      </c>
      <c r="D731" t="s">
        <v>2360</v>
      </c>
      <c r="E731" t="s">
        <v>30995</v>
      </c>
      <c r="F731">
        <v>4</v>
      </c>
      <c r="H731" t="s">
        <v>2361</v>
      </c>
      <c r="I731" t="s">
        <v>30540</v>
      </c>
    </row>
    <row r="732" spans="1:9">
      <c r="A732" s="1">
        <v>0.69887385335823449</v>
      </c>
      <c r="B732" s="1"/>
      <c r="C732">
        <v>3</v>
      </c>
      <c r="D732" t="s">
        <v>2360</v>
      </c>
      <c r="E732" t="s">
        <v>30995</v>
      </c>
      <c r="F732">
        <v>4</v>
      </c>
      <c r="H732" t="s">
        <v>2361</v>
      </c>
      <c r="I732" t="s">
        <v>30540</v>
      </c>
    </row>
    <row r="733" spans="1:9">
      <c r="A733" s="1">
        <v>0.66863210759350966</v>
      </c>
      <c r="B733" s="1"/>
      <c r="C733">
        <v>1</v>
      </c>
      <c r="D733" t="s">
        <v>2358</v>
      </c>
      <c r="E733" t="s">
        <v>30995</v>
      </c>
      <c r="F733">
        <v>4</v>
      </c>
      <c r="H733" t="s">
        <v>2359</v>
      </c>
      <c r="I733" t="s">
        <v>30540</v>
      </c>
    </row>
    <row r="734" spans="1:9">
      <c r="A734" s="1">
        <v>0.13545936412474358</v>
      </c>
      <c r="B734" s="1"/>
      <c r="C734">
        <v>3</v>
      </c>
      <c r="D734" t="s">
        <v>2354</v>
      </c>
      <c r="E734" t="s">
        <v>30997</v>
      </c>
      <c r="F734">
        <v>5</v>
      </c>
      <c r="H734" t="s">
        <v>2355</v>
      </c>
      <c r="I734" t="s">
        <v>30540</v>
      </c>
    </row>
    <row r="735" spans="1:9">
      <c r="A735" s="1">
        <v>0.39990338456309216</v>
      </c>
      <c r="B735" s="1"/>
      <c r="C735">
        <v>1</v>
      </c>
      <c r="D735" t="s">
        <v>2352</v>
      </c>
      <c r="E735" t="s">
        <v>30997</v>
      </c>
      <c r="F735">
        <v>4</v>
      </c>
      <c r="H735" t="s">
        <v>2353</v>
      </c>
      <c r="I735" t="s">
        <v>30540</v>
      </c>
    </row>
    <row r="736" spans="1:9">
      <c r="A736" s="1">
        <v>0.84950124341720934</v>
      </c>
      <c r="B736" s="1"/>
      <c r="C736">
        <v>3</v>
      </c>
      <c r="D736" t="s">
        <v>2350</v>
      </c>
      <c r="E736" t="s">
        <v>30998</v>
      </c>
      <c r="F736">
        <v>4</v>
      </c>
      <c r="H736" t="s">
        <v>2351</v>
      </c>
      <c r="I736" t="s">
        <v>30540</v>
      </c>
    </row>
    <row r="737" spans="1:9">
      <c r="A737" s="1">
        <v>0.44622512074383169</v>
      </c>
      <c r="B737" s="1"/>
      <c r="C737">
        <v>6</v>
      </c>
      <c r="D737" t="s">
        <v>2348</v>
      </c>
      <c r="E737" t="s">
        <v>30999</v>
      </c>
      <c r="F737">
        <v>4</v>
      </c>
      <c r="H737" t="s">
        <v>2349</v>
      </c>
      <c r="I737" t="s">
        <v>30540</v>
      </c>
    </row>
    <row r="738" spans="1:9">
      <c r="A738" s="1">
        <v>0.46605531999572092</v>
      </c>
      <c r="B738" s="1"/>
      <c r="C738">
        <v>2</v>
      </c>
      <c r="D738" t="s">
        <v>2346</v>
      </c>
      <c r="E738" t="s">
        <v>31000</v>
      </c>
      <c r="F738">
        <v>4</v>
      </c>
      <c r="H738" t="s">
        <v>2347</v>
      </c>
      <c r="I738" t="s">
        <v>30540</v>
      </c>
    </row>
    <row r="739" spans="1:9">
      <c r="A739" s="1">
        <v>0.45859299717844448</v>
      </c>
      <c r="B739" s="1"/>
      <c r="C739">
        <v>4</v>
      </c>
      <c r="D739" t="s">
        <v>2340</v>
      </c>
      <c r="E739" t="s">
        <v>31001</v>
      </c>
      <c r="F739">
        <v>5</v>
      </c>
      <c r="H739" t="s">
        <v>2341</v>
      </c>
      <c r="I739" t="s">
        <v>30540</v>
      </c>
    </row>
    <row r="740" spans="1:9">
      <c r="A740" s="1">
        <v>0.61425705645230944</v>
      </c>
      <c r="B740" s="1"/>
      <c r="C740">
        <v>9</v>
      </c>
      <c r="D740" t="s">
        <v>2342</v>
      </c>
      <c r="E740" t="s">
        <v>31001</v>
      </c>
      <c r="F740">
        <v>5</v>
      </c>
      <c r="H740" t="s">
        <v>2343</v>
      </c>
      <c r="I740" t="s">
        <v>30540</v>
      </c>
    </row>
    <row r="741" spans="1:9">
      <c r="A741" s="1">
        <v>0.59038846473416606</v>
      </c>
      <c r="B741" s="1"/>
      <c r="C741">
        <v>1</v>
      </c>
      <c r="D741" t="s">
        <v>2338</v>
      </c>
      <c r="E741" t="s">
        <v>31001</v>
      </c>
      <c r="F741">
        <v>4</v>
      </c>
      <c r="H741" t="s">
        <v>2339</v>
      </c>
      <c r="I741" t="s">
        <v>30540</v>
      </c>
    </row>
    <row r="742" spans="1:9">
      <c r="A742" s="1">
        <v>0.62225215066401673</v>
      </c>
      <c r="B742" s="1"/>
      <c r="C742">
        <v>11</v>
      </c>
      <c r="D742" t="s">
        <v>2344</v>
      </c>
      <c r="E742" t="s">
        <v>31001</v>
      </c>
      <c r="F742">
        <v>4</v>
      </c>
      <c r="H742" t="s">
        <v>2345</v>
      </c>
      <c r="I742" t="s">
        <v>30540</v>
      </c>
    </row>
    <row r="743" spans="1:9">
      <c r="A743" s="1">
        <v>0.78040333239697812</v>
      </c>
      <c r="B743" s="1"/>
      <c r="C743">
        <v>6</v>
      </c>
      <c r="D743" t="s">
        <v>2332</v>
      </c>
      <c r="E743" t="s">
        <v>31002</v>
      </c>
      <c r="F743">
        <v>5</v>
      </c>
      <c r="H743" t="s">
        <v>2333</v>
      </c>
      <c r="I743" t="s">
        <v>30540</v>
      </c>
    </row>
    <row r="744" spans="1:9">
      <c r="A744" s="1">
        <v>7.7956999491188839E-3</v>
      </c>
      <c r="B744" s="1"/>
      <c r="C744">
        <v>8</v>
      </c>
      <c r="D744" t="s">
        <v>2334</v>
      </c>
      <c r="E744" t="s">
        <v>31002</v>
      </c>
      <c r="F744">
        <v>4</v>
      </c>
      <c r="H744" t="s">
        <v>2335</v>
      </c>
      <c r="I744" t="s">
        <v>30540</v>
      </c>
    </row>
    <row r="745" spans="1:9">
      <c r="A745" s="1">
        <v>0.497259852220306</v>
      </c>
      <c r="B745" s="1"/>
      <c r="C745">
        <v>4</v>
      </c>
      <c r="D745" t="s">
        <v>2328</v>
      </c>
      <c r="E745" t="s">
        <v>31002</v>
      </c>
      <c r="F745">
        <v>3</v>
      </c>
      <c r="H745" t="s">
        <v>2329</v>
      </c>
      <c r="I745" t="s">
        <v>30540</v>
      </c>
    </row>
    <row r="746" spans="1:9">
      <c r="A746" s="1">
        <v>0.87967756437767353</v>
      </c>
      <c r="B746" s="1"/>
      <c r="C746">
        <v>11</v>
      </c>
      <c r="D746" t="s">
        <v>2336</v>
      </c>
      <c r="E746" t="s">
        <v>31002</v>
      </c>
      <c r="F746">
        <v>3</v>
      </c>
      <c r="H746" t="s">
        <v>2337</v>
      </c>
      <c r="I746" t="s">
        <v>30540</v>
      </c>
    </row>
    <row r="747" spans="1:9">
      <c r="A747" s="1">
        <v>0.59936586673325687</v>
      </c>
      <c r="B747" s="1"/>
      <c r="C747">
        <v>3</v>
      </c>
      <c r="D747" t="s">
        <v>2326</v>
      </c>
      <c r="E747" t="s">
        <v>31003</v>
      </c>
      <c r="F747">
        <v>5</v>
      </c>
      <c r="H747" t="s">
        <v>2327</v>
      </c>
      <c r="I747" t="s">
        <v>30540</v>
      </c>
    </row>
    <row r="748" spans="1:9">
      <c r="A748" s="1">
        <v>0.4912448693954421</v>
      </c>
      <c r="B748" s="1"/>
      <c r="C748">
        <v>1</v>
      </c>
      <c r="D748" t="s">
        <v>2324</v>
      </c>
      <c r="E748" t="s">
        <v>31003</v>
      </c>
      <c r="F748">
        <v>3</v>
      </c>
      <c r="H748" t="s">
        <v>2325</v>
      </c>
      <c r="I748" t="s">
        <v>30540</v>
      </c>
    </row>
    <row r="749" spans="1:9">
      <c r="A749" s="1">
        <v>0.53857718277816924</v>
      </c>
      <c r="B749" s="1"/>
      <c r="C749">
        <v>3</v>
      </c>
      <c r="D749" t="s">
        <v>2318</v>
      </c>
      <c r="E749" t="s">
        <v>31004</v>
      </c>
      <c r="F749">
        <v>5</v>
      </c>
      <c r="H749" t="s">
        <v>2319</v>
      </c>
      <c r="I749" t="s">
        <v>30540</v>
      </c>
    </row>
    <row r="750" spans="1:9">
      <c r="A750" s="1">
        <v>0.8755523795060477</v>
      </c>
      <c r="B750" s="1"/>
      <c r="C750">
        <v>4</v>
      </c>
      <c r="D750" t="s">
        <v>2320</v>
      </c>
      <c r="E750" t="s">
        <v>31004</v>
      </c>
      <c r="F750">
        <v>4</v>
      </c>
      <c r="H750" t="s">
        <v>2321</v>
      </c>
      <c r="I750" t="s">
        <v>30540</v>
      </c>
    </row>
    <row r="751" spans="1:9">
      <c r="A751" s="1">
        <v>3.8452071984295677E-2</v>
      </c>
      <c r="B751" s="1"/>
      <c r="C751">
        <v>5</v>
      </c>
      <c r="D751" t="s">
        <v>2322</v>
      </c>
      <c r="E751" t="s">
        <v>31004</v>
      </c>
      <c r="F751">
        <v>4</v>
      </c>
      <c r="H751" t="s">
        <v>2323</v>
      </c>
      <c r="I751" t="s">
        <v>30540</v>
      </c>
    </row>
    <row r="752" spans="1:9">
      <c r="A752" s="1">
        <v>0.23082410326894431</v>
      </c>
      <c r="B752" s="1"/>
      <c r="C752">
        <v>2</v>
      </c>
      <c r="D752" t="s">
        <v>2316</v>
      </c>
      <c r="E752" t="s">
        <v>31005</v>
      </c>
      <c r="F752">
        <v>5</v>
      </c>
      <c r="H752" t="s">
        <v>2317</v>
      </c>
      <c r="I752" t="s">
        <v>30540</v>
      </c>
    </row>
    <row r="753" spans="1:9">
      <c r="A753" s="1">
        <v>0.53417446714292782</v>
      </c>
      <c r="B753" s="1"/>
      <c r="C753">
        <v>1</v>
      </c>
      <c r="D753" t="s">
        <v>2314</v>
      </c>
      <c r="E753" t="s">
        <v>31005</v>
      </c>
      <c r="F753">
        <v>5</v>
      </c>
      <c r="H753" t="s">
        <v>2315</v>
      </c>
      <c r="I753" t="s">
        <v>30540</v>
      </c>
    </row>
    <row r="754" spans="1:9">
      <c r="A754" s="1">
        <v>0.37953368569593859</v>
      </c>
      <c r="B754" s="1"/>
      <c r="C754">
        <v>6</v>
      </c>
      <c r="D754" t="s">
        <v>2310</v>
      </c>
      <c r="E754" t="s">
        <v>31006</v>
      </c>
      <c r="F754">
        <v>5</v>
      </c>
      <c r="H754" t="s">
        <v>2311</v>
      </c>
      <c r="I754" t="s">
        <v>30540</v>
      </c>
    </row>
    <row r="755" spans="1:9">
      <c r="A755" s="1">
        <v>0.49765845136054387</v>
      </c>
      <c r="B755" s="1"/>
      <c r="C755">
        <v>10</v>
      </c>
      <c r="D755" t="s">
        <v>2312</v>
      </c>
      <c r="E755" t="s">
        <v>31006</v>
      </c>
      <c r="F755">
        <v>4</v>
      </c>
      <c r="H755" t="s">
        <v>2313</v>
      </c>
      <c r="I755" t="s">
        <v>30540</v>
      </c>
    </row>
    <row r="756" spans="1:9">
      <c r="A756" s="1">
        <v>0.75760411714598874</v>
      </c>
      <c r="B756" s="1"/>
      <c r="C756">
        <v>3</v>
      </c>
      <c r="D756" t="s">
        <v>2302</v>
      </c>
      <c r="E756" t="s">
        <v>31007</v>
      </c>
      <c r="F756">
        <v>4</v>
      </c>
      <c r="H756" t="s">
        <v>2303</v>
      </c>
      <c r="I756" t="s">
        <v>30540</v>
      </c>
    </row>
    <row r="757" spans="1:9">
      <c r="A757" s="1">
        <v>0.56488206386470552</v>
      </c>
      <c r="B757" s="1"/>
      <c r="C757">
        <v>10</v>
      </c>
      <c r="D757" t="s">
        <v>2306</v>
      </c>
      <c r="E757" t="s">
        <v>31007</v>
      </c>
      <c r="F757">
        <v>4</v>
      </c>
      <c r="H757" t="s">
        <v>2307</v>
      </c>
      <c r="I757" t="s">
        <v>30540</v>
      </c>
    </row>
    <row r="758" spans="1:9">
      <c r="A758" s="1">
        <v>0.42562870923950569</v>
      </c>
      <c r="B758" s="1"/>
      <c r="C758">
        <v>8</v>
      </c>
      <c r="D758" t="s">
        <v>2304</v>
      </c>
      <c r="E758" t="s">
        <v>31007</v>
      </c>
      <c r="F758">
        <v>4</v>
      </c>
      <c r="H758" t="s">
        <v>2305</v>
      </c>
      <c r="I758" t="s">
        <v>30540</v>
      </c>
    </row>
    <row r="759" spans="1:9">
      <c r="A759" s="1">
        <v>0.22485460764692478</v>
      </c>
      <c r="B759" s="1"/>
      <c r="C759">
        <v>12</v>
      </c>
      <c r="D759" t="s">
        <v>2308</v>
      </c>
      <c r="E759" t="s">
        <v>31007</v>
      </c>
      <c r="F759">
        <v>4</v>
      </c>
      <c r="H759" t="s">
        <v>2309</v>
      </c>
      <c r="I759" t="s">
        <v>30540</v>
      </c>
    </row>
    <row r="760" spans="1:9">
      <c r="A760" s="1">
        <v>0.62299712425995168</v>
      </c>
      <c r="B760" s="1"/>
      <c r="C760">
        <v>6</v>
      </c>
      <c r="D760" t="s">
        <v>2298</v>
      </c>
      <c r="E760" t="s">
        <v>31008</v>
      </c>
      <c r="F760">
        <v>5</v>
      </c>
      <c r="H760" t="s">
        <v>2299</v>
      </c>
      <c r="I760" t="s">
        <v>30540</v>
      </c>
    </row>
    <row r="761" spans="1:9">
      <c r="A761" s="1">
        <v>0.90795317059146829</v>
      </c>
      <c r="B761" s="1"/>
      <c r="C761">
        <v>7</v>
      </c>
      <c r="D761" t="s">
        <v>2300</v>
      </c>
      <c r="E761" t="s">
        <v>31008</v>
      </c>
      <c r="F761">
        <v>4</v>
      </c>
      <c r="H761" t="s">
        <v>2301</v>
      </c>
      <c r="I761" t="s">
        <v>30540</v>
      </c>
    </row>
    <row r="762" spans="1:9">
      <c r="A762" s="1">
        <v>0.22157615754351367</v>
      </c>
      <c r="B762" s="1"/>
      <c r="C762">
        <v>4</v>
      </c>
      <c r="D762" t="s">
        <v>2296</v>
      </c>
      <c r="E762" t="s">
        <v>31008</v>
      </c>
      <c r="F762">
        <v>4</v>
      </c>
      <c r="H762" t="s">
        <v>2297</v>
      </c>
      <c r="I762" t="s">
        <v>30540</v>
      </c>
    </row>
    <row r="763" spans="1:9">
      <c r="A763" s="1">
        <v>0.49705819217609826</v>
      </c>
      <c r="B763" s="1"/>
      <c r="C763">
        <v>3</v>
      </c>
      <c r="D763" t="s">
        <v>2294</v>
      </c>
      <c r="E763" t="s">
        <v>31009</v>
      </c>
      <c r="F763">
        <v>4</v>
      </c>
      <c r="H763" t="s">
        <v>2295</v>
      </c>
      <c r="I763" t="s">
        <v>30540</v>
      </c>
    </row>
    <row r="764" spans="1:9">
      <c r="A764" s="1">
        <v>0.50943284620144791</v>
      </c>
      <c r="B764" s="1"/>
      <c r="C764">
        <v>9</v>
      </c>
      <c r="D764" t="s">
        <v>2288</v>
      </c>
      <c r="E764" t="s">
        <v>31010</v>
      </c>
      <c r="F764">
        <v>5</v>
      </c>
      <c r="H764" t="s">
        <v>2289</v>
      </c>
      <c r="I764" t="s">
        <v>30540</v>
      </c>
    </row>
    <row r="765" spans="1:9">
      <c r="A765" s="1">
        <v>0.15437231427533971</v>
      </c>
      <c r="B765" s="1"/>
      <c r="C765">
        <v>6</v>
      </c>
      <c r="D765" t="s">
        <v>2284</v>
      </c>
      <c r="E765" t="s">
        <v>31010</v>
      </c>
      <c r="F765">
        <v>5</v>
      </c>
      <c r="H765" t="s">
        <v>2285</v>
      </c>
      <c r="I765" t="s">
        <v>30540</v>
      </c>
    </row>
    <row r="766" spans="1:9">
      <c r="A766" s="1">
        <v>0.20210797945224079</v>
      </c>
      <c r="B766" s="1"/>
      <c r="C766">
        <v>2</v>
      </c>
      <c r="D766" t="s">
        <v>2282</v>
      </c>
      <c r="E766" t="s">
        <v>31010</v>
      </c>
      <c r="F766">
        <v>5</v>
      </c>
      <c r="H766" t="s">
        <v>2283</v>
      </c>
      <c r="I766" t="s">
        <v>30540</v>
      </c>
    </row>
    <row r="767" spans="1:9">
      <c r="A767" s="1">
        <v>0.92853709342878665</v>
      </c>
      <c r="B767" s="1"/>
      <c r="C767">
        <v>10</v>
      </c>
      <c r="D767" t="s">
        <v>2290</v>
      </c>
      <c r="E767" t="s">
        <v>31010</v>
      </c>
      <c r="F767">
        <v>5</v>
      </c>
      <c r="H767" t="s">
        <v>2291</v>
      </c>
      <c r="I767" t="s">
        <v>30540</v>
      </c>
    </row>
    <row r="768" spans="1:9">
      <c r="A768" s="1">
        <v>0.25530719269872804</v>
      </c>
      <c r="B768" s="1"/>
      <c r="C768">
        <v>12</v>
      </c>
      <c r="D768" t="s">
        <v>2292</v>
      </c>
      <c r="E768" t="s">
        <v>31010</v>
      </c>
      <c r="F768">
        <v>4</v>
      </c>
      <c r="H768" t="s">
        <v>2293</v>
      </c>
      <c r="I768" t="s">
        <v>30540</v>
      </c>
    </row>
    <row r="769" spans="1:9">
      <c r="A769" s="1">
        <v>0.78799170220779158</v>
      </c>
      <c r="B769" s="1"/>
      <c r="C769">
        <v>7</v>
      </c>
      <c r="D769" t="s">
        <v>2286</v>
      </c>
      <c r="E769" t="s">
        <v>31010</v>
      </c>
      <c r="F769">
        <v>4</v>
      </c>
      <c r="H769" t="s">
        <v>2287</v>
      </c>
      <c r="I769" t="s">
        <v>30540</v>
      </c>
    </row>
    <row r="770" spans="1:9">
      <c r="A770" s="1">
        <v>0.72991039563888538</v>
      </c>
      <c r="B770" s="1"/>
      <c r="C770">
        <v>3</v>
      </c>
      <c r="D770" t="s">
        <v>2280</v>
      </c>
      <c r="E770" t="s">
        <v>31011</v>
      </c>
      <c r="F770">
        <v>5</v>
      </c>
      <c r="H770" t="s">
        <v>2281</v>
      </c>
      <c r="I770" t="s">
        <v>30540</v>
      </c>
    </row>
    <row r="771" spans="1:9">
      <c r="A771" s="1">
        <v>0.25012195207704913</v>
      </c>
      <c r="B771" s="1"/>
      <c r="C771">
        <v>2</v>
      </c>
      <c r="D771" t="s">
        <v>2274</v>
      </c>
      <c r="E771" t="s">
        <v>31012</v>
      </c>
      <c r="F771">
        <v>5</v>
      </c>
      <c r="H771" t="s">
        <v>2275</v>
      </c>
      <c r="I771" t="s">
        <v>30540</v>
      </c>
    </row>
    <row r="772" spans="1:9">
      <c r="A772" s="1">
        <v>0.37258190433931437</v>
      </c>
      <c r="B772" s="1"/>
      <c r="C772">
        <v>11</v>
      </c>
      <c r="D772" t="s">
        <v>2278</v>
      </c>
      <c r="E772" t="s">
        <v>31012</v>
      </c>
      <c r="F772">
        <v>5</v>
      </c>
      <c r="H772" t="s">
        <v>2279</v>
      </c>
      <c r="I772" t="s">
        <v>30540</v>
      </c>
    </row>
    <row r="773" spans="1:9">
      <c r="A773" s="1">
        <v>0.97331609738376912</v>
      </c>
      <c r="B773" s="1"/>
      <c r="C773">
        <v>1</v>
      </c>
      <c r="D773" t="s">
        <v>2272</v>
      </c>
      <c r="E773" t="s">
        <v>31012</v>
      </c>
      <c r="F773">
        <v>4</v>
      </c>
      <c r="H773" t="s">
        <v>2273</v>
      </c>
      <c r="I773" t="s">
        <v>30540</v>
      </c>
    </row>
    <row r="774" spans="1:9">
      <c r="A774" s="1">
        <v>9.8009359854239197E-2</v>
      </c>
      <c r="B774" s="1"/>
      <c r="C774">
        <v>7</v>
      </c>
      <c r="D774" t="s">
        <v>2276</v>
      </c>
      <c r="E774" t="s">
        <v>31012</v>
      </c>
      <c r="F774">
        <v>4</v>
      </c>
      <c r="H774" t="s">
        <v>2277</v>
      </c>
      <c r="I774" t="s">
        <v>30540</v>
      </c>
    </row>
    <row r="775" spans="1:9">
      <c r="A775" s="1">
        <v>0.94692627210081348</v>
      </c>
      <c r="B775" s="1"/>
      <c r="C775">
        <v>8</v>
      </c>
      <c r="D775" t="s">
        <v>2270</v>
      </c>
      <c r="E775" t="s">
        <v>31013</v>
      </c>
      <c r="F775">
        <v>4</v>
      </c>
      <c r="H775" t="s">
        <v>2271</v>
      </c>
      <c r="I775" t="s">
        <v>30540</v>
      </c>
    </row>
    <row r="776" spans="1:9">
      <c r="A776" s="1">
        <v>0.49960393469001529</v>
      </c>
      <c r="B776" s="1"/>
      <c r="C776">
        <v>2</v>
      </c>
      <c r="D776" t="s">
        <v>2264</v>
      </c>
      <c r="E776" t="s">
        <v>31014</v>
      </c>
      <c r="F776">
        <v>5</v>
      </c>
      <c r="H776" t="s">
        <v>2265</v>
      </c>
      <c r="I776" t="s">
        <v>30540</v>
      </c>
    </row>
    <row r="777" spans="1:9">
      <c r="A777" s="1">
        <v>0.95997572929869524</v>
      </c>
      <c r="B777" s="1"/>
      <c r="C777">
        <v>4</v>
      </c>
      <c r="D777" t="s">
        <v>2266</v>
      </c>
      <c r="E777" t="s">
        <v>31014</v>
      </c>
      <c r="F777">
        <v>4</v>
      </c>
      <c r="H777" t="s">
        <v>2267</v>
      </c>
      <c r="I777" t="s">
        <v>30540</v>
      </c>
    </row>
    <row r="778" spans="1:9">
      <c r="A778" s="1">
        <v>0.79477572082220016</v>
      </c>
      <c r="B778" s="1"/>
      <c r="C778">
        <v>4</v>
      </c>
      <c r="D778" t="s">
        <v>2262</v>
      </c>
      <c r="E778" t="s">
        <v>31015</v>
      </c>
      <c r="F778">
        <v>5</v>
      </c>
      <c r="H778" t="s">
        <v>2263</v>
      </c>
      <c r="I778" t="s">
        <v>30540</v>
      </c>
    </row>
    <row r="779" spans="1:9">
      <c r="A779" s="1">
        <v>0.68638029585229221</v>
      </c>
      <c r="B779" s="1"/>
      <c r="C779">
        <v>2</v>
      </c>
      <c r="D779" t="s">
        <v>2258</v>
      </c>
      <c r="E779" t="s">
        <v>31015</v>
      </c>
      <c r="F779">
        <v>4</v>
      </c>
      <c r="H779" t="s">
        <v>2261</v>
      </c>
      <c r="I779" t="s">
        <v>30540</v>
      </c>
    </row>
    <row r="780" spans="1:9">
      <c r="A780" s="1">
        <v>0.96345235100773829</v>
      </c>
      <c r="B780" s="1"/>
      <c r="C780">
        <v>3</v>
      </c>
      <c r="D780" t="s">
        <v>2259</v>
      </c>
      <c r="E780" t="s">
        <v>31016</v>
      </c>
      <c r="F780">
        <v>4</v>
      </c>
      <c r="H780" t="s">
        <v>2260</v>
      </c>
      <c r="I780" t="s">
        <v>30540</v>
      </c>
    </row>
    <row r="781" spans="1:9">
      <c r="A781" s="1">
        <v>0.30598787565239716</v>
      </c>
      <c r="B781" s="1"/>
      <c r="C781">
        <v>6</v>
      </c>
      <c r="D781" t="s">
        <v>2250</v>
      </c>
      <c r="E781" t="s">
        <v>31017</v>
      </c>
      <c r="F781">
        <v>5</v>
      </c>
      <c r="H781" t="s">
        <v>2251</v>
      </c>
      <c r="I781" t="s">
        <v>30540</v>
      </c>
    </row>
    <row r="782" spans="1:9">
      <c r="A782" s="1">
        <v>0.95788088301051189</v>
      </c>
      <c r="B782" s="1"/>
      <c r="C782">
        <v>11</v>
      </c>
      <c r="D782" t="s">
        <v>2254</v>
      </c>
      <c r="E782" t="s">
        <v>31017</v>
      </c>
      <c r="F782">
        <v>5</v>
      </c>
      <c r="H782" t="s">
        <v>2255</v>
      </c>
      <c r="I782" t="s">
        <v>30540</v>
      </c>
    </row>
    <row r="783" spans="1:9">
      <c r="A783" s="1">
        <v>8.4477379225201821E-3</v>
      </c>
      <c r="B783" s="1"/>
      <c r="C783">
        <v>2</v>
      </c>
      <c r="D783" t="s">
        <v>2248</v>
      </c>
      <c r="E783" t="s">
        <v>31017</v>
      </c>
      <c r="F783">
        <v>4</v>
      </c>
      <c r="H783" t="s">
        <v>2249</v>
      </c>
      <c r="I783" t="s">
        <v>30540</v>
      </c>
    </row>
    <row r="784" spans="1:9">
      <c r="A784" s="1">
        <v>0.41170062030279808</v>
      </c>
      <c r="B784" s="1"/>
      <c r="C784">
        <v>1</v>
      </c>
      <c r="D784" t="s">
        <v>2246</v>
      </c>
      <c r="E784" t="s">
        <v>31017</v>
      </c>
      <c r="F784">
        <v>4</v>
      </c>
      <c r="H784" t="s">
        <v>2247</v>
      </c>
      <c r="I784" t="s">
        <v>30540</v>
      </c>
    </row>
    <row r="785" spans="1:9">
      <c r="A785" s="1">
        <v>0.44961407417350097</v>
      </c>
      <c r="B785" s="1"/>
      <c r="C785">
        <v>2</v>
      </c>
      <c r="D785" t="s">
        <v>2244</v>
      </c>
      <c r="E785" t="s">
        <v>31018</v>
      </c>
      <c r="F785">
        <v>3</v>
      </c>
      <c r="H785" t="s">
        <v>2245</v>
      </c>
      <c r="I785" t="s">
        <v>30540</v>
      </c>
    </row>
    <row r="786" spans="1:9">
      <c r="A786" s="1">
        <v>0.24049834102492951</v>
      </c>
      <c r="B786" s="1"/>
      <c r="C786">
        <v>1</v>
      </c>
      <c r="D786" t="s">
        <v>2240</v>
      </c>
      <c r="E786" t="s">
        <v>31019</v>
      </c>
      <c r="F786">
        <v>4</v>
      </c>
      <c r="H786" t="s">
        <v>2241</v>
      </c>
      <c r="I786" t="s">
        <v>30540</v>
      </c>
    </row>
    <row r="787" spans="1:9">
      <c r="A787" s="1">
        <v>0.55082491064132555</v>
      </c>
      <c r="B787" s="1"/>
      <c r="C787">
        <v>3</v>
      </c>
      <c r="D787" t="s">
        <v>2242</v>
      </c>
      <c r="E787" t="s">
        <v>31019</v>
      </c>
      <c r="F787">
        <v>4</v>
      </c>
      <c r="H787" t="s">
        <v>2243</v>
      </c>
      <c r="I787" t="s">
        <v>30540</v>
      </c>
    </row>
    <row r="788" spans="1:9">
      <c r="A788" s="1">
        <v>0.48673048293471954</v>
      </c>
      <c r="B788" s="1"/>
      <c r="C788">
        <v>8</v>
      </c>
      <c r="D788" t="s">
        <v>2236</v>
      </c>
      <c r="E788" t="s">
        <v>31020</v>
      </c>
      <c r="F788">
        <v>5</v>
      </c>
      <c r="H788" t="s">
        <v>2237</v>
      </c>
      <c r="I788" t="s">
        <v>30540</v>
      </c>
    </row>
    <row r="789" spans="1:9">
      <c r="A789" s="1">
        <v>0.28193538843612942</v>
      </c>
      <c r="B789" s="1"/>
      <c r="C789">
        <v>2</v>
      </c>
      <c r="D789" t="s">
        <v>2234</v>
      </c>
      <c r="E789" t="s">
        <v>31020</v>
      </c>
      <c r="F789">
        <v>4</v>
      </c>
      <c r="H789" t="s">
        <v>2235</v>
      </c>
      <c r="I789" t="s">
        <v>30540</v>
      </c>
    </row>
    <row r="790" spans="1:9">
      <c r="A790" s="1">
        <v>0.52298844663597543</v>
      </c>
      <c r="B790" s="1"/>
      <c r="C790">
        <v>3</v>
      </c>
      <c r="D790" t="s">
        <v>2232</v>
      </c>
      <c r="E790" t="s">
        <v>31021</v>
      </c>
      <c r="F790">
        <v>4</v>
      </c>
      <c r="H790" t="s">
        <v>2233</v>
      </c>
      <c r="I790" t="s">
        <v>30540</v>
      </c>
    </row>
    <row r="791" spans="1:9">
      <c r="A791" s="1">
        <v>9.4038216228366278E-2</v>
      </c>
      <c r="B791" s="1"/>
      <c r="C791">
        <v>5</v>
      </c>
      <c r="D791" t="s">
        <v>2227</v>
      </c>
      <c r="E791" t="s">
        <v>31022</v>
      </c>
      <c r="F791">
        <v>5</v>
      </c>
      <c r="G791" t="s">
        <v>775</v>
      </c>
      <c r="H791" t="s">
        <v>2228</v>
      </c>
      <c r="I791" t="s">
        <v>30540</v>
      </c>
    </row>
    <row r="792" spans="1:9">
      <c r="A792" s="1">
        <v>0.49033369919559266</v>
      </c>
      <c r="B792" s="1"/>
      <c r="C792">
        <v>9</v>
      </c>
      <c r="D792" t="s">
        <v>2230</v>
      </c>
      <c r="E792" t="s">
        <v>31022</v>
      </c>
      <c r="F792">
        <v>3</v>
      </c>
      <c r="G792" t="s">
        <v>762</v>
      </c>
      <c r="H792" t="s">
        <v>2231</v>
      </c>
      <c r="I792" t="s">
        <v>30540</v>
      </c>
    </row>
    <row r="793" spans="1:9">
      <c r="A793" s="1">
        <v>0.74955156606734152</v>
      </c>
      <c r="B793" s="1"/>
      <c r="C793">
        <v>6</v>
      </c>
      <c r="D793" t="s">
        <v>2224</v>
      </c>
      <c r="E793" t="s">
        <v>31023</v>
      </c>
      <c r="F793">
        <v>5</v>
      </c>
      <c r="H793" t="s">
        <v>2225</v>
      </c>
      <c r="I793" t="s">
        <v>30540</v>
      </c>
    </row>
    <row r="794" spans="1:9">
      <c r="A794" s="1">
        <v>0.35070202304562204</v>
      </c>
      <c r="B794" s="1"/>
      <c r="C794">
        <v>4</v>
      </c>
      <c r="D794" t="s">
        <v>2222</v>
      </c>
      <c r="E794" t="s">
        <v>31024</v>
      </c>
      <c r="F794">
        <v>4</v>
      </c>
      <c r="H794" t="s">
        <v>2223</v>
      </c>
      <c r="I794" t="s">
        <v>30540</v>
      </c>
    </row>
    <row r="795" spans="1:9">
      <c r="A795" s="1">
        <v>0.98048440290604566</v>
      </c>
      <c r="B795" s="1"/>
      <c r="C795">
        <v>4</v>
      </c>
      <c r="D795" t="s">
        <v>2218</v>
      </c>
      <c r="E795" t="s">
        <v>31026</v>
      </c>
      <c r="F795">
        <v>5</v>
      </c>
      <c r="H795" t="s">
        <v>2219</v>
      </c>
      <c r="I795" t="s">
        <v>30540</v>
      </c>
    </row>
    <row r="796" spans="1:9">
      <c r="A796" s="1">
        <v>2.6393463340770418E-2</v>
      </c>
      <c r="B796" s="1"/>
      <c r="C796">
        <v>1</v>
      </c>
      <c r="D796" t="s">
        <v>2216</v>
      </c>
      <c r="E796" t="s">
        <v>31026</v>
      </c>
      <c r="F796">
        <v>4</v>
      </c>
      <c r="H796" t="s">
        <v>2217</v>
      </c>
      <c r="I796" t="s">
        <v>30540</v>
      </c>
    </row>
    <row r="797" spans="1:9">
      <c r="A797" s="1">
        <v>0.34045281212799128</v>
      </c>
      <c r="B797" s="1"/>
      <c r="C797">
        <v>12</v>
      </c>
      <c r="D797" t="s">
        <v>2210</v>
      </c>
      <c r="E797" t="s">
        <v>31027</v>
      </c>
      <c r="F797">
        <v>4</v>
      </c>
      <c r="H797" t="s">
        <v>2211</v>
      </c>
      <c r="I797" t="s">
        <v>30540</v>
      </c>
    </row>
    <row r="798" spans="1:9">
      <c r="A798" s="1">
        <v>0.37851123661896513</v>
      </c>
      <c r="B798" s="1"/>
      <c r="C798">
        <v>2</v>
      </c>
      <c r="D798" t="s">
        <v>2206</v>
      </c>
      <c r="E798" t="s">
        <v>31027</v>
      </c>
      <c r="F798">
        <v>4</v>
      </c>
      <c r="H798" t="s">
        <v>2207</v>
      </c>
      <c r="I798" t="s">
        <v>30540</v>
      </c>
    </row>
    <row r="799" spans="1:9">
      <c r="A799" s="1">
        <v>0.10205861390980997</v>
      </c>
      <c r="B799" s="1"/>
      <c r="C799">
        <v>15</v>
      </c>
      <c r="D799" t="s">
        <v>2212</v>
      </c>
      <c r="E799" t="s">
        <v>31027</v>
      </c>
      <c r="F799">
        <v>4</v>
      </c>
      <c r="H799" t="s">
        <v>2213</v>
      </c>
      <c r="I799" t="s">
        <v>30540</v>
      </c>
    </row>
    <row r="800" spans="1:9">
      <c r="A800" s="1">
        <v>0.258642688246845</v>
      </c>
      <c r="B800" s="1"/>
      <c r="C800">
        <v>16</v>
      </c>
      <c r="D800" t="s">
        <v>2214</v>
      </c>
      <c r="E800" t="s">
        <v>31027</v>
      </c>
      <c r="F800">
        <v>3</v>
      </c>
      <c r="H800" t="s">
        <v>2215</v>
      </c>
      <c r="I800" t="s">
        <v>30540</v>
      </c>
    </row>
    <row r="801" spans="1:9">
      <c r="A801" s="1">
        <v>8.8141088851412364E-2</v>
      </c>
      <c r="B801" s="1"/>
      <c r="C801">
        <v>6</v>
      </c>
      <c r="D801" t="s">
        <v>2208</v>
      </c>
      <c r="E801" t="s">
        <v>31027</v>
      </c>
      <c r="F801">
        <v>3</v>
      </c>
      <c r="H801" t="s">
        <v>2209</v>
      </c>
      <c r="I801" t="s">
        <v>30540</v>
      </c>
    </row>
    <row r="802" spans="1:9">
      <c r="A802" s="1">
        <v>7.8605442058329644E-2</v>
      </c>
      <c r="B802" s="1"/>
      <c r="C802">
        <v>7</v>
      </c>
      <c r="D802" t="s">
        <v>2202</v>
      </c>
      <c r="E802" t="s">
        <v>31028</v>
      </c>
      <c r="F802">
        <v>4</v>
      </c>
      <c r="H802" t="s">
        <v>2203</v>
      </c>
      <c r="I802" t="s">
        <v>30540</v>
      </c>
    </row>
    <row r="803" spans="1:9">
      <c r="A803" s="1">
        <v>0.40953844590128774</v>
      </c>
      <c r="B803" s="1"/>
      <c r="C803">
        <v>8</v>
      </c>
      <c r="D803" t="s">
        <v>2204</v>
      </c>
      <c r="E803" t="s">
        <v>31028</v>
      </c>
      <c r="F803">
        <v>4</v>
      </c>
      <c r="H803" t="s">
        <v>2205</v>
      </c>
      <c r="I803" t="s">
        <v>30540</v>
      </c>
    </row>
    <row r="804" spans="1:9">
      <c r="A804" s="1">
        <v>0.11241508407636192</v>
      </c>
      <c r="B804" s="1"/>
      <c r="C804">
        <v>2</v>
      </c>
      <c r="D804" t="s">
        <v>2198</v>
      </c>
      <c r="E804" t="s">
        <v>31029</v>
      </c>
      <c r="F804">
        <v>4</v>
      </c>
      <c r="H804" t="s">
        <v>2199</v>
      </c>
      <c r="I804" t="s">
        <v>30540</v>
      </c>
    </row>
    <row r="805" spans="1:9">
      <c r="A805" s="1">
        <v>0.89977500759505613</v>
      </c>
      <c r="B805" s="1"/>
      <c r="C805">
        <v>1</v>
      </c>
      <c r="D805" t="s">
        <v>2196</v>
      </c>
      <c r="E805" t="s">
        <v>31030</v>
      </c>
      <c r="F805">
        <v>3</v>
      </c>
      <c r="H805" t="s">
        <v>2197</v>
      </c>
      <c r="I805" t="s">
        <v>30540</v>
      </c>
    </row>
    <row r="806" spans="1:9">
      <c r="A806" s="1">
        <v>0.65428386143653139</v>
      </c>
      <c r="B806" s="1"/>
      <c r="C806">
        <v>2</v>
      </c>
      <c r="D806" t="s">
        <v>2194</v>
      </c>
      <c r="E806" t="s">
        <v>31031</v>
      </c>
      <c r="F806">
        <v>4</v>
      </c>
      <c r="H806" t="s">
        <v>2195</v>
      </c>
      <c r="I806" t="s">
        <v>30540</v>
      </c>
    </row>
    <row r="807" spans="1:9">
      <c r="A807" s="1">
        <v>3.9261189668841623E-2</v>
      </c>
      <c r="B807" s="1"/>
      <c r="C807">
        <v>1</v>
      </c>
      <c r="D807" t="s">
        <v>2190</v>
      </c>
      <c r="E807" t="s">
        <v>31033</v>
      </c>
      <c r="F807">
        <v>4</v>
      </c>
      <c r="H807" t="s">
        <v>2191</v>
      </c>
      <c r="I807" t="s">
        <v>30540</v>
      </c>
    </row>
    <row r="808" spans="1:9">
      <c r="A808" s="1">
        <v>0.33246147821366445</v>
      </c>
      <c r="B808" s="1"/>
      <c r="C808">
        <v>2</v>
      </c>
      <c r="D808" t="s">
        <v>2188</v>
      </c>
      <c r="E808" t="s">
        <v>31034</v>
      </c>
      <c r="F808">
        <v>5</v>
      </c>
      <c r="H808" t="s">
        <v>2189</v>
      </c>
      <c r="I808" t="s">
        <v>30540</v>
      </c>
    </row>
    <row r="809" spans="1:9">
      <c r="A809" s="1">
        <v>0.85732634992864321</v>
      </c>
      <c r="B809" s="1"/>
      <c r="C809">
        <v>1</v>
      </c>
      <c r="D809" t="s">
        <v>2186</v>
      </c>
      <c r="E809" t="s">
        <v>31034</v>
      </c>
      <c r="F809">
        <v>4</v>
      </c>
      <c r="H809" t="s">
        <v>2187</v>
      </c>
      <c r="I809" t="s">
        <v>30540</v>
      </c>
    </row>
    <row r="810" spans="1:9">
      <c r="A810" s="1">
        <v>0.54679456650589042</v>
      </c>
      <c r="B810" s="1"/>
      <c r="C810">
        <v>6</v>
      </c>
      <c r="D810" t="s">
        <v>2184</v>
      </c>
      <c r="E810" t="s">
        <v>31035</v>
      </c>
      <c r="F810">
        <v>5</v>
      </c>
      <c r="H810" t="s">
        <v>2185</v>
      </c>
      <c r="I810" t="s">
        <v>30540</v>
      </c>
    </row>
    <row r="811" spans="1:9">
      <c r="A811" s="1">
        <v>0.84376336601511492</v>
      </c>
      <c r="B811" s="1"/>
      <c r="C811">
        <v>3</v>
      </c>
      <c r="D811" t="s">
        <v>2180</v>
      </c>
      <c r="E811" t="s">
        <v>31035</v>
      </c>
      <c r="F811">
        <v>5</v>
      </c>
      <c r="H811" t="s">
        <v>2181</v>
      </c>
      <c r="I811" t="s">
        <v>30540</v>
      </c>
    </row>
    <row r="812" spans="1:9">
      <c r="A812" s="1">
        <v>0.30573511147989008</v>
      </c>
      <c r="B812" s="1"/>
      <c r="C812">
        <v>1</v>
      </c>
      <c r="D812" t="s">
        <v>2178</v>
      </c>
      <c r="E812" t="s">
        <v>31035</v>
      </c>
      <c r="F812">
        <v>4</v>
      </c>
      <c r="H812" t="s">
        <v>2179</v>
      </c>
      <c r="I812" t="s">
        <v>30540</v>
      </c>
    </row>
    <row r="813" spans="1:9">
      <c r="A813" s="1">
        <v>0.8170170518712887</v>
      </c>
      <c r="B813" s="1"/>
      <c r="C813">
        <v>5</v>
      </c>
      <c r="D813" t="s">
        <v>2182</v>
      </c>
      <c r="E813" t="s">
        <v>31035</v>
      </c>
      <c r="F813">
        <v>4</v>
      </c>
      <c r="H813" t="s">
        <v>2183</v>
      </c>
      <c r="I813" t="s">
        <v>30540</v>
      </c>
    </row>
    <row r="814" spans="1:9">
      <c r="A814" s="1">
        <v>0.17486756281659521</v>
      </c>
      <c r="B814" s="1"/>
      <c r="C814">
        <v>9</v>
      </c>
      <c r="D814" t="s">
        <v>2176</v>
      </c>
      <c r="E814" t="s">
        <v>31036</v>
      </c>
      <c r="F814">
        <v>5</v>
      </c>
      <c r="H814" t="s">
        <v>2177</v>
      </c>
      <c r="I814" t="s">
        <v>30540</v>
      </c>
    </row>
    <row r="815" spans="1:9">
      <c r="A815" s="1">
        <v>8.7731713088787355E-2</v>
      </c>
      <c r="B815" s="1"/>
      <c r="C815">
        <v>3</v>
      </c>
      <c r="D815" t="s">
        <v>2174</v>
      </c>
      <c r="E815" t="s">
        <v>31036</v>
      </c>
      <c r="F815">
        <v>3</v>
      </c>
      <c r="H815" t="s">
        <v>2175</v>
      </c>
      <c r="I815" t="s">
        <v>30540</v>
      </c>
    </row>
    <row r="816" spans="1:9">
      <c r="A816" s="1">
        <v>0.29831507004822932</v>
      </c>
      <c r="B816" s="1"/>
      <c r="C816">
        <v>1</v>
      </c>
      <c r="D816" t="s">
        <v>2172</v>
      </c>
      <c r="E816" t="s">
        <v>31037</v>
      </c>
      <c r="F816">
        <v>5</v>
      </c>
      <c r="G816" t="s">
        <v>838</v>
      </c>
      <c r="H816" t="s">
        <v>2173</v>
      </c>
      <c r="I816" t="s">
        <v>30540</v>
      </c>
    </row>
    <row r="817" spans="1:9">
      <c r="A817" s="1">
        <v>0.5212626459696178</v>
      </c>
      <c r="B817" s="1"/>
      <c r="C817">
        <v>6</v>
      </c>
      <c r="D817" t="s">
        <v>2170</v>
      </c>
      <c r="E817" t="s">
        <v>31038</v>
      </c>
      <c r="F817">
        <v>4</v>
      </c>
      <c r="H817" t="s">
        <v>2171</v>
      </c>
      <c r="I817" t="s">
        <v>30540</v>
      </c>
    </row>
    <row r="818" spans="1:9">
      <c r="A818" s="1">
        <v>0.38275471629080116</v>
      </c>
      <c r="B818" s="1"/>
      <c r="C818">
        <v>4</v>
      </c>
      <c r="D818" t="s">
        <v>2166</v>
      </c>
      <c r="E818" t="s">
        <v>31039</v>
      </c>
      <c r="F818">
        <v>5</v>
      </c>
      <c r="H818" t="s">
        <v>2167</v>
      </c>
      <c r="I818" t="s">
        <v>30540</v>
      </c>
    </row>
    <row r="819" spans="1:9">
      <c r="A819" s="1">
        <v>0.87584753959782502</v>
      </c>
      <c r="B819" s="1"/>
      <c r="C819">
        <v>2</v>
      </c>
      <c r="D819" t="s">
        <v>2164</v>
      </c>
      <c r="E819" t="s">
        <v>31039</v>
      </c>
      <c r="F819">
        <v>4</v>
      </c>
      <c r="H819" t="s">
        <v>2165</v>
      </c>
      <c r="I819" t="s">
        <v>30540</v>
      </c>
    </row>
    <row r="820" spans="1:9">
      <c r="A820" s="1">
        <v>0.13079542841802905</v>
      </c>
      <c r="B820" s="1"/>
      <c r="C820">
        <v>5</v>
      </c>
      <c r="D820" t="s">
        <v>2168</v>
      </c>
      <c r="E820" t="s">
        <v>31039</v>
      </c>
      <c r="F820">
        <v>3</v>
      </c>
      <c r="G820" t="s">
        <v>838</v>
      </c>
      <c r="H820" t="s">
        <v>2169</v>
      </c>
      <c r="I820" t="s">
        <v>30540</v>
      </c>
    </row>
    <row r="821" spans="1:9">
      <c r="A821" s="1">
        <v>5.4780388754782083E-2</v>
      </c>
      <c r="B821" s="1"/>
      <c r="C821">
        <v>1</v>
      </c>
      <c r="D821" t="s">
        <v>2160</v>
      </c>
      <c r="E821" t="s">
        <v>31040</v>
      </c>
      <c r="F821">
        <v>5</v>
      </c>
      <c r="G821" t="s">
        <v>10</v>
      </c>
      <c r="H821" t="s">
        <v>2161</v>
      </c>
      <c r="I821" t="s">
        <v>30540</v>
      </c>
    </row>
    <row r="822" spans="1:9">
      <c r="A822" s="1">
        <v>0.5435391088756506</v>
      </c>
      <c r="B822" s="1"/>
      <c r="C822">
        <v>4</v>
      </c>
      <c r="D822" t="s">
        <v>2158</v>
      </c>
      <c r="E822" t="s">
        <v>31041</v>
      </c>
      <c r="F822">
        <v>5</v>
      </c>
      <c r="H822" t="s">
        <v>2159</v>
      </c>
      <c r="I822" t="s">
        <v>30540</v>
      </c>
    </row>
    <row r="823" spans="1:9">
      <c r="A823" s="1">
        <v>0.28264063334305989</v>
      </c>
      <c r="B823" s="1"/>
      <c r="C823">
        <v>3</v>
      </c>
      <c r="D823" t="s">
        <v>2152</v>
      </c>
      <c r="E823" t="s">
        <v>31043</v>
      </c>
      <c r="F823">
        <v>5</v>
      </c>
      <c r="H823" t="s">
        <v>2153</v>
      </c>
      <c r="I823" t="s">
        <v>30540</v>
      </c>
    </row>
    <row r="824" spans="1:9">
      <c r="A824" s="1">
        <v>0.53229096652642638</v>
      </c>
      <c r="B824" s="1"/>
      <c r="C824">
        <v>13</v>
      </c>
      <c r="D824" t="s">
        <v>2154</v>
      </c>
      <c r="E824" t="s">
        <v>31043</v>
      </c>
      <c r="F824">
        <v>5</v>
      </c>
      <c r="H824" t="s">
        <v>2155</v>
      </c>
      <c r="I824" t="s">
        <v>30540</v>
      </c>
    </row>
    <row r="825" spans="1:9">
      <c r="A825" s="1">
        <v>0.63664906660109966</v>
      </c>
      <c r="B825" s="1"/>
      <c r="C825">
        <v>1</v>
      </c>
      <c r="D825" t="s">
        <v>2150</v>
      </c>
      <c r="E825" t="s">
        <v>31043</v>
      </c>
      <c r="F825">
        <v>4</v>
      </c>
      <c r="G825" t="s">
        <v>838</v>
      </c>
      <c r="H825" t="s">
        <v>2151</v>
      </c>
      <c r="I825" t="s">
        <v>30540</v>
      </c>
    </row>
    <row r="826" spans="1:9">
      <c r="A826" s="1">
        <v>0.48974244563234393</v>
      </c>
      <c r="B826" s="1"/>
      <c r="C826">
        <v>2</v>
      </c>
      <c r="D826" t="s">
        <v>2148</v>
      </c>
      <c r="E826" t="s">
        <v>31044</v>
      </c>
      <c r="F826">
        <v>3</v>
      </c>
      <c r="H826" t="s">
        <v>2149</v>
      </c>
      <c r="I826" t="s">
        <v>30540</v>
      </c>
    </row>
    <row r="827" spans="1:9">
      <c r="A827" s="1">
        <v>0.43280841145034987</v>
      </c>
      <c r="B827" s="1"/>
      <c r="C827">
        <v>2</v>
      </c>
      <c r="D827" t="s">
        <v>2146</v>
      </c>
      <c r="E827" t="s">
        <v>31045</v>
      </c>
      <c r="F827">
        <v>3</v>
      </c>
      <c r="H827" t="s">
        <v>2147</v>
      </c>
      <c r="I827" t="s">
        <v>30540</v>
      </c>
    </row>
    <row r="828" spans="1:9">
      <c r="A828" s="1">
        <v>0.54146758581468835</v>
      </c>
      <c r="B828" s="1"/>
      <c r="C828">
        <v>5</v>
      </c>
      <c r="D828" t="s">
        <v>2144</v>
      </c>
      <c r="E828" t="s">
        <v>31046</v>
      </c>
      <c r="F828">
        <v>4</v>
      </c>
      <c r="H828" t="s">
        <v>2145</v>
      </c>
      <c r="I828" t="s">
        <v>30540</v>
      </c>
    </row>
    <row r="829" spans="1:9">
      <c r="A829" s="1">
        <v>0.31445680885282279</v>
      </c>
      <c r="B829" s="1"/>
      <c r="C829">
        <v>1</v>
      </c>
      <c r="D829" t="s">
        <v>2142</v>
      </c>
      <c r="E829" t="s">
        <v>31047</v>
      </c>
      <c r="F829">
        <v>4</v>
      </c>
      <c r="H829" t="s">
        <v>2143</v>
      </c>
      <c r="I829" t="s">
        <v>30540</v>
      </c>
    </row>
    <row r="830" spans="1:9">
      <c r="A830" s="1">
        <v>0.28666968594080622</v>
      </c>
      <c r="B830" s="1"/>
      <c r="C830">
        <v>10</v>
      </c>
      <c r="D830" t="s">
        <v>2136</v>
      </c>
      <c r="E830" t="s">
        <v>31048</v>
      </c>
      <c r="F830">
        <v>5</v>
      </c>
      <c r="H830" t="s">
        <v>2137</v>
      </c>
      <c r="I830" t="s">
        <v>30540</v>
      </c>
    </row>
    <row r="831" spans="1:9">
      <c r="A831" s="1">
        <v>0.46654908289836117</v>
      </c>
      <c r="B831" s="1"/>
      <c r="C831">
        <v>8</v>
      </c>
      <c r="D831" t="s">
        <v>2134</v>
      </c>
      <c r="E831" t="s">
        <v>31048</v>
      </c>
      <c r="F831">
        <v>5</v>
      </c>
      <c r="H831" t="s">
        <v>2135</v>
      </c>
      <c r="I831" t="s">
        <v>30540</v>
      </c>
    </row>
    <row r="832" spans="1:9">
      <c r="A832" s="1">
        <v>0.41055680171830677</v>
      </c>
      <c r="B832" s="1"/>
      <c r="C832">
        <v>2</v>
      </c>
      <c r="D832" t="s">
        <v>2132</v>
      </c>
      <c r="E832" t="s">
        <v>31048</v>
      </c>
      <c r="F832">
        <v>4</v>
      </c>
      <c r="H832" t="s">
        <v>2133</v>
      </c>
      <c r="I832" t="s">
        <v>30540</v>
      </c>
    </row>
    <row r="833" spans="1:9">
      <c r="A833" s="1">
        <v>0.14497931123054586</v>
      </c>
      <c r="B833" s="1"/>
      <c r="C833">
        <v>11</v>
      </c>
      <c r="D833" t="s">
        <v>2138</v>
      </c>
      <c r="E833" t="s">
        <v>31048</v>
      </c>
      <c r="F833">
        <v>4</v>
      </c>
      <c r="H833" t="s">
        <v>2139</v>
      </c>
      <c r="I833" t="s">
        <v>30540</v>
      </c>
    </row>
    <row r="834" spans="1:9">
      <c r="A834" s="1">
        <v>0.10614555768029321</v>
      </c>
      <c r="B834" s="1"/>
      <c r="C834">
        <v>7</v>
      </c>
      <c r="D834" t="s">
        <v>2130</v>
      </c>
      <c r="E834" t="s">
        <v>31049</v>
      </c>
      <c r="F834">
        <v>5</v>
      </c>
      <c r="H834" t="s">
        <v>2131</v>
      </c>
      <c r="I834" t="s">
        <v>30540</v>
      </c>
    </row>
    <row r="835" spans="1:9">
      <c r="A835" s="1">
        <v>0.11349065510692569</v>
      </c>
      <c r="B835" s="1"/>
      <c r="C835">
        <v>4</v>
      </c>
      <c r="D835" t="s">
        <v>2126</v>
      </c>
      <c r="E835" t="s">
        <v>31049</v>
      </c>
      <c r="F835">
        <v>4</v>
      </c>
      <c r="H835" t="s">
        <v>2127</v>
      </c>
      <c r="I835" t="s">
        <v>30540</v>
      </c>
    </row>
    <row r="836" spans="1:9">
      <c r="A836" s="1">
        <v>0.60142338083779556</v>
      </c>
      <c r="B836" s="1"/>
      <c r="C836">
        <v>6</v>
      </c>
      <c r="D836" t="s">
        <v>2122</v>
      </c>
      <c r="E836" t="s">
        <v>31050</v>
      </c>
      <c r="F836">
        <v>3</v>
      </c>
      <c r="H836" t="s">
        <v>2123</v>
      </c>
      <c r="I836" t="s">
        <v>30540</v>
      </c>
    </row>
    <row r="837" spans="1:9">
      <c r="A837" s="1">
        <v>0.37120270812445455</v>
      </c>
      <c r="B837" s="1"/>
      <c r="C837">
        <v>2</v>
      </c>
      <c r="D837" t="s">
        <v>2120</v>
      </c>
      <c r="E837" t="s">
        <v>31051</v>
      </c>
      <c r="F837">
        <v>5</v>
      </c>
      <c r="H837" t="s">
        <v>2121</v>
      </c>
      <c r="I837" t="s">
        <v>30540</v>
      </c>
    </row>
    <row r="838" spans="1:9">
      <c r="A838" s="1">
        <v>0.34821651113604335</v>
      </c>
      <c r="B838" s="1"/>
      <c r="C838">
        <v>8</v>
      </c>
      <c r="D838" t="s">
        <v>2114</v>
      </c>
      <c r="E838" t="s">
        <v>31053</v>
      </c>
      <c r="F838">
        <v>5</v>
      </c>
      <c r="H838" t="s">
        <v>2115</v>
      </c>
      <c r="I838" t="s">
        <v>30540</v>
      </c>
    </row>
    <row r="839" spans="1:9">
      <c r="A839" s="1">
        <v>0.16215063082982417</v>
      </c>
      <c r="B839" s="1"/>
      <c r="C839">
        <v>9</v>
      </c>
      <c r="D839" t="s">
        <v>2116</v>
      </c>
      <c r="E839" t="s">
        <v>31053</v>
      </c>
      <c r="F839">
        <v>4</v>
      </c>
      <c r="H839" t="s">
        <v>2117</v>
      </c>
      <c r="I839" t="s">
        <v>30540</v>
      </c>
    </row>
    <row r="840" spans="1:9">
      <c r="A840" s="1">
        <v>0.10293537384582707</v>
      </c>
      <c r="B840" s="1"/>
      <c r="C840">
        <v>4</v>
      </c>
      <c r="D840" t="s">
        <v>2112</v>
      </c>
      <c r="E840" t="s">
        <v>31054</v>
      </c>
      <c r="F840">
        <v>5</v>
      </c>
      <c r="H840" t="s">
        <v>2113</v>
      </c>
      <c r="I840" t="s">
        <v>30540</v>
      </c>
    </row>
    <row r="841" spans="1:9">
      <c r="A841" s="1">
        <v>0.29797294566044541</v>
      </c>
      <c r="B841" s="1"/>
      <c r="C841">
        <v>3</v>
      </c>
      <c r="D841" t="s">
        <v>2110</v>
      </c>
      <c r="E841" t="s">
        <v>31054</v>
      </c>
      <c r="F841">
        <v>4</v>
      </c>
      <c r="H841" t="s">
        <v>2111</v>
      </c>
      <c r="I841" t="s">
        <v>30540</v>
      </c>
    </row>
    <row r="842" spans="1:9">
      <c r="A842" s="1">
        <v>0.13048549761670847</v>
      </c>
      <c r="B842" s="1"/>
      <c r="C842">
        <v>1</v>
      </c>
      <c r="D842" t="s">
        <v>2108</v>
      </c>
      <c r="E842" t="s">
        <v>31054</v>
      </c>
      <c r="F842">
        <v>4</v>
      </c>
      <c r="H842" t="s">
        <v>2109</v>
      </c>
      <c r="I842" t="s">
        <v>30540</v>
      </c>
    </row>
    <row r="843" spans="1:9">
      <c r="A843" s="1">
        <v>0.74928144431398835</v>
      </c>
      <c r="B843" s="1"/>
      <c r="C843">
        <v>4</v>
      </c>
      <c r="D843" t="s">
        <v>2106</v>
      </c>
      <c r="E843" t="s">
        <v>31055</v>
      </c>
      <c r="F843">
        <v>5</v>
      </c>
      <c r="H843" t="s">
        <v>2107</v>
      </c>
      <c r="I843" t="s">
        <v>30540</v>
      </c>
    </row>
    <row r="844" spans="1:9">
      <c r="A844" s="1">
        <v>0.8576647306624714</v>
      </c>
      <c r="B844" s="1"/>
      <c r="C844">
        <v>2</v>
      </c>
      <c r="D844" t="s">
        <v>2104</v>
      </c>
      <c r="E844" t="s">
        <v>31055</v>
      </c>
      <c r="F844">
        <v>4</v>
      </c>
      <c r="H844" t="s">
        <v>2105</v>
      </c>
      <c r="I844" t="s">
        <v>30540</v>
      </c>
    </row>
    <row r="845" spans="1:9">
      <c r="A845" s="1">
        <v>0.33540616147475022</v>
      </c>
      <c r="B845" s="1"/>
      <c r="C845">
        <v>1</v>
      </c>
      <c r="D845" t="s">
        <v>2096</v>
      </c>
      <c r="E845" t="s">
        <v>31056</v>
      </c>
      <c r="F845">
        <v>5</v>
      </c>
      <c r="H845" t="s">
        <v>2097</v>
      </c>
      <c r="I845" t="s">
        <v>30540</v>
      </c>
    </row>
    <row r="846" spans="1:9">
      <c r="A846" s="1">
        <v>6.1917531082694155E-2</v>
      </c>
      <c r="B846" s="1"/>
      <c r="C846">
        <v>2</v>
      </c>
      <c r="D846" t="s">
        <v>2098</v>
      </c>
      <c r="E846" t="s">
        <v>31056</v>
      </c>
      <c r="F846">
        <v>4</v>
      </c>
      <c r="H846" t="s">
        <v>2099</v>
      </c>
      <c r="I846" t="s">
        <v>30540</v>
      </c>
    </row>
    <row r="847" spans="1:9">
      <c r="A847" s="1">
        <v>0.28648586139915411</v>
      </c>
      <c r="B847" s="1"/>
      <c r="C847">
        <v>10</v>
      </c>
      <c r="D847" t="s">
        <v>2102</v>
      </c>
      <c r="E847" t="s">
        <v>31056</v>
      </c>
      <c r="F847">
        <v>4</v>
      </c>
      <c r="H847" t="s">
        <v>2103</v>
      </c>
      <c r="I847" t="s">
        <v>30540</v>
      </c>
    </row>
    <row r="848" spans="1:9">
      <c r="A848" s="1">
        <v>0.34718042076066169</v>
      </c>
      <c r="B848" s="1"/>
      <c r="C848">
        <v>1</v>
      </c>
      <c r="D848" t="s">
        <v>2094</v>
      </c>
      <c r="E848" t="s">
        <v>31057</v>
      </c>
      <c r="F848">
        <v>5</v>
      </c>
      <c r="H848" t="s">
        <v>2095</v>
      </c>
      <c r="I848" t="s">
        <v>30540</v>
      </c>
    </row>
    <row r="849" spans="1:9">
      <c r="A849" s="1">
        <v>0.39267884968541855</v>
      </c>
      <c r="B849" s="1"/>
      <c r="C849">
        <v>4</v>
      </c>
      <c r="D849" t="s">
        <v>2092</v>
      </c>
      <c r="E849" t="s">
        <v>31058</v>
      </c>
      <c r="F849">
        <v>4</v>
      </c>
      <c r="H849" t="s">
        <v>2093</v>
      </c>
      <c r="I849" t="s">
        <v>30540</v>
      </c>
    </row>
    <row r="850" spans="1:9">
      <c r="A850" s="1">
        <v>0.3297553001026795</v>
      </c>
      <c r="B850" s="1"/>
      <c r="C850">
        <v>3</v>
      </c>
      <c r="D850" t="s">
        <v>2086</v>
      </c>
      <c r="E850" t="s">
        <v>31059</v>
      </c>
      <c r="F850">
        <v>4</v>
      </c>
      <c r="H850" t="s">
        <v>2087</v>
      </c>
      <c r="I850" t="s">
        <v>30540</v>
      </c>
    </row>
    <row r="851" spans="1:9">
      <c r="A851" s="1">
        <v>0.33921289781037223</v>
      </c>
      <c r="B851" s="1"/>
      <c r="C851">
        <v>1</v>
      </c>
      <c r="D851" t="s">
        <v>2082</v>
      </c>
      <c r="E851" t="s">
        <v>31059</v>
      </c>
      <c r="F851">
        <v>4</v>
      </c>
      <c r="H851" t="s">
        <v>2083</v>
      </c>
      <c r="I851" t="s">
        <v>30540</v>
      </c>
    </row>
    <row r="852" spans="1:9">
      <c r="A852" s="1">
        <v>0.12894562131005349</v>
      </c>
      <c r="B852" s="1"/>
      <c r="C852">
        <v>4</v>
      </c>
      <c r="D852" t="s">
        <v>2088</v>
      </c>
      <c r="E852" t="s">
        <v>31059</v>
      </c>
      <c r="F852">
        <v>4</v>
      </c>
      <c r="H852" t="s">
        <v>2089</v>
      </c>
      <c r="I852" t="s">
        <v>30540</v>
      </c>
    </row>
    <row r="853" spans="1:9">
      <c r="A853" s="1">
        <v>0.16243689037293418</v>
      </c>
      <c r="B853" s="1"/>
      <c r="C853">
        <v>5</v>
      </c>
      <c r="D853" t="s">
        <v>2090</v>
      </c>
      <c r="E853" t="s">
        <v>31059</v>
      </c>
      <c r="F853">
        <v>4</v>
      </c>
      <c r="H853" t="s">
        <v>2091</v>
      </c>
      <c r="I853" t="s">
        <v>30540</v>
      </c>
    </row>
    <row r="854" spans="1:9">
      <c r="A854" s="1">
        <v>0.52730172903504779</v>
      </c>
      <c r="B854" s="1"/>
      <c r="C854">
        <v>2</v>
      </c>
      <c r="D854" t="s">
        <v>2084</v>
      </c>
      <c r="E854" t="s">
        <v>31059</v>
      </c>
      <c r="F854">
        <v>4</v>
      </c>
      <c r="H854" t="s">
        <v>2085</v>
      </c>
      <c r="I854" t="s">
        <v>30540</v>
      </c>
    </row>
    <row r="855" spans="1:9">
      <c r="A855" s="1">
        <v>0.33843580895231684</v>
      </c>
      <c r="B855" s="1"/>
      <c r="C855">
        <v>2</v>
      </c>
      <c r="D855" t="s">
        <v>2078</v>
      </c>
      <c r="E855" t="s">
        <v>31061</v>
      </c>
      <c r="F855">
        <v>5</v>
      </c>
      <c r="H855" t="s">
        <v>2079</v>
      </c>
      <c r="I855" t="s">
        <v>30540</v>
      </c>
    </row>
    <row r="856" spans="1:9">
      <c r="A856" s="1">
        <v>0.70870702213383918</v>
      </c>
      <c r="B856" s="1"/>
      <c r="C856">
        <v>1</v>
      </c>
      <c r="D856" t="s">
        <v>2074</v>
      </c>
      <c r="E856" t="s">
        <v>31062</v>
      </c>
      <c r="F856">
        <v>4</v>
      </c>
      <c r="H856" t="s">
        <v>2075</v>
      </c>
      <c r="I856" t="s">
        <v>30540</v>
      </c>
    </row>
    <row r="857" spans="1:9">
      <c r="A857" s="1">
        <v>0.95310118522681619</v>
      </c>
      <c r="B857" s="1"/>
      <c r="C857">
        <v>4</v>
      </c>
      <c r="D857" t="s">
        <v>2072</v>
      </c>
      <c r="E857" t="s">
        <v>31063</v>
      </c>
      <c r="F857">
        <v>4</v>
      </c>
      <c r="G857" t="s">
        <v>838</v>
      </c>
      <c r="H857" t="s">
        <v>2073</v>
      </c>
      <c r="I857" t="s">
        <v>30540</v>
      </c>
    </row>
    <row r="858" spans="1:9">
      <c r="A858" s="1">
        <v>0.36275068119566567</v>
      </c>
      <c r="B858" s="1"/>
      <c r="C858">
        <v>2</v>
      </c>
      <c r="D858" t="s">
        <v>2070</v>
      </c>
      <c r="E858" t="s">
        <v>31063</v>
      </c>
      <c r="F858">
        <v>3</v>
      </c>
      <c r="H858" t="s">
        <v>2071</v>
      </c>
      <c r="I858" t="s">
        <v>30540</v>
      </c>
    </row>
    <row r="859" spans="1:9">
      <c r="A859" s="1">
        <v>0.61980139731104589</v>
      </c>
      <c r="B859" s="1"/>
      <c r="C859">
        <v>1</v>
      </c>
      <c r="D859" t="s">
        <v>2064</v>
      </c>
      <c r="E859" t="s">
        <v>31064</v>
      </c>
      <c r="F859">
        <v>5</v>
      </c>
      <c r="H859" t="s">
        <v>2065</v>
      </c>
      <c r="I859" t="s">
        <v>30540</v>
      </c>
    </row>
    <row r="860" spans="1:9">
      <c r="A860" s="1">
        <v>0.37430505520443524</v>
      </c>
      <c r="B860" s="1"/>
      <c r="C860">
        <v>8</v>
      </c>
      <c r="D860" t="s">
        <v>2068</v>
      </c>
      <c r="E860" t="s">
        <v>31064</v>
      </c>
      <c r="F860">
        <v>4</v>
      </c>
      <c r="H860" t="s">
        <v>2069</v>
      </c>
      <c r="I860" t="s">
        <v>30540</v>
      </c>
    </row>
    <row r="861" spans="1:9">
      <c r="A861" s="1">
        <v>0.12849542433826211</v>
      </c>
      <c r="B861" s="1"/>
      <c r="C861">
        <v>5</v>
      </c>
      <c r="D861" t="s">
        <v>2066</v>
      </c>
      <c r="E861" t="s">
        <v>31064</v>
      </c>
      <c r="F861">
        <v>4</v>
      </c>
      <c r="H861" t="s">
        <v>2067</v>
      </c>
      <c r="I861" t="s">
        <v>30540</v>
      </c>
    </row>
    <row r="862" spans="1:9">
      <c r="A862" s="1">
        <v>0.7236913796876735</v>
      </c>
      <c r="B862" s="1"/>
      <c r="C862">
        <v>8</v>
      </c>
      <c r="D862" t="s">
        <v>2060</v>
      </c>
      <c r="E862" t="s">
        <v>31065</v>
      </c>
      <c r="F862">
        <v>5</v>
      </c>
      <c r="H862" t="s">
        <v>2061</v>
      </c>
      <c r="I862" t="s">
        <v>30540</v>
      </c>
    </row>
    <row r="863" spans="1:9">
      <c r="A863" s="1">
        <v>0.42817835703509977</v>
      </c>
      <c r="B863" s="1"/>
      <c r="C863">
        <v>7</v>
      </c>
      <c r="D863" t="s">
        <v>2058</v>
      </c>
      <c r="E863" t="s">
        <v>31065</v>
      </c>
      <c r="F863">
        <v>5</v>
      </c>
      <c r="H863" t="s">
        <v>2059</v>
      </c>
      <c r="I863" t="s">
        <v>30540</v>
      </c>
    </row>
    <row r="864" spans="1:9">
      <c r="A864" s="1">
        <v>0.92749749122288794</v>
      </c>
      <c r="B864" s="1"/>
      <c r="C864">
        <v>4</v>
      </c>
      <c r="D864" t="s">
        <v>2054</v>
      </c>
      <c r="E864" t="s">
        <v>31065</v>
      </c>
      <c r="F864">
        <v>5</v>
      </c>
      <c r="H864" t="s">
        <v>2055</v>
      </c>
      <c r="I864" t="s">
        <v>30540</v>
      </c>
    </row>
    <row r="865" spans="1:9">
      <c r="A865" s="1">
        <v>0.86199282783780662</v>
      </c>
      <c r="B865" s="1"/>
      <c r="C865">
        <v>10</v>
      </c>
      <c r="D865" t="s">
        <v>2062</v>
      </c>
      <c r="E865" t="s">
        <v>31065</v>
      </c>
      <c r="F865">
        <v>4</v>
      </c>
      <c r="H865" t="s">
        <v>2063</v>
      </c>
      <c r="I865" t="s">
        <v>30540</v>
      </c>
    </row>
    <row r="866" spans="1:9">
      <c r="A866" s="1">
        <v>0.57429579239263695</v>
      </c>
      <c r="B866" s="1"/>
      <c r="C866">
        <v>6</v>
      </c>
      <c r="D866" t="s">
        <v>2056</v>
      </c>
      <c r="E866" t="s">
        <v>31065</v>
      </c>
      <c r="F866">
        <v>3</v>
      </c>
      <c r="H866" t="s">
        <v>2057</v>
      </c>
      <c r="I866" t="s">
        <v>30540</v>
      </c>
    </row>
    <row r="867" spans="1:9">
      <c r="A867" s="1">
        <v>0.52539365857696452</v>
      </c>
      <c r="B867" s="1"/>
      <c r="C867">
        <v>1</v>
      </c>
      <c r="D867" t="s">
        <v>2050</v>
      </c>
      <c r="E867" t="s">
        <v>31066</v>
      </c>
      <c r="F867">
        <v>4</v>
      </c>
      <c r="H867" t="s">
        <v>2051</v>
      </c>
      <c r="I867" t="s">
        <v>30540</v>
      </c>
    </row>
    <row r="868" spans="1:9">
      <c r="A868" s="1">
        <v>0.79357838472929554</v>
      </c>
      <c r="B868" s="1"/>
      <c r="C868">
        <v>3</v>
      </c>
      <c r="D868" t="s">
        <v>2052</v>
      </c>
      <c r="E868" t="s">
        <v>31066</v>
      </c>
      <c r="F868">
        <v>4</v>
      </c>
      <c r="H868" t="s">
        <v>2053</v>
      </c>
      <c r="I868" t="s">
        <v>30540</v>
      </c>
    </row>
    <row r="869" spans="1:9">
      <c r="A869" s="1">
        <v>0.97403520088659101</v>
      </c>
      <c r="B869" s="1"/>
      <c r="C869">
        <v>2</v>
      </c>
      <c r="D869" t="s">
        <v>2048</v>
      </c>
      <c r="E869" t="s">
        <v>31067</v>
      </c>
      <c r="F869">
        <v>4</v>
      </c>
      <c r="H869" t="s">
        <v>2049</v>
      </c>
      <c r="I869" t="s">
        <v>30540</v>
      </c>
    </row>
    <row r="870" spans="1:9">
      <c r="A870" s="1">
        <v>0.61188768827780782</v>
      </c>
      <c r="B870" s="1"/>
      <c r="C870">
        <v>11</v>
      </c>
      <c r="D870" t="s">
        <v>2046</v>
      </c>
      <c r="E870" t="s">
        <v>31068</v>
      </c>
      <c r="F870">
        <v>4</v>
      </c>
      <c r="H870" t="s">
        <v>2047</v>
      </c>
      <c r="I870" t="s">
        <v>30540</v>
      </c>
    </row>
    <row r="871" spans="1:9">
      <c r="A871" s="1">
        <v>0.83399769430611237</v>
      </c>
      <c r="B871" s="1"/>
      <c r="C871">
        <v>4</v>
      </c>
      <c r="D871" t="s">
        <v>2042</v>
      </c>
      <c r="E871" t="s">
        <v>31069</v>
      </c>
      <c r="F871">
        <v>5</v>
      </c>
      <c r="H871" t="s">
        <v>2043</v>
      </c>
      <c r="I871" t="s">
        <v>30540</v>
      </c>
    </row>
    <row r="872" spans="1:9">
      <c r="A872" s="1">
        <v>0.58277614408323131</v>
      </c>
      <c r="B872" s="1"/>
      <c r="C872">
        <v>1</v>
      </c>
      <c r="D872" t="s">
        <v>2038</v>
      </c>
      <c r="E872" t="s">
        <v>31069</v>
      </c>
      <c r="F872">
        <v>5</v>
      </c>
      <c r="H872" t="s">
        <v>2039</v>
      </c>
      <c r="I872" t="s">
        <v>30540</v>
      </c>
    </row>
    <row r="873" spans="1:9">
      <c r="A873" s="1">
        <v>0.72852211597816063</v>
      </c>
      <c r="B873" s="1"/>
      <c r="C873">
        <v>9</v>
      </c>
      <c r="D873" t="s">
        <v>2036</v>
      </c>
      <c r="E873" t="s">
        <v>31070</v>
      </c>
      <c r="F873">
        <v>4</v>
      </c>
      <c r="H873" t="s">
        <v>2037</v>
      </c>
      <c r="I873" t="s">
        <v>30540</v>
      </c>
    </row>
    <row r="874" spans="1:9">
      <c r="A874" s="1">
        <v>0.47600378553017419</v>
      </c>
      <c r="B874" s="1"/>
      <c r="C874">
        <v>2</v>
      </c>
      <c r="D874" t="s">
        <v>2034</v>
      </c>
      <c r="E874" t="s">
        <v>31070</v>
      </c>
      <c r="F874">
        <v>4</v>
      </c>
      <c r="G874" t="s">
        <v>0</v>
      </c>
      <c r="H874" t="s">
        <v>2035</v>
      </c>
      <c r="I874" t="s">
        <v>30540</v>
      </c>
    </row>
    <row r="875" spans="1:9">
      <c r="A875" s="1">
        <v>0.58607329315789558</v>
      </c>
      <c r="B875" s="1"/>
      <c r="C875">
        <v>8</v>
      </c>
      <c r="D875" t="s">
        <v>2028</v>
      </c>
      <c r="E875" t="s">
        <v>31071</v>
      </c>
      <c r="F875">
        <v>5</v>
      </c>
      <c r="H875" t="s">
        <v>2029</v>
      </c>
      <c r="I875" t="s">
        <v>30540</v>
      </c>
    </row>
    <row r="876" spans="1:9">
      <c r="A876" s="1">
        <v>0.30281049223066048</v>
      </c>
      <c r="B876" s="1"/>
      <c r="C876">
        <v>10</v>
      </c>
      <c r="D876" t="s">
        <v>2032</v>
      </c>
      <c r="E876" t="s">
        <v>31071</v>
      </c>
      <c r="F876">
        <v>5</v>
      </c>
      <c r="H876" t="s">
        <v>2033</v>
      </c>
      <c r="I876" t="s">
        <v>30540</v>
      </c>
    </row>
    <row r="877" spans="1:9">
      <c r="A877" s="1">
        <v>0.87126457706612936</v>
      </c>
      <c r="B877" s="1"/>
      <c r="C877">
        <v>1</v>
      </c>
      <c r="D877" t="s">
        <v>2022</v>
      </c>
      <c r="E877" t="s">
        <v>31071</v>
      </c>
      <c r="F877">
        <v>4</v>
      </c>
      <c r="H877" t="s">
        <v>2023</v>
      </c>
      <c r="I877" t="s">
        <v>30540</v>
      </c>
    </row>
    <row r="878" spans="1:9">
      <c r="A878" s="1">
        <v>0.44105197709026389</v>
      </c>
      <c r="B878" s="1"/>
      <c r="C878">
        <v>2</v>
      </c>
      <c r="D878" t="s">
        <v>2024</v>
      </c>
      <c r="E878" t="s">
        <v>31071</v>
      </c>
      <c r="F878">
        <v>4</v>
      </c>
      <c r="H878" t="s">
        <v>2025</v>
      </c>
      <c r="I878" t="s">
        <v>30540</v>
      </c>
    </row>
    <row r="879" spans="1:9">
      <c r="A879" s="1">
        <v>0.44432882776205995</v>
      </c>
      <c r="B879" s="1"/>
      <c r="C879">
        <v>9</v>
      </c>
      <c r="D879" t="s">
        <v>2030</v>
      </c>
      <c r="E879" t="s">
        <v>31071</v>
      </c>
      <c r="F879">
        <v>3</v>
      </c>
      <c r="H879" t="s">
        <v>2031</v>
      </c>
      <c r="I879" t="s">
        <v>30540</v>
      </c>
    </row>
    <row r="880" spans="1:9">
      <c r="A880" s="1">
        <v>0.67199437745610191</v>
      </c>
      <c r="B880" s="1"/>
      <c r="C880">
        <v>7</v>
      </c>
      <c r="D880" t="s">
        <v>2026</v>
      </c>
      <c r="E880" t="s">
        <v>31071</v>
      </c>
      <c r="F880">
        <v>3</v>
      </c>
      <c r="H880" t="s">
        <v>2027</v>
      </c>
      <c r="I880" t="s">
        <v>30540</v>
      </c>
    </row>
    <row r="881" spans="1:9">
      <c r="A881" s="1">
        <v>3.8318637991846316E-2</v>
      </c>
      <c r="B881" s="1"/>
      <c r="C881">
        <v>2</v>
      </c>
      <c r="D881" t="s">
        <v>2020</v>
      </c>
      <c r="E881" t="s">
        <v>31072</v>
      </c>
      <c r="F881">
        <v>5</v>
      </c>
      <c r="H881" t="s">
        <v>2021</v>
      </c>
      <c r="I881" t="s">
        <v>30540</v>
      </c>
    </row>
    <row r="882" spans="1:9">
      <c r="A882" s="1">
        <v>5.0816570339436762E-2</v>
      </c>
      <c r="B882" s="1"/>
      <c r="C882">
        <v>1</v>
      </c>
      <c r="D882" t="s">
        <v>2018</v>
      </c>
      <c r="E882" t="s">
        <v>31072</v>
      </c>
      <c r="F882">
        <v>5</v>
      </c>
      <c r="H882" t="s">
        <v>2019</v>
      </c>
      <c r="I882" t="s">
        <v>30540</v>
      </c>
    </row>
    <row r="883" spans="1:9">
      <c r="A883" s="1">
        <v>0.37163520654647608</v>
      </c>
      <c r="B883" s="1"/>
      <c r="C883">
        <v>5</v>
      </c>
      <c r="D883" t="s">
        <v>2012</v>
      </c>
      <c r="E883" t="s">
        <v>31074</v>
      </c>
      <c r="F883">
        <v>4</v>
      </c>
      <c r="H883" t="s">
        <v>2013</v>
      </c>
      <c r="I883" t="s">
        <v>30540</v>
      </c>
    </row>
    <row r="884" spans="1:9">
      <c r="A884" s="1">
        <v>0.5123808095457747</v>
      </c>
      <c r="B884" s="1"/>
      <c r="C884">
        <v>8</v>
      </c>
      <c r="D884" t="s">
        <v>2014</v>
      </c>
      <c r="E884" t="s">
        <v>31074</v>
      </c>
      <c r="F884">
        <v>4</v>
      </c>
      <c r="H884" t="s">
        <v>2015</v>
      </c>
      <c r="I884" t="s">
        <v>30540</v>
      </c>
    </row>
    <row r="885" spans="1:9">
      <c r="A885" s="1">
        <v>0.12636856445720068</v>
      </c>
      <c r="B885" s="1"/>
      <c r="C885">
        <v>6</v>
      </c>
      <c r="D885" t="s">
        <v>2010</v>
      </c>
      <c r="E885" t="s">
        <v>31075</v>
      </c>
      <c r="F885">
        <v>4</v>
      </c>
      <c r="H885" t="s">
        <v>2011</v>
      </c>
      <c r="I885" t="s">
        <v>30540</v>
      </c>
    </row>
    <row r="886" spans="1:9">
      <c r="A886" s="1">
        <v>0.67052013935815247</v>
      </c>
      <c r="B886" s="1"/>
      <c r="C886">
        <v>4</v>
      </c>
      <c r="D886" t="s">
        <v>2008</v>
      </c>
      <c r="E886" t="s">
        <v>31075</v>
      </c>
      <c r="F886">
        <v>4</v>
      </c>
      <c r="H886" t="s">
        <v>2009</v>
      </c>
      <c r="I886" t="s">
        <v>30540</v>
      </c>
    </row>
    <row r="887" spans="1:9">
      <c r="A887" s="1">
        <v>0.80475865917915035</v>
      </c>
      <c r="B887" s="1"/>
      <c r="C887">
        <v>2</v>
      </c>
      <c r="D887" t="s">
        <v>2006</v>
      </c>
      <c r="E887" t="s">
        <v>31076</v>
      </c>
      <c r="F887">
        <v>5</v>
      </c>
      <c r="H887" t="s">
        <v>2007</v>
      </c>
      <c r="I887" t="s">
        <v>30540</v>
      </c>
    </row>
    <row r="888" spans="1:9">
      <c r="A888" s="1">
        <v>0.16915578193032499</v>
      </c>
      <c r="B888" s="1"/>
      <c r="C888">
        <v>4</v>
      </c>
      <c r="D888" t="s">
        <v>2002</v>
      </c>
      <c r="E888" t="s">
        <v>31077</v>
      </c>
      <c r="F888">
        <v>5</v>
      </c>
      <c r="H888" t="s">
        <v>2003</v>
      </c>
      <c r="I888" t="s">
        <v>30540</v>
      </c>
    </row>
    <row r="889" spans="1:9">
      <c r="A889" s="1">
        <v>0.87264229095241985</v>
      </c>
      <c r="B889" s="1"/>
      <c r="C889">
        <v>2</v>
      </c>
      <c r="D889" t="s">
        <v>2000</v>
      </c>
      <c r="E889" t="s">
        <v>31077</v>
      </c>
      <c r="F889">
        <v>5</v>
      </c>
      <c r="H889" t="s">
        <v>2001</v>
      </c>
      <c r="I889" t="s">
        <v>30540</v>
      </c>
    </row>
    <row r="890" spans="1:9">
      <c r="A890" s="1">
        <v>0.50776475065798643</v>
      </c>
      <c r="B890" s="1"/>
      <c r="C890">
        <v>7</v>
      </c>
      <c r="D890" t="s">
        <v>2004</v>
      </c>
      <c r="E890" t="s">
        <v>31077</v>
      </c>
      <c r="F890">
        <v>3</v>
      </c>
      <c r="H890" t="s">
        <v>2005</v>
      </c>
      <c r="I890" t="s">
        <v>30540</v>
      </c>
    </row>
    <row r="891" spans="1:9">
      <c r="A891" s="1">
        <v>0.32783401739688833</v>
      </c>
      <c r="B891" s="1"/>
      <c r="C891">
        <v>2</v>
      </c>
      <c r="D891" t="s">
        <v>1996</v>
      </c>
      <c r="E891" t="s">
        <v>31078</v>
      </c>
      <c r="F891">
        <v>4</v>
      </c>
      <c r="H891" t="s">
        <v>1997</v>
      </c>
      <c r="I891" t="s">
        <v>30540</v>
      </c>
    </row>
    <row r="892" spans="1:9">
      <c r="A892" s="1">
        <v>0.44132366538067269</v>
      </c>
      <c r="B892" s="1"/>
      <c r="C892">
        <v>3</v>
      </c>
      <c r="D892" t="s">
        <v>1998</v>
      </c>
      <c r="E892" t="s">
        <v>31078</v>
      </c>
      <c r="F892">
        <v>4</v>
      </c>
      <c r="H892" t="s">
        <v>1999</v>
      </c>
      <c r="I892" t="s">
        <v>30540</v>
      </c>
    </row>
    <row r="893" spans="1:9">
      <c r="A893" s="1">
        <v>0.31424557066929237</v>
      </c>
      <c r="B893" s="1"/>
      <c r="C893">
        <v>7</v>
      </c>
      <c r="D893" t="s">
        <v>1992</v>
      </c>
      <c r="E893" t="s">
        <v>31079</v>
      </c>
      <c r="F893">
        <v>5</v>
      </c>
      <c r="H893" t="s">
        <v>1993</v>
      </c>
      <c r="I893" t="s">
        <v>30540</v>
      </c>
    </row>
    <row r="894" spans="1:9">
      <c r="A894" s="1">
        <v>0.57407482355216821</v>
      </c>
      <c r="B894" s="1"/>
      <c r="C894">
        <v>3</v>
      </c>
      <c r="D894" t="s">
        <v>1990</v>
      </c>
      <c r="E894" t="s">
        <v>31079</v>
      </c>
      <c r="F894">
        <v>4</v>
      </c>
      <c r="H894" t="s">
        <v>1991</v>
      </c>
      <c r="I894" t="s">
        <v>30540</v>
      </c>
    </row>
    <row r="895" spans="1:9">
      <c r="A895" s="1">
        <v>0.74310328736850328</v>
      </c>
      <c r="B895" s="1"/>
      <c r="C895">
        <v>2</v>
      </c>
      <c r="D895" t="s">
        <v>1988</v>
      </c>
      <c r="E895" t="s">
        <v>31079</v>
      </c>
      <c r="F895">
        <v>3</v>
      </c>
      <c r="H895" t="s">
        <v>1989</v>
      </c>
      <c r="I895" t="s">
        <v>30540</v>
      </c>
    </row>
    <row r="896" spans="1:9">
      <c r="A896" s="1">
        <v>0.95279729866155694</v>
      </c>
      <c r="B896" s="1"/>
      <c r="C896">
        <v>1</v>
      </c>
      <c r="D896" t="s">
        <v>1986</v>
      </c>
      <c r="E896" t="s">
        <v>31079</v>
      </c>
      <c r="F896">
        <v>3</v>
      </c>
      <c r="H896" t="s">
        <v>1987</v>
      </c>
      <c r="I896" t="s">
        <v>30540</v>
      </c>
    </row>
    <row r="897" spans="1:9">
      <c r="A897" s="1">
        <v>0.68792489299259219</v>
      </c>
      <c r="B897" s="1"/>
      <c r="C897">
        <v>6</v>
      </c>
      <c r="D897" t="s">
        <v>1984</v>
      </c>
      <c r="E897" t="s">
        <v>31080</v>
      </c>
      <c r="F897">
        <v>4</v>
      </c>
      <c r="H897" t="s">
        <v>1985</v>
      </c>
      <c r="I897" t="s">
        <v>30540</v>
      </c>
    </row>
    <row r="898" spans="1:9">
      <c r="A898" s="1">
        <v>0.97300542514315136</v>
      </c>
      <c r="B898" s="1"/>
      <c r="C898">
        <v>4</v>
      </c>
      <c r="D898" t="s">
        <v>1978</v>
      </c>
      <c r="E898" t="s">
        <v>31082</v>
      </c>
      <c r="F898">
        <v>5</v>
      </c>
      <c r="H898" t="s">
        <v>1979</v>
      </c>
      <c r="I898" t="s">
        <v>30540</v>
      </c>
    </row>
    <row r="899" spans="1:9">
      <c r="A899" s="1">
        <v>0.19223938634130411</v>
      </c>
      <c r="B899" s="1"/>
      <c r="C899">
        <v>1</v>
      </c>
      <c r="D899" t="s">
        <v>1976</v>
      </c>
      <c r="E899" t="s">
        <v>31082</v>
      </c>
      <c r="F899">
        <v>3</v>
      </c>
      <c r="H899" t="s">
        <v>1977</v>
      </c>
      <c r="I899" t="s">
        <v>30540</v>
      </c>
    </row>
    <row r="900" spans="1:9">
      <c r="A900" s="1">
        <v>0.35452332409201814</v>
      </c>
      <c r="B900" s="1"/>
      <c r="C900">
        <v>9</v>
      </c>
      <c r="D900" t="s">
        <v>1974</v>
      </c>
      <c r="E900" t="s">
        <v>31083</v>
      </c>
      <c r="F900">
        <v>5</v>
      </c>
      <c r="H900" t="s">
        <v>1975</v>
      </c>
      <c r="I900" t="s">
        <v>30540</v>
      </c>
    </row>
    <row r="901" spans="1:9">
      <c r="A901" s="1">
        <v>0.2338170025801567</v>
      </c>
      <c r="B901" s="1"/>
      <c r="C901">
        <v>2</v>
      </c>
      <c r="D901" t="s">
        <v>1970</v>
      </c>
      <c r="E901" t="s">
        <v>31083</v>
      </c>
      <c r="F901">
        <v>4</v>
      </c>
      <c r="H901" t="s">
        <v>1971</v>
      </c>
      <c r="I901" t="s">
        <v>30540</v>
      </c>
    </row>
    <row r="902" spans="1:9">
      <c r="A902" s="1">
        <v>0.66287280352832201</v>
      </c>
      <c r="B902" s="1"/>
      <c r="C902">
        <v>3</v>
      </c>
      <c r="D902" t="s">
        <v>1972</v>
      </c>
      <c r="E902" t="s">
        <v>31083</v>
      </c>
      <c r="F902">
        <v>3</v>
      </c>
      <c r="H902" t="s">
        <v>1973</v>
      </c>
      <c r="I902" t="s">
        <v>30540</v>
      </c>
    </row>
    <row r="903" spans="1:9">
      <c r="A903" s="1">
        <v>0.86845638255388702</v>
      </c>
      <c r="B903" s="1"/>
      <c r="C903">
        <v>1</v>
      </c>
      <c r="D903" t="s">
        <v>1962</v>
      </c>
      <c r="E903" t="s">
        <v>31084</v>
      </c>
      <c r="F903">
        <v>4</v>
      </c>
      <c r="H903" t="s">
        <v>1963</v>
      </c>
      <c r="I903" t="s">
        <v>30540</v>
      </c>
    </row>
    <row r="904" spans="1:9">
      <c r="A904" s="1">
        <v>0.10382911715898635</v>
      </c>
      <c r="B904" s="1"/>
      <c r="C904">
        <v>5</v>
      </c>
      <c r="D904" t="s">
        <v>1966</v>
      </c>
      <c r="E904" t="s">
        <v>31084</v>
      </c>
      <c r="F904">
        <v>3</v>
      </c>
      <c r="H904" t="s">
        <v>1967</v>
      </c>
      <c r="I904" t="s">
        <v>30540</v>
      </c>
    </row>
    <row r="905" spans="1:9">
      <c r="A905" s="1">
        <v>0.91169135637966503</v>
      </c>
      <c r="B905" s="1"/>
      <c r="C905">
        <v>2</v>
      </c>
      <c r="D905" t="s">
        <v>1958</v>
      </c>
      <c r="E905" t="s">
        <v>31085</v>
      </c>
      <c r="F905">
        <v>5</v>
      </c>
      <c r="H905" t="s">
        <v>1959</v>
      </c>
      <c r="I905" t="s">
        <v>30540</v>
      </c>
    </row>
    <row r="906" spans="1:9">
      <c r="A906" s="1">
        <v>0.8608140779073179</v>
      </c>
      <c r="B906" s="1"/>
      <c r="C906">
        <v>4</v>
      </c>
      <c r="D906" t="s">
        <v>1960</v>
      </c>
      <c r="E906" t="s">
        <v>31085</v>
      </c>
      <c r="F906">
        <v>5</v>
      </c>
      <c r="H906" t="s">
        <v>1961</v>
      </c>
      <c r="I906" t="s">
        <v>30540</v>
      </c>
    </row>
    <row r="907" spans="1:9">
      <c r="A907" s="1">
        <v>0.43602528945545638</v>
      </c>
      <c r="B907" s="1"/>
      <c r="C907">
        <v>4</v>
      </c>
      <c r="D907" t="s">
        <v>1952</v>
      </c>
      <c r="E907" t="s">
        <v>31087</v>
      </c>
      <c r="F907">
        <v>5</v>
      </c>
      <c r="H907" t="s">
        <v>1953</v>
      </c>
      <c r="I907" t="s">
        <v>30540</v>
      </c>
    </row>
    <row r="908" spans="1:9">
      <c r="A908" s="1">
        <v>0.18322097721358499</v>
      </c>
      <c r="B908" s="1"/>
      <c r="C908">
        <v>2</v>
      </c>
      <c r="D908" t="s">
        <v>1950</v>
      </c>
      <c r="E908" t="s">
        <v>31087</v>
      </c>
      <c r="F908">
        <v>4</v>
      </c>
      <c r="H908" t="s">
        <v>1951</v>
      </c>
      <c r="I908" t="s">
        <v>30540</v>
      </c>
    </row>
    <row r="909" spans="1:9">
      <c r="A909" s="1">
        <v>0.23866671225421277</v>
      </c>
      <c r="B909" s="1"/>
      <c r="C909">
        <v>5</v>
      </c>
      <c r="D909" t="s">
        <v>1954</v>
      </c>
      <c r="E909" t="s">
        <v>31087</v>
      </c>
      <c r="F909">
        <v>4</v>
      </c>
      <c r="H909" t="s">
        <v>1955</v>
      </c>
      <c r="I909" t="s">
        <v>30540</v>
      </c>
    </row>
    <row r="910" spans="1:9">
      <c r="A910" s="1">
        <v>0.13713973202008745</v>
      </c>
      <c r="B910" s="1"/>
      <c r="C910">
        <v>4</v>
      </c>
      <c r="D910" t="s">
        <v>1948</v>
      </c>
      <c r="E910" t="s">
        <v>31088</v>
      </c>
      <c r="F910">
        <v>5</v>
      </c>
      <c r="H910" t="s">
        <v>1949</v>
      </c>
      <c r="I910" t="s">
        <v>30540</v>
      </c>
    </row>
    <row r="911" spans="1:9">
      <c r="A911" s="1">
        <v>0.5077662422066227</v>
      </c>
      <c r="B911" s="1"/>
      <c r="C911">
        <v>1</v>
      </c>
      <c r="D911" t="s">
        <v>1946</v>
      </c>
      <c r="E911" t="s">
        <v>31088</v>
      </c>
      <c r="F911">
        <v>4</v>
      </c>
      <c r="H911" t="s">
        <v>1947</v>
      </c>
      <c r="I911" t="s">
        <v>30540</v>
      </c>
    </row>
    <row r="912" spans="1:9">
      <c r="A912" s="1">
        <v>9.4149183653028934E-2</v>
      </c>
      <c r="B912" s="1"/>
      <c r="C912">
        <v>3</v>
      </c>
      <c r="D912" t="s">
        <v>1942</v>
      </c>
      <c r="E912" t="s">
        <v>31089</v>
      </c>
      <c r="F912">
        <v>5</v>
      </c>
      <c r="H912" t="s">
        <v>1943</v>
      </c>
      <c r="I912" t="s">
        <v>30540</v>
      </c>
    </row>
    <row r="913" spans="1:9">
      <c r="A913" s="1">
        <v>0.62855763980077883</v>
      </c>
      <c r="B913" s="1"/>
      <c r="C913">
        <v>4</v>
      </c>
      <c r="D913" t="s">
        <v>1944</v>
      </c>
      <c r="E913" t="s">
        <v>31089</v>
      </c>
      <c r="F913">
        <v>4</v>
      </c>
      <c r="H913" t="s">
        <v>1945</v>
      </c>
      <c r="I913" t="s">
        <v>30540</v>
      </c>
    </row>
    <row r="914" spans="1:9">
      <c r="A914" s="1">
        <v>6.1666531839166816E-2</v>
      </c>
      <c r="B914" s="1"/>
      <c r="C914">
        <v>2</v>
      </c>
      <c r="D914" t="s">
        <v>1936</v>
      </c>
      <c r="E914" t="s">
        <v>31090</v>
      </c>
      <c r="F914">
        <v>5</v>
      </c>
      <c r="H914" t="s">
        <v>1937</v>
      </c>
      <c r="I914" t="s">
        <v>30540</v>
      </c>
    </row>
    <row r="915" spans="1:9">
      <c r="A915" s="1">
        <v>0.77428099599862854</v>
      </c>
      <c r="B915" s="1"/>
      <c r="C915">
        <v>6</v>
      </c>
      <c r="D915" t="s">
        <v>1940</v>
      </c>
      <c r="E915" t="s">
        <v>31090</v>
      </c>
      <c r="F915">
        <v>4</v>
      </c>
      <c r="H915" t="s">
        <v>1941</v>
      </c>
      <c r="I915" t="s">
        <v>30540</v>
      </c>
    </row>
    <row r="916" spans="1:9">
      <c r="A916" s="1">
        <v>0.24013273302412086</v>
      </c>
      <c r="B916" s="1"/>
      <c r="C916">
        <v>3</v>
      </c>
      <c r="D916" t="s">
        <v>1938</v>
      </c>
      <c r="E916" t="s">
        <v>31090</v>
      </c>
      <c r="F916">
        <v>4</v>
      </c>
      <c r="H916" t="s">
        <v>1939</v>
      </c>
      <c r="I916" t="s">
        <v>30540</v>
      </c>
    </row>
    <row r="917" spans="1:9">
      <c r="A917" s="1">
        <v>8.4905204467274564E-2</v>
      </c>
      <c r="B917" s="1"/>
      <c r="C917">
        <v>1</v>
      </c>
      <c r="D917" t="s">
        <v>1934</v>
      </c>
      <c r="E917" t="s">
        <v>31091</v>
      </c>
      <c r="F917">
        <v>4</v>
      </c>
      <c r="H917" t="s">
        <v>1935</v>
      </c>
      <c r="I917" t="s">
        <v>30540</v>
      </c>
    </row>
    <row r="918" spans="1:9">
      <c r="A918" s="1">
        <v>4.5719947644330405E-2</v>
      </c>
      <c r="B918" s="1"/>
      <c r="C918">
        <v>3</v>
      </c>
      <c r="D918" t="s">
        <v>1930</v>
      </c>
      <c r="E918" t="s">
        <v>31092</v>
      </c>
      <c r="F918">
        <v>4</v>
      </c>
      <c r="H918" t="s">
        <v>1931</v>
      </c>
      <c r="I918" t="s">
        <v>30540</v>
      </c>
    </row>
    <row r="919" spans="1:9">
      <c r="A919" s="1">
        <v>0.7688012541692838</v>
      </c>
      <c r="B919" s="1"/>
      <c r="C919">
        <v>4</v>
      </c>
      <c r="D919" t="s">
        <v>1932</v>
      </c>
      <c r="E919" t="s">
        <v>31092</v>
      </c>
      <c r="F919">
        <v>3</v>
      </c>
      <c r="H919" t="s">
        <v>1933</v>
      </c>
      <c r="I919" t="s">
        <v>30540</v>
      </c>
    </row>
    <row r="920" spans="1:9">
      <c r="A920" s="1">
        <v>0.60740394444585111</v>
      </c>
      <c r="B920" s="1"/>
      <c r="C920">
        <v>1</v>
      </c>
      <c r="D920" t="s">
        <v>1928</v>
      </c>
      <c r="E920" t="s">
        <v>31092</v>
      </c>
      <c r="F920">
        <v>3</v>
      </c>
      <c r="H920" t="s">
        <v>1929</v>
      </c>
      <c r="I920" t="s">
        <v>30540</v>
      </c>
    </row>
    <row r="921" spans="1:9">
      <c r="A921" s="1">
        <v>0.51573042772454925</v>
      </c>
      <c r="B921" s="1"/>
      <c r="C921">
        <v>11</v>
      </c>
      <c r="D921" t="s">
        <v>1926</v>
      </c>
      <c r="E921" t="s">
        <v>31093</v>
      </c>
      <c r="F921">
        <v>4</v>
      </c>
      <c r="H921" t="s">
        <v>1927</v>
      </c>
      <c r="I921" t="s">
        <v>30540</v>
      </c>
    </row>
    <row r="922" spans="1:9">
      <c r="A922" s="1">
        <v>0.35019689288076916</v>
      </c>
      <c r="B922" s="1"/>
      <c r="C922">
        <v>3</v>
      </c>
      <c r="D922" t="s">
        <v>1922</v>
      </c>
      <c r="E922" t="s">
        <v>31094</v>
      </c>
      <c r="F922">
        <v>5</v>
      </c>
      <c r="H922" t="s">
        <v>1923</v>
      </c>
      <c r="I922" t="s">
        <v>30540</v>
      </c>
    </row>
    <row r="923" spans="1:9">
      <c r="A923" s="1">
        <v>0.41939766027584302</v>
      </c>
      <c r="B923" s="1"/>
      <c r="C923">
        <v>1</v>
      </c>
      <c r="D923" t="s">
        <v>1920</v>
      </c>
      <c r="E923" t="s">
        <v>31094</v>
      </c>
      <c r="F923">
        <v>4</v>
      </c>
      <c r="H923" t="s">
        <v>1921</v>
      </c>
      <c r="I923" t="s">
        <v>30540</v>
      </c>
    </row>
    <row r="924" spans="1:9">
      <c r="A924" s="1">
        <v>0.12273538694998853</v>
      </c>
      <c r="B924" s="1"/>
      <c r="C924">
        <v>5</v>
      </c>
      <c r="D924" t="s">
        <v>1918</v>
      </c>
      <c r="E924" t="s">
        <v>31095</v>
      </c>
      <c r="F924">
        <v>5</v>
      </c>
      <c r="H924" t="s">
        <v>1919</v>
      </c>
      <c r="I924" t="s">
        <v>30540</v>
      </c>
    </row>
    <row r="925" spans="1:9">
      <c r="A925" s="1">
        <v>0.91707227175193795</v>
      </c>
      <c r="B925" s="1"/>
      <c r="C925">
        <v>4</v>
      </c>
      <c r="D925" t="s">
        <v>1916</v>
      </c>
      <c r="E925" t="s">
        <v>31095</v>
      </c>
      <c r="F925">
        <v>4</v>
      </c>
      <c r="H925" t="s">
        <v>1917</v>
      </c>
      <c r="I925" t="s">
        <v>30540</v>
      </c>
    </row>
    <row r="926" spans="1:9">
      <c r="A926" s="1">
        <v>0.73349223699305754</v>
      </c>
      <c r="B926" s="1"/>
      <c r="C926">
        <v>1</v>
      </c>
      <c r="D926" t="s">
        <v>1914</v>
      </c>
      <c r="E926" t="s">
        <v>31096</v>
      </c>
      <c r="F926">
        <v>5</v>
      </c>
      <c r="H926" t="s">
        <v>1915</v>
      </c>
      <c r="I926" t="s">
        <v>30540</v>
      </c>
    </row>
    <row r="927" spans="1:9">
      <c r="A927" s="1">
        <v>0.92438447077634589</v>
      </c>
      <c r="B927" s="1"/>
      <c r="C927">
        <v>8</v>
      </c>
      <c r="D927" t="s">
        <v>1912</v>
      </c>
      <c r="E927" t="s">
        <v>31097</v>
      </c>
      <c r="F927">
        <v>5</v>
      </c>
      <c r="H927" t="s">
        <v>1913</v>
      </c>
      <c r="I927" t="s">
        <v>30540</v>
      </c>
    </row>
    <row r="928" spans="1:9">
      <c r="A928" s="1">
        <v>0.98551524202601504</v>
      </c>
      <c r="B928" s="1"/>
      <c r="C928">
        <v>1</v>
      </c>
      <c r="D928" t="s">
        <v>1910</v>
      </c>
      <c r="E928" t="s">
        <v>31098</v>
      </c>
      <c r="F928">
        <v>3</v>
      </c>
      <c r="H928" t="s">
        <v>1911</v>
      </c>
      <c r="I928" t="s">
        <v>30540</v>
      </c>
    </row>
    <row r="929" spans="1:9">
      <c r="A929" s="1">
        <v>0.20630978227311703</v>
      </c>
      <c r="B929" s="1"/>
      <c r="C929">
        <v>1</v>
      </c>
      <c r="D929" t="s">
        <v>1898</v>
      </c>
      <c r="E929" t="s">
        <v>31099</v>
      </c>
      <c r="F929">
        <v>5</v>
      </c>
      <c r="H929" t="s">
        <v>1899</v>
      </c>
      <c r="I929" t="s">
        <v>30540</v>
      </c>
    </row>
    <row r="930" spans="1:9">
      <c r="A930" s="1">
        <v>0.56153741726253559</v>
      </c>
      <c r="B930" s="1"/>
      <c r="C930">
        <v>8</v>
      </c>
      <c r="D930" t="s">
        <v>1906</v>
      </c>
      <c r="E930" t="s">
        <v>31099</v>
      </c>
      <c r="F930">
        <v>4</v>
      </c>
      <c r="H930" t="s">
        <v>1907</v>
      </c>
      <c r="I930" t="s">
        <v>30540</v>
      </c>
    </row>
    <row r="931" spans="1:9">
      <c r="A931" s="1">
        <v>1.5333408447166907E-2</v>
      </c>
      <c r="B931" s="1"/>
      <c r="C931">
        <v>9</v>
      </c>
      <c r="D931" t="s">
        <v>1908</v>
      </c>
      <c r="E931" t="s">
        <v>31099</v>
      </c>
      <c r="F931">
        <v>4</v>
      </c>
      <c r="H931" t="s">
        <v>1909</v>
      </c>
      <c r="I931" t="s">
        <v>30540</v>
      </c>
    </row>
    <row r="932" spans="1:9">
      <c r="A932" s="1">
        <v>0.24355249498715437</v>
      </c>
      <c r="B932" s="1"/>
      <c r="C932">
        <v>5</v>
      </c>
      <c r="D932" t="s">
        <v>1902</v>
      </c>
      <c r="E932" t="s">
        <v>31099</v>
      </c>
      <c r="F932">
        <v>4</v>
      </c>
      <c r="H932" t="s">
        <v>1903</v>
      </c>
      <c r="I932" t="s">
        <v>30540</v>
      </c>
    </row>
    <row r="933" spans="1:9">
      <c r="A933" s="1">
        <v>0.21391852308551373</v>
      </c>
      <c r="B933" s="1"/>
      <c r="C933">
        <v>6</v>
      </c>
      <c r="D933" t="s">
        <v>1904</v>
      </c>
      <c r="E933" t="s">
        <v>31099</v>
      </c>
      <c r="F933">
        <v>3</v>
      </c>
      <c r="H933" t="s">
        <v>1905</v>
      </c>
      <c r="I933" t="s">
        <v>30540</v>
      </c>
    </row>
    <row r="934" spans="1:9">
      <c r="A934" s="1">
        <v>0.53281172334334237</v>
      </c>
      <c r="B934" s="1"/>
      <c r="C934">
        <v>2</v>
      </c>
      <c r="D934" t="s">
        <v>1894</v>
      </c>
      <c r="E934" t="s">
        <v>31100</v>
      </c>
      <c r="F934">
        <v>5</v>
      </c>
      <c r="H934" t="s">
        <v>1895</v>
      </c>
      <c r="I934" t="s">
        <v>30540</v>
      </c>
    </row>
    <row r="935" spans="1:9">
      <c r="A935" s="1">
        <v>0.32753787903463361</v>
      </c>
      <c r="B935" s="1"/>
      <c r="C935">
        <v>7</v>
      </c>
      <c r="D935" t="s">
        <v>1896</v>
      </c>
      <c r="E935" t="s">
        <v>31100</v>
      </c>
      <c r="F935">
        <v>5</v>
      </c>
      <c r="H935" t="s">
        <v>1897</v>
      </c>
      <c r="I935" t="s">
        <v>30540</v>
      </c>
    </row>
    <row r="936" spans="1:9">
      <c r="A936" s="1">
        <v>0.816322294585337</v>
      </c>
      <c r="B936" s="1"/>
      <c r="C936">
        <v>1</v>
      </c>
      <c r="D936" t="s">
        <v>1892</v>
      </c>
      <c r="E936" t="s">
        <v>31101</v>
      </c>
      <c r="F936">
        <v>5</v>
      </c>
      <c r="H936" t="s">
        <v>1893</v>
      </c>
      <c r="I936" t="s">
        <v>30540</v>
      </c>
    </row>
    <row r="937" spans="1:9">
      <c r="A937" s="1">
        <v>0.12772821304608262</v>
      </c>
      <c r="B937" s="1"/>
      <c r="C937">
        <v>7</v>
      </c>
      <c r="D937" t="s">
        <v>1890</v>
      </c>
      <c r="E937" t="s">
        <v>31102</v>
      </c>
      <c r="F937">
        <v>4</v>
      </c>
      <c r="H937" t="s">
        <v>1891</v>
      </c>
      <c r="I937" t="s">
        <v>30540</v>
      </c>
    </row>
    <row r="938" spans="1:9">
      <c r="A938" s="1">
        <v>6.5903634199230066E-2</v>
      </c>
      <c r="B938" s="1"/>
      <c r="C938">
        <v>1</v>
      </c>
      <c r="D938" t="s">
        <v>1888</v>
      </c>
      <c r="E938" t="s">
        <v>31102</v>
      </c>
      <c r="F938">
        <v>4</v>
      </c>
      <c r="H938" t="s">
        <v>1889</v>
      </c>
      <c r="I938" t="s">
        <v>30540</v>
      </c>
    </row>
    <row r="939" spans="1:9">
      <c r="A939" s="1">
        <v>0.25834659470713217</v>
      </c>
      <c r="B939" s="1"/>
      <c r="C939">
        <v>3</v>
      </c>
      <c r="D939" t="s">
        <v>1886</v>
      </c>
      <c r="E939" t="s">
        <v>31103</v>
      </c>
      <c r="F939">
        <v>4</v>
      </c>
      <c r="H939" t="s">
        <v>1887</v>
      </c>
      <c r="I939" t="s">
        <v>30540</v>
      </c>
    </row>
    <row r="940" spans="1:9">
      <c r="A940" s="1">
        <v>0.6005477838969614</v>
      </c>
      <c r="B940" s="1"/>
      <c r="C940">
        <v>2</v>
      </c>
      <c r="D940" t="s">
        <v>1884</v>
      </c>
      <c r="E940" t="s">
        <v>31103</v>
      </c>
      <c r="F940">
        <v>4</v>
      </c>
      <c r="H940" t="s">
        <v>1885</v>
      </c>
      <c r="I940" t="s">
        <v>30540</v>
      </c>
    </row>
    <row r="941" spans="1:9">
      <c r="A941" s="1">
        <v>0.88173695221934334</v>
      </c>
      <c r="B941" s="1"/>
      <c r="C941">
        <v>9</v>
      </c>
      <c r="D941" t="s">
        <v>1882</v>
      </c>
      <c r="E941" t="s">
        <v>31104</v>
      </c>
      <c r="F941">
        <v>5</v>
      </c>
      <c r="H941" t="s">
        <v>1883</v>
      </c>
      <c r="I941" t="s">
        <v>30540</v>
      </c>
    </row>
    <row r="942" spans="1:9">
      <c r="A942" s="1">
        <v>0.26535077680863028</v>
      </c>
      <c r="B942" s="1"/>
      <c r="C942">
        <v>8</v>
      </c>
      <c r="D942" t="s">
        <v>1880</v>
      </c>
      <c r="E942" t="s">
        <v>31104</v>
      </c>
      <c r="F942">
        <v>4</v>
      </c>
      <c r="H942" t="s">
        <v>1881</v>
      </c>
      <c r="I942" t="s">
        <v>30540</v>
      </c>
    </row>
    <row r="943" spans="1:9">
      <c r="A943" s="1">
        <v>0.56566684510145793</v>
      </c>
      <c r="B943" s="1"/>
      <c r="C943">
        <v>4</v>
      </c>
      <c r="D943" t="s">
        <v>1878</v>
      </c>
      <c r="E943" t="s">
        <v>31104</v>
      </c>
      <c r="F943">
        <v>4</v>
      </c>
      <c r="H943" t="s">
        <v>1879</v>
      </c>
      <c r="I943" t="s">
        <v>30540</v>
      </c>
    </row>
    <row r="944" spans="1:9">
      <c r="A944" s="1">
        <v>0.28027125557560717</v>
      </c>
      <c r="B944" s="1"/>
      <c r="C944">
        <v>3</v>
      </c>
      <c r="D944" t="s">
        <v>1874</v>
      </c>
      <c r="E944" t="s">
        <v>31105</v>
      </c>
      <c r="F944">
        <v>5</v>
      </c>
      <c r="H944" t="s">
        <v>1875</v>
      </c>
      <c r="I944" t="s">
        <v>30540</v>
      </c>
    </row>
    <row r="945" spans="1:9">
      <c r="A945" s="1">
        <v>0.71965934240874641</v>
      </c>
      <c r="B945" s="1"/>
      <c r="C945">
        <v>1</v>
      </c>
      <c r="D945" t="s">
        <v>1872</v>
      </c>
      <c r="E945" t="s">
        <v>31105</v>
      </c>
      <c r="F945">
        <v>4</v>
      </c>
      <c r="H945" t="s">
        <v>1873</v>
      </c>
      <c r="I945" t="s">
        <v>30540</v>
      </c>
    </row>
    <row r="946" spans="1:9">
      <c r="A946" s="1">
        <v>0.96309925430250409</v>
      </c>
      <c r="B946" s="1"/>
      <c r="C946">
        <v>5</v>
      </c>
      <c r="D946" t="s">
        <v>1876</v>
      </c>
      <c r="E946" t="s">
        <v>31105</v>
      </c>
      <c r="F946">
        <v>4</v>
      </c>
      <c r="H946" t="s">
        <v>1877</v>
      </c>
      <c r="I946" t="s">
        <v>30540</v>
      </c>
    </row>
    <row r="947" spans="1:9">
      <c r="A947" s="1">
        <v>0.23436835301322034</v>
      </c>
      <c r="B947" s="1"/>
      <c r="C947">
        <v>3</v>
      </c>
      <c r="D947" t="s">
        <v>1870</v>
      </c>
      <c r="E947" t="s">
        <v>31106</v>
      </c>
      <c r="F947">
        <v>4</v>
      </c>
      <c r="H947" t="s">
        <v>1871</v>
      </c>
      <c r="I947" t="s">
        <v>30540</v>
      </c>
    </row>
    <row r="948" spans="1:9">
      <c r="A948" s="1">
        <v>0.5236392905694518</v>
      </c>
      <c r="B948" s="1"/>
      <c r="C948">
        <v>2</v>
      </c>
      <c r="D948" t="s">
        <v>1868</v>
      </c>
      <c r="E948" t="s">
        <v>31106</v>
      </c>
      <c r="F948">
        <v>4</v>
      </c>
      <c r="H948" t="s">
        <v>1869</v>
      </c>
      <c r="I948" t="s">
        <v>30540</v>
      </c>
    </row>
    <row r="949" spans="1:9">
      <c r="A949" s="1">
        <v>0.96051051671649512</v>
      </c>
      <c r="B949" s="1"/>
      <c r="C949">
        <v>1</v>
      </c>
      <c r="D949" t="s">
        <v>1864</v>
      </c>
      <c r="E949" t="s">
        <v>31107</v>
      </c>
      <c r="F949">
        <v>4</v>
      </c>
      <c r="H949" t="s">
        <v>1865</v>
      </c>
      <c r="I949" t="s">
        <v>30540</v>
      </c>
    </row>
    <row r="950" spans="1:9">
      <c r="A950" s="1">
        <v>0.19953483249049464</v>
      </c>
      <c r="B950" s="1"/>
      <c r="C950">
        <v>7</v>
      </c>
      <c r="D950" t="s">
        <v>1866</v>
      </c>
      <c r="E950" t="s">
        <v>31107</v>
      </c>
      <c r="F950">
        <v>3</v>
      </c>
      <c r="H950" t="s">
        <v>1867</v>
      </c>
      <c r="I950" t="s">
        <v>30540</v>
      </c>
    </row>
    <row r="951" spans="1:9">
      <c r="A951" s="1">
        <v>0.46617011925690699</v>
      </c>
      <c r="B951" s="1"/>
      <c r="C951">
        <v>5</v>
      </c>
      <c r="D951" t="s">
        <v>1860</v>
      </c>
      <c r="E951" t="s">
        <v>31108</v>
      </c>
      <c r="F951">
        <v>4</v>
      </c>
      <c r="H951" t="s">
        <v>1861</v>
      </c>
      <c r="I951" t="s">
        <v>30540</v>
      </c>
    </row>
    <row r="952" spans="1:9">
      <c r="A952" s="1">
        <v>0.15475438769797201</v>
      </c>
      <c r="B952" s="1"/>
      <c r="C952">
        <v>6</v>
      </c>
      <c r="D952" t="s">
        <v>1862</v>
      </c>
      <c r="E952" t="s">
        <v>31108</v>
      </c>
      <c r="F952">
        <v>4</v>
      </c>
      <c r="H952" t="s">
        <v>1863</v>
      </c>
      <c r="I952" t="s">
        <v>30540</v>
      </c>
    </row>
    <row r="953" spans="1:9">
      <c r="A953" s="1">
        <v>0.60749584264604684</v>
      </c>
      <c r="B953" s="1"/>
      <c r="C953">
        <v>8</v>
      </c>
      <c r="D953" t="s">
        <v>1856</v>
      </c>
      <c r="E953" t="s">
        <v>31110</v>
      </c>
      <c r="F953">
        <v>5</v>
      </c>
      <c r="H953" t="s">
        <v>1857</v>
      </c>
      <c r="I953" t="s">
        <v>30540</v>
      </c>
    </row>
    <row r="954" spans="1:9">
      <c r="A954" s="1">
        <v>0.91420080732893216</v>
      </c>
      <c r="B954" s="1"/>
      <c r="C954">
        <v>6</v>
      </c>
      <c r="D954" t="s">
        <v>1854</v>
      </c>
      <c r="E954" t="s">
        <v>31110</v>
      </c>
      <c r="F954">
        <v>4</v>
      </c>
      <c r="H954" t="s">
        <v>1855</v>
      </c>
      <c r="I954" t="s">
        <v>30540</v>
      </c>
    </row>
    <row r="955" spans="1:9">
      <c r="A955" s="1">
        <v>0.24532994530004293</v>
      </c>
      <c r="B955" s="1"/>
      <c r="C955">
        <v>3</v>
      </c>
      <c r="D955" t="s">
        <v>1852</v>
      </c>
      <c r="E955" t="s">
        <v>31110</v>
      </c>
      <c r="F955">
        <v>4</v>
      </c>
      <c r="H955" t="s">
        <v>1853</v>
      </c>
      <c r="I955" t="s">
        <v>30540</v>
      </c>
    </row>
    <row r="956" spans="1:9">
      <c r="A956" s="1">
        <v>0.46658049010066649</v>
      </c>
      <c r="B956" s="1"/>
      <c r="C956">
        <v>2</v>
      </c>
      <c r="D956" t="s">
        <v>1850</v>
      </c>
      <c r="E956" t="s">
        <v>31111</v>
      </c>
      <c r="F956">
        <v>5</v>
      </c>
      <c r="H956" t="s">
        <v>1851</v>
      </c>
      <c r="I956" t="s">
        <v>30540</v>
      </c>
    </row>
    <row r="957" spans="1:9">
      <c r="A957" s="1">
        <v>0.36907496064474177</v>
      </c>
      <c r="B957" s="1"/>
      <c r="C957">
        <v>15</v>
      </c>
      <c r="D957" t="s">
        <v>1848</v>
      </c>
      <c r="E957" t="s">
        <v>31112</v>
      </c>
      <c r="F957">
        <v>5</v>
      </c>
      <c r="H957" t="s">
        <v>1849</v>
      </c>
      <c r="I957" t="s">
        <v>30540</v>
      </c>
    </row>
    <row r="958" spans="1:9">
      <c r="A958" s="1">
        <v>0.26723318349419645</v>
      </c>
      <c r="B958" s="1"/>
      <c r="C958">
        <v>1</v>
      </c>
      <c r="D958" t="s">
        <v>1842</v>
      </c>
      <c r="E958" t="s">
        <v>31112</v>
      </c>
      <c r="F958">
        <v>5</v>
      </c>
      <c r="H958" t="s">
        <v>1843</v>
      </c>
      <c r="I958" t="s">
        <v>30540</v>
      </c>
    </row>
    <row r="959" spans="1:9">
      <c r="A959" s="1">
        <v>0.54039992748391963</v>
      </c>
      <c r="B959" s="1"/>
      <c r="C959">
        <v>11</v>
      </c>
      <c r="D959" t="s">
        <v>1846</v>
      </c>
      <c r="E959" t="s">
        <v>31112</v>
      </c>
      <c r="F959">
        <v>5</v>
      </c>
      <c r="H959" t="s">
        <v>1847</v>
      </c>
      <c r="I959" t="s">
        <v>30540</v>
      </c>
    </row>
    <row r="960" spans="1:9">
      <c r="A960" s="1">
        <v>8.5252298322780473E-2</v>
      </c>
      <c r="B960" s="1"/>
      <c r="C960">
        <v>8</v>
      </c>
      <c r="D960" t="s">
        <v>1844</v>
      </c>
      <c r="E960" t="s">
        <v>31112</v>
      </c>
      <c r="F960">
        <v>4</v>
      </c>
      <c r="H960" t="s">
        <v>1845</v>
      </c>
      <c r="I960" t="s">
        <v>30540</v>
      </c>
    </row>
    <row r="961" spans="1:9">
      <c r="A961" s="1">
        <v>0.72692713080688509</v>
      </c>
      <c r="B961" s="1"/>
      <c r="C961">
        <v>2</v>
      </c>
      <c r="D961" t="s">
        <v>1838</v>
      </c>
      <c r="E961" t="s">
        <v>31113</v>
      </c>
      <c r="F961">
        <v>5</v>
      </c>
      <c r="H961" t="s">
        <v>1839</v>
      </c>
      <c r="I961" t="s">
        <v>30540</v>
      </c>
    </row>
    <row r="962" spans="1:9">
      <c r="A962" s="1">
        <v>1.7290647783680835E-2</v>
      </c>
      <c r="B962" s="1"/>
      <c r="C962">
        <v>5</v>
      </c>
      <c r="D962" t="s">
        <v>1840</v>
      </c>
      <c r="E962" t="s">
        <v>31113</v>
      </c>
      <c r="F962">
        <v>4</v>
      </c>
      <c r="H962" t="s">
        <v>1841</v>
      </c>
      <c r="I962" t="s">
        <v>30540</v>
      </c>
    </row>
    <row r="963" spans="1:9">
      <c r="A963" s="1">
        <v>0.67437368582816415</v>
      </c>
      <c r="B963" s="1"/>
      <c r="C963">
        <v>2</v>
      </c>
      <c r="D963" t="s">
        <v>1836</v>
      </c>
      <c r="E963" t="s">
        <v>31114</v>
      </c>
      <c r="F963">
        <v>4</v>
      </c>
      <c r="H963" t="s">
        <v>1837</v>
      </c>
      <c r="I963" t="s">
        <v>30540</v>
      </c>
    </row>
    <row r="964" spans="1:9">
      <c r="A964" s="1">
        <v>0.56560682218380631</v>
      </c>
      <c r="B964" s="1"/>
      <c r="C964">
        <v>3</v>
      </c>
      <c r="D964" t="s">
        <v>1834</v>
      </c>
      <c r="E964" t="s">
        <v>31115</v>
      </c>
      <c r="F964">
        <v>3</v>
      </c>
      <c r="H964" t="s">
        <v>1835</v>
      </c>
      <c r="I964" t="s">
        <v>30540</v>
      </c>
    </row>
    <row r="965" spans="1:9">
      <c r="A965" s="1">
        <v>0.33270896235498326</v>
      </c>
      <c r="B965" s="1"/>
      <c r="C965">
        <v>4</v>
      </c>
      <c r="D965" t="s">
        <v>1832</v>
      </c>
      <c r="E965" t="s">
        <v>31116</v>
      </c>
      <c r="F965">
        <v>4</v>
      </c>
      <c r="H965" t="s">
        <v>1833</v>
      </c>
      <c r="I965" t="s">
        <v>30540</v>
      </c>
    </row>
    <row r="966" spans="1:9">
      <c r="A966" s="1">
        <v>0.5010602253291182</v>
      </c>
      <c r="B966" s="1"/>
      <c r="C966">
        <v>2</v>
      </c>
      <c r="D966" t="s">
        <v>1830</v>
      </c>
      <c r="E966" t="s">
        <v>31116</v>
      </c>
      <c r="F966">
        <v>4</v>
      </c>
      <c r="H966" t="s">
        <v>1831</v>
      </c>
      <c r="I966" t="s">
        <v>30540</v>
      </c>
    </row>
    <row r="967" spans="1:9">
      <c r="A967" s="1">
        <v>0.89374089122694045</v>
      </c>
      <c r="B967" s="1"/>
      <c r="C967">
        <v>8</v>
      </c>
      <c r="D967" t="s">
        <v>1826</v>
      </c>
      <c r="E967" t="s">
        <v>31117</v>
      </c>
      <c r="F967">
        <v>4</v>
      </c>
      <c r="H967" t="s">
        <v>1827</v>
      </c>
      <c r="I967" t="s">
        <v>30540</v>
      </c>
    </row>
    <row r="968" spans="1:9">
      <c r="A968" s="1">
        <v>0.74662425080893446</v>
      </c>
      <c r="B968" s="1"/>
      <c r="C968">
        <v>9</v>
      </c>
      <c r="D968" t="s">
        <v>1828</v>
      </c>
      <c r="E968" t="s">
        <v>31117</v>
      </c>
      <c r="F968">
        <v>4</v>
      </c>
      <c r="H968" t="s">
        <v>1829</v>
      </c>
      <c r="I968" t="s">
        <v>30540</v>
      </c>
    </row>
    <row r="969" spans="1:9">
      <c r="A969" s="1">
        <v>5.8066598139727699E-4</v>
      </c>
      <c r="B969" s="1"/>
      <c r="C969">
        <v>6</v>
      </c>
      <c r="D969" t="s">
        <v>1824</v>
      </c>
      <c r="E969" t="s">
        <v>31118</v>
      </c>
      <c r="F969">
        <v>4</v>
      </c>
      <c r="H969" t="s">
        <v>1825</v>
      </c>
      <c r="I969" t="s">
        <v>30540</v>
      </c>
    </row>
    <row r="970" spans="1:9">
      <c r="A970" s="1">
        <v>0.74632039673432293</v>
      </c>
      <c r="B970" s="1"/>
      <c r="C970">
        <v>5</v>
      </c>
      <c r="D970" t="s">
        <v>1822</v>
      </c>
      <c r="E970" t="s">
        <v>31118</v>
      </c>
      <c r="F970">
        <v>4</v>
      </c>
      <c r="H970" t="s">
        <v>1823</v>
      </c>
      <c r="I970" t="s">
        <v>30540</v>
      </c>
    </row>
    <row r="971" spans="1:9">
      <c r="A971" s="1">
        <v>0.20523195154369156</v>
      </c>
      <c r="B971" s="1"/>
      <c r="C971">
        <v>4</v>
      </c>
      <c r="D971" t="s">
        <v>1816</v>
      </c>
      <c r="E971" t="s">
        <v>31120</v>
      </c>
      <c r="F971">
        <v>4</v>
      </c>
      <c r="H971" t="s">
        <v>1817</v>
      </c>
      <c r="I971" t="s">
        <v>30540</v>
      </c>
    </row>
    <row r="972" spans="1:9">
      <c r="A972" s="1">
        <v>0.67987617346303431</v>
      </c>
      <c r="B972" s="1"/>
      <c r="C972">
        <v>4</v>
      </c>
      <c r="D972" t="s">
        <v>1812</v>
      </c>
      <c r="E972" t="s">
        <v>31121</v>
      </c>
      <c r="F972">
        <v>5</v>
      </c>
      <c r="H972" t="s">
        <v>1813</v>
      </c>
      <c r="I972" t="s">
        <v>30540</v>
      </c>
    </row>
    <row r="973" spans="1:9">
      <c r="A973" s="1">
        <v>0.82446991625186583</v>
      </c>
      <c r="B973" s="1"/>
      <c r="C973">
        <v>6</v>
      </c>
      <c r="D973" t="s">
        <v>1814</v>
      </c>
      <c r="E973" t="s">
        <v>31121</v>
      </c>
      <c r="F973">
        <v>4</v>
      </c>
      <c r="H973" t="s">
        <v>1815</v>
      </c>
      <c r="I973" t="s">
        <v>30540</v>
      </c>
    </row>
    <row r="974" spans="1:9">
      <c r="A974" s="1">
        <v>0.14921604804971611</v>
      </c>
      <c r="B974" s="1"/>
      <c r="C974">
        <v>6</v>
      </c>
      <c r="D974" t="s">
        <v>1808</v>
      </c>
      <c r="E974" t="s">
        <v>31122</v>
      </c>
      <c r="F974">
        <v>4</v>
      </c>
      <c r="H974" t="s">
        <v>1809</v>
      </c>
      <c r="I974" t="s">
        <v>30540</v>
      </c>
    </row>
    <row r="975" spans="1:9">
      <c r="A975" s="1">
        <v>0.80247140864275279</v>
      </c>
      <c r="B975" s="1"/>
      <c r="C975">
        <v>7</v>
      </c>
      <c r="D975" t="s">
        <v>1810</v>
      </c>
      <c r="E975" t="s">
        <v>31122</v>
      </c>
      <c r="F975">
        <v>4</v>
      </c>
      <c r="H975" t="s">
        <v>1811</v>
      </c>
      <c r="I975" t="s">
        <v>30540</v>
      </c>
    </row>
    <row r="976" spans="1:9">
      <c r="A976" s="1">
        <v>0.37858103055749204</v>
      </c>
      <c r="B976" s="1"/>
      <c r="C976">
        <v>3</v>
      </c>
      <c r="D976" t="s">
        <v>1806</v>
      </c>
      <c r="E976" t="s">
        <v>31122</v>
      </c>
      <c r="F976">
        <v>4</v>
      </c>
      <c r="H976" t="s">
        <v>1807</v>
      </c>
      <c r="I976" t="s">
        <v>30540</v>
      </c>
    </row>
    <row r="977" spans="1:9">
      <c r="A977" s="1">
        <v>0.14051368988007851</v>
      </c>
      <c r="B977" s="1"/>
      <c r="C977">
        <v>10</v>
      </c>
      <c r="D977" t="s">
        <v>1802</v>
      </c>
      <c r="E977" t="s">
        <v>31123</v>
      </c>
      <c r="F977">
        <v>5</v>
      </c>
      <c r="H977" t="s">
        <v>1803</v>
      </c>
      <c r="I977" t="s">
        <v>30540</v>
      </c>
    </row>
    <row r="978" spans="1:9">
      <c r="A978" s="1">
        <v>0.71988167649622214</v>
      </c>
      <c r="B978" s="1"/>
      <c r="C978">
        <v>12</v>
      </c>
      <c r="D978" t="s">
        <v>1804</v>
      </c>
      <c r="E978" t="s">
        <v>31123</v>
      </c>
      <c r="F978">
        <v>4</v>
      </c>
      <c r="H978" t="s">
        <v>1805</v>
      </c>
      <c r="I978" t="s">
        <v>30540</v>
      </c>
    </row>
    <row r="979" spans="1:9">
      <c r="A979" s="1">
        <v>0.45676833850716936</v>
      </c>
      <c r="B979" s="1"/>
      <c r="C979">
        <v>7</v>
      </c>
      <c r="D979" t="s">
        <v>1800</v>
      </c>
      <c r="E979" t="s">
        <v>31124</v>
      </c>
      <c r="F979">
        <v>5</v>
      </c>
      <c r="H979" t="s">
        <v>1801</v>
      </c>
      <c r="I979" t="s">
        <v>30540</v>
      </c>
    </row>
    <row r="980" spans="1:9">
      <c r="A980" s="1">
        <v>2.1519263248357179E-2</v>
      </c>
      <c r="B980" s="1"/>
      <c r="C980">
        <v>1</v>
      </c>
      <c r="D980" t="s">
        <v>1798</v>
      </c>
      <c r="E980" t="s">
        <v>31125</v>
      </c>
      <c r="F980">
        <v>4</v>
      </c>
      <c r="H980" t="s">
        <v>1799</v>
      </c>
      <c r="I980" t="s">
        <v>30540</v>
      </c>
    </row>
    <row r="981" spans="1:9">
      <c r="A981" s="1">
        <v>0.64248874917356658</v>
      </c>
      <c r="B981" s="1"/>
      <c r="C981">
        <v>2</v>
      </c>
      <c r="D981" t="s">
        <v>1794</v>
      </c>
      <c r="E981" t="s">
        <v>31126</v>
      </c>
      <c r="F981">
        <v>4</v>
      </c>
      <c r="H981" t="s">
        <v>1795</v>
      </c>
      <c r="I981" t="s">
        <v>30540</v>
      </c>
    </row>
    <row r="982" spans="1:9">
      <c r="A982" s="1">
        <v>0.56232013591697827</v>
      </c>
      <c r="B982" s="1"/>
      <c r="C982">
        <v>4</v>
      </c>
      <c r="D982" t="s">
        <v>1796</v>
      </c>
      <c r="E982" t="s">
        <v>31126</v>
      </c>
      <c r="F982">
        <v>3</v>
      </c>
      <c r="H982" t="s">
        <v>1797</v>
      </c>
      <c r="I982" t="s">
        <v>30540</v>
      </c>
    </row>
    <row r="983" spans="1:9">
      <c r="A983" s="1">
        <v>0.14264907579057162</v>
      </c>
      <c r="B983" s="1"/>
      <c r="C983">
        <v>3</v>
      </c>
      <c r="D983" t="s">
        <v>1792</v>
      </c>
      <c r="E983" t="s">
        <v>31127</v>
      </c>
      <c r="F983">
        <v>3</v>
      </c>
      <c r="H983" t="s">
        <v>1793</v>
      </c>
      <c r="I983" t="s">
        <v>30540</v>
      </c>
    </row>
    <row r="984" spans="1:9">
      <c r="A984" s="1">
        <v>0.49388725933975275</v>
      </c>
      <c r="B984" s="1"/>
      <c r="C984">
        <v>1</v>
      </c>
      <c r="D984" t="s">
        <v>1782</v>
      </c>
      <c r="E984" t="s">
        <v>31128</v>
      </c>
      <c r="F984">
        <v>5</v>
      </c>
      <c r="H984" t="s">
        <v>1783</v>
      </c>
      <c r="I984" t="s">
        <v>30540</v>
      </c>
    </row>
    <row r="985" spans="1:9">
      <c r="A985" s="1">
        <v>0.60510762726664935</v>
      </c>
      <c r="B985" s="1"/>
      <c r="C985">
        <v>20</v>
      </c>
      <c r="D985" t="s">
        <v>1790</v>
      </c>
      <c r="E985" t="s">
        <v>31128</v>
      </c>
      <c r="F985">
        <v>4</v>
      </c>
      <c r="H985" t="s">
        <v>1791</v>
      </c>
      <c r="I985" t="s">
        <v>30540</v>
      </c>
    </row>
    <row r="986" spans="1:9">
      <c r="A986" s="1">
        <v>0.15608063851669907</v>
      </c>
      <c r="B986" s="1"/>
      <c r="C986">
        <v>18</v>
      </c>
      <c r="D986" t="s">
        <v>1788</v>
      </c>
      <c r="E986" t="s">
        <v>31128</v>
      </c>
      <c r="F986">
        <v>4</v>
      </c>
      <c r="H986" t="s">
        <v>1789</v>
      </c>
      <c r="I986" t="s">
        <v>30540</v>
      </c>
    </row>
    <row r="987" spans="1:9">
      <c r="A987" s="1">
        <v>0.22460479690095736</v>
      </c>
      <c r="B987" s="1"/>
      <c r="C987">
        <v>3</v>
      </c>
      <c r="D987" t="s">
        <v>1784</v>
      </c>
      <c r="E987" t="s">
        <v>31128</v>
      </c>
      <c r="F987">
        <v>4</v>
      </c>
      <c r="H987" t="s">
        <v>1785</v>
      </c>
      <c r="I987" t="s">
        <v>30540</v>
      </c>
    </row>
    <row r="988" spans="1:9">
      <c r="A988" s="1">
        <v>0.79576922486902191</v>
      </c>
      <c r="B988" s="1"/>
      <c r="C988">
        <v>17</v>
      </c>
      <c r="D988" t="s">
        <v>1786</v>
      </c>
      <c r="E988" t="s">
        <v>31128</v>
      </c>
      <c r="F988">
        <v>4</v>
      </c>
      <c r="H988" t="s">
        <v>1787</v>
      </c>
      <c r="I988" t="s">
        <v>30540</v>
      </c>
    </row>
    <row r="989" spans="1:9">
      <c r="A989" s="1">
        <v>0.41100231275944332</v>
      </c>
      <c r="B989" s="1"/>
      <c r="C989">
        <v>1</v>
      </c>
      <c r="D989" t="s">
        <v>1778</v>
      </c>
      <c r="E989" t="s">
        <v>31129</v>
      </c>
      <c r="F989">
        <v>4</v>
      </c>
      <c r="H989" t="s">
        <v>1779</v>
      </c>
      <c r="I989" t="s">
        <v>30540</v>
      </c>
    </row>
    <row r="990" spans="1:9">
      <c r="A990" s="1">
        <v>5.8260672814796188E-2</v>
      </c>
      <c r="B990" s="1"/>
      <c r="C990">
        <v>2</v>
      </c>
      <c r="D990" t="s">
        <v>1776</v>
      </c>
      <c r="E990" t="s">
        <v>31130</v>
      </c>
      <c r="F990">
        <v>3</v>
      </c>
      <c r="H990" t="s">
        <v>1777</v>
      </c>
      <c r="I990" t="s">
        <v>30540</v>
      </c>
    </row>
    <row r="991" spans="1:9">
      <c r="A991" s="1">
        <v>0.78096498194201802</v>
      </c>
      <c r="B991" s="1"/>
      <c r="C991">
        <v>2</v>
      </c>
      <c r="D991" t="s">
        <v>1774</v>
      </c>
      <c r="E991" t="s">
        <v>31131</v>
      </c>
      <c r="F991">
        <v>4</v>
      </c>
      <c r="H991" t="s">
        <v>1775</v>
      </c>
      <c r="I991" t="s">
        <v>30540</v>
      </c>
    </row>
    <row r="992" spans="1:9">
      <c r="A992" s="1">
        <v>0.95461917165701149</v>
      </c>
      <c r="B992" s="1"/>
      <c r="C992">
        <v>8</v>
      </c>
      <c r="D992" t="s">
        <v>1770</v>
      </c>
      <c r="E992" t="s">
        <v>31132</v>
      </c>
      <c r="F992">
        <v>5</v>
      </c>
      <c r="H992" t="s">
        <v>1771</v>
      </c>
      <c r="I992" t="s">
        <v>30540</v>
      </c>
    </row>
    <row r="993" spans="1:9">
      <c r="A993" s="1">
        <v>0.80820013744035035</v>
      </c>
      <c r="B993" s="1"/>
      <c r="C993">
        <v>2</v>
      </c>
      <c r="D993" t="s">
        <v>1766</v>
      </c>
      <c r="E993" t="s">
        <v>31132</v>
      </c>
      <c r="F993">
        <v>5</v>
      </c>
      <c r="H993" t="s">
        <v>1767</v>
      </c>
      <c r="I993" t="s">
        <v>30540</v>
      </c>
    </row>
    <row r="994" spans="1:9">
      <c r="A994" s="1">
        <v>3.3022295752285324E-2</v>
      </c>
      <c r="B994" s="1"/>
      <c r="C994">
        <v>9</v>
      </c>
      <c r="D994" t="s">
        <v>1772</v>
      </c>
      <c r="E994" t="s">
        <v>31132</v>
      </c>
      <c r="F994">
        <v>5</v>
      </c>
      <c r="H994" t="s">
        <v>1773</v>
      </c>
      <c r="I994" t="s">
        <v>30540</v>
      </c>
    </row>
    <row r="995" spans="1:9">
      <c r="A995" s="1">
        <v>0.52086554228059767</v>
      </c>
      <c r="B995" s="1"/>
      <c r="C995">
        <v>7</v>
      </c>
      <c r="D995" t="s">
        <v>1764</v>
      </c>
      <c r="E995" t="s">
        <v>31133</v>
      </c>
      <c r="F995">
        <v>5</v>
      </c>
      <c r="H995" t="s">
        <v>1765</v>
      </c>
      <c r="I995" t="s">
        <v>30540</v>
      </c>
    </row>
    <row r="996" spans="1:9">
      <c r="A996" s="1">
        <v>0.33851153667751421</v>
      </c>
      <c r="B996" s="1"/>
      <c r="C996">
        <v>1</v>
      </c>
      <c r="D996" t="s">
        <v>1762</v>
      </c>
      <c r="E996" t="s">
        <v>31133</v>
      </c>
      <c r="F996">
        <v>4</v>
      </c>
      <c r="H996" t="s">
        <v>1763</v>
      </c>
      <c r="I996" t="s">
        <v>30540</v>
      </c>
    </row>
    <row r="997" spans="1:9">
      <c r="A997" s="1">
        <v>0.23735861690341242</v>
      </c>
      <c r="B997" s="1"/>
      <c r="C997">
        <v>2</v>
      </c>
      <c r="D997" t="s">
        <v>1758</v>
      </c>
      <c r="E997" t="s">
        <v>31134</v>
      </c>
      <c r="F997">
        <v>4</v>
      </c>
      <c r="H997" t="s">
        <v>1759</v>
      </c>
      <c r="I997" t="s">
        <v>30540</v>
      </c>
    </row>
    <row r="998" spans="1:9">
      <c r="A998" s="1">
        <v>0.77333256061044409</v>
      </c>
      <c r="B998" s="1"/>
      <c r="C998">
        <v>6</v>
      </c>
      <c r="D998" t="s">
        <v>1754</v>
      </c>
      <c r="E998" t="s">
        <v>31135</v>
      </c>
      <c r="F998">
        <v>5</v>
      </c>
      <c r="H998" t="s">
        <v>1755</v>
      </c>
      <c r="I998" t="s">
        <v>30540</v>
      </c>
    </row>
    <row r="999" spans="1:9">
      <c r="A999" s="1">
        <v>1.8853719510695144E-2</v>
      </c>
      <c r="B999" s="1"/>
      <c r="C999">
        <v>2</v>
      </c>
      <c r="D999" t="s">
        <v>1752</v>
      </c>
      <c r="E999" t="s">
        <v>31136</v>
      </c>
      <c r="F999">
        <v>4</v>
      </c>
      <c r="H999" t="s">
        <v>1753</v>
      </c>
      <c r="I999" t="s">
        <v>30540</v>
      </c>
    </row>
    <row r="1000" spans="1:9">
      <c r="A1000" s="1">
        <v>0.31519796726980898</v>
      </c>
      <c r="B1000" s="1"/>
      <c r="C1000">
        <v>10</v>
      </c>
      <c r="D1000" t="s">
        <v>1748</v>
      </c>
      <c r="E1000" t="s">
        <v>31137</v>
      </c>
      <c r="F1000">
        <v>5</v>
      </c>
      <c r="H1000" t="s">
        <v>1749</v>
      </c>
      <c r="I1000" t="s">
        <v>30540</v>
      </c>
    </row>
    <row r="1001" spans="1:9">
      <c r="A1001" s="1">
        <v>0.48418807507304318</v>
      </c>
      <c r="B1001" s="1"/>
      <c r="C1001">
        <v>12</v>
      </c>
      <c r="D1001" t="s">
        <v>1750</v>
      </c>
      <c r="E1001" t="s">
        <v>31137</v>
      </c>
      <c r="F1001">
        <v>4</v>
      </c>
      <c r="H1001" t="s">
        <v>1751</v>
      </c>
      <c r="I1001" t="s">
        <v>30540</v>
      </c>
    </row>
    <row r="1002" spans="1:9">
      <c r="A1002" s="1">
        <v>0.76824861629673369</v>
      </c>
      <c r="B1002" s="1"/>
      <c r="C1002">
        <v>1</v>
      </c>
      <c r="D1002" t="s">
        <v>1740</v>
      </c>
      <c r="E1002" t="s">
        <v>31137</v>
      </c>
      <c r="F1002">
        <v>4</v>
      </c>
      <c r="H1002" t="s">
        <v>1741</v>
      </c>
      <c r="I1002" t="s">
        <v>30540</v>
      </c>
    </row>
    <row r="1003" spans="1:9">
      <c r="A1003" s="1">
        <v>0.42009542721698534</v>
      </c>
      <c r="B1003" s="1"/>
      <c r="C1003">
        <v>9</v>
      </c>
      <c r="D1003" t="s">
        <v>1746</v>
      </c>
      <c r="E1003" t="s">
        <v>31137</v>
      </c>
      <c r="F1003">
        <v>4</v>
      </c>
      <c r="H1003" t="s">
        <v>1747</v>
      </c>
      <c r="I1003" t="s">
        <v>30540</v>
      </c>
    </row>
    <row r="1004" spans="1:9">
      <c r="A1004" s="1">
        <v>0.3298078138271332</v>
      </c>
      <c r="B1004" s="1"/>
      <c r="C1004">
        <v>8</v>
      </c>
      <c r="D1004" t="s">
        <v>1744</v>
      </c>
      <c r="E1004" t="s">
        <v>31137</v>
      </c>
      <c r="F1004">
        <v>4</v>
      </c>
      <c r="H1004" t="s">
        <v>1745</v>
      </c>
      <c r="I1004" t="s">
        <v>30540</v>
      </c>
    </row>
    <row r="1005" spans="1:9">
      <c r="A1005" s="1">
        <v>1.8324363819412604E-2</v>
      </c>
      <c r="B1005" s="1"/>
      <c r="C1005">
        <v>4</v>
      </c>
      <c r="D1005" t="s">
        <v>1742</v>
      </c>
      <c r="E1005" t="s">
        <v>31137</v>
      </c>
      <c r="F1005">
        <v>3</v>
      </c>
      <c r="H1005" t="s">
        <v>1743</v>
      </c>
      <c r="I1005" t="s">
        <v>30540</v>
      </c>
    </row>
    <row r="1006" spans="1:9">
      <c r="A1006" s="1">
        <v>0.66894716716808333</v>
      </c>
      <c r="B1006" s="1"/>
      <c r="C1006">
        <v>5</v>
      </c>
      <c r="D1006" t="s">
        <v>1738</v>
      </c>
      <c r="E1006" t="s">
        <v>31138</v>
      </c>
      <c r="F1006">
        <v>4</v>
      </c>
      <c r="H1006" t="s">
        <v>1739</v>
      </c>
      <c r="I1006" t="s">
        <v>30540</v>
      </c>
    </row>
    <row r="1007" spans="1:9">
      <c r="A1007" s="1">
        <v>0.96796553533559426</v>
      </c>
      <c r="B1007" s="1"/>
      <c r="C1007">
        <v>4</v>
      </c>
      <c r="D1007" t="s">
        <v>1736</v>
      </c>
      <c r="E1007" t="s">
        <v>31138</v>
      </c>
      <c r="F1007">
        <v>4</v>
      </c>
      <c r="H1007" t="s">
        <v>1737</v>
      </c>
      <c r="I1007" t="s">
        <v>30540</v>
      </c>
    </row>
    <row r="1008" spans="1:9">
      <c r="A1008" s="1">
        <v>0.41124583989385211</v>
      </c>
      <c r="B1008" s="1"/>
      <c r="C1008">
        <v>4</v>
      </c>
      <c r="D1008" t="s">
        <v>1734</v>
      </c>
      <c r="E1008" t="s">
        <v>31139</v>
      </c>
      <c r="F1008">
        <v>3</v>
      </c>
      <c r="H1008" t="s">
        <v>1735</v>
      </c>
      <c r="I1008" t="s">
        <v>30540</v>
      </c>
    </row>
    <row r="1009" spans="1:9">
      <c r="A1009" s="1">
        <v>0.16260433116106698</v>
      </c>
      <c r="B1009" s="1"/>
      <c r="C1009">
        <v>3</v>
      </c>
      <c r="D1009" t="s">
        <v>1728</v>
      </c>
      <c r="E1009" t="s">
        <v>31140</v>
      </c>
      <c r="F1009">
        <v>4</v>
      </c>
      <c r="H1009" t="s">
        <v>1729</v>
      </c>
      <c r="I1009" t="s">
        <v>30540</v>
      </c>
    </row>
    <row r="1010" spans="1:9">
      <c r="A1010" s="1">
        <v>0.51643022720754561</v>
      </c>
      <c r="B1010" s="1"/>
      <c r="C1010">
        <v>9</v>
      </c>
      <c r="D1010" t="s">
        <v>1732</v>
      </c>
      <c r="E1010" t="s">
        <v>31140</v>
      </c>
      <c r="F1010">
        <v>4</v>
      </c>
      <c r="H1010" t="s">
        <v>1733</v>
      </c>
      <c r="I1010" t="s">
        <v>30540</v>
      </c>
    </row>
    <row r="1011" spans="1:9">
      <c r="A1011" s="1">
        <v>0.54366361046925704</v>
      </c>
      <c r="B1011" s="1"/>
      <c r="C1011">
        <v>8</v>
      </c>
      <c r="D1011" t="s">
        <v>1730</v>
      </c>
      <c r="E1011" t="s">
        <v>31140</v>
      </c>
      <c r="F1011">
        <v>4</v>
      </c>
      <c r="H1011" t="s">
        <v>1731</v>
      </c>
      <c r="I1011" t="s">
        <v>30540</v>
      </c>
    </row>
    <row r="1012" spans="1:9">
      <c r="A1012" s="1">
        <v>0.50766693616835867</v>
      </c>
      <c r="B1012" s="1"/>
      <c r="C1012">
        <v>3</v>
      </c>
      <c r="D1012" t="s">
        <v>1726</v>
      </c>
      <c r="E1012" t="s">
        <v>31141</v>
      </c>
      <c r="F1012">
        <v>5</v>
      </c>
      <c r="H1012" t="s">
        <v>1727</v>
      </c>
      <c r="I1012" t="s">
        <v>30540</v>
      </c>
    </row>
    <row r="1013" spans="1:9">
      <c r="A1013" s="1">
        <v>0.27209954716120721</v>
      </c>
      <c r="B1013" s="1"/>
      <c r="C1013">
        <v>1</v>
      </c>
      <c r="D1013" t="s">
        <v>1724</v>
      </c>
      <c r="E1013" t="s">
        <v>31142</v>
      </c>
      <c r="F1013">
        <v>4</v>
      </c>
      <c r="H1013" t="s">
        <v>1725</v>
      </c>
      <c r="I1013" t="s">
        <v>30540</v>
      </c>
    </row>
    <row r="1014" spans="1:9">
      <c r="A1014" s="1">
        <v>0.12191503417850902</v>
      </c>
      <c r="B1014" s="1"/>
      <c r="C1014">
        <v>4</v>
      </c>
      <c r="D1014" t="s">
        <v>1718</v>
      </c>
      <c r="E1014" t="s">
        <v>31143</v>
      </c>
      <c r="F1014">
        <v>4</v>
      </c>
      <c r="H1014" t="s">
        <v>1719</v>
      </c>
      <c r="I1014" t="s">
        <v>30540</v>
      </c>
    </row>
    <row r="1015" spans="1:9">
      <c r="A1015" s="1">
        <v>0.16171797114865105</v>
      </c>
      <c r="B1015" s="1"/>
      <c r="C1015">
        <v>8</v>
      </c>
      <c r="D1015" t="s">
        <v>1722</v>
      </c>
      <c r="E1015" t="s">
        <v>31143</v>
      </c>
      <c r="F1015">
        <v>4</v>
      </c>
      <c r="H1015" t="s">
        <v>1723</v>
      </c>
      <c r="I1015" t="s">
        <v>30540</v>
      </c>
    </row>
    <row r="1016" spans="1:9">
      <c r="A1016" s="1">
        <v>0.38438105249576859</v>
      </c>
      <c r="B1016" s="1"/>
      <c r="C1016">
        <v>6</v>
      </c>
      <c r="D1016" t="s">
        <v>1720</v>
      </c>
      <c r="E1016" t="s">
        <v>31143</v>
      </c>
      <c r="F1016">
        <v>4</v>
      </c>
      <c r="H1016" t="s">
        <v>1721</v>
      </c>
      <c r="I1016" t="s">
        <v>30540</v>
      </c>
    </row>
    <row r="1017" spans="1:9">
      <c r="A1017" s="1">
        <v>0.41932817334502692</v>
      </c>
      <c r="B1017" s="1"/>
      <c r="C1017">
        <v>2</v>
      </c>
      <c r="D1017" t="s">
        <v>1716</v>
      </c>
      <c r="E1017" t="s">
        <v>31143</v>
      </c>
      <c r="F1017">
        <v>4</v>
      </c>
      <c r="H1017" t="s">
        <v>1717</v>
      </c>
      <c r="I1017" t="s">
        <v>30540</v>
      </c>
    </row>
    <row r="1018" spans="1:9">
      <c r="A1018" s="1">
        <v>0.93163424949211582</v>
      </c>
      <c r="B1018" s="1"/>
      <c r="C1018">
        <v>6</v>
      </c>
      <c r="D1018" t="s">
        <v>1714</v>
      </c>
      <c r="E1018" t="s">
        <v>31144</v>
      </c>
      <c r="F1018">
        <v>4</v>
      </c>
      <c r="H1018" t="s">
        <v>1715</v>
      </c>
      <c r="I1018" t="s">
        <v>30540</v>
      </c>
    </row>
    <row r="1019" spans="1:9">
      <c r="A1019" s="1">
        <v>0.52291279134433399</v>
      </c>
      <c r="B1019" s="1"/>
      <c r="C1019">
        <v>1</v>
      </c>
      <c r="D1019" t="s">
        <v>1712</v>
      </c>
      <c r="E1019" t="s">
        <v>31145</v>
      </c>
      <c r="F1019">
        <v>4</v>
      </c>
      <c r="H1019" t="s">
        <v>1713</v>
      </c>
      <c r="I1019" t="s">
        <v>30540</v>
      </c>
    </row>
    <row r="1020" spans="1:9">
      <c r="A1020" s="1">
        <v>0.29086551969253183</v>
      </c>
      <c r="B1020" s="1"/>
      <c r="C1020">
        <v>4</v>
      </c>
      <c r="D1020" t="s">
        <v>1704</v>
      </c>
      <c r="E1020" t="s">
        <v>31147</v>
      </c>
      <c r="F1020">
        <v>4</v>
      </c>
      <c r="H1020" t="s">
        <v>1705</v>
      </c>
      <c r="I1020" t="s">
        <v>30540</v>
      </c>
    </row>
    <row r="1021" spans="1:9">
      <c r="A1021" s="1">
        <v>0.75614506295333728</v>
      </c>
      <c r="B1021" s="1"/>
      <c r="C1021">
        <v>8</v>
      </c>
      <c r="D1021" t="s">
        <v>1706</v>
      </c>
      <c r="E1021" t="s">
        <v>31147</v>
      </c>
      <c r="F1021">
        <v>4</v>
      </c>
      <c r="H1021" t="s">
        <v>1707</v>
      </c>
      <c r="I1021" t="s">
        <v>30540</v>
      </c>
    </row>
    <row r="1022" spans="1:9">
      <c r="A1022" s="1">
        <v>0.87160163392329104</v>
      </c>
      <c r="B1022" s="1"/>
      <c r="C1022">
        <v>1</v>
      </c>
      <c r="D1022" t="s">
        <v>1700</v>
      </c>
      <c r="E1022" t="s">
        <v>31148</v>
      </c>
      <c r="F1022">
        <v>5</v>
      </c>
      <c r="H1022" t="s">
        <v>1701</v>
      </c>
      <c r="I1022" t="s">
        <v>30540</v>
      </c>
    </row>
    <row r="1023" spans="1:9">
      <c r="A1023" s="1">
        <v>8.2208091263990535E-2</v>
      </c>
      <c r="B1023" s="1"/>
      <c r="C1023">
        <v>3</v>
      </c>
      <c r="D1023" t="s">
        <v>1702</v>
      </c>
      <c r="E1023" t="s">
        <v>31148</v>
      </c>
      <c r="F1023">
        <v>5</v>
      </c>
      <c r="H1023" t="s">
        <v>1703</v>
      </c>
      <c r="I1023" t="s">
        <v>30540</v>
      </c>
    </row>
    <row r="1024" spans="1:9">
      <c r="A1024" s="1">
        <v>0.11542240287304828</v>
      </c>
      <c r="B1024" s="1"/>
      <c r="C1024">
        <v>5</v>
      </c>
      <c r="D1024" t="s">
        <v>1696</v>
      </c>
      <c r="E1024" t="s">
        <v>31149</v>
      </c>
      <c r="F1024">
        <v>5</v>
      </c>
      <c r="H1024" t="s">
        <v>1697</v>
      </c>
      <c r="I1024" t="s">
        <v>30540</v>
      </c>
    </row>
    <row r="1025" spans="1:9">
      <c r="A1025" s="1">
        <v>7.1987137758116049E-3</v>
      </c>
      <c r="B1025" s="1"/>
      <c r="C1025">
        <v>1</v>
      </c>
      <c r="D1025" t="s">
        <v>1690</v>
      </c>
      <c r="E1025" t="s">
        <v>31149</v>
      </c>
      <c r="F1025">
        <v>4</v>
      </c>
      <c r="H1025" t="s">
        <v>1691</v>
      </c>
      <c r="I1025" t="s">
        <v>30540</v>
      </c>
    </row>
    <row r="1026" spans="1:9">
      <c r="A1026" s="1">
        <v>0.71311868984088178</v>
      </c>
      <c r="B1026" s="1"/>
      <c r="C1026">
        <v>4</v>
      </c>
      <c r="D1026" t="s">
        <v>1694</v>
      </c>
      <c r="E1026" t="s">
        <v>31149</v>
      </c>
      <c r="F1026">
        <v>4</v>
      </c>
      <c r="H1026" t="s">
        <v>1695</v>
      </c>
      <c r="I1026" t="s">
        <v>30540</v>
      </c>
    </row>
    <row r="1027" spans="1:9">
      <c r="A1027" s="1">
        <v>0.14655694167021471</v>
      </c>
      <c r="B1027" s="1"/>
      <c r="C1027">
        <v>6</v>
      </c>
      <c r="D1027" t="s">
        <v>1698</v>
      </c>
      <c r="E1027" t="s">
        <v>31149</v>
      </c>
      <c r="F1027">
        <v>4</v>
      </c>
      <c r="H1027" t="s">
        <v>1699</v>
      </c>
      <c r="I1027" t="s">
        <v>30540</v>
      </c>
    </row>
    <row r="1028" spans="1:9">
      <c r="A1028" s="1">
        <v>1.4403797535330609E-2</v>
      </c>
      <c r="B1028" s="1"/>
      <c r="C1028">
        <v>3</v>
      </c>
      <c r="D1028" t="s">
        <v>1692</v>
      </c>
      <c r="E1028" t="s">
        <v>31149</v>
      </c>
      <c r="F1028">
        <v>4</v>
      </c>
      <c r="H1028" t="s">
        <v>1693</v>
      </c>
      <c r="I1028" t="s">
        <v>30540</v>
      </c>
    </row>
    <row r="1029" spans="1:9">
      <c r="A1029" s="1">
        <v>0.67333027706316906</v>
      </c>
      <c r="B1029" s="1"/>
      <c r="C1029">
        <v>4</v>
      </c>
      <c r="D1029" t="s">
        <v>1688</v>
      </c>
      <c r="E1029" t="s">
        <v>31150</v>
      </c>
      <c r="F1029">
        <v>4</v>
      </c>
      <c r="H1029" t="s">
        <v>1689</v>
      </c>
      <c r="I1029" t="s">
        <v>30540</v>
      </c>
    </row>
    <row r="1030" spans="1:9">
      <c r="A1030" s="1">
        <v>0.61220530110455029</v>
      </c>
      <c r="B1030" s="1"/>
      <c r="C1030">
        <v>2</v>
      </c>
      <c r="D1030" t="s">
        <v>1686</v>
      </c>
      <c r="E1030" t="s">
        <v>31150</v>
      </c>
      <c r="F1030">
        <v>4</v>
      </c>
      <c r="H1030" t="s">
        <v>1687</v>
      </c>
      <c r="I1030" t="s">
        <v>30540</v>
      </c>
    </row>
    <row r="1031" spans="1:9">
      <c r="A1031" s="1">
        <v>0.94664747703305407</v>
      </c>
      <c r="B1031" s="1"/>
      <c r="C1031">
        <v>4</v>
      </c>
      <c r="D1031" t="s">
        <v>1684</v>
      </c>
      <c r="E1031" t="s">
        <v>31151</v>
      </c>
      <c r="F1031">
        <v>4</v>
      </c>
      <c r="H1031" t="s">
        <v>1685</v>
      </c>
      <c r="I1031" t="s">
        <v>30540</v>
      </c>
    </row>
    <row r="1032" spans="1:9">
      <c r="A1032" s="1">
        <v>9.4107464321058099E-2</v>
      </c>
      <c r="B1032" s="1"/>
      <c r="C1032">
        <v>1</v>
      </c>
      <c r="D1032" t="s">
        <v>1678</v>
      </c>
      <c r="E1032" t="s">
        <v>31152</v>
      </c>
      <c r="F1032">
        <v>4</v>
      </c>
      <c r="G1032" t="s">
        <v>838</v>
      </c>
      <c r="H1032" t="s">
        <v>1679</v>
      </c>
      <c r="I1032" t="s">
        <v>30540</v>
      </c>
    </row>
    <row r="1033" spans="1:9">
      <c r="A1033" s="1">
        <v>0.12591234040984522</v>
      </c>
      <c r="B1033" s="1"/>
      <c r="C1033">
        <v>5</v>
      </c>
      <c r="D1033" t="s">
        <v>1680</v>
      </c>
      <c r="E1033" t="s">
        <v>31152</v>
      </c>
      <c r="F1033">
        <v>4</v>
      </c>
      <c r="H1033" t="s">
        <v>1681</v>
      </c>
      <c r="I1033" t="s">
        <v>30540</v>
      </c>
    </row>
    <row r="1034" spans="1:9">
      <c r="A1034" s="1">
        <v>0.10367262648567532</v>
      </c>
      <c r="B1034" s="1"/>
      <c r="C1034">
        <v>4</v>
      </c>
      <c r="D1034" t="s">
        <v>1676</v>
      </c>
      <c r="E1034" t="s">
        <v>31153</v>
      </c>
      <c r="F1034">
        <v>5</v>
      </c>
      <c r="H1034" t="s">
        <v>1677</v>
      </c>
      <c r="I1034" t="s">
        <v>30540</v>
      </c>
    </row>
    <row r="1035" spans="1:9">
      <c r="A1035" s="1">
        <v>0.51097454582682666</v>
      </c>
      <c r="B1035" s="1"/>
      <c r="C1035">
        <v>1</v>
      </c>
      <c r="D1035" t="s">
        <v>1674</v>
      </c>
      <c r="E1035" t="s">
        <v>31153</v>
      </c>
      <c r="F1035">
        <v>4</v>
      </c>
      <c r="G1035" t="s">
        <v>2</v>
      </c>
      <c r="H1035" t="s">
        <v>1675</v>
      </c>
      <c r="I1035" t="s">
        <v>30540</v>
      </c>
    </row>
    <row r="1036" spans="1:9">
      <c r="A1036" s="1">
        <v>6.4944691875998273E-2</v>
      </c>
      <c r="B1036" s="1"/>
      <c r="C1036">
        <v>2</v>
      </c>
      <c r="D1036" t="s">
        <v>1672</v>
      </c>
      <c r="E1036" t="s">
        <v>31154</v>
      </c>
      <c r="F1036">
        <v>4</v>
      </c>
      <c r="H1036" t="s">
        <v>1673</v>
      </c>
      <c r="I1036" t="s">
        <v>30540</v>
      </c>
    </row>
    <row r="1037" spans="1:9">
      <c r="A1037" s="1">
        <v>0.54198590858911966</v>
      </c>
      <c r="B1037" s="1"/>
      <c r="C1037">
        <v>1</v>
      </c>
      <c r="D1037" t="s">
        <v>1664</v>
      </c>
      <c r="E1037" t="s">
        <v>31155</v>
      </c>
      <c r="F1037">
        <v>5</v>
      </c>
      <c r="H1037" t="s">
        <v>1665</v>
      </c>
      <c r="I1037" t="s">
        <v>30540</v>
      </c>
    </row>
    <row r="1038" spans="1:9">
      <c r="A1038" s="1">
        <v>0.21680079601349989</v>
      </c>
      <c r="B1038" s="1"/>
      <c r="C1038">
        <v>5</v>
      </c>
      <c r="D1038" t="s">
        <v>1668</v>
      </c>
      <c r="E1038" t="s">
        <v>31155</v>
      </c>
      <c r="F1038">
        <v>4</v>
      </c>
      <c r="H1038" t="s">
        <v>1669</v>
      </c>
      <c r="I1038" t="s">
        <v>30540</v>
      </c>
    </row>
    <row r="1039" spans="1:9">
      <c r="A1039" s="1">
        <v>0.52280316610391886</v>
      </c>
      <c r="B1039" s="1"/>
      <c r="C1039">
        <v>6</v>
      </c>
      <c r="D1039" t="s">
        <v>1670</v>
      </c>
      <c r="E1039" t="s">
        <v>31155</v>
      </c>
      <c r="F1039">
        <v>4</v>
      </c>
      <c r="H1039" t="s">
        <v>1671</v>
      </c>
      <c r="I1039" t="s">
        <v>30540</v>
      </c>
    </row>
    <row r="1040" spans="1:9">
      <c r="A1040" s="1">
        <v>0.48118186372032568</v>
      </c>
      <c r="B1040" s="1"/>
      <c r="C1040">
        <v>4</v>
      </c>
      <c r="D1040" t="s">
        <v>1666</v>
      </c>
      <c r="E1040" t="s">
        <v>31155</v>
      </c>
      <c r="F1040">
        <v>4</v>
      </c>
      <c r="H1040" t="s">
        <v>1667</v>
      </c>
      <c r="I1040" t="s">
        <v>30540</v>
      </c>
    </row>
    <row r="1041" spans="1:9">
      <c r="A1041" s="1">
        <v>5.7761192763706837E-2</v>
      </c>
      <c r="B1041" s="1"/>
      <c r="C1041">
        <v>4</v>
      </c>
      <c r="D1041" t="s">
        <v>1660</v>
      </c>
      <c r="E1041" t="s">
        <v>31156</v>
      </c>
      <c r="F1041">
        <v>4</v>
      </c>
      <c r="H1041" t="s">
        <v>1661</v>
      </c>
      <c r="I1041" t="s">
        <v>30540</v>
      </c>
    </row>
    <row r="1042" spans="1:9">
      <c r="A1042" s="1">
        <v>0.44209997453666994</v>
      </c>
      <c r="B1042" s="1"/>
      <c r="C1042">
        <v>3</v>
      </c>
      <c r="D1042" t="s">
        <v>1658</v>
      </c>
      <c r="E1042" t="s">
        <v>31156</v>
      </c>
      <c r="F1042">
        <v>4</v>
      </c>
      <c r="H1042" t="s">
        <v>1659</v>
      </c>
      <c r="I1042" t="s">
        <v>30540</v>
      </c>
    </row>
    <row r="1043" spans="1:9">
      <c r="A1043" s="1">
        <v>0.62226245255890822</v>
      </c>
      <c r="B1043" s="1"/>
      <c r="C1043">
        <v>5</v>
      </c>
      <c r="D1043" t="s">
        <v>1662</v>
      </c>
      <c r="E1043" t="s">
        <v>31156</v>
      </c>
      <c r="F1043">
        <v>4</v>
      </c>
      <c r="H1043" t="s">
        <v>1663</v>
      </c>
      <c r="I1043" t="s">
        <v>30540</v>
      </c>
    </row>
    <row r="1044" spans="1:9">
      <c r="A1044" s="1">
        <v>0.64609990100097947</v>
      </c>
      <c r="B1044" s="1"/>
      <c r="C1044">
        <v>7</v>
      </c>
      <c r="D1044" t="s">
        <v>1656</v>
      </c>
      <c r="E1044" t="s">
        <v>31157</v>
      </c>
      <c r="F1044">
        <v>5</v>
      </c>
      <c r="H1044" t="s">
        <v>1657</v>
      </c>
      <c r="I1044" t="s">
        <v>30540</v>
      </c>
    </row>
    <row r="1045" spans="1:9">
      <c r="A1045" s="1">
        <v>0.58785163367841642</v>
      </c>
      <c r="B1045" s="1"/>
      <c r="C1045">
        <v>1</v>
      </c>
      <c r="D1045" t="s">
        <v>1654</v>
      </c>
      <c r="E1045" t="s">
        <v>31157</v>
      </c>
      <c r="F1045">
        <v>4</v>
      </c>
      <c r="H1045" t="s">
        <v>1655</v>
      </c>
      <c r="I1045" t="s">
        <v>30540</v>
      </c>
    </row>
    <row r="1046" spans="1:9">
      <c r="A1046" s="1">
        <v>1.0327895588954195E-2</v>
      </c>
      <c r="B1046" s="1"/>
      <c r="C1046">
        <v>5</v>
      </c>
      <c r="D1046" t="s">
        <v>1650</v>
      </c>
      <c r="E1046" t="s">
        <v>31158</v>
      </c>
      <c r="F1046">
        <v>5</v>
      </c>
      <c r="H1046" t="s">
        <v>1651</v>
      </c>
      <c r="I1046" t="s">
        <v>30540</v>
      </c>
    </row>
    <row r="1047" spans="1:9">
      <c r="A1047" s="1">
        <v>0.44096673546861309</v>
      </c>
      <c r="B1047" s="1"/>
      <c r="C1047">
        <v>6</v>
      </c>
      <c r="D1047" t="s">
        <v>1652</v>
      </c>
      <c r="E1047" t="s">
        <v>31158</v>
      </c>
      <c r="F1047">
        <v>4</v>
      </c>
      <c r="H1047" t="s">
        <v>1653</v>
      </c>
      <c r="I1047" t="s">
        <v>30540</v>
      </c>
    </row>
    <row r="1048" spans="1:9">
      <c r="A1048" s="1">
        <v>0.65433610717846602</v>
      </c>
      <c r="B1048" s="1"/>
      <c r="C1048">
        <v>9</v>
      </c>
      <c r="D1048" t="s">
        <v>1648</v>
      </c>
      <c r="E1048" t="s">
        <v>31159</v>
      </c>
      <c r="F1048">
        <v>4</v>
      </c>
      <c r="H1048" t="s">
        <v>1649</v>
      </c>
      <c r="I1048" t="s">
        <v>30540</v>
      </c>
    </row>
    <row r="1049" spans="1:9">
      <c r="A1049" s="1">
        <v>0.46639188662552045</v>
      </c>
      <c r="B1049" s="1"/>
      <c r="C1049">
        <v>8</v>
      </c>
      <c r="D1049" t="s">
        <v>1646</v>
      </c>
      <c r="E1049" t="s">
        <v>31159</v>
      </c>
      <c r="F1049">
        <v>4</v>
      </c>
      <c r="H1049" t="s">
        <v>1647</v>
      </c>
      <c r="I1049" t="s">
        <v>30540</v>
      </c>
    </row>
    <row r="1050" spans="1:9">
      <c r="A1050" s="1">
        <v>0.27706080156114332</v>
      </c>
      <c r="B1050" s="1"/>
      <c r="C1050">
        <v>2</v>
      </c>
      <c r="D1050" t="s">
        <v>1644</v>
      </c>
      <c r="E1050" t="s">
        <v>31160</v>
      </c>
      <c r="F1050">
        <v>4</v>
      </c>
      <c r="H1050" t="s">
        <v>1645</v>
      </c>
      <c r="I1050" t="s">
        <v>30540</v>
      </c>
    </row>
    <row r="1051" spans="1:9">
      <c r="A1051" s="1">
        <v>0.24625168252509355</v>
      </c>
      <c r="B1051" s="1"/>
      <c r="C1051">
        <v>2</v>
      </c>
      <c r="D1051" t="s">
        <v>1642</v>
      </c>
      <c r="E1051" t="s">
        <v>31161</v>
      </c>
      <c r="F1051">
        <v>5</v>
      </c>
      <c r="H1051" t="s">
        <v>1643</v>
      </c>
      <c r="I1051" t="s">
        <v>30540</v>
      </c>
    </row>
    <row r="1052" spans="1:9">
      <c r="A1052" s="1">
        <v>4.2714758883019122E-2</v>
      </c>
      <c r="B1052" s="1"/>
      <c r="C1052">
        <v>6</v>
      </c>
      <c r="D1052" t="s">
        <v>1636</v>
      </c>
      <c r="E1052" t="s">
        <v>31162</v>
      </c>
      <c r="F1052">
        <v>5</v>
      </c>
      <c r="H1052" t="s">
        <v>1637</v>
      </c>
      <c r="I1052" t="s">
        <v>30540</v>
      </c>
    </row>
    <row r="1053" spans="1:9">
      <c r="A1053" s="1">
        <v>0.14133139205253376</v>
      </c>
      <c r="B1053" s="1"/>
      <c r="C1053">
        <v>9</v>
      </c>
      <c r="D1053" t="s">
        <v>1640</v>
      </c>
      <c r="E1053" t="s">
        <v>31162</v>
      </c>
      <c r="F1053">
        <v>3</v>
      </c>
      <c r="H1053" t="s">
        <v>1641</v>
      </c>
      <c r="I1053" t="s">
        <v>30540</v>
      </c>
    </row>
    <row r="1054" spans="1:9">
      <c r="A1054" s="1">
        <v>0.51033548172717647</v>
      </c>
      <c r="B1054" s="1"/>
      <c r="C1054">
        <v>7</v>
      </c>
      <c r="D1054" t="s">
        <v>1632</v>
      </c>
      <c r="E1054" t="s">
        <v>31163</v>
      </c>
      <c r="F1054">
        <v>5</v>
      </c>
      <c r="H1054" t="s">
        <v>1633</v>
      </c>
      <c r="I1054" t="s">
        <v>30540</v>
      </c>
    </row>
    <row r="1055" spans="1:9">
      <c r="A1055" s="1">
        <v>0.79189656253996932</v>
      </c>
      <c r="B1055" s="1"/>
      <c r="C1055">
        <v>8</v>
      </c>
      <c r="D1055" t="s">
        <v>1634</v>
      </c>
      <c r="E1055" t="s">
        <v>31163</v>
      </c>
      <c r="F1055">
        <v>4</v>
      </c>
      <c r="H1055" t="s">
        <v>1635</v>
      </c>
      <c r="I1055" t="s">
        <v>30540</v>
      </c>
    </row>
    <row r="1056" spans="1:9">
      <c r="A1056" s="1">
        <v>0.83483862870252723</v>
      </c>
      <c r="B1056" s="1"/>
      <c r="C1056">
        <v>2</v>
      </c>
      <c r="D1056" t="s">
        <v>1628</v>
      </c>
      <c r="E1056" t="s">
        <v>31163</v>
      </c>
      <c r="F1056">
        <v>4</v>
      </c>
      <c r="H1056" t="s">
        <v>1629</v>
      </c>
      <c r="I1056" t="s">
        <v>30540</v>
      </c>
    </row>
    <row r="1057" spans="1:9">
      <c r="A1057" s="1">
        <v>0.85140599534828187</v>
      </c>
      <c r="B1057" s="1"/>
      <c r="C1057">
        <v>6</v>
      </c>
      <c r="D1057" t="s">
        <v>1630</v>
      </c>
      <c r="E1057" t="s">
        <v>31163</v>
      </c>
      <c r="F1057">
        <v>4</v>
      </c>
      <c r="H1057" t="s">
        <v>1631</v>
      </c>
      <c r="I1057" t="s">
        <v>30540</v>
      </c>
    </row>
    <row r="1058" spans="1:9">
      <c r="A1058" s="1">
        <v>0.7974759446721269</v>
      </c>
      <c r="B1058" s="1"/>
      <c r="C1058">
        <v>9</v>
      </c>
      <c r="D1058" t="s">
        <v>1626</v>
      </c>
      <c r="E1058" t="s">
        <v>31164</v>
      </c>
      <c r="F1058">
        <v>4</v>
      </c>
      <c r="H1058" t="s">
        <v>1627</v>
      </c>
      <c r="I1058" t="s">
        <v>30540</v>
      </c>
    </row>
    <row r="1059" spans="1:9">
      <c r="A1059" s="1">
        <v>0.39393568498679932</v>
      </c>
      <c r="B1059" s="1"/>
      <c r="C1059">
        <v>8</v>
      </c>
      <c r="D1059" t="s">
        <v>1624</v>
      </c>
      <c r="E1059" t="s">
        <v>31164</v>
      </c>
      <c r="F1059">
        <v>4</v>
      </c>
      <c r="H1059" t="s">
        <v>1625</v>
      </c>
      <c r="I1059" t="s">
        <v>30540</v>
      </c>
    </row>
    <row r="1060" spans="1:9">
      <c r="A1060" s="1">
        <v>0.94498848610890551</v>
      </c>
      <c r="B1060" s="1"/>
      <c r="C1060">
        <v>3</v>
      </c>
      <c r="D1060" t="s">
        <v>1622</v>
      </c>
      <c r="E1060" t="s">
        <v>31164</v>
      </c>
      <c r="F1060">
        <v>3</v>
      </c>
      <c r="H1060" t="s">
        <v>1623</v>
      </c>
      <c r="I1060" t="s">
        <v>30540</v>
      </c>
    </row>
    <row r="1061" spans="1:9">
      <c r="A1061" s="1">
        <v>0.92476683883252508</v>
      </c>
      <c r="B1061" s="1"/>
      <c r="C1061">
        <v>8</v>
      </c>
      <c r="D1061" t="s">
        <v>1620</v>
      </c>
      <c r="E1061" t="s">
        <v>31165</v>
      </c>
      <c r="F1061">
        <v>4</v>
      </c>
      <c r="H1061" t="s">
        <v>1621</v>
      </c>
      <c r="I1061" t="s">
        <v>30540</v>
      </c>
    </row>
    <row r="1062" spans="1:9">
      <c r="A1062" s="1">
        <v>0.99803253300605399</v>
      </c>
      <c r="B1062" s="1"/>
      <c r="C1062">
        <v>3</v>
      </c>
      <c r="D1062" t="s">
        <v>1616</v>
      </c>
      <c r="E1062" t="s">
        <v>31165</v>
      </c>
      <c r="F1062">
        <v>4</v>
      </c>
      <c r="H1062" t="s">
        <v>1617</v>
      </c>
      <c r="I1062" t="s">
        <v>30540</v>
      </c>
    </row>
    <row r="1063" spans="1:9">
      <c r="A1063" s="1">
        <v>7.6234729964860914E-2</v>
      </c>
      <c r="B1063" s="1"/>
      <c r="C1063">
        <v>4</v>
      </c>
      <c r="D1063" t="s">
        <v>1618</v>
      </c>
      <c r="E1063" t="s">
        <v>31165</v>
      </c>
      <c r="F1063">
        <v>3</v>
      </c>
      <c r="H1063" t="s">
        <v>1619</v>
      </c>
      <c r="I1063" t="s">
        <v>30540</v>
      </c>
    </row>
    <row r="1064" spans="1:9">
      <c r="A1064" s="1">
        <v>0.63612971575857191</v>
      </c>
      <c r="B1064" s="1"/>
      <c r="C1064">
        <v>5</v>
      </c>
      <c r="D1064" t="s">
        <v>1608</v>
      </c>
      <c r="E1064" t="s">
        <v>31166</v>
      </c>
      <c r="F1064">
        <v>4</v>
      </c>
      <c r="H1064" t="s">
        <v>1609</v>
      </c>
      <c r="I1064" t="s">
        <v>30540</v>
      </c>
    </row>
    <row r="1065" spans="1:9">
      <c r="A1065" s="1">
        <v>0.40622523179417236</v>
      </c>
      <c r="B1065" s="1"/>
      <c r="C1065">
        <v>8</v>
      </c>
      <c r="D1065" t="s">
        <v>1614</v>
      </c>
      <c r="E1065" t="s">
        <v>31166</v>
      </c>
      <c r="F1065">
        <v>4</v>
      </c>
      <c r="H1065" t="s">
        <v>1615</v>
      </c>
      <c r="I1065" t="s">
        <v>30540</v>
      </c>
    </row>
    <row r="1066" spans="1:9">
      <c r="A1066" s="1">
        <v>9.5866306946855606E-2</v>
      </c>
      <c r="B1066" s="1"/>
      <c r="C1066">
        <v>7</v>
      </c>
      <c r="D1066" t="s">
        <v>1612</v>
      </c>
      <c r="E1066" t="s">
        <v>31166</v>
      </c>
      <c r="F1066">
        <v>4</v>
      </c>
      <c r="G1066" t="s">
        <v>14</v>
      </c>
      <c r="H1066" t="s">
        <v>1613</v>
      </c>
      <c r="I1066" t="s">
        <v>30540</v>
      </c>
    </row>
    <row r="1067" spans="1:9">
      <c r="A1067" s="1">
        <v>0.14614570729751841</v>
      </c>
      <c r="B1067" s="1"/>
      <c r="C1067">
        <v>6</v>
      </c>
      <c r="D1067" t="s">
        <v>1610</v>
      </c>
      <c r="E1067" t="s">
        <v>31166</v>
      </c>
      <c r="F1067">
        <v>4</v>
      </c>
      <c r="H1067" t="s">
        <v>1611</v>
      </c>
      <c r="I1067" t="s">
        <v>30540</v>
      </c>
    </row>
    <row r="1068" spans="1:9">
      <c r="A1068" s="1">
        <v>0.23473903110471206</v>
      </c>
      <c r="B1068" s="1"/>
      <c r="C1068">
        <v>4</v>
      </c>
      <c r="D1068" t="s">
        <v>1606</v>
      </c>
      <c r="E1068" t="s">
        <v>31166</v>
      </c>
      <c r="F1068">
        <v>4</v>
      </c>
      <c r="H1068" t="s">
        <v>1607</v>
      </c>
      <c r="I1068" t="s">
        <v>30540</v>
      </c>
    </row>
    <row r="1069" spans="1:9">
      <c r="A1069" s="1">
        <v>0.74933398194197354</v>
      </c>
      <c r="B1069" s="1"/>
      <c r="C1069">
        <v>8</v>
      </c>
      <c r="D1069" t="s">
        <v>1604</v>
      </c>
      <c r="E1069" t="s">
        <v>31167</v>
      </c>
      <c r="F1069">
        <v>4</v>
      </c>
      <c r="H1069" t="s">
        <v>1605</v>
      </c>
      <c r="I1069" t="s">
        <v>30540</v>
      </c>
    </row>
    <row r="1070" spans="1:9">
      <c r="A1070" s="1">
        <v>0.28546931028887568</v>
      </c>
      <c r="B1070" s="1"/>
      <c r="C1070">
        <v>3</v>
      </c>
      <c r="D1070" t="s">
        <v>1596</v>
      </c>
      <c r="E1070" t="s">
        <v>31168</v>
      </c>
      <c r="F1070">
        <v>4</v>
      </c>
      <c r="H1070" t="s">
        <v>1597</v>
      </c>
      <c r="I1070" t="s">
        <v>30540</v>
      </c>
    </row>
    <row r="1071" spans="1:9">
      <c r="A1071" s="1">
        <v>0.11547186797531017</v>
      </c>
      <c r="B1071" s="1"/>
      <c r="C1071">
        <v>1</v>
      </c>
      <c r="D1071" t="s">
        <v>1594</v>
      </c>
      <c r="E1071" t="s">
        <v>31168</v>
      </c>
      <c r="F1071">
        <v>4</v>
      </c>
      <c r="H1071" t="s">
        <v>1595</v>
      </c>
      <c r="I1071" t="s">
        <v>30540</v>
      </c>
    </row>
    <row r="1072" spans="1:9">
      <c r="A1072" s="1">
        <v>0.22308644264222388</v>
      </c>
      <c r="B1072" s="1"/>
      <c r="C1072">
        <v>6</v>
      </c>
      <c r="D1072" t="s">
        <v>1600</v>
      </c>
      <c r="E1072" t="s">
        <v>31168</v>
      </c>
      <c r="F1072">
        <v>4</v>
      </c>
      <c r="H1072" t="s">
        <v>1601</v>
      </c>
      <c r="I1072" t="s">
        <v>30540</v>
      </c>
    </row>
    <row r="1073" spans="1:9">
      <c r="A1073" s="1">
        <v>0.29866803814958276</v>
      </c>
      <c r="B1073" s="1"/>
      <c r="C1073">
        <v>5</v>
      </c>
      <c r="D1073" t="s">
        <v>1598</v>
      </c>
      <c r="E1073" t="s">
        <v>31168</v>
      </c>
      <c r="F1073">
        <v>3</v>
      </c>
      <c r="H1073" t="s">
        <v>1599</v>
      </c>
      <c r="I1073" t="s">
        <v>30540</v>
      </c>
    </row>
    <row r="1074" spans="1:9">
      <c r="A1074" s="1">
        <v>6.7473723422981968E-2</v>
      </c>
      <c r="B1074" s="1"/>
      <c r="C1074">
        <v>3</v>
      </c>
      <c r="D1074" t="s">
        <v>1592</v>
      </c>
      <c r="E1074" t="s">
        <v>31169</v>
      </c>
      <c r="F1074">
        <v>4</v>
      </c>
      <c r="H1074" t="s">
        <v>1593</v>
      </c>
      <c r="I1074" t="s">
        <v>30540</v>
      </c>
    </row>
    <row r="1075" spans="1:9">
      <c r="A1075" s="1">
        <v>0.87163423430194997</v>
      </c>
      <c r="B1075" s="1"/>
      <c r="C1075">
        <v>3</v>
      </c>
      <c r="D1075" t="s">
        <v>1588</v>
      </c>
      <c r="E1075" t="s">
        <v>31170</v>
      </c>
      <c r="F1075">
        <v>3</v>
      </c>
      <c r="H1075" t="s">
        <v>1589</v>
      </c>
      <c r="I1075" t="s">
        <v>30540</v>
      </c>
    </row>
    <row r="1076" spans="1:9">
      <c r="A1076" s="1">
        <v>0.32617286920345179</v>
      </c>
      <c r="B1076" s="1"/>
      <c r="C1076">
        <v>4</v>
      </c>
      <c r="D1076" t="s">
        <v>1590</v>
      </c>
      <c r="E1076" t="s">
        <v>31170</v>
      </c>
      <c r="F1076">
        <v>3</v>
      </c>
      <c r="H1076" t="s">
        <v>1591</v>
      </c>
      <c r="I1076" t="s">
        <v>30540</v>
      </c>
    </row>
    <row r="1077" spans="1:9">
      <c r="A1077" s="1">
        <v>0.39572616530194293</v>
      </c>
      <c r="B1077" s="1"/>
      <c r="C1077">
        <v>2</v>
      </c>
      <c r="D1077" t="s">
        <v>1580</v>
      </c>
      <c r="E1077" t="s">
        <v>31171</v>
      </c>
      <c r="F1077">
        <v>5</v>
      </c>
      <c r="H1077" t="s">
        <v>1581</v>
      </c>
      <c r="I1077" t="s">
        <v>30540</v>
      </c>
    </row>
    <row r="1078" spans="1:9">
      <c r="A1078" s="1">
        <v>0.52175474976063074</v>
      </c>
      <c r="B1078" s="1"/>
      <c r="C1078">
        <v>3</v>
      </c>
      <c r="D1078" t="s">
        <v>1582</v>
      </c>
      <c r="E1078" t="s">
        <v>31171</v>
      </c>
      <c r="F1078">
        <v>4</v>
      </c>
      <c r="H1078" t="s">
        <v>1583</v>
      </c>
      <c r="I1078" t="s">
        <v>30540</v>
      </c>
    </row>
    <row r="1079" spans="1:9">
      <c r="A1079" s="1">
        <v>0.71063243157604172</v>
      </c>
      <c r="B1079" s="1"/>
      <c r="C1079">
        <v>5</v>
      </c>
      <c r="D1079" t="s">
        <v>1586</v>
      </c>
      <c r="E1079" t="s">
        <v>31171</v>
      </c>
      <c r="F1079">
        <v>4</v>
      </c>
      <c r="H1079" t="s">
        <v>1587</v>
      </c>
      <c r="I1079" t="s">
        <v>30540</v>
      </c>
    </row>
    <row r="1080" spans="1:9">
      <c r="A1080" s="1">
        <v>0.25621587401843671</v>
      </c>
      <c r="B1080" s="1"/>
      <c r="C1080">
        <v>4</v>
      </c>
      <c r="D1080" t="s">
        <v>1584</v>
      </c>
      <c r="E1080" t="s">
        <v>31171</v>
      </c>
      <c r="F1080">
        <v>4</v>
      </c>
      <c r="H1080" t="s">
        <v>1585</v>
      </c>
      <c r="I1080" t="s">
        <v>30540</v>
      </c>
    </row>
    <row r="1081" spans="1:9">
      <c r="A1081" s="1">
        <v>0.69999326866284195</v>
      </c>
      <c r="B1081" s="1"/>
      <c r="C1081">
        <v>4</v>
      </c>
      <c r="D1081" t="s">
        <v>1578</v>
      </c>
      <c r="E1081" t="s">
        <v>31172</v>
      </c>
      <c r="F1081">
        <v>4</v>
      </c>
      <c r="H1081" t="s">
        <v>1579</v>
      </c>
      <c r="I1081" t="s">
        <v>30540</v>
      </c>
    </row>
    <row r="1082" spans="1:9">
      <c r="A1082" s="1">
        <v>0.67035432271912643</v>
      </c>
      <c r="B1082" s="1"/>
      <c r="C1082">
        <v>2</v>
      </c>
      <c r="D1082" t="s">
        <v>1574</v>
      </c>
      <c r="E1082" t="s">
        <v>31174</v>
      </c>
      <c r="F1082">
        <v>4</v>
      </c>
      <c r="H1082" t="s">
        <v>1575</v>
      </c>
      <c r="I1082" t="s">
        <v>30540</v>
      </c>
    </row>
    <row r="1083" spans="1:9">
      <c r="A1083" s="1">
        <v>0.31668919641214355</v>
      </c>
      <c r="B1083" s="1"/>
      <c r="C1083">
        <v>4</v>
      </c>
      <c r="D1083" t="s">
        <v>1572</v>
      </c>
      <c r="E1083" t="s">
        <v>31175</v>
      </c>
      <c r="F1083">
        <v>3</v>
      </c>
      <c r="H1083" t="s">
        <v>1573</v>
      </c>
      <c r="I1083" t="s">
        <v>30540</v>
      </c>
    </row>
    <row r="1084" spans="1:9">
      <c r="A1084" s="1">
        <v>0.62025731610249313</v>
      </c>
      <c r="B1084" s="1"/>
      <c r="C1084">
        <v>7</v>
      </c>
      <c r="D1084" t="s">
        <v>1570</v>
      </c>
      <c r="E1084" t="s">
        <v>31176</v>
      </c>
      <c r="F1084">
        <v>5</v>
      </c>
      <c r="H1084" t="s">
        <v>1571</v>
      </c>
      <c r="I1084" t="s">
        <v>30540</v>
      </c>
    </row>
    <row r="1085" spans="1:9">
      <c r="A1085" s="1">
        <v>0.88472842196025192</v>
      </c>
      <c r="B1085" s="1"/>
      <c r="C1085">
        <v>6</v>
      </c>
      <c r="D1085" t="s">
        <v>1568</v>
      </c>
      <c r="E1085" t="s">
        <v>31177</v>
      </c>
      <c r="F1085">
        <v>5</v>
      </c>
      <c r="H1085" t="s">
        <v>1569</v>
      </c>
      <c r="I1085" t="s">
        <v>30540</v>
      </c>
    </row>
    <row r="1086" spans="1:9">
      <c r="A1086" s="1">
        <v>0.31921426867577907</v>
      </c>
      <c r="B1086" s="1"/>
      <c r="C1086">
        <v>5</v>
      </c>
      <c r="D1086" t="s">
        <v>1566</v>
      </c>
      <c r="E1086" t="s">
        <v>31177</v>
      </c>
      <c r="F1086">
        <v>4</v>
      </c>
      <c r="H1086" t="s">
        <v>1567</v>
      </c>
      <c r="I1086" t="s">
        <v>30540</v>
      </c>
    </row>
    <row r="1087" spans="1:9">
      <c r="A1087" s="1">
        <v>0.86649242024240569</v>
      </c>
      <c r="B1087" s="1"/>
      <c r="C1087">
        <v>4</v>
      </c>
      <c r="D1087" t="s">
        <v>1564</v>
      </c>
      <c r="E1087" t="s">
        <v>31177</v>
      </c>
      <c r="F1087">
        <v>4</v>
      </c>
      <c r="H1087" t="s">
        <v>1565</v>
      </c>
      <c r="I1087" t="s">
        <v>30540</v>
      </c>
    </row>
    <row r="1088" spans="1:9">
      <c r="A1088" s="1">
        <v>0.41842217649918689</v>
      </c>
      <c r="B1088" s="1"/>
      <c r="C1088">
        <v>4</v>
      </c>
      <c r="D1088" t="s">
        <v>1560</v>
      </c>
      <c r="E1088" t="s">
        <v>31178</v>
      </c>
      <c r="F1088">
        <v>4</v>
      </c>
      <c r="H1088" t="s">
        <v>1561</v>
      </c>
      <c r="I1088" t="s">
        <v>30540</v>
      </c>
    </row>
    <row r="1089" spans="1:9">
      <c r="A1089" s="1">
        <v>8.3458219634588771E-2</v>
      </c>
      <c r="B1089" s="1"/>
      <c r="C1089">
        <v>9</v>
      </c>
      <c r="D1089" t="s">
        <v>1562</v>
      </c>
      <c r="E1089" t="s">
        <v>31178</v>
      </c>
      <c r="F1089">
        <v>3</v>
      </c>
      <c r="H1089" t="s">
        <v>1563</v>
      </c>
      <c r="I1089" t="s">
        <v>30540</v>
      </c>
    </row>
    <row r="1090" spans="1:9">
      <c r="A1090" s="1">
        <v>0.55370453116880758</v>
      </c>
      <c r="B1090" s="1"/>
      <c r="C1090">
        <v>5</v>
      </c>
      <c r="D1090" t="s">
        <v>1558</v>
      </c>
      <c r="E1090" t="s">
        <v>31179</v>
      </c>
      <c r="F1090">
        <v>4</v>
      </c>
      <c r="H1090" t="s">
        <v>1559</v>
      </c>
      <c r="I1090" t="s">
        <v>30540</v>
      </c>
    </row>
    <row r="1091" spans="1:9">
      <c r="A1091" s="1">
        <v>0.2374559047647633</v>
      </c>
      <c r="B1091" s="1"/>
      <c r="C1091">
        <v>4</v>
      </c>
      <c r="D1091" t="s">
        <v>1556</v>
      </c>
      <c r="E1091" t="s">
        <v>31179</v>
      </c>
      <c r="F1091">
        <v>4</v>
      </c>
      <c r="H1091" t="s">
        <v>1557</v>
      </c>
      <c r="I1091" t="s">
        <v>30540</v>
      </c>
    </row>
    <row r="1092" spans="1:9">
      <c r="A1092" s="1">
        <v>0.18217317568402325</v>
      </c>
      <c r="B1092" s="1"/>
      <c r="C1092">
        <v>2</v>
      </c>
      <c r="D1092" t="s">
        <v>1552</v>
      </c>
      <c r="E1092" t="s">
        <v>31180</v>
      </c>
      <c r="F1092">
        <v>5</v>
      </c>
      <c r="G1092" t="s">
        <v>838</v>
      </c>
      <c r="H1092" t="s">
        <v>1553</v>
      </c>
      <c r="I1092" t="s">
        <v>30540</v>
      </c>
    </row>
    <row r="1093" spans="1:9">
      <c r="A1093" s="1">
        <v>2.6375058218922609E-2</v>
      </c>
      <c r="B1093" s="1"/>
      <c r="C1093">
        <v>5</v>
      </c>
      <c r="D1093" t="s">
        <v>1554</v>
      </c>
      <c r="E1093" t="s">
        <v>31180</v>
      </c>
      <c r="F1093">
        <v>4</v>
      </c>
      <c r="H1093" t="s">
        <v>1555</v>
      </c>
      <c r="I1093" t="s">
        <v>30540</v>
      </c>
    </row>
    <row r="1094" spans="1:9">
      <c r="A1094" s="1">
        <v>0.38967232789607542</v>
      </c>
      <c r="B1094" s="1"/>
      <c r="C1094">
        <v>7</v>
      </c>
      <c r="D1094" t="s">
        <v>1548</v>
      </c>
      <c r="E1094" t="s">
        <v>31181</v>
      </c>
      <c r="F1094">
        <v>5</v>
      </c>
      <c r="H1094" t="s">
        <v>1549</v>
      </c>
      <c r="I1094" t="s">
        <v>30540</v>
      </c>
    </row>
    <row r="1095" spans="1:9">
      <c r="A1095" s="1">
        <v>0.82252605108369237</v>
      </c>
      <c r="B1095" s="1"/>
      <c r="C1095">
        <v>3</v>
      </c>
      <c r="D1095" t="s">
        <v>1544</v>
      </c>
      <c r="E1095" t="s">
        <v>31181</v>
      </c>
      <c r="F1095">
        <v>5</v>
      </c>
      <c r="H1095" t="s">
        <v>1545</v>
      </c>
      <c r="I1095" t="s">
        <v>30540</v>
      </c>
    </row>
    <row r="1096" spans="1:9">
      <c r="A1096" s="1">
        <v>0.49535113115043428</v>
      </c>
      <c r="B1096" s="1"/>
      <c r="C1096">
        <v>8</v>
      </c>
      <c r="D1096" t="s">
        <v>1550</v>
      </c>
      <c r="E1096" t="s">
        <v>31181</v>
      </c>
      <c r="F1096">
        <v>4</v>
      </c>
      <c r="H1096" t="s">
        <v>1551</v>
      </c>
      <c r="I1096" t="s">
        <v>30540</v>
      </c>
    </row>
    <row r="1097" spans="1:9">
      <c r="A1097" s="1">
        <v>0.26201134838016826</v>
      </c>
      <c r="B1097" s="1"/>
      <c r="C1097">
        <v>6</v>
      </c>
      <c r="D1097" t="s">
        <v>1546</v>
      </c>
      <c r="E1097" t="s">
        <v>31181</v>
      </c>
      <c r="F1097">
        <v>4</v>
      </c>
      <c r="H1097" t="s">
        <v>1547</v>
      </c>
      <c r="I1097" t="s">
        <v>30540</v>
      </c>
    </row>
    <row r="1098" spans="1:9">
      <c r="A1098" s="1">
        <v>8.7956284385411698E-2</v>
      </c>
      <c r="B1098" s="1"/>
      <c r="C1098">
        <v>3</v>
      </c>
      <c r="D1098" t="s">
        <v>1542</v>
      </c>
      <c r="E1098" t="s">
        <v>31182</v>
      </c>
      <c r="F1098">
        <v>4</v>
      </c>
      <c r="H1098" t="s">
        <v>1543</v>
      </c>
      <c r="I1098" t="s">
        <v>30540</v>
      </c>
    </row>
    <row r="1099" spans="1:9">
      <c r="A1099" s="1">
        <v>0.25132787814428215</v>
      </c>
      <c r="B1099" s="1"/>
      <c r="C1099">
        <v>4</v>
      </c>
      <c r="D1099" t="s">
        <v>1540</v>
      </c>
      <c r="E1099" t="s">
        <v>31183</v>
      </c>
      <c r="F1099">
        <v>5</v>
      </c>
      <c r="H1099" t="s">
        <v>1541</v>
      </c>
      <c r="I1099" t="s">
        <v>30540</v>
      </c>
    </row>
    <row r="1100" spans="1:9">
      <c r="A1100" s="1">
        <v>0.19797911010220381</v>
      </c>
      <c r="B1100" s="1"/>
      <c r="C1100">
        <v>2</v>
      </c>
      <c r="D1100" t="s">
        <v>1538</v>
      </c>
      <c r="E1100" t="s">
        <v>31183</v>
      </c>
      <c r="F1100">
        <v>4</v>
      </c>
      <c r="H1100" t="s">
        <v>1539</v>
      </c>
      <c r="I1100" t="s">
        <v>30540</v>
      </c>
    </row>
    <row r="1101" spans="1:9">
      <c r="A1101" s="1">
        <v>0.74992350295452781</v>
      </c>
      <c r="B1101" s="1"/>
      <c r="C1101">
        <v>2</v>
      </c>
      <c r="D1101" t="s">
        <v>1534</v>
      </c>
      <c r="E1101" t="s">
        <v>31184</v>
      </c>
      <c r="F1101">
        <v>5</v>
      </c>
      <c r="H1101" t="s">
        <v>1535</v>
      </c>
      <c r="I1101" t="s">
        <v>30540</v>
      </c>
    </row>
    <row r="1102" spans="1:9">
      <c r="A1102" s="1">
        <v>0.15444678186731076</v>
      </c>
      <c r="B1102" s="1"/>
      <c r="C1102">
        <v>3</v>
      </c>
      <c r="D1102" t="s">
        <v>1536</v>
      </c>
      <c r="E1102" t="s">
        <v>31184</v>
      </c>
      <c r="F1102">
        <v>4</v>
      </c>
      <c r="H1102" t="s">
        <v>1537</v>
      </c>
      <c r="I1102" t="s">
        <v>30540</v>
      </c>
    </row>
    <row r="1103" spans="1:9">
      <c r="A1103" s="1">
        <v>0.123319604828798</v>
      </c>
      <c r="B1103" s="1"/>
      <c r="C1103">
        <v>1</v>
      </c>
      <c r="D1103" t="s">
        <v>1532</v>
      </c>
      <c r="E1103" t="s">
        <v>31184</v>
      </c>
      <c r="F1103">
        <v>4</v>
      </c>
      <c r="H1103" t="s">
        <v>1533</v>
      </c>
      <c r="I1103" t="s">
        <v>30540</v>
      </c>
    </row>
    <row r="1104" spans="1:9">
      <c r="A1104" s="1">
        <v>0.82310429109013594</v>
      </c>
      <c r="B1104" s="1"/>
      <c r="C1104">
        <v>2</v>
      </c>
      <c r="D1104" t="s">
        <v>1524</v>
      </c>
      <c r="E1104" t="s">
        <v>31185</v>
      </c>
      <c r="F1104">
        <v>5</v>
      </c>
      <c r="H1104" t="s">
        <v>1525</v>
      </c>
      <c r="I1104" t="s">
        <v>30540</v>
      </c>
    </row>
    <row r="1105" spans="1:9">
      <c r="A1105" s="1">
        <v>0.70547421071222938</v>
      </c>
      <c r="B1105" s="1"/>
      <c r="C1105">
        <v>5</v>
      </c>
      <c r="D1105" t="s">
        <v>1528</v>
      </c>
      <c r="E1105" t="s">
        <v>31185</v>
      </c>
      <c r="F1105">
        <v>5</v>
      </c>
      <c r="H1105" t="s">
        <v>1529</v>
      </c>
      <c r="I1105" t="s">
        <v>30540</v>
      </c>
    </row>
    <row r="1106" spans="1:9">
      <c r="A1106" s="1">
        <v>0.51035176996647125</v>
      </c>
      <c r="B1106" s="1"/>
      <c r="C1106">
        <v>3</v>
      </c>
      <c r="D1106" t="s">
        <v>1526</v>
      </c>
      <c r="E1106" t="s">
        <v>31185</v>
      </c>
      <c r="F1106">
        <v>4</v>
      </c>
      <c r="H1106" t="s">
        <v>1527</v>
      </c>
      <c r="I1106" t="s">
        <v>30540</v>
      </c>
    </row>
    <row r="1107" spans="1:9">
      <c r="A1107" s="1">
        <v>0.96375252761544039</v>
      </c>
      <c r="B1107" s="1"/>
      <c r="C1107">
        <v>1</v>
      </c>
      <c r="D1107" t="s">
        <v>1522</v>
      </c>
      <c r="E1107" t="s">
        <v>31185</v>
      </c>
      <c r="F1107">
        <v>4</v>
      </c>
      <c r="H1107" t="s">
        <v>1523</v>
      </c>
      <c r="I1107" t="s">
        <v>30540</v>
      </c>
    </row>
    <row r="1108" spans="1:9">
      <c r="A1108" s="1">
        <v>0.91911565796120942</v>
      </c>
      <c r="B1108" s="1"/>
      <c r="C1108">
        <v>5</v>
      </c>
      <c r="D1108" t="s">
        <v>1520</v>
      </c>
      <c r="E1108" t="s">
        <v>31186</v>
      </c>
      <c r="F1108">
        <v>4</v>
      </c>
      <c r="H1108" t="s">
        <v>1521</v>
      </c>
      <c r="I1108" t="s">
        <v>30540</v>
      </c>
    </row>
    <row r="1109" spans="1:9">
      <c r="A1109" s="1">
        <v>0.2971822974288546</v>
      </c>
      <c r="B1109" s="1"/>
      <c r="C1109">
        <v>2</v>
      </c>
      <c r="D1109" t="s">
        <v>1518</v>
      </c>
      <c r="E1109" t="s">
        <v>31186</v>
      </c>
      <c r="F1109">
        <v>3</v>
      </c>
      <c r="H1109" t="s">
        <v>1519</v>
      </c>
      <c r="I1109" t="s">
        <v>30540</v>
      </c>
    </row>
    <row r="1110" spans="1:9">
      <c r="A1110" s="1">
        <v>0.35808865072439666</v>
      </c>
      <c r="B1110" s="1"/>
      <c r="C1110">
        <v>4</v>
      </c>
      <c r="D1110" t="s">
        <v>1512</v>
      </c>
      <c r="E1110" t="s">
        <v>31188</v>
      </c>
      <c r="F1110">
        <v>4</v>
      </c>
      <c r="H1110" t="s">
        <v>1513</v>
      </c>
      <c r="I1110" t="s">
        <v>30540</v>
      </c>
    </row>
    <row r="1111" spans="1:9">
      <c r="A1111" s="1">
        <v>0.21870096063013611</v>
      </c>
      <c r="B1111" s="1"/>
      <c r="C1111">
        <v>6</v>
      </c>
      <c r="D1111" t="s">
        <v>1514</v>
      </c>
      <c r="E1111" t="s">
        <v>31188</v>
      </c>
      <c r="F1111">
        <v>3</v>
      </c>
      <c r="H1111" t="s">
        <v>1515</v>
      </c>
      <c r="I1111" t="s">
        <v>30540</v>
      </c>
    </row>
    <row r="1112" spans="1:9">
      <c r="A1112" s="1">
        <v>0.82198708220763717</v>
      </c>
      <c r="B1112" s="1"/>
      <c r="C1112">
        <v>2</v>
      </c>
      <c r="D1112" t="s">
        <v>1506</v>
      </c>
      <c r="E1112" t="s">
        <v>31189</v>
      </c>
      <c r="F1112">
        <v>4</v>
      </c>
      <c r="H1112" t="s">
        <v>1507</v>
      </c>
      <c r="I1112" t="s">
        <v>30540</v>
      </c>
    </row>
    <row r="1113" spans="1:9">
      <c r="A1113" s="1">
        <v>0.82553198901882874</v>
      </c>
      <c r="B1113" s="1"/>
      <c r="C1113">
        <v>11</v>
      </c>
      <c r="D1113" t="s">
        <v>1510</v>
      </c>
      <c r="E1113" t="s">
        <v>31189</v>
      </c>
      <c r="F1113">
        <v>3</v>
      </c>
      <c r="H1113" t="s">
        <v>1511</v>
      </c>
      <c r="I1113" t="s">
        <v>30540</v>
      </c>
    </row>
    <row r="1114" spans="1:9">
      <c r="A1114" s="1">
        <v>0.93499852057681876</v>
      </c>
      <c r="B1114" s="1"/>
      <c r="C1114">
        <v>9</v>
      </c>
      <c r="D1114" t="s">
        <v>1508</v>
      </c>
      <c r="E1114" t="s">
        <v>31189</v>
      </c>
      <c r="F1114">
        <v>3</v>
      </c>
      <c r="H1114" t="s">
        <v>1509</v>
      </c>
      <c r="I1114" t="s">
        <v>30540</v>
      </c>
    </row>
    <row r="1115" spans="1:9">
      <c r="A1115" s="1">
        <v>7.3453337205481306E-2</v>
      </c>
      <c r="B1115" s="1"/>
      <c r="C1115">
        <v>5</v>
      </c>
      <c r="D1115" t="s">
        <v>1502</v>
      </c>
      <c r="E1115" t="s">
        <v>31190</v>
      </c>
      <c r="F1115">
        <v>4</v>
      </c>
      <c r="G1115" t="s">
        <v>838</v>
      </c>
      <c r="H1115" t="s">
        <v>1503</v>
      </c>
      <c r="I1115" t="s">
        <v>30540</v>
      </c>
    </row>
    <row r="1116" spans="1:9">
      <c r="A1116" s="1">
        <v>0.86919668842988207</v>
      </c>
      <c r="B1116" s="1"/>
      <c r="C1116">
        <v>1</v>
      </c>
      <c r="D1116" t="s">
        <v>1500</v>
      </c>
      <c r="E1116" t="s">
        <v>31191</v>
      </c>
      <c r="F1116">
        <v>5</v>
      </c>
      <c r="H1116" t="s">
        <v>1501</v>
      </c>
      <c r="I1116" t="s">
        <v>30540</v>
      </c>
    </row>
    <row r="1117" spans="1:9">
      <c r="A1117" s="1">
        <v>8.8349815842095447E-2</v>
      </c>
      <c r="B1117" s="1"/>
      <c r="C1117">
        <v>4</v>
      </c>
      <c r="D1117" t="s">
        <v>1498</v>
      </c>
      <c r="E1117" t="s">
        <v>31192</v>
      </c>
      <c r="F1117">
        <v>3</v>
      </c>
      <c r="H1117" t="s">
        <v>1499</v>
      </c>
      <c r="I1117" t="s">
        <v>30540</v>
      </c>
    </row>
    <row r="1118" spans="1:9">
      <c r="A1118" s="1">
        <v>0.13778894118149709</v>
      </c>
      <c r="B1118" s="1"/>
      <c r="C1118">
        <v>2</v>
      </c>
      <c r="D1118" t="s">
        <v>1496</v>
      </c>
      <c r="E1118" t="s">
        <v>31193</v>
      </c>
      <c r="F1118">
        <v>4</v>
      </c>
      <c r="H1118" t="s">
        <v>1497</v>
      </c>
      <c r="I1118" t="s">
        <v>30540</v>
      </c>
    </row>
    <row r="1119" spans="1:9">
      <c r="A1119" s="1">
        <v>0.67500899011395177</v>
      </c>
      <c r="B1119" s="1"/>
      <c r="C1119">
        <v>5</v>
      </c>
      <c r="D1119" t="s">
        <v>1492</v>
      </c>
      <c r="E1119" t="s">
        <v>31195</v>
      </c>
      <c r="F1119">
        <v>4</v>
      </c>
      <c r="H1119" t="s">
        <v>1493</v>
      </c>
      <c r="I1119" t="s">
        <v>30540</v>
      </c>
    </row>
    <row r="1120" spans="1:9">
      <c r="A1120" s="1">
        <v>0.6156239218013787</v>
      </c>
      <c r="B1120" s="1"/>
      <c r="C1120">
        <v>6</v>
      </c>
      <c r="D1120" t="s">
        <v>1488</v>
      </c>
      <c r="E1120" t="s">
        <v>31196</v>
      </c>
      <c r="F1120">
        <v>4</v>
      </c>
      <c r="H1120" t="s">
        <v>1489</v>
      </c>
      <c r="I1120" t="s">
        <v>30540</v>
      </c>
    </row>
    <row r="1121" spans="1:9">
      <c r="A1121" s="1">
        <v>0.41788403646226124</v>
      </c>
      <c r="B1121" s="1"/>
      <c r="C1121">
        <v>7</v>
      </c>
      <c r="D1121" t="s">
        <v>1490</v>
      </c>
      <c r="E1121" t="s">
        <v>31196</v>
      </c>
      <c r="F1121">
        <v>4</v>
      </c>
      <c r="G1121" t="s">
        <v>10</v>
      </c>
      <c r="H1121" t="s">
        <v>1491</v>
      </c>
      <c r="I1121" t="s">
        <v>30540</v>
      </c>
    </row>
    <row r="1122" spans="1:9">
      <c r="A1122" s="1">
        <v>0.66659919401896162</v>
      </c>
      <c r="B1122" s="1"/>
      <c r="C1122">
        <v>3</v>
      </c>
      <c r="D1122" t="s">
        <v>1486</v>
      </c>
      <c r="E1122" t="s">
        <v>31196</v>
      </c>
      <c r="F1122">
        <v>4</v>
      </c>
      <c r="H1122" t="s">
        <v>1487</v>
      </c>
      <c r="I1122" t="s">
        <v>30540</v>
      </c>
    </row>
    <row r="1123" spans="1:9">
      <c r="A1123" s="1">
        <v>0.74955225949325488</v>
      </c>
      <c r="B1123" s="1"/>
      <c r="C1123">
        <v>1</v>
      </c>
      <c r="D1123" t="s">
        <v>1484</v>
      </c>
      <c r="E1123" t="s">
        <v>31196</v>
      </c>
      <c r="F1123">
        <v>4</v>
      </c>
      <c r="H1123" t="s">
        <v>1485</v>
      </c>
      <c r="I1123" t="s">
        <v>30540</v>
      </c>
    </row>
    <row r="1124" spans="1:9">
      <c r="A1124" s="1">
        <v>0.28592666509677656</v>
      </c>
      <c r="B1124" s="1"/>
      <c r="C1124">
        <v>6</v>
      </c>
      <c r="D1124" t="s">
        <v>1482</v>
      </c>
      <c r="E1124" t="s">
        <v>31197</v>
      </c>
      <c r="F1124">
        <v>4</v>
      </c>
      <c r="H1124" t="s">
        <v>1483</v>
      </c>
      <c r="I1124" t="s">
        <v>30540</v>
      </c>
    </row>
    <row r="1125" spans="1:9">
      <c r="A1125" s="1">
        <v>0.16772484350151085</v>
      </c>
      <c r="B1125" s="1"/>
      <c r="C1125">
        <v>3</v>
      </c>
      <c r="D1125" t="s">
        <v>3083</v>
      </c>
      <c r="E1125" t="s">
        <v>31198</v>
      </c>
      <c r="F1125">
        <v>5</v>
      </c>
      <c r="H1125" t="s">
        <v>3084</v>
      </c>
      <c r="I1125" t="s">
        <v>30540</v>
      </c>
    </row>
    <row r="1126" spans="1:9">
      <c r="A1126" s="1">
        <v>0.68434080864049407</v>
      </c>
      <c r="B1126" s="1"/>
      <c r="C1126">
        <v>6</v>
      </c>
      <c r="D1126" t="s">
        <v>3081</v>
      </c>
      <c r="E1126" t="s">
        <v>31199</v>
      </c>
      <c r="F1126">
        <v>4</v>
      </c>
      <c r="H1126" t="s">
        <v>3082</v>
      </c>
      <c r="I1126" t="s">
        <v>30540</v>
      </c>
    </row>
    <row r="1127" spans="1:9">
      <c r="A1127" s="1">
        <v>0.85935304839744608</v>
      </c>
      <c r="B1127" s="1"/>
      <c r="C1127">
        <v>5</v>
      </c>
      <c r="D1127" t="s">
        <v>3079</v>
      </c>
      <c r="E1127" t="s">
        <v>31200</v>
      </c>
      <c r="F1127">
        <v>4</v>
      </c>
      <c r="H1127" t="s">
        <v>3080</v>
      </c>
      <c r="I1127" t="s">
        <v>30540</v>
      </c>
    </row>
    <row r="1128" spans="1:9">
      <c r="A1128" s="1">
        <v>0.46393680006019222</v>
      </c>
      <c r="B1128" s="1"/>
      <c r="C1128">
        <v>6</v>
      </c>
      <c r="D1128" t="s">
        <v>3075</v>
      </c>
      <c r="E1128" t="s">
        <v>31202</v>
      </c>
      <c r="F1128">
        <v>4</v>
      </c>
      <c r="H1128" t="s">
        <v>3076</v>
      </c>
      <c r="I1128" t="s">
        <v>30540</v>
      </c>
    </row>
    <row r="1129" spans="1:9">
      <c r="A1129" s="1">
        <v>0.22167149929207763</v>
      </c>
      <c r="B1129" s="1"/>
      <c r="C1129">
        <v>11</v>
      </c>
      <c r="D1129" t="s">
        <v>3069</v>
      </c>
      <c r="E1129" t="s">
        <v>31205</v>
      </c>
      <c r="F1129">
        <v>4</v>
      </c>
      <c r="H1129" t="s">
        <v>3070</v>
      </c>
      <c r="I1129" t="s">
        <v>30540</v>
      </c>
    </row>
    <row r="1130" spans="1:9">
      <c r="A1130" s="1">
        <v>3.7601280737689313E-2</v>
      </c>
      <c r="B1130" s="1"/>
      <c r="C1130">
        <v>8</v>
      </c>
      <c r="D1130" t="s">
        <v>3067</v>
      </c>
      <c r="E1130" t="s">
        <v>31206</v>
      </c>
      <c r="F1130">
        <v>4</v>
      </c>
      <c r="H1130" t="s">
        <v>3068</v>
      </c>
      <c r="I1130" t="s">
        <v>30540</v>
      </c>
    </row>
    <row r="1131" spans="1:9">
      <c r="A1131" s="1">
        <v>0.80259462046966512</v>
      </c>
      <c r="B1131" s="1"/>
      <c r="C1131">
        <v>5</v>
      </c>
      <c r="D1131" t="s">
        <v>3065</v>
      </c>
      <c r="E1131" t="s">
        <v>31206</v>
      </c>
      <c r="F1131">
        <v>4</v>
      </c>
      <c r="H1131" t="s">
        <v>3066</v>
      </c>
      <c r="I1131" t="s">
        <v>30540</v>
      </c>
    </row>
    <row r="1132" spans="1:9">
      <c r="A1132" s="1">
        <v>0.92237415615259932</v>
      </c>
      <c r="B1132" s="1"/>
      <c r="C1132">
        <v>3</v>
      </c>
      <c r="D1132" t="s">
        <v>3059</v>
      </c>
      <c r="E1132" t="s">
        <v>31207</v>
      </c>
      <c r="F1132">
        <v>4</v>
      </c>
      <c r="H1132" t="s">
        <v>3060</v>
      </c>
      <c r="I1132" t="s">
        <v>30540</v>
      </c>
    </row>
    <row r="1133" spans="1:9">
      <c r="A1133" s="1">
        <v>0.78043855783525928</v>
      </c>
      <c r="B1133" s="1"/>
      <c r="C1133">
        <v>4</v>
      </c>
      <c r="D1133" t="s">
        <v>3061</v>
      </c>
      <c r="E1133" t="s">
        <v>31207</v>
      </c>
      <c r="F1133">
        <v>4</v>
      </c>
      <c r="H1133" t="s">
        <v>3062</v>
      </c>
      <c r="I1133" t="s">
        <v>30540</v>
      </c>
    </row>
    <row r="1134" spans="1:9">
      <c r="A1134" s="1">
        <v>8.6774244940296619E-2</v>
      </c>
      <c r="B1134" s="1"/>
      <c r="C1134">
        <v>4</v>
      </c>
      <c r="D1134" t="s">
        <v>3055</v>
      </c>
      <c r="E1134" t="s">
        <v>31209</v>
      </c>
      <c r="F1134">
        <v>3</v>
      </c>
      <c r="H1134" t="s">
        <v>3056</v>
      </c>
      <c r="I1134" t="s">
        <v>30540</v>
      </c>
    </row>
    <row r="1135" spans="1:9">
      <c r="A1135" s="1">
        <v>0.37607737674181785</v>
      </c>
      <c r="B1135" s="1"/>
      <c r="C1135">
        <v>9</v>
      </c>
      <c r="D1135" t="s">
        <v>3051</v>
      </c>
      <c r="E1135" t="s">
        <v>31210</v>
      </c>
      <c r="F1135">
        <v>4</v>
      </c>
      <c r="H1135" t="s">
        <v>3052</v>
      </c>
      <c r="I1135" t="s">
        <v>30540</v>
      </c>
    </row>
    <row r="1136" spans="1:9">
      <c r="A1136" s="1">
        <v>0.97465207810620069</v>
      </c>
      <c r="B1136" s="1"/>
      <c r="C1136">
        <v>3</v>
      </c>
      <c r="D1136" t="s">
        <v>3049</v>
      </c>
      <c r="E1136" t="s">
        <v>31210</v>
      </c>
      <c r="F1136">
        <v>4</v>
      </c>
      <c r="H1136" t="s">
        <v>3050</v>
      </c>
      <c r="I1136" t="s">
        <v>30540</v>
      </c>
    </row>
    <row r="1137" spans="1:9">
      <c r="A1137" s="1">
        <v>0.76087012230345341</v>
      </c>
      <c r="B1137" s="1"/>
      <c r="C1137">
        <v>3</v>
      </c>
      <c r="D1137" t="s">
        <v>3047</v>
      </c>
      <c r="E1137" t="s">
        <v>31211</v>
      </c>
      <c r="F1137">
        <v>5</v>
      </c>
      <c r="H1137" t="s">
        <v>3048</v>
      </c>
      <c r="I1137" t="s">
        <v>30540</v>
      </c>
    </row>
    <row r="1138" spans="1:9">
      <c r="A1138" s="1">
        <v>0.29259182770108616</v>
      </c>
      <c r="B1138" s="1"/>
      <c r="C1138">
        <v>4</v>
      </c>
      <c r="D1138" t="s">
        <v>3045</v>
      </c>
      <c r="E1138" t="s">
        <v>31212</v>
      </c>
      <c r="F1138">
        <v>5</v>
      </c>
      <c r="H1138" t="s">
        <v>3046</v>
      </c>
      <c r="I1138" t="s">
        <v>30540</v>
      </c>
    </row>
    <row r="1139" spans="1:9">
      <c r="A1139" s="1">
        <v>0.69307018789247254</v>
      </c>
      <c r="B1139" s="1"/>
      <c r="C1139">
        <v>3</v>
      </c>
      <c r="D1139" t="s">
        <v>3043</v>
      </c>
      <c r="E1139" t="s">
        <v>31212</v>
      </c>
      <c r="F1139">
        <v>4</v>
      </c>
      <c r="H1139" t="s">
        <v>3044</v>
      </c>
      <c r="I1139" t="s">
        <v>30540</v>
      </c>
    </row>
    <row r="1140" spans="1:9">
      <c r="A1140" s="1">
        <v>0.81489770899462421</v>
      </c>
      <c r="B1140" s="1"/>
      <c r="C1140">
        <v>1</v>
      </c>
      <c r="D1140" t="s">
        <v>3041</v>
      </c>
      <c r="E1140" t="s">
        <v>31213</v>
      </c>
      <c r="F1140">
        <v>5</v>
      </c>
      <c r="H1140" t="s">
        <v>3042</v>
      </c>
      <c r="I1140" t="s">
        <v>30540</v>
      </c>
    </row>
    <row r="1141" spans="1:9">
      <c r="A1141" s="1">
        <v>0.77398188835324644</v>
      </c>
      <c r="B1141" s="1"/>
      <c r="C1141">
        <v>2</v>
      </c>
      <c r="D1141" t="s">
        <v>3039</v>
      </c>
      <c r="E1141" t="s">
        <v>31214</v>
      </c>
      <c r="F1141">
        <v>3</v>
      </c>
      <c r="H1141" t="s">
        <v>3040</v>
      </c>
      <c r="I1141" t="s">
        <v>30540</v>
      </c>
    </row>
    <row r="1142" spans="1:9">
      <c r="A1142" s="1">
        <v>7.022063853982341E-2</v>
      </c>
      <c r="B1142" s="1"/>
      <c r="C1142">
        <v>2</v>
      </c>
      <c r="D1142" t="s">
        <v>3033</v>
      </c>
      <c r="E1142" t="s">
        <v>31215</v>
      </c>
      <c r="F1142">
        <v>4</v>
      </c>
      <c r="H1142" t="s">
        <v>3034</v>
      </c>
      <c r="I1142" t="s">
        <v>30540</v>
      </c>
    </row>
    <row r="1143" spans="1:9">
      <c r="A1143" s="1">
        <v>8.4745143763893971E-2</v>
      </c>
      <c r="B1143" s="1"/>
      <c r="C1143">
        <v>4</v>
      </c>
      <c r="D1143" t="s">
        <v>3035</v>
      </c>
      <c r="E1143" t="s">
        <v>31215</v>
      </c>
      <c r="F1143">
        <v>4</v>
      </c>
      <c r="H1143" t="s">
        <v>3036</v>
      </c>
      <c r="I1143" t="s">
        <v>30540</v>
      </c>
    </row>
    <row r="1144" spans="1:9">
      <c r="A1144" s="1">
        <v>0.85881369600231749</v>
      </c>
      <c r="B1144" s="1"/>
      <c r="C1144">
        <v>1</v>
      </c>
      <c r="D1144" t="s">
        <v>3031</v>
      </c>
      <c r="E1144" t="s">
        <v>31215</v>
      </c>
      <c r="F1144">
        <v>3</v>
      </c>
      <c r="H1144" t="s">
        <v>3032</v>
      </c>
      <c r="I1144" t="s">
        <v>30540</v>
      </c>
    </row>
    <row r="1145" spans="1:9">
      <c r="A1145" s="1">
        <v>0.23065727925394441</v>
      </c>
      <c r="B1145" s="1"/>
      <c r="C1145">
        <v>4</v>
      </c>
      <c r="D1145" t="s">
        <v>3029</v>
      </c>
      <c r="E1145" t="s">
        <v>31216</v>
      </c>
      <c r="F1145">
        <v>4</v>
      </c>
      <c r="H1145" t="s">
        <v>3030</v>
      </c>
      <c r="I1145" t="s">
        <v>30540</v>
      </c>
    </row>
    <row r="1146" spans="1:9">
      <c r="A1146" s="1">
        <v>0.26995920610704638</v>
      </c>
      <c r="B1146" s="1"/>
      <c r="C1146">
        <v>2</v>
      </c>
      <c r="D1146" t="s">
        <v>3027</v>
      </c>
      <c r="E1146" t="s">
        <v>31217</v>
      </c>
      <c r="F1146">
        <v>3</v>
      </c>
      <c r="H1146" t="s">
        <v>3028</v>
      </c>
      <c r="I1146" t="s">
        <v>30540</v>
      </c>
    </row>
    <row r="1147" spans="1:9">
      <c r="A1147" s="1">
        <v>0.23993491949849655</v>
      </c>
      <c r="B1147" s="1"/>
      <c r="C1147">
        <v>4</v>
      </c>
      <c r="D1147" t="s">
        <v>3023</v>
      </c>
      <c r="E1147" t="s">
        <v>31218</v>
      </c>
      <c r="F1147">
        <v>4</v>
      </c>
      <c r="H1147" t="s">
        <v>3024</v>
      </c>
      <c r="I1147" t="s">
        <v>30540</v>
      </c>
    </row>
    <row r="1148" spans="1:9">
      <c r="A1148" s="1">
        <v>0.4196037246434049</v>
      </c>
      <c r="B1148" s="1"/>
      <c r="C1148">
        <v>12</v>
      </c>
      <c r="D1148" t="s">
        <v>3021</v>
      </c>
      <c r="E1148" t="s">
        <v>31219</v>
      </c>
      <c r="F1148">
        <v>4</v>
      </c>
      <c r="H1148" t="s">
        <v>3022</v>
      </c>
      <c r="I1148" t="s">
        <v>30540</v>
      </c>
    </row>
    <row r="1149" spans="1:9">
      <c r="A1149" s="1">
        <v>0.47325463067491114</v>
      </c>
      <c r="B1149" s="1"/>
      <c r="C1149">
        <v>3</v>
      </c>
      <c r="D1149" t="s">
        <v>3019</v>
      </c>
      <c r="E1149" t="s">
        <v>31219</v>
      </c>
      <c r="F1149">
        <v>4</v>
      </c>
      <c r="H1149" t="s">
        <v>3020</v>
      </c>
      <c r="I1149" t="s">
        <v>30540</v>
      </c>
    </row>
    <row r="1150" spans="1:9">
      <c r="A1150" s="1">
        <v>0.12851240508574946</v>
      </c>
      <c r="B1150" s="1"/>
      <c r="C1150">
        <v>4</v>
      </c>
      <c r="D1150" t="s">
        <v>3013</v>
      </c>
      <c r="E1150" t="s">
        <v>31220</v>
      </c>
      <c r="F1150">
        <v>4</v>
      </c>
      <c r="H1150" t="s">
        <v>3014</v>
      </c>
      <c r="I1150" t="s">
        <v>30540</v>
      </c>
    </row>
    <row r="1151" spans="1:9">
      <c r="A1151" s="1">
        <v>0.24274179496916148</v>
      </c>
      <c r="B1151" s="1"/>
      <c r="C1151">
        <v>2</v>
      </c>
      <c r="D1151" t="s">
        <v>3011</v>
      </c>
      <c r="E1151" t="s">
        <v>31221</v>
      </c>
      <c r="F1151">
        <v>4</v>
      </c>
      <c r="H1151" t="s">
        <v>3012</v>
      </c>
      <c r="I1151" t="s">
        <v>30540</v>
      </c>
    </row>
    <row r="1152" spans="1:9">
      <c r="A1152" s="1">
        <v>0.59726313575956735</v>
      </c>
      <c r="B1152" s="1"/>
      <c r="C1152">
        <v>2</v>
      </c>
      <c r="D1152" t="s">
        <v>3007</v>
      </c>
      <c r="E1152" t="s">
        <v>31223</v>
      </c>
      <c r="F1152">
        <v>4</v>
      </c>
      <c r="H1152" t="s">
        <v>3008</v>
      </c>
      <c r="I1152" t="s">
        <v>30540</v>
      </c>
    </row>
    <row r="1153" spans="1:9">
      <c r="A1153" s="1">
        <v>0.92666019647250697</v>
      </c>
      <c r="B1153" s="1"/>
      <c r="C1153">
        <v>5</v>
      </c>
      <c r="D1153" t="s">
        <v>3003</v>
      </c>
      <c r="E1153" t="s">
        <v>31224</v>
      </c>
      <c r="F1153">
        <v>4</v>
      </c>
      <c r="H1153" t="s">
        <v>3004</v>
      </c>
      <c r="I1153" t="s">
        <v>30540</v>
      </c>
    </row>
    <row r="1154" spans="1:9">
      <c r="A1154" s="1">
        <v>0.80802437060840049</v>
      </c>
      <c r="B1154" s="1"/>
      <c r="C1154">
        <v>3</v>
      </c>
      <c r="D1154" t="s">
        <v>3001</v>
      </c>
      <c r="E1154" t="s">
        <v>31224</v>
      </c>
      <c r="F1154">
        <v>4</v>
      </c>
      <c r="H1154" t="s">
        <v>3002</v>
      </c>
      <c r="I1154" t="s">
        <v>30540</v>
      </c>
    </row>
    <row r="1155" spans="1:9">
      <c r="A1155" s="1">
        <v>0.26698481269877494</v>
      </c>
      <c r="B1155" s="1"/>
      <c r="C1155">
        <v>6</v>
      </c>
      <c r="D1155" t="s">
        <v>3005</v>
      </c>
      <c r="E1155" t="s">
        <v>31224</v>
      </c>
      <c r="F1155">
        <v>4</v>
      </c>
      <c r="H1155" t="s">
        <v>3006</v>
      </c>
      <c r="I1155" t="s">
        <v>30540</v>
      </c>
    </row>
    <row r="1156" spans="1:9">
      <c r="A1156" s="1">
        <v>0.83538304056259083</v>
      </c>
      <c r="B1156" s="1"/>
      <c r="C1156">
        <v>1</v>
      </c>
      <c r="D1156" t="s">
        <v>2997</v>
      </c>
      <c r="E1156" t="s">
        <v>31225</v>
      </c>
      <c r="F1156">
        <v>4</v>
      </c>
      <c r="H1156" t="s">
        <v>2998</v>
      </c>
      <c r="I1156" t="s">
        <v>30540</v>
      </c>
    </row>
    <row r="1157" spans="1:9">
      <c r="A1157" s="1">
        <v>0.33857556779986386</v>
      </c>
      <c r="B1157" s="1"/>
      <c r="C1157">
        <v>6</v>
      </c>
      <c r="D1157" t="s">
        <v>2999</v>
      </c>
      <c r="E1157" t="s">
        <v>31225</v>
      </c>
      <c r="F1157">
        <v>4</v>
      </c>
      <c r="H1157" t="s">
        <v>3000</v>
      </c>
      <c r="I1157" t="s">
        <v>30540</v>
      </c>
    </row>
    <row r="1158" spans="1:9">
      <c r="A1158" s="1">
        <v>0.26183985652968012</v>
      </c>
      <c r="B1158" s="1"/>
      <c r="C1158">
        <v>1</v>
      </c>
      <c r="D1158" t="s">
        <v>2991</v>
      </c>
      <c r="E1158" t="s">
        <v>31226</v>
      </c>
      <c r="F1158">
        <v>4</v>
      </c>
      <c r="H1158" t="s">
        <v>2992</v>
      </c>
      <c r="I1158" t="s">
        <v>30540</v>
      </c>
    </row>
    <row r="1159" spans="1:9">
      <c r="A1159" s="1">
        <v>0.16458378964218434</v>
      </c>
      <c r="B1159" s="1"/>
      <c r="C1159">
        <v>2</v>
      </c>
      <c r="D1159" t="s">
        <v>2993</v>
      </c>
      <c r="E1159" t="s">
        <v>31226</v>
      </c>
      <c r="F1159">
        <v>4</v>
      </c>
      <c r="H1159" t="s">
        <v>2994</v>
      </c>
      <c r="I1159" t="s">
        <v>30540</v>
      </c>
    </row>
    <row r="1160" spans="1:9">
      <c r="A1160" s="1">
        <v>0.54274780644861498</v>
      </c>
      <c r="B1160" s="1"/>
      <c r="C1160">
        <v>4</v>
      </c>
      <c r="D1160" t="s">
        <v>2995</v>
      </c>
      <c r="E1160" t="s">
        <v>31226</v>
      </c>
      <c r="F1160">
        <v>3</v>
      </c>
      <c r="H1160" t="s">
        <v>2996</v>
      </c>
      <c r="I1160" t="s">
        <v>30540</v>
      </c>
    </row>
    <row r="1161" spans="1:9">
      <c r="A1161" s="1">
        <v>0.34784121637686338</v>
      </c>
      <c r="B1161" s="1"/>
      <c r="C1161">
        <v>2</v>
      </c>
      <c r="D1161" t="s">
        <v>2989</v>
      </c>
      <c r="E1161" t="s">
        <v>31227</v>
      </c>
      <c r="F1161">
        <v>5</v>
      </c>
      <c r="H1161" t="s">
        <v>2990</v>
      </c>
      <c r="I1161" t="s">
        <v>30540</v>
      </c>
    </row>
    <row r="1162" spans="1:9">
      <c r="A1162" s="1">
        <v>9.1646215162235478E-2</v>
      </c>
      <c r="B1162" s="1"/>
      <c r="C1162">
        <v>3</v>
      </c>
      <c r="D1162" t="s">
        <v>2983</v>
      </c>
      <c r="E1162" t="s">
        <v>31228</v>
      </c>
      <c r="F1162">
        <v>5</v>
      </c>
      <c r="H1162" t="s">
        <v>2984</v>
      </c>
      <c r="I1162" t="s">
        <v>30540</v>
      </c>
    </row>
    <row r="1163" spans="1:9">
      <c r="A1163" s="1">
        <v>0.15797404071589727</v>
      </c>
      <c r="B1163" s="1"/>
      <c r="C1163">
        <v>1</v>
      </c>
      <c r="D1163" t="s">
        <v>2979</v>
      </c>
      <c r="E1163" t="s">
        <v>31228</v>
      </c>
      <c r="F1163">
        <v>4</v>
      </c>
      <c r="H1163" t="s">
        <v>2980</v>
      </c>
      <c r="I1163" t="s">
        <v>30540</v>
      </c>
    </row>
    <row r="1164" spans="1:9">
      <c r="A1164" s="1">
        <v>0.83482828096419526</v>
      </c>
      <c r="B1164" s="1"/>
      <c r="C1164">
        <v>8</v>
      </c>
      <c r="D1164" t="s">
        <v>2987</v>
      </c>
      <c r="E1164" t="s">
        <v>31228</v>
      </c>
      <c r="F1164">
        <v>4</v>
      </c>
      <c r="H1164" t="s">
        <v>2988</v>
      </c>
      <c r="I1164" t="s">
        <v>30540</v>
      </c>
    </row>
    <row r="1165" spans="1:9">
      <c r="A1165" s="1">
        <v>0.73165902006571004</v>
      </c>
      <c r="B1165" s="1"/>
      <c r="C1165">
        <v>7</v>
      </c>
      <c r="D1165" t="s">
        <v>2985</v>
      </c>
      <c r="E1165" t="s">
        <v>31228</v>
      </c>
      <c r="F1165">
        <v>4</v>
      </c>
      <c r="H1165" t="s">
        <v>2986</v>
      </c>
      <c r="I1165" t="s">
        <v>30540</v>
      </c>
    </row>
    <row r="1166" spans="1:9">
      <c r="A1166" s="1">
        <v>4.7962014087060134E-2</v>
      </c>
      <c r="B1166" s="1"/>
      <c r="C1166">
        <v>4</v>
      </c>
      <c r="D1166" t="s">
        <v>2975</v>
      </c>
      <c r="E1166" t="s">
        <v>31229</v>
      </c>
      <c r="F1166">
        <v>4</v>
      </c>
      <c r="H1166" t="s">
        <v>2976</v>
      </c>
      <c r="I1166" t="s">
        <v>30540</v>
      </c>
    </row>
    <row r="1167" spans="1:9">
      <c r="A1167" s="1">
        <v>0.74257463739636398</v>
      </c>
      <c r="B1167" s="1"/>
      <c r="C1167">
        <v>7</v>
      </c>
      <c r="D1167" t="s">
        <v>2977</v>
      </c>
      <c r="E1167" t="s">
        <v>31229</v>
      </c>
      <c r="F1167">
        <v>4</v>
      </c>
      <c r="H1167" t="s">
        <v>2978</v>
      </c>
      <c r="I1167" t="s">
        <v>30540</v>
      </c>
    </row>
    <row r="1168" spans="1:9">
      <c r="A1168" s="1">
        <v>0.71938738684570258</v>
      </c>
      <c r="B1168" s="1"/>
      <c r="C1168">
        <v>4</v>
      </c>
      <c r="D1168" t="s">
        <v>2973</v>
      </c>
      <c r="E1168" t="s">
        <v>31230</v>
      </c>
      <c r="F1168">
        <v>4</v>
      </c>
      <c r="H1168" t="s">
        <v>2974</v>
      </c>
      <c r="I1168" t="s">
        <v>30540</v>
      </c>
    </row>
    <row r="1169" spans="1:9">
      <c r="A1169" s="1">
        <v>0.88532581632439389</v>
      </c>
      <c r="B1169" s="1"/>
      <c r="C1169">
        <v>10</v>
      </c>
      <c r="D1169" t="s">
        <v>2969</v>
      </c>
      <c r="E1169" t="s">
        <v>31231</v>
      </c>
      <c r="F1169">
        <v>4</v>
      </c>
      <c r="H1169" t="s">
        <v>2970</v>
      </c>
      <c r="I1169" t="s">
        <v>30540</v>
      </c>
    </row>
    <row r="1170" spans="1:9">
      <c r="A1170" s="1">
        <v>0.74202313492433969</v>
      </c>
      <c r="B1170" s="1"/>
      <c r="C1170">
        <v>3</v>
      </c>
      <c r="D1170" t="s">
        <v>2967</v>
      </c>
      <c r="E1170" t="s">
        <v>31232</v>
      </c>
      <c r="F1170">
        <v>4</v>
      </c>
      <c r="H1170" t="s">
        <v>2968</v>
      </c>
      <c r="I1170" t="s">
        <v>30540</v>
      </c>
    </row>
    <row r="1171" spans="1:9">
      <c r="A1171" s="1">
        <v>0.85054086526437644</v>
      </c>
      <c r="B1171" s="1"/>
      <c r="C1171">
        <v>8</v>
      </c>
      <c r="D1171" t="s">
        <v>2965</v>
      </c>
      <c r="E1171" t="s">
        <v>31233</v>
      </c>
      <c r="F1171">
        <v>4</v>
      </c>
      <c r="H1171" t="s">
        <v>2966</v>
      </c>
      <c r="I1171" t="s">
        <v>30540</v>
      </c>
    </row>
    <row r="1172" spans="1:9">
      <c r="A1172" s="1">
        <v>0.82738937140821478</v>
      </c>
      <c r="B1172" s="1"/>
      <c r="C1172">
        <v>4</v>
      </c>
      <c r="D1172" t="s">
        <v>2963</v>
      </c>
      <c r="E1172" t="s">
        <v>31234</v>
      </c>
      <c r="F1172">
        <v>3</v>
      </c>
      <c r="H1172" t="s">
        <v>2964</v>
      </c>
      <c r="I1172" t="s">
        <v>30540</v>
      </c>
    </row>
    <row r="1173" spans="1:9">
      <c r="A1173" s="1">
        <v>0.79116227761976177</v>
      </c>
      <c r="B1173" s="1"/>
      <c r="C1173">
        <v>5</v>
      </c>
      <c r="D1173" t="s">
        <v>2961</v>
      </c>
      <c r="E1173" t="s">
        <v>31235</v>
      </c>
      <c r="F1173">
        <v>4</v>
      </c>
      <c r="H1173" t="s">
        <v>2962</v>
      </c>
      <c r="I1173" t="s">
        <v>30540</v>
      </c>
    </row>
    <row r="1174" spans="1:9">
      <c r="A1174" s="1">
        <v>0.21705245989757849</v>
      </c>
      <c r="B1174" s="1"/>
      <c r="C1174">
        <v>4</v>
      </c>
      <c r="D1174" t="s">
        <v>2959</v>
      </c>
      <c r="E1174" t="s">
        <v>31236</v>
      </c>
      <c r="F1174">
        <v>4</v>
      </c>
      <c r="H1174" t="s">
        <v>2960</v>
      </c>
      <c r="I1174" t="s">
        <v>30540</v>
      </c>
    </row>
    <row r="1175" spans="1:9">
      <c r="A1175" s="1">
        <v>0.43619165634365031</v>
      </c>
      <c r="B1175" s="1"/>
      <c r="C1175">
        <v>3</v>
      </c>
      <c r="D1175" t="s">
        <v>2957</v>
      </c>
      <c r="E1175" t="s">
        <v>31237</v>
      </c>
      <c r="F1175">
        <v>3</v>
      </c>
      <c r="H1175" t="s">
        <v>2958</v>
      </c>
      <c r="I1175" t="s">
        <v>30540</v>
      </c>
    </row>
    <row r="1176" spans="1:9">
      <c r="A1176" s="1">
        <v>0.36762253987890248</v>
      </c>
      <c r="B1176" s="1"/>
      <c r="C1176">
        <v>2</v>
      </c>
      <c r="D1176" t="s">
        <v>2955</v>
      </c>
      <c r="E1176" t="s">
        <v>31238</v>
      </c>
      <c r="F1176">
        <v>4</v>
      </c>
      <c r="H1176" t="s">
        <v>2956</v>
      </c>
      <c r="I1176" t="s">
        <v>30540</v>
      </c>
    </row>
    <row r="1177" spans="1:9">
      <c r="A1177" s="1">
        <v>0.61178285111890796</v>
      </c>
      <c r="B1177" s="1"/>
      <c r="C1177">
        <v>10</v>
      </c>
      <c r="D1177" t="s">
        <v>2953</v>
      </c>
      <c r="E1177" t="s">
        <v>31239</v>
      </c>
      <c r="F1177">
        <v>5</v>
      </c>
      <c r="H1177" t="s">
        <v>2954</v>
      </c>
      <c r="I1177" t="s">
        <v>30540</v>
      </c>
    </row>
    <row r="1178" spans="1:9">
      <c r="A1178" s="1">
        <v>0.39381816865198205</v>
      </c>
      <c r="B1178" s="1"/>
      <c r="C1178">
        <v>6</v>
      </c>
      <c r="D1178" t="s">
        <v>2951</v>
      </c>
      <c r="E1178" t="s">
        <v>31239</v>
      </c>
      <c r="F1178">
        <v>3</v>
      </c>
      <c r="H1178" t="s">
        <v>2952</v>
      </c>
      <c r="I1178" t="s">
        <v>30540</v>
      </c>
    </row>
    <row r="1179" spans="1:9">
      <c r="A1179" s="1">
        <v>0.35238977567799834</v>
      </c>
      <c r="B1179" s="1"/>
      <c r="C1179">
        <v>4</v>
      </c>
      <c r="D1179" t="s">
        <v>2943</v>
      </c>
      <c r="E1179" t="s">
        <v>31240</v>
      </c>
      <c r="F1179">
        <v>5</v>
      </c>
      <c r="H1179" t="s">
        <v>2944</v>
      </c>
      <c r="I1179" t="s">
        <v>30540</v>
      </c>
    </row>
    <row r="1180" spans="1:9">
      <c r="A1180" s="1">
        <v>0.88991108419406872</v>
      </c>
      <c r="B1180" s="1"/>
      <c r="C1180">
        <v>8</v>
      </c>
      <c r="D1180" t="s">
        <v>2945</v>
      </c>
      <c r="E1180" t="s">
        <v>31240</v>
      </c>
      <c r="F1180">
        <v>4</v>
      </c>
      <c r="H1180" t="s">
        <v>2946</v>
      </c>
      <c r="I1180" t="s">
        <v>30540</v>
      </c>
    </row>
    <row r="1181" spans="1:9">
      <c r="A1181" s="1">
        <v>0.84399953752803492</v>
      </c>
      <c r="B1181" s="1"/>
      <c r="C1181">
        <v>9</v>
      </c>
      <c r="D1181" t="s">
        <v>2947</v>
      </c>
      <c r="E1181" t="s">
        <v>31240</v>
      </c>
      <c r="F1181">
        <v>4</v>
      </c>
      <c r="H1181" t="s">
        <v>2948</v>
      </c>
      <c r="I1181" t="s">
        <v>30540</v>
      </c>
    </row>
    <row r="1182" spans="1:9">
      <c r="A1182" s="1">
        <v>0.71796701589437895</v>
      </c>
      <c r="B1182" s="1"/>
      <c r="C1182">
        <v>3</v>
      </c>
      <c r="D1182" t="s">
        <v>2939</v>
      </c>
      <c r="E1182" t="s">
        <v>31241</v>
      </c>
      <c r="F1182">
        <v>5</v>
      </c>
      <c r="H1182" t="s">
        <v>2940</v>
      </c>
      <c r="I1182" t="s">
        <v>30540</v>
      </c>
    </row>
    <row r="1183" spans="1:9">
      <c r="A1183" s="1">
        <v>0.6067332021047035</v>
      </c>
      <c r="B1183" s="1"/>
      <c r="C1183">
        <v>6</v>
      </c>
      <c r="D1183" t="s">
        <v>2937</v>
      </c>
      <c r="E1183" t="s">
        <v>31242</v>
      </c>
      <c r="F1183">
        <v>4</v>
      </c>
      <c r="H1183" t="s">
        <v>2938</v>
      </c>
      <c r="I1183" t="s">
        <v>30540</v>
      </c>
    </row>
    <row r="1184" spans="1:9">
      <c r="A1184" s="1">
        <v>0.75540090165713014</v>
      </c>
      <c r="B1184" s="1"/>
      <c r="C1184">
        <v>7</v>
      </c>
      <c r="D1184" t="s">
        <v>2935</v>
      </c>
      <c r="E1184" t="s">
        <v>31243</v>
      </c>
      <c r="F1184">
        <v>5</v>
      </c>
      <c r="H1184" t="s">
        <v>2936</v>
      </c>
      <c r="I1184" t="s">
        <v>30540</v>
      </c>
    </row>
    <row r="1185" spans="1:9">
      <c r="A1185" s="1">
        <v>0.14313291146744689</v>
      </c>
      <c r="B1185" s="1"/>
      <c r="C1185">
        <v>2</v>
      </c>
      <c r="D1185" t="s">
        <v>2931</v>
      </c>
      <c r="E1185" t="s">
        <v>31243</v>
      </c>
      <c r="F1185">
        <v>4</v>
      </c>
      <c r="H1185" t="s">
        <v>2932</v>
      </c>
      <c r="I1185" t="s">
        <v>30540</v>
      </c>
    </row>
    <row r="1186" spans="1:9">
      <c r="A1186" s="1">
        <v>0.53846856282968458</v>
      </c>
      <c r="B1186" s="1"/>
      <c r="C1186">
        <v>2</v>
      </c>
      <c r="D1186" t="s">
        <v>2925</v>
      </c>
      <c r="E1186" t="s">
        <v>31246</v>
      </c>
      <c r="F1186">
        <v>4</v>
      </c>
      <c r="H1186" t="s">
        <v>2926</v>
      </c>
      <c r="I1186" t="s">
        <v>30540</v>
      </c>
    </row>
    <row r="1187" spans="1:9">
      <c r="A1187" s="1">
        <v>0.10590198619300562</v>
      </c>
      <c r="B1187" s="1"/>
      <c r="C1187">
        <v>3</v>
      </c>
      <c r="D1187" t="s">
        <v>2921</v>
      </c>
      <c r="E1187" t="s">
        <v>31247</v>
      </c>
      <c r="F1187">
        <v>5</v>
      </c>
      <c r="H1187" t="s">
        <v>2922</v>
      </c>
      <c r="I1187" t="s">
        <v>30540</v>
      </c>
    </row>
    <row r="1188" spans="1:9">
      <c r="A1188" s="1">
        <v>0.52655574983317932</v>
      </c>
      <c r="B1188" s="1"/>
      <c r="C1188">
        <v>7</v>
      </c>
      <c r="D1188" t="s">
        <v>2923</v>
      </c>
      <c r="E1188" t="s">
        <v>31247</v>
      </c>
      <c r="F1188">
        <v>4</v>
      </c>
      <c r="H1188" t="s">
        <v>2924</v>
      </c>
      <c r="I1188" t="s">
        <v>30540</v>
      </c>
    </row>
    <row r="1189" spans="1:9">
      <c r="A1189" s="1">
        <v>0.48129379322992583</v>
      </c>
      <c r="B1189" s="1"/>
      <c r="C1189">
        <v>1</v>
      </c>
      <c r="D1189" t="s">
        <v>2919</v>
      </c>
      <c r="E1189" t="s">
        <v>31247</v>
      </c>
      <c r="F1189">
        <v>4</v>
      </c>
      <c r="H1189" t="s">
        <v>2920</v>
      </c>
      <c r="I1189" t="s">
        <v>30540</v>
      </c>
    </row>
    <row r="1190" spans="1:9">
      <c r="A1190" s="1">
        <v>0.65029647871909224</v>
      </c>
      <c r="B1190" s="1"/>
      <c r="C1190">
        <v>4</v>
      </c>
      <c r="D1190" t="s">
        <v>2917</v>
      </c>
      <c r="E1190" t="s">
        <v>31248</v>
      </c>
      <c r="F1190">
        <v>4</v>
      </c>
      <c r="H1190" t="s">
        <v>2918</v>
      </c>
      <c r="I1190" t="s">
        <v>30540</v>
      </c>
    </row>
    <row r="1191" spans="1:9">
      <c r="A1191" s="1">
        <v>0.50242688845460293</v>
      </c>
      <c r="B1191" s="1"/>
      <c r="C1191">
        <v>3</v>
      </c>
      <c r="D1191" t="s">
        <v>2915</v>
      </c>
      <c r="E1191" t="s">
        <v>31248</v>
      </c>
      <c r="F1191">
        <v>4</v>
      </c>
      <c r="H1191" t="s">
        <v>2916</v>
      </c>
      <c r="I1191" t="s">
        <v>30540</v>
      </c>
    </row>
    <row r="1192" spans="1:9">
      <c r="A1192" s="1">
        <v>0.51522674480117003</v>
      </c>
      <c r="B1192" s="1"/>
      <c r="C1192">
        <v>5</v>
      </c>
      <c r="D1192" t="s">
        <v>2913</v>
      </c>
      <c r="E1192" t="s">
        <v>31249</v>
      </c>
      <c r="F1192">
        <v>5</v>
      </c>
      <c r="H1192" t="s">
        <v>2914</v>
      </c>
      <c r="I1192" t="s">
        <v>30540</v>
      </c>
    </row>
    <row r="1193" spans="1:9">
      <c r="A1193" s="1">
        <v>0.71592691406511588</v>
      </c>
      <c r="B1193" s="1"/>
      <c r="C1193">
        <v>6</v>
      </c>
      <c r="D1193" t="s">
        <v>2911</v>
      </c>
      <c r="E1193" t="s">
        <v>31250</v>
      </c>
      <c r="F1193">
        <v>4</v>
      </c>
      <c r="H1193" t="s">
        <v>2912</v>
      </c>
      <c r="I1193" t="s">
        <v>30540</v>
      </c>
    </row>
    <row r="1194" spans="1:9">
      <c r="A1194" s="1">
        <v>0.40146466048989415</v>
      </c>
      <c r="B1194" s="1"/>
      <c r="C1194">
        <v>5</v>
      </c>
      <c r="D1194" t="s">
        <v>2909</v>
      </c>
      <c r="E1194" t="s">
        <v>31251</v>
      </c>
      <c r="F1194">
        <v>4</v>
      </c>
      <c r="H1194" t="s">
        <v>2910</v>
      </c>
      <c r="I1194" t="s">
        <v>30540</v>
      </c>
    </row>
    <row r="1195" spans="1:9">
      <c r="A1195" s="1">
        <v>3.3014169518253089E-2</v>
      </c>
      <c r="B1195" s="1"/>
      <c r="C1195">
        <v>3</v>
      </c>
      <c r="D1195" t="s">
        <v>2907</v>
      </c>
      <c r="E1195" t="s">
        <v>31251</v>
      </c>
      <c r="F1195">
        <v>4</v>
      </c>
      <c r="H1195" t="s">
        <v>2908</v>
      </c>
      <c r="I1195" t="s">
        <v>30540</v>
      </c>
    </row>
    <row r="1196" spans="1:9">
      <c r="A1196" s="1">
        <v>0.17329117079739853</v>
      </c>
      <c r="B1196" s="1"/>
      <c r="C1196">
        <v>2</v>
      </c>
      <c r="D1196" t="s">
        <v>2905</v>
      </c>
      <c r="E1196" t="s">
        <v>31251</v>
      </c>
      <c r="F1196">
        <v>4</v>
      </c>
      <c r="H1196" t="s">
        <v>2906</v>
      </c>
      <c r="I1196" t="s">
        <v>30540</v>
      </c>
    </row>
    <row r="1197" spans="1:9">
      <c r="A1197" s="1">
        <v>0.11152584614032335</v>
      </c>
      <c r="B1197" s="1"/>
      <c r="C1197">
        <v>2</v>
      </c>
      <c r="D1197" t="s">
        <v>2899</v>
      </c>
      <c r="E1197" t="s">
        <v>31252</v>
      </c>
      <c r="F1197">
        <v>5</v>
      </c>
      <c r="H1197" t="s">
        <v>2900</v>
      </c>
      <c r="I1197" t="s">
        <v>30540</v>
      </c>
    </row>
    <row r="1198" spans="1:9">
      <c r="A1198" s="1">
        <v>0.64748642516677191</v>
      </c>
      <c r="B1198" s="1"/>
      <c r="C1198">
        <v>9</v>
      </c>
      <c r="D1198" t="s">
        <v>2903</v>
      </c>
      <c r="E1198" t="s">
        <v>31252</v>
      </c>
      <c r="F1198">
        <v>4</v>
      </c>
      <c r="H1198" t="s">
        <v>2904</v>
      </c>
      <c r="I1198" t="s">
        <v>30540</v>
      </c>
    </row>
    <row r="1199" spans="1:9">
      <c r="A1199" s="1">
        <v>0.34183307854861456</v>
      </c>
      <c r="B1199" s="1"/>
      <c r="C1199">
        <v>3</v>
      </c>
      <c r="D1199" t="s">
        <v>2901</v>
      </c>
      <c r="E1199" t="s">
        <v>31252</v>
      </c>
      <c r="F1199">
        <v>4</v>
      </c>
      <c r="H1199" t="s">
        <v>2902</v>
      </c>
      <c r="I1199" t="s">
        <v>30540</v>
      </c>
    </row>
    <row r="1200" spans="1:9">
      <c r="A1200" s="1">
        <v>0.48606438221495984</v>
      </c>
      <c r="B1200" s="1"/>
      <c r="C1200">
        <v>2</v>
      </c>
      <c r="D1200" t="s">
        <v>2891</v>
      </c>
      <c r="E1200" t="s">
        <v>31254</v>
      </c>
      <c r="F1200">
        <v>4</v>
      </c>
      <c r="H1200" t="s">
        <v>2892</v>
      </c>
      <c r="I1200" t="s">
        <v>30540</v>
      </c>
    </row>
    <row r="1201" spans="1:9">
      <c r="A1201" s="1">
        <v>0.69220775697598602</v>
      </c>
      <c r="B1201" s="1"/>
      <c r="C1201">
        <v>4</v>
      </c>
      <c r="D1201" t="s">
        <v>2893</v>
      </c>
      <c r="E1201" t="s">
        <v>31254</v>
      </c>
      <c r="F1201">
        <v>4</v>
      </c>
      <c r="H1201" t="s">
        <v>2894</v>
      </c>
      <c r="I1201" t="s">
        <v>30540</v>
      </c>
    </row>
    <row r="1202" spans="1:9">
      <c r="A1202" s="1">
        <v>0.29833083374167435</v>
      </c>
      <c r="B1202" s="1"/>
      <c r="C1202">
        <v>5</v>
      </c>
      <c r="D1202" t="s">
        <v>2895</v>
      </c>
      <c r="E1202" t="s">
        <v>31254</v>
      </c>
      <c r="F1202">
        <v>4</v>
      </c>
      <c r="H1202" t="s">
        <v>2896</v>
      </c>
      <c r="I1202" t="s">
        <v>30540</v>
      </c>
    </row>
    <row r="1203" spans="1:9">
      <c r="A1203" s="1">
        <v>0.72604484721532192</v>
      </c>
      <c r="B1203" s="1"/>
      <c r="C1203">
        <v>4</v>
      </c>
      <c r="D1203" t="s">
        <v>2889</v>
      </c>
      <c r="E1203" t="s">
        <v>31255</v>
      </c>
      <c r="F1203">
        <v>4</v>
      </c>
      <c r="H1203" t="s">
        <v>2890</v>
      </c>
      <c r="I1203" t="s">
        <v>30540</v>
      </c>
    </row>
    <row r="1204" spans="1:9">
      <c r="A1204" s="1">
        <v>8.4135172705449568E-2</v>
      </c>
      <c r="B1204" s="1"/>
      <c r="C1204">
        <v>2</v>
      </c>
      <c r="D1204" t="s">
        <v>2885</v>
      </c>
      <c r="E1204" t="s">
        <v>31256</v>
      </c>
      <c r="F1204">
        <v>4</v>
      </c>
      <c r="H1204" t="s">
        <v>2886</v>
      </c>
      <c r="I1204" t="s">
        <v>30540</v>
      </c>
    </row>
    <row r="1205" spans="1:9">
      <c r="A1205" s="1">
        <v>0.60233483132270238</v>
      </c>
      <c r="B1205" s="1"/>
      <c r="C1205">
        <v>4</v>
      </c>
      <c r="D1205" t="s">
        <v>2887</v>
      </c>
      <c r="E1205" t="s">
        <v>31256</v>
      </c>
      <c r="F1205">
        <v>3</v>
      </c>
      <c r="H1205" t="s">
        <v>2888</v>
      </c>
      <c r="I1205" t="s">
        <v>30540</v>
      </c>
    </row>
    <row r="1206" spans="1:9">
      <c r="A1206" s="1">
        <v>0.25926105948413358</v>
      </c>
      <c r="B1206" s="1"/>
      <c r="C1206">
        <v>5</v>
      </c>
      <c r="D1206" t="s">
        <v>2883</v>
      </c>
      <c r="E1206" t="s">
        <v>31257</v>
      </c>
      <c r="F1206">
        <v>4</v>
      </c>
      <c r="H1206" t="s">
        <v>2884</v>
      </c>
      <c r="I1206" t="s">
        <v>30540</v>
      </c>
    </row>
    <row r="1207" spans="1:9">
      <c r="A1207" s="1">
        <v>0.668802870162576</v>
      </c>
      <c r="B1207" s="1"/>
      <c r="C1207">
        <v>3</v>
      </c>
      <c r="D1207" t="s">
        <v>2881</v>
      </c>
      <c r="E1207" t="s">
        <v>31257</v>
      </c>
      <c r="F1207">
        <v>4</v>
      </c>
      <c r="H1207" t="s">
        <v>2882</v>
      </c>
      <c r="I1207" t="s">
        <v>30540</v>
      </c>
    </row>
    <row r="1208" spans="1:9">
      <c r="A1208" s="1">
        <v>0.92480380695007691</v>
      </c>
      <c r="B1208" s="1"/>
      <c r="C1208">
        <v>7</v>
      </c>
      <c r="D1208" t="s">
        <v>2879</v>
      </c>
      <c r="E1208" t="s">
        <v>31258</v>
      </c>
      <c r="F1208">
        <v>5</v>
      </c>
      <c r="H1208" t="s">
        <v>2880</v>
      </c>
      <c r="I1208" t="s">
        <v>30540</v>
      </c>
    </row>
    <row r="1209" spans="1:9">
      <c r="A1209" s="1">
        <v>0.69706225312370207</v>
      </c>
      <c r="B1209" s="1"/>
      <c r="C1209">
        <v>1</v>
      </c>
      <c r="D1209" t="s">
        <v>2877</v>
      </c>
      <c r="E1209" t="s">
        <v>31259</v>
      </c>
      <c r="F1209">
        <v>5</v>
      </c>
      <c r="H1209" t="s">
        <v>2878</v>
      </c>
      <c r="I1209" t="s">
        <v>30540</v>
      </c>
    </row>
    <row r="1210" spans="1:9">
      <c r="A1210" s="1">
        <v>0.64138436610595606</v>
      </c>
      <c r="B1210" s="1"/>
      <c r="C1210">
        <v>3</v>
      </c>
      <c r="D1210" t="s">
        <v>2873</v>
      </c>
      <c r="E1210" t="s">
        <v>31260</v>
      </c>
      <c r="F1210">
        <v>5</v>
      </c>
      <c r="H1210" t="s">
        <v>2874</v>
      </c>
      <c r="I1210" t="s">
        <v>30540</v>
      </c>
    </row>
    <row r="1211" spans="1:9">
      <c r="A1211" s="1">
        <v>0.13245754853776115</v>
      </c>
      <c r="B1211" s="1"/>
      <c r="C1211">
        <v>1</v>
      </c>
      <c r="D1211" t="s">
        <v>2867</v>
      </c>
      <c r="E1211" t="s">
        <v>31261</v>
      </c>
      <c r="F1211">
        <v>4</v>
      </c>
      <c r="H1211" t="s">
        <v>2868</v>
      </c>
      <c r="I1211" t="s">
        <v>30540</v>
      </c>
    </row>
    <row r="1212" spans="1:9">
      <c r="A1212" s="1">
        <v>0.32948505817006568</v>
      </c>
      <c r="B1212" s="1"/>
      <c r="C1212">
        <v>5</v>
      </c>
      <c r="D1212" t="s">
        <v>2869</v>
      </c>
      <c r="E1212" t="s">
        <v>31261</v>
      </c>
      <c r="F1212">
        <v>4</v>
      </c>
      <c r="H1212" t="s">
        <v>2870</v>
      </c>
      <c r="I1212" t="s">
        <v>30540</v>
      </c>
    </row>
    <row r="1213" spans="1:9">
      <c r="A1213" s="1">
        <v>0.14940981245335327</v>
      </c>
      <c r="B1213" s="1"/>
      <c r="C1213">
        <v>7</v>
      </c>
      <c r="D1213" t="s">
        <v>2871</v>
      </c>
      <c r="E1213" t="s">
        <v>31261</v>
      </c>
      <c r="F1213">
        <v>3</v>
      </c>
      <c r="H1213" t="s">
        <v>2872</v>
      </c>
      <c r="I1213" t="s">
        <v>30540</v>
      </c>
    </row>
    <row r="1214" spans="1:9">
      <c r="A1214" s="1">
        <v>0.16016267540233642</v>
      </c>
      <c r="B1214" s="1"/>
      <c r="C1214">
        <v>13</v>
      </c>
      <c r="D1214" t="s">
        <v>2865</v>
      </c>
      <c r="E1214" t="s">
        <v>31262</v>
      </c>
      <c r="F1214">
        <v>5</v>
      </c>
      <c r="H1214" t="s">
        <v>2866</v>
      </c>
      <c r="I1214" t="s">
        <v>30540</v>
      </c>
    </row>
    <row r="1215" spans="1:9">
      <c r="A1215" s="1">
        <v>0.48469115490012415</v>
      </c>
      <c r="B1215" s="1"/>
      <c r="C1215">
        <v>10</v>
      </c>
      <c r="D1215" t="s">
        <v>2861</v>
      </c>
      <c r="E1215" t="s">
        <v>31262</v>
      </c>
      <c r="F1215">
        <v>4</v>
      </c>
      <c r="H1215" t="s">
        <v>2862</v>
      </c>
      <c r="I1215" t="s">
        <v>30540</v>
      </c>
    </row>
    <row r="1216" spans="1:9">
      <c r="A1216" s="1">
        <v>0.52275561086226208</v>
      </c>
      <c r="B1216" s="1"/>
      <c r="C1216">
        <v>12</v>
      </c>
      <c r="D1216" t="s">
        <v>2863</v>
      </c>
      <c r="E1216" t="s">
        <v>31262</v>
      </c>
      <c r="F1216">
        <v>4</v>
      </c>
      <c r="H1216" t="s">
        <v>2864</v>
      </c>
      <c r="I1216" t="s">
        <v>30540</v>
      </c>
    </row>
    <row r="1217" spans="1:9">
      <c r="A1217" s="1">
        <v>0.65275304766251241</v>
      </c>
      <c r="B1217" s="1"/>
      <c r="C1217">
        <v>3</v>
      </c>
      <c r="D1217" t="s">
        <v>2859</v>
      </c>
      <c r="E1217" t="s">
        <v>31263</v>
      </c>
      <c r="F1217">
        <v>4</v>
      </c>
      <c r="H1217" t="s">
        <v>2860</v>
      </c>
      <c r="I1217" t="s">
        <v>30540</v>
      </c>
    </row>
    <row r="1218" spans="1:9">
      <c r="A1218" s="1">
        <v>0.83168500458165751</v>
      </c>
      <c r="B1218" s="1"/>
      <c r="C1218">
        <v>4</v>
      </c>
      <c r="D1218" t="s">
        <v>2857</v>
      </c>
      <c r="E1218" t="s">
        <v>31264</v>
      </c>
      <c r="F1218">
        <v>4</v>
      </c>
      <c r="H1218" t="s">
        <v>2858</v>
      </c>
      <c r="I1218" t="s">
        <v>30540</v>
      </c>
    </row>
    <row r="1219" spans="1:9">
      <c r="A1219" s="1">
        <v>4.840259589889262E-2</v>
      </c>
      <c r="B1219" s="1"/>
      <c r="C1219">
        <v>3</v>
      </c>
      <c r="D1219" t="s">
        <v>2855</v>
      </c>
      <c r="E1219" t="s">
        <v>31265</v>
      </c>
      <c r="F1219">
        <v>5</v>
      </c>
      <c r="H1219" t="s">
        <v>2856</v>
      </c>
      <c r="I1219" t="s">
        <v>30540</v>
      </c>
    </row>
    <row r="1220" spans="1:9">
      <c r="A1220" s="1">
        <v>0.68645602401019434</v>
      </c>
      <c r="B1220" s="1"/>
      <c r="C1220">
        <v>7</v>
      </c>
      <c r="D1220" t="s">
        <v>2853</v>
      </c>
      <c r="E1220" t="s">
        <v>31266</v>
      </c>
      <c r="F1220">
        <v>4</v>
      </c>
      <c r="H1220" t="s">
        <v>2854</v>
      </c>
      <c r="I1220" t="s">
        <v>30540</v>
      </c>
    </row>
    <row r="1221" spans="1:9">
      <c r="A1221" s="1">
        <v>0.30758795382606929</v>
      </c>
      <c r="B1221" s="1"/>
      <c r="C1221">
        <v>1</v>
      </c>
      <c r="D1221" t="s">
        <v>2851</v>
      </c>
      <c r="E1221" t="s">
        <v>31266</v>
      </c>
      <c r="F1221">
        <v>3</v>
      </c>
      <c r="H1221" t="s">
        <v>2852</v>
      </c>
      <c r="I1221" t="s">
        <v>30540</v>
      </c>
    </row>
    <row r="1222" spans="1:9">
      <c r="A1222" s="1">
        <v>0.42614245471805512</v>
      </c>
      <c r="B1222" s="1"/>
      <c r="C1222">
        <v>11</v>
      </c>
      <c r="D1222" t="s">
        <v>2849</v>
      </c>
      <c r="E1222" t="s">
        <v>31267</v>
      </c>
      <c r="F1222">
        <v>4</v>
      </c>
      <c r="H1222" t="s">
        <v>2850</v>
      </c>
      <c r="I1222" t="s">
        <v>30540</v>
      </c>
    </row>
    <row r="1223" spans="1:9">
      <c r="A1223" s="1">
        <v>0.72254546828289645</v>
      </c>
      <c r="B1223" s="1"/>
      <c r="C1223">
        <v>3</v>
      </c>
      <c r="D1223" t="s">
        <v>2843</v>
      </c>
      <c r="E1223" t="s">
        <v>31269</v>
      </c>
      <c r="F1223">
        <v>4</v>
      </c>
      <c r="H1223" t="s">
        <v>2844</v>
      </c>
      <c r="I1223" t="s">
        <v>30540</v>
      </c>
    </row>
    <row r="1224" spans="1:9">
      <c r="A1224" s="1">
        <v>0.67187144901897922</v>
      </c>
      <c r="B1224" s="1"/>
      <c r="C1224">
        <v>6</v>
      </c>
      <c r="D1224" t="s">
        <v>2845</v>
      </c>
      <c r="E1224" t="s">
        <v>31269</v>
      </c>
      <c r="F1224">
        <v>4</v>
      </c>
      <c r="H1224" t="s">
        <v>2846</v>
      </c>
      <c r="I1224" t="s">
        <v>30540</v>
      </c>
    </row>
    <row r="1225" spans="1:9">
      <c r="A1225" s="1">
        <v>0.36452493322779578</v>
      </c>
      <c r="B1225" s="1"/>
      <c r="C1225">
        <v>1</v>
      </c>
      <c r="D1225" t="s">
        <v>2839</v>
      </c>
      <c r="E1225" t="s">
        <v>31270</v>
      </c>
      <c r="F1225">
        <v>3</v>
      </c>
      <c r="H1225" t="s">
        <v>2840</v>
      </c>
      <c r="I1225" t="s">
        <v>30540</v>
      </c>
    </row>
    <row r="1226" spans="1:9">
      <c r="A1226" s="1">
        <v>0.35671176948016015</v>
      </c>
      <c r="B1226" s="1"/>
      <c r="C1226">
        <v>9</v>
      </c>
      <c r="D1226" t="s">
        <v>2837</v>
      </c>
      <c r="E1226" t="s">
        <v>31271</v>
      </c>
      <c r="F1226">
        <v>6</v>
      </c>
      <c r="H1226" t="s">
        <v>2838</v>
      </c>
      <c r="I1226" t="s">
        <v>30540</v>
      </c>
    </row>
    <row r="1227" spans="1:9">
      <c r="A1227" s="1">
        <v>0.73660221355242383</v>
      </c>
      <c r="B1227" s="1"/>
      <c r="C1227">
        <v>2</v>
      </c>
      <c r="D1227" t="s">
        <v>2835</v>
      </c>
      <c r="E1227" t="s">
        <v>31272</v>
      </c>
      <c r="F1227">
        <v>4</v>
      </c>
      <c r="H1227" t="s">
        <v>2836</v>
      </c>
      <c r="I1227" t="s">
        <v>30540</v>
      </c>
    </row>
    <row r="1228" spans="1:9">
      <c r="A1228" s="1">
        <v>0.53948798621761807</v>
      </c>
      <c r="B1228" s="1"/>
      <c r="C1228">
        <v>1</v>
      </c>
      <c r="D1228" t="s">
        <v>2833</v>
      </c>
      <c r="E1228" t="s">
        <v>31272</v>
      </c>
      <c r="F1228">
        <v>4</v>
      </c>
      <c r="H1228" t="s">
        <v>2834</v>
      </c>
      <c r="I1228" t="s">
        <v>30540</v>
      </c>
    </row>
    <row r="1229" spans="1:9">
      <c r="A1229" s="1">
        <v>0.80872329600423565</v>
      </c>
      <c r="B1229" s="1"/>
      <c r="C1229">
        <v>4</v>
      </c>
      <c r="D1229" t="s">
        <v>2829</v>
      </c>
      <c r="E1229" t="s">
        <v>31273</v>
      </c>
      <c r="F1229">
        <v>4</v>
      </c>
      <c r="H1229" t="s">
        <v>2830</v>
      </c>
      <c r="I1229" t="s">
        <v>30540</v>
      </c>
    </row>
    <row r="1230" spans="1:9">
      <c r="A1230" s="1">
        <v>0.39187967511412092</v>
      </c>
      <c r="B1230" s="1"/>
      <c r="C1230">
        <v>2</v>
      </c>
      <c r="D1230" t="s">
        <v>2827</v>
      </c>
      <c r="E1230" t="s">
        <v>31274</v>
      </c>
      <c r="F1230">
        <v>4</v>
      </c>
      <c r="H1230" t="s">
        <v>2828</v>
      </c>
      <c r="I1230" t="s">
        <v>30540</v>
      </c>
    </row>
    <row r="1231" spans="1:9">
      <c r="A1231" s="1">
        <v>0.66467667223705051</v>
      </c>
      <c r="B1231" s="1"/>
      <c r="C1231">
        <v>5</v>
      </c>
      <c r="D1231" t="s">
        <v>2825</v>
      </c>
      <c r="E1231" t="s">
        <v>31275</v>
      </c>
      <c r="F1231">
        <v>5</v>
      </c>
      <c r="H1231" t="s">
        <v>2826</v>
      </c>
      <c r="I1231" t="s">
        <v>30540</v>
      </c>
    </row>
    <row r="1232" spans="1:9">
      <c r="A1232" s="1">
        <v>0.19965907872729227</v>
      </c>
      <c r="B1232" s="1"/>
      <c r="C1232">
        <v>11</v>
      </c>
      <c r="D1232" t="s">
        <v>2819</v>
      </c>
      <c r="E1232" t="s">
        <v>31276</v>
      </c>
      <c r="F1232">
        <v>4</v>
      </c>
      <c r="H1232" t="s">
        <v>2820</v>
      </c>
      <c r="I1232" t="s">
        <v>30540</v>
      </c>
    </row>
    <row r="1233" spans="1:9">
      <c r="A1233" s="1">
        <v>0.81890668140971135</v>
      </c>
      <c r="B1233" s="1"/>
      <c r="C1233">
        <v>15</v>
      </c>
      <c r="D1233" t="s">
        <v>2821</v>
      </c>
      <c r="E1233" t="s">
        <v>31276</v>
      </c>
      <c r="F1233">
        <v>4</v>
      </c>
      <c r="H1233" t="s">
        <v>2822</v>
      </c>
      <c r="I1233" t="s">
        <v>30540</v>
      </c>
    </row>
    <row r="1234" spans="1:9">
      <c r="A1234" s="1">
        <v>0.51177967299744143</v>
      </c>
      <c r="B1234" s="1"/>
      <c r="C1234">
        <v>1</v>
      </c>
      <c r="D1234" t="s">
        <v>2815</v>
      </c>
      <c r="E1234" t="s">
        <v>31276</v>
      </c>
      <c r="F1234">
        <v>3</v>
      </c>
      <c r="H1234" t="s">
        <v>2816</v>
      </c>
      <c r="I1234" t="s">
        <v>30540</v>
      </c>
    </row>
    <row r="1235" spans="1:9">
      <c r="A1235" s="1">
        <v>0.38565071068405876</v>
      </c>
      <c r="B1235" s="1"/>
      <c r="C1235">
        <v>7</v>
      </c>
      <c r="D1235" t="s">
        <v>2811</v>
      </c>
      <c r="E1235" t="s">
        <v>31277</v>
      </c>
      <c r="F1235">
        <v>4</v>
      </c>
      <c r="H1235" t="s">
        <v>2812</v>
      </c>
      <c r="I1235" t="s">
        <v>30540</v>
      </c>
    </row>
    <row r="1236" spans="1:9">
      <c r="A1236" s="1">
        <v>0.72267506955990801</v>
      </c>
      <c r="B1236" s="1"/>
      <c r="C1236">
        <v>8</v>
      </c>
      <c r="D1236" t="s">
        <v>2813</v>
      </c>
      <c r="E1236" t="s">
        <v>31277</v>
      </c>
      <c r="F1236">
        <v>4</v>
      </c>
      <c r="H1236" t="s">
        <v>2814</v>
      </c>
      <c r="I1236" t="s">
        <v>30540</v>
      </c>
    </row>
    <row r="1237" spans="1:9">
      <c r="A1237" s="1">
        <v>0.47962096069371651</v>
      </c>
      <c r="B1237" s="1"/>
      <c r="C1237">
        <v>5</v>
      </c>
      <c r="D1237" t="s">
        <v>2809</v>
      </c>
      <c r="E1237" t="s">
        <v>31278</v>
      </c>
      <c r="F1237">
        <v>5</v>
      </c>
      <c r="H1237" t="s">
        <v>2810</v>
      </c>
      <c r="I1237" t="s">
        <v>30540</v>
      </c>
    </row>
    <row r="1238" spans="1:9">
      <c r="A1238" s="1">
        <v>0.50036690885433832</v>
      </c>
      <c r="B1238" s="1"/>
      <c r="C1238">
        <v>3</v>
      </c>
      <c r="D1238" t="s">
        <v>2807</v>
      </c>
      <c r="E1238" t="s">
        <v>31279</v>
      </c>
      <c r="F1238">
        <v>4</v>
      </c>
      <c r="H1238" t="s">
        <v>2808</v>
      </c>
      <c r="I1238" t="s">
        <v>30540</v>
      </c>
    </row>
    <row r="1239" spans="1:9">
      <c r="A1239" s="1">
        <v>4.763197326447266E-2</v>
      </c>
      <c r="B1239" s="1"/>
      <c r="C1239">
        <v>5</v>
      </c>
      <c r="D1239" t="s">
        <v>2803</v>
      </c>
      <c r="E1239" t="s">
        <v>31281</v>
      </c>
      <c r="F1239">
        <v>5</v>
      </c>
      <c r="H1239" t="s">
        <v>2804</v>
      </c>
      <c r="I1239" t="s">
        <v>30540</v>
      </c>
    </row>
    <row r="1240" spans="1:9">
      <c r="A1240" s="1">
        <v>0.11481036396489108</v>
      </c>
      <c r="B1240" s="1"/>
      <c r="C1240">
        <v>3</v>
      </c>
      <c r="D1240" t="s">
        <v>2801</v>
      </c>
      <c r="E1240" t="s">
        <v>31281</v>
      </c>
      <c r="F1240">
        <v>4</v>
      </c>
      <c r="H1240" t="s">
        <v>2802</v>
      </c>
      <c r="I1240" t="s">
        <v>30540</v>
      </c>
    </row>
    <row r="1241" spans="1:9">
      <c r="A1241" s="1">
        <v>0.91167304332006482</v>
      </c>
      <c r="B1241" s="1"/>
      <c r="C1241">
        <v>7</v>
      </c>
      <c r="D1241" t="s">
        <v>2797</v>
      </c>
      <c r="E1241" t="s">
        <v>31282</v>
      </c>
      <c r="F1241">
        <v>4</v>
      </c>
      <c r="H1241" t="s">
        <v>2798</v>
      </c>
      <c r="I1241" t="s">
        <v>30540</v>
      </c>
    </row>
    <row r="1242" spans="1:9">
      <c r="A1242" s="1">
        <v>0.54019509661138443</v>
      </c>
      <c r="B1242" s="1"/>
      <c r="C1242">
        <v>5</v>
      </c>
      <c r="D1242" t="s">
        <v>2795</v>
      </c>
      <c r="E1242" t="s">
        <v>31282</v>
      </c>
      <c r="F1242">
        <v>4</v>
      </c>
      <c r="H1242" t="s">
        <v>2796</v>
      </c>
      <c r="I1242" t="s">
        <v>30540</v>
      </c>
    </row>
    <row r="1243" spans="1:9">
      <c r="A1243" s="1">
        <v>0.87354988263048539</v>
      </c>
      <c r="B1243" s="1"/>
      <c r="C1243">
        <v>3</v>
      </c>
      <c r="D1243" t="s">
        <v>2793</v>
      </c>
      <c r="E1243" t="s">
        <v>31283</v>
      </c>
      <c r="F1243">
        <v>4</v>
      </c>
      <c r="H1243" t="s">
        <v>2794</v>
      </c>
      <c r="I1243" t="s">
        <v>30540</v>
      </c>
    </row>
    <row r="1244" spans="1:9">
      <c r="A1244" s="1">
        <v>0.63732977725053319</v>
      </c>
      <c r="B1244" s="1"/>
      <c r="C1244">
        <v>6</v>
      </c>
      <c r="D1244" t="s">
        <v>2789</v>
      </c>
      <c r="E1244" t="s">
        <v>31284</v>
      </c>
      <c r="F1244">
        <v>5</v>
      </c>
      <c r="H1244" t="s">
        <v>2790</v>
      </c>
      <c r="I1244" t="s">
        <v>30540</v>
      </c>
    </row>
    <row r="1245" spans="1:9">
      <c r="A1245" s="1">
        <v>0.23884425113868368</v>
      </c>
      <c r="B1245" s="1"/>
      <c r="C1245">
        <v>7</v>
      </c>
      <c r="D1245" t="s">
        <v>2791</v>
      </c>
      <c r="E1245" t="s">
        <v>31284</v>
      </c>
      <c r="F1245">
        <v>3</v>
      </c>
      <c r="H1245" t="s">
        <v>2792</v>
      </c>
      <c r="I1245" t="s">
        <v>30540</v>
      </c>
    </row>
    <row r="1246" spans="1:9">
      <c r="A1246" s="1">
        <v>0.28387259005081988</v>
      </c>
      <c r="B1246" s="1"/>
      <c r="C1246">
        <v>3</v>
      </c>
      <c r="D1246" t="s">
        <v>2785</v>
      </c>
      <c r="E1246" t="s">
        <v>31286</v>
      </c>
      <c r="F1246">
        <v>3</v>
      </c>
      <c r="H1246" t="s">
        <v>2786</v>
      </c>
      <c r="I1246" t="s">
        <v>30540</v>
      </c>
    </row>
    <row r="1247" spans="1:9">
      <c r="A1247" s="1">
        <v>0.94286215889048741</v>
      </c>
      <c r="B1247" s="1"/>
      <c r="C1247">
        <v>3</v>
      </c>
      <c r="D1247" t="s">
        <v>2783</v>
      </c>
      <c r="E1247" t="s">
        <v>31287</v>
      </c>
      <c r="F1247">
        <v>5</v>
      </c>
      <c r="H1247" t="s">
        <v>2784</v>
      </c>
      <c r="I1247" t="s">
        <v>30540</v>
      </c>
    </row>
    <row r="1248" spans="1:9">
      <c r="A1248" s="1">
        <v>0.87907497049174954</v>
      </c>
      <c r="B1248" s="1"/>
      <c r="C1248">
        <v>1</v>
      </c>
      <c r="D1248" t="s">
        <v>2775</v>
      </c>
      <c r="E1248" t="s">
        <v>31288</v>
      </c>
      <c r="F1248">
        <v>5</v>
      </c>
      <c r="G1248" t="s">
        <v>774</v>
      </c>
      <c r="H1248" t="s">
        <v>2776</v>
      </c>
      <c r="I1248" t="s">
        <v>30540</v>
      </c>
    </row>
    <row r="1249" spans="1:9">
      <c r="A1249" s="1">
        <v>0.1601562686974406</v>
      </c>
      <c r="B1249" s="1"/>
      <c r="C1249">
        <v>3</v>
      </c>
      <c r="D1249" t="s">
        <v>2779</v>
      </c>
      <c r="E1249" t="s">
        <v>31288</v>
      </c>
      <c r="F1249">
        <v>5</v>
      </c>
      <c r="H1249" t="s">
        <v>2780</v>
      </c>
      <c r="I1249" t="s">
        <v>30540</v>
      </c>
    </row>
    <row r="1250" spans="1:9">
      <c r="A1250" s="1">
        <v>0.47312021702450424</v>
      </c>
      <c r="B1250" s="1"/>
      <c r="C1250">
        <v>2</v>
      </c>
      <c r="D1250" t="s">
        <v>2777</v>
      </c>
      <c r="E1250" t="s">
        <v>31288</v>
      </c>
      <c r="F1250">
        <v>4</v>
      </c>
      <c r="H1250" t="s">
        <v>2778</v>
      </c>
      <c r="I1250" t="s">
        <v>30540</v>
      </c>
    </row>
    <row r="1251" spans="1:9">
      <c r="A1251" s="1">
        <v>0.8835910784100558</v>
      </c>
      <c r="B1251" s="1"/>
      <c r="C1251">
        <v>6</v>
      </c>
      <c r="D1251" t="s">
        <v>2781</v>
      </c>
      <c r="E1251" t="s">
        <v>31288</v>
      </c>
      <c r="F1251">
        <v>4</v>
      </c>
      <c r="H1251" t="s">
        <v>2782</v>
      </c>
      <c r="I1251" t="s">
        <v>30540</v>
      </c>
    </row>
    <row r="1252" spans="1:9">
      <c r="A1252" s="1">
        <v>0.39451060794873916</v>
      </c>
      <c r="B1252" s="1"/>
      <c r="C1252">
        <v>5</v>
      </c>
      <c r="D1252" t="s">
        <v>2771</v>
      </c>
      <c r="E1252" t="s">
        <v>31290</v>
      </c>
      <c r="F1252">
        <v>5</v>
      </c>
      <c r="H1252" t="s">
        <v>2772</v>
      </c>
      <c r="I1252" t="s">
        <v>30540</v>
      </c>
    </row>
    <row r="1253" spans="1:9">
      <c r="A1253" s="1">
        <v>0.61922493893343977</v>
      </c>
      <c r="B1253" s="1"/>
      <c r="C1253">
        <v>1</v>
      </c>
      <c r="D1253" t="s">
        <v>2769</v>
      </c>
      <c r="E1253" t="s">
        <v>31290</v>
      </c>
      <c r="F1253">
        <v>4</v>
      </c>
      <c r="H1253" t="s">
        <v>2770</v>
      </c>
      <c r="I1253" t="s">
        <v>30540</v>
      </c>
    </row>
    <row r="1254" spans="1:9">
      <c r="A1254" s="1">
        <v>0.43824972684694974</v>
      </c>
      <c r="B1254" s="1"/>
      <c r="C1254">
        <v>2</v>
      </c>
      <c r="D1254" t="s">
        <v>2767</v>
      </c>
      <c r="E1254" t="s">
        <v>31291</v>
      </c>
      <c r="F1254">
        <v>4</v>
      </c>
      <c r="H1254" t="s">
        <v>2768</v>
      </c>
      <c r="I1254" t="s">
        <v>30540</v>
      </c>
    </row>
    <row r="1255" spans="1:9">
      <c r="A1255" s="1">
        <v>0.29782750427916616</v>
      </c>
      <c r="B1255" s="1"/>
      <c r="C1255">
        <v>4</v>
      </c>
      <c r="D1255" t="s">
        <v>2759</v>
      </c>
      <c r="E1255" t="s">
        <v>31294</v>
      </c>
      <c r="F1255">
        <v>5</v>
      </c>
      <c r="H1255" t="s">
        <v>2760</v>
      </c>
      <c r="I1255" t="s">
        <v>30540</v>
      </c>
    </row>
    <row r="1256" spans="1:9">
      <c r="A1256" s="1">
        <v>0.54069135300052407</v>
      </c>
      <c r="B1256" s="1"/>
      <c r="C1256">
        <v>3</v>
      </c>
      <c r="D1256" t="s">
        <v>2757</v>
      </c>
      <c r="E1256" t="s">
        <v>31294</v>
      </c>
      <c r="F1256">
        <v>4</v>
      </c>
      <c r="H1256" t="s">
        <v>2758</v>
      </c>
      <c r="I1256" t="s">
        <v>30540</v>
      </c>
    </row>
    <row r="1257" spans="1:9">
      <c r="A1257" s="1">
        <v>0.27893717051318057</v>
      </c>
      <c r="B1257" s="1"/>
      <c r="C1257">
        <v>3</v>
      </c>
      <c r="D1257" t="s">
        <v>2755</v>
      </c>
      <c r="E1257" t="s">
        <v>31295</v>
      </c>
      <c r="F1257">
        <v>4</v>
      </c>
      <c r="H1257" t="s">
        <v>2756</v>
      </c>
      <c r="I1257" t="s">
        <v>30540</v>
      </c>
    </row>
    <row r="1258" spans="1:9">
      <c r="A1258" s="1">
        <v>0.20961981705091837</v>
      </c>
      <c r="B1258" s="1"/>
      <c r="C1258">
        <v>1</v>
      </c>
      <c r="D1258" t="s">
        <v>2747</v>
      </c>
      <c r="E1258" t="s">
        <v>31296</v>
      </c>
      <c r="F1258">
        <v>4</v>
      </c>
      <c r="H1258" t="s">
        <v>2748</v>
      </c>
      <c r="I1258" t="s">
        <v>30540</v>
      </c>
    </row>
    <row r="1259" spans="1:9">
      <c r="A1259" s="1">
        <v>2.7202396883556856E-2</v>
      </c>
      <c r="B1259" s="1"/>
      <c r="C1259">
        <v>8</v>
      </c>
      <c r="D1259" t="s">
        <v>2753</v>
      </c>
      <c r="E1259" t="s">
        <v>31296</v>
      </c>
      <c r="F1259">
        <v>4</v>
      </c>
      <c r="H1259" t="s">
        <v>2754</v>
      </c>
      <c r="I1259" t="s">
        <v>30540</v>
      </c>
    </row>
    <row r="1260" spans="1:9">
      <c r="A1260" s="1">
        <v>0.24691685801248064</v>
      </c>
      <c r="B1260" s="1"/>
      <c r="C1260">
        <v>5</v>
      </c>
      <c r="D1260" t="s">
        <v>2751</v>
      </c>
      <c r="E1260" t="s">
        <v>31296</v>
      </c>
      <c r="F1260">
        <v>4</v>
      </c>
      <c r="H1260" t="s">
        <v>2752</v>
      </c>
      <c r="I1260" t="s">
        <v>30540</v>
      </c>
    </row>
    <row r="1261" spans="1:9">
      <c r="A1261" s="1">
        <v>0.74805916000194417</v>
      </c>
      <c r="B1261" s="1"/>
      <c r="C1261">
        <v>4</v>
      </c>
      <c r="D1261" t="s">
        <v>2749</v>
      </c>
      <c r="E1261" t="s">
        <v>31296</v>
      </c>
      <c r="F1261">
        <v>4</v>
      </c>
      <c r="H1261" t="s">
        <v>2750</v>
      </c>
      <c r="I1261" t="s">
        <v>30540</v>
      </c>
    </row>
    <row r="1262" spans="1:9">
      <c r="A1262" s="1">
        <v>0.63905223071065076</v>
      </c>
      <c r="B1262" s="1"/>
      <c r="C1262">
        <v>2</v>
      </c>
      <c r="D1262" t="s">
        <v>2743</v>
      </c>
      <c r="E1262" t="s">
        <v>31297</v>
      </c>
      <c r="F1262">
        <v>4</v>
      </c>
      <c r="H1262" t="s">
        <v>2744</v>
      </c>
      <c r="I1262" t="s">
        <v>30540</v>
      </c>
    </row>
    <row r="1263" spans="1:9">
      <c r="A1263" s="1">
        <v>0.28529389987736387</v>
      </c>
      <c r="B1263" s="1"/>
      <c r="C1263">
        <v>1</v>
      </c>
      <c r="D1263" t="s">
        <v>2741</v>
      </c>
      <c r="E1263" t="s">
        <v>31297</v>
      </c>
      <c r="F1263">
        <v>4</v>
      </c>
      <c r="H1263" t="s">
        <v>2742</v>
      </c>
      <c r="I1263" t="s">
        <v>30540</v>
      </c>
    </row>
    <row r="1264" spans="1:9">
      <c r="A1264" s="1">
        <v>0.68781165239146558</v>
      </c>
      <c r="B1264" s="1"/>
      <c r="C1264">
        <v>6</v>
      </c>
      <c r="D1264" t="s">
        <v>2745</v>
      </c>
      <c r="E1264" t="s">
        <v>31297</v>
      </c>
      <c r="F1264">
        <v>4</v>
      </c>
      <c r="H1264" t="s">
        <v>2746</v>
      </c>
      <c r="I1264" t="s">
        <v>30540</v>
      </c>
    </row>
    <row r="1265" spans="1:9">
      <c r="A1265" s="1">
        <v>0.78541779108777388</v>
      </c>
      <c r="B1265" s="1"/>
      <c r="C1265">
        <v>3</v>
      </c>
      <c r="D1265" t="s">
        <v>2739</v>
      </c>
      <c r="E1265" t="s">
        <v>31298</v>
      </c>
      <c r="F1265">
        <v>4</v>
      </c>
      <c r="H1265" t="s">
        <v>2740</v>
      </c>
      <c r="I1265" t="s">
        <v>30540</v>
      </c>
    </row>
    <row r="1266" spans="1:9">
      <c r="A1266" s="1">
        <v>0.51169102925800825</v>
      </c>
      <c r="B1266" s="1"/>
      <c r="C1266">
        <v>13</v>
      </c>
      <c r="D1266" t="s">
        <v>2736</v>
      </c>
      <c r="E1266" t="s">
        <v>31299</v>
      </c>
      <c r="F1266">
        <v>4</v>
      </c>
      <c r="H1266" t="s">
        <v>2737</v>
      </c>
      <c r="I1266" t="s">
        <v>30540</v>
      </c>
    </row>
    <row r="1267" spans="1:9">
      <c r="A1267" s="1">
        <v>0.25162788440697836</v>
      </c>
      <c r="B1267" s="1"/>
      <c r="C1267">
        <v>1</v>
      </c>
      <c r="D1267" t="s">
        <v>2728</v>
      </c>
      <c r="E1267" t="s">
        <v>31301</v>
      </c>
      <c r="F1267">
        <v>5</v>
      </c>
      <c r="H1267" t="s">
        <v>2729</v>
      </c>
      <c r="I1267" t="s">
        <v>30540</v>
      </c>
    </row>
    <row r="1268" spans="1:9">
      <c r="A1268" s="1">
        <v>0.96031910408187404</v>
      </c>
      <c r="B1268" s="1"/>
      <c r="C1268">
        <v>4</v>
      </c>
      <c r="D1268" t="s">
        <v>2730</v>
      </c>
      <c r="E1268" t="s">
        <v>31301</v>
      </c>
      <c r="F1268">
        <v>4</v>
      </c>
      <c r="H1268" t="s">
        <v>2731</v>
      </c>
      <c r="I1268" t="s">
        <v>30540</v>
      </c>
    </row>
    <row r="1269" spans="1:9">
      <c r="A1269" s="1">
        <v>0.41328556578699016</v>
      </c>
      <c r="B1269" s="1"/>
      <c r="C1269">
        <v>5</v>
      </c>
      <c r="D1269" t="s">
        <v>2732</v>
      </c>
      <c r="E1269" t="s">
        <v>31301</v>
      </c>
      <c r="F1269">
        <v>4</v>
      </c>
      <c r="H1269" t="s">
        <v>2733</v>
      </c>
      <c r="I1269" t="s">
        <v>30540</v>
      </c>
    </row>
    <row r="1270" spans="1:9">
      <c r="A1270" s="1">
        <v>0.22779097339892673</v>
      </c>
      <c r="B1270" s="1"/>
      <c r="C1270">
        <v>5</v>
      </c>
      <c r="D1270" t="s">
        <v>2722</v>
      </c>
      <c r="E1270" t="s">
        <v>31304</v>
      </c>
      <c r="F1270">
        <v>5</v>
      </c>
      <c r="H1270" t="s">
        <v>2723</v>
      </c>
      <c r="I1270" t="s">
        <v>30540</v>
      </c>
    </row>
    <row r="1271" spans="1:9">
      <c r="A1271" s="1">
        <v>0.36965137336428233</v>
      </c>
      <c r="B1271" s="1"/>
      <c r="C1271">
        <v>1</v>
      </c>
      <c r="D1271" t="s">
        <v>2718</v>
      </c>
      <c r="E1271" t="s">
        <v>31304</v>
      </c>
      <c r="F1271">
        <v>4</v>
      </c>
      <c r="H1271" t="s">
        <v>2719</v>
      </c>
      <c r="I1271" t="s">
        <v>30540</v>
      </c>
    </row>
    <row r="1272" spans="1:9">
      <c r="A1272" s="1">
        <v>0.95273691860523813</v>
      </c>
      <c r="B1272" s="1"/>
      <c r="C1272">
        <v>3</v>
      </c>
      <c r="D1272" t="s">
        <v>2720</v>
      </c>
      <c r="E1272" t="s">
        <v>31304</v>
      </c>
      <c r="F1272">
        <v>4</v>
      </c>
      <c r="H1272" t="s">
        <v>2721</v>
      </c>
      <c r="I1272" t="s">
        <v>30540</v>
      </c>
    </row>
    <row r="1273" spans="1:9">
      <c r="A1273" s="1">
        <v>0.76054022814431588</v>
      </c>
      <c r="B1273" s="1"/>
      <c r="C1273">
        <v>6</v>
      </c>
      <c r="D1273" t="s">
        <v>2716</v>
      </c>
      <c r="E1273" t="s">
        <v>31305</v>
      </c>
      <c r="F1273">
        <v>4</v>
      </c>
      <c r="H1273" t="s">
        <v>2717</v>
      </c>
      <c r="I1273" t="s">
        <v>30540</v>
      </c>
    </row>
    <row r="1274" spans="1:9">
      <c r="A1274" s="1">
        <v>0.3715109342820937</v>
      </c>
      <c r="B1274" s="1"/>
      <c r="C1274">
        <v>2</v>
      </c>
      <c r="D1274" t="s">
        <v>2712</v>
      </c>
      <c r="E1274" t="s">
        <v>31306</v>
      </c>
      <c r="F1274">
        <v>5</v>
      </c>
      <c r="H1274" t="s">
        <v>2713</v>
      </c>
      <c r="I1274" t="s">
        <v>30540</v>
      </c>
    </row>
    <row r="1275" spans="1:9">
      <c r="A1275" s="1">
        <v>0.33010474952412394</v>
      </c>
      <c r="B1275" s="1"/>
      <c r="C1275">
        <v>7</v>
      </c>
      <c r="D1275" t="s">
        <v>2710</v>
      </c>
      <c r="E1275" t="s">
        <v>31307</v>
      </c>
      <c r="F1275">
        <v>4</v>
      </c>
      <c r="H1275" t="s">
        <v>2711</v>
      </c>
      <c r="I1275" t="s">
        <v>30540</v>
      </c>
    </row>
    <row r="1276" spans="1:9">
      <c r="A1276" s="1">
        <v>0.16701122646590305</v>
      </c>
      <c r="B1276" s="1"/>
      <c r="C1276">
        <v>4</v>
      </c>
      <c r="D1276" t="s">
        <v>2706</v>
      </c>
      <c r="E1276" t="s">
        <v>31308</v>
      </c>
      <c r="F1276">
        <v>5</v>
      </c>
      <c r="H1276" t="s">
        <v>2707</v>
      </c>
      <c r="I1276" t="s">
        <v>30540</v>
      </c>
    </row>
    <row r="1277" spans="1:9">
      <c r="A1277" s="1">
        <v>0.24474302126766911</v>
      </c>
      <c r="B1277" s="1"/>
      <c r="C1277">
        <v>3</v>
      </c>
      <c r="D1277" t="s">
        <v>2704</v>
      </c>
      <c r="E1277" t="s">
        <v>31308</v>
      </c>
      <c r="F1277">
        <v>4</v>
      </c>
      <c r="H1277" t="s">
        <v>2705</v>
      </c>
      <c r="I1277" t="s">
        <v>30540</v>
      </c>
    </row>
    <row r="1278" spans="1:9">
      <c r="A1278" s="1">
        <v>0.66802588148955155</v>
      </c>
      <c r="B1278" s="1"/>
      <c r="C1278">
        <v>1</v>
      </c>
      <c r="D1278" t="s">
        <v>2702</v>
      </c>
      <c r="E1278" t="s">
        <v>31308</v>
      </c>
      <c r="F1278">
        <v>4</v>
      </c>
      <c r="H1278" t="s">
        <v>2703</v>
      </c>
      <c r="I1278" t="s">
        <v>30540</v>
      </c>
    </row>
    <row r="1279" spans="1:9">
      <c r="A1279" s="1">
        <v>0.49617817555835453</v>
      </c>
      <c r="B1279" s="1"/>
      <c r="C1279">
        <v>6</v>
      </c>
      <c r="D1279" t="s">
        <v>2700</v>
      </c>
      <c r="E1279" t="s">
        <v>31309</v>
      </c>
      <c r="F1279">
        <v>5</v>
      </c>
      <c r="H1279" t="s">
        <v>2701</v>
      </c>
      <c r="I1279" t="s">
        <v>30540</v>
      </c>
    </row>
    <row r="1280" spans="1:9">
      <c r="A1280" s="1">
        <v>0.57218305106006562</v>
      </c>
      <c r="B1280" s="1"/>
      <c r="C1280">
        <v>1</v>
      </c>
      <c r="D1280" t="s">
        <v>2698</v>
      </c>
      <c r="E1280" t="s">
        <v>31309</v>
      </c>
      <c r="F1280">
        <v>4</v>
      </c>
      <c r="H1280" t="s">
        <v>2699</v>
      </c>
      <c r="I1280" t="s">
        <v>30540</v>
      </c>
    </row>
    <row r="1281" spans="1:9">
      <c r="A1281" s="1">
        <v>1.2806425009902145E-2</v>
      </c>
      <c r="B1281" s="1"/>
      <c r="C1281">
        <v>9</v>
      </c>
      <c r="D1281" t="s">
        <v>2696</v>
      </c>
      <c r="E1281" t="s">
        <v>31310</v>
      </c>
      <c r="F1281">
        <v>5</v>
      </c>
      <c r="H1281" t="s">
        <v>2697</v>
      </c>
      <c r="I1281" t="s">
        <v>30540</v>
      </c>
    </row>
    <row r="1282" spans="1:9">
      <c r="A1282" s="1">
        <v>0.3959018972466698</v>
      </c>
      <c r="B1282" s="1"/>
      <c r="C1282">
        <v>8</v>
      </c>
      <c r="D1282" t="s">
        <v>2694</v>
      </c>
      <c r="E1282" t="s">
        <v>31311</v>
      </c>
      <c r="F1282">
        <v>4</v>
      </c>
      <c r="H1282" t="s">
        <v>2695</v>
      </c>
      <c r="I1282" t="s">
        <v>30540</v>
      </c>
    </row>
    <row r="1283" spans="1:9">
      <c r="A1283" s="1">
        <v>0.33974721766661187</v>
      </c>
      <c r="B1283" s="1"/>
      <c r="C1283">
        <v>6</v>
      </c>
      <c r="D1283" t="s">
        <v>2692</v>
      </c>
      <c r="E1283" t="s">
        <v>31311</v>
      </c>
      <c r="F1283">
        <v>4</v>
      </c>
      <c r="H1283" t="s">
        <v>2693</v>
      </c>
      <c r="I1283" t="s">
        <v>30540</v>
      </c>
    </row>
    <row r="1284" spans="1:9">
      <c r="A1284" s="1">
        <v>9.9927828868015989E-2</v>
      </c>
      <c r="B1284" s="1"/>
      <c r="C1284">
        <v>3</v>
      </c>
      <c r="D1284" t="s">
        <v>2690</v>
      </c>
      <c r="E1284" t="s">
        <v>31311</v>
      </c>
      <c r="F1284">
        <v>4</v>
      </c>
      <c r="H1284" t="s">
        <v>2691</v>
      </c>
      <c r="I1284" t="s">
        <v>30540</v>
      </c>
    </row>
    <row r="1285" spans="1:9">
      <c r="A1285" s="1">
        <v>0.90555462342723325</v>
      </c>
      <c r="B1285" s="1"/>
      <c r="C1285">
        <v>1</v>
      </c>
      <c r="D1285" t="s">
        <v>2686</v>
      </c>
      <c r="E1285" t="s">
        <v>31312</v>
      </c>
      <c r="F1285">
        <v>4</v>
      </c>
      <c r="H1285" t="s">
        <v>2687</v>
      </c>
      <c r="I1285" t="s">
        <v>30540</v>
      </c>
    </row>
    <row r="1286" spans="1:9">
      <c r="A1286" s="1">
        <v>0.27476449604967912</v>
      </c>
      <c r="B1286" s="1"/>
      <c r="C1286">
        <v>2</v>
      </c>
      <c r="D1286" t="s">
        <v>2684</v>
      </c>
      <c r="E1286" t="s">
        <v>31313</v>
      </c>
      <c r="F1286">
        <v>4</v>
      </c>
      <c r="H1286" t="s">
        <v>2685</v>
      </c>
      <c r="I1286" t="s">
        <v>30540</v>
      </c>
    </row>
    <row r="1287" spans="1:9">
      <c r="A1287" s="1">
        <v>0.19727650635986149</v>
      </c>
      <c r="B1287" s="1"/>
      <c r="C1287">
        <v>3</v>
      </c>
      <c r="D1287" t="s">
        <v>2682</v>
      </c>
      <c r="E1287" t="s">
        <v>31314</v>
      </c>
      <c r="F1287">
        <v>5</v>
      </c>
      <c r="H1287" t="s">
        <v>2683</v>
      </c>
      <c r="I1287" t="s">
        <v>30540</v>
      </c>
    </row>
    <row r="1288" spans="1:9">
      <c r="A1288" s="1">
        <v>0.59111778647756119</v>
      </c>
      <c r="B1288" s="1"/>
      <c r="C1288">
        <v>2</v>
      </c>
      <c r="D1288" t="s">
        <v>2680</v>
      </c>
      <c r="E1288" t="s">
        <v>31314</v>
      </c>
      <c r="F1288">
        <v>5</v>
      </c>
      <c r="H1288" t="s">
        <v>2681</v>
      </c>
      <c r="I1288" t="s">
        <v>30540</v>
      </c>
    </row>
    <row r="1289" spans="1:9">
      <c r="A1289" s="1">
        <v>0.8941234313725861</v>
      </c>
      <c r="B1289" s="1"/>
      <c r="C1289">
        <v>4</v>
      </c>
      <c r="D1289" t="s">
        <v>2678</v>
      </c>
      <c r="E1289" t="s">
        <v>31315</v>
      </c>
      <c r="F1289">
        <v>4</v>
      </c>
      <c r="G1289" t="s">
        <v>838</v>
      </c>
      <c r="H1289" t="s">
        <v>2679</v>
      </c>
      <c r="I1289" t="s">
        <v>30540</v>
      </c>
    </row>
    <row r="1290" spans="1:9">
      <c r="A1290" s="1">
        <v>0.6687610167083794</v>
      </c>
      <c r="B1290" s="1"/>
      <c r="C1290">
        <v>2</v>
      </c>
      <c r="D1290" t="s">
        <v>2676</v>
      </c>
      <c r="E1290" t="s">
        <v>31316</v>
      </c>
      <c r="F1290">
        <v>4</v>
      </c>
      <c r="H1290" t="s">
        <v>2677</v>
      </c>
      <c r="I1290" t="s">
        <v>30540</v>
      </c>
    </row>
    <row r="1291" spans="1:9">
      <c r="A1291" s="1">
        <v>0.21171615834383994</v>
      </c>
      <c r="B1291" s="1"/>
      <c r="C1291">
        <v>5</v>
      </c>
      <c r="D1291" t="s">
        <v>2674</v>
      </c>
      <c r="E1291" t="s">
        <v>31317</v>
      </c>
      <c r="F1291">
        <v>5</v>
      </c>
      <c r="H1291" t="s">
        <v>2675</v>
      </c>
      <c r="I1291" t="s">
        <v>30540</v>
      </c>
    </row>
    <row r="1292" spans="1:9">
      <c r="A1292" s="1">
        <v>0.15554963174690406</v>
      </c>
      <c r="B1292" s="1"/>
      <c r="C1292">
        <v>1</v>
      </c>
      <c r="D1292" t="s">
        <v>2672</v>
      </c>
      <c r="E1292" t="s">
        <v>31317</v>
      </c>
      <c r="F1292">
        <v>4</v>
      </c>
      <c r="H1292" t="s">
        <v>2673</v>
      </c>
      <c r="I1292" t="s">
        <v>30540</v>
      </c>
    </row>
    <row r="1293" spans="1:9">
      <c r="A1293" s="1">
        <v>0.25260618280885039</v>
      </c>
      <c r="B1293" s="1"/>
      <c r="C1293">
        <v>1</v>
      </c>
      <c r="D1293" t="s">
        <v>2670</v>
      </c>
      <c r="E1293" t="s">
        <v>31318</v>
      </c>
      <c r="F1293">
        <v>4</v>
      </c>
      <c r="G1293" t="s">
        <v>10</v>
      </c>
      <c r="H1293" t="s">
        <v>2671</v>
      </c>
      <c r="I1293" t="s">
        <v>30540</v>
      </c>
    </row>
    <row r="1294" spans="1:9">
      <c r="A1294" s="1">
        <v>0.84541065663116821</v>
      </c>
      <c r="B1294" s="1"/>
      <c r="C1294">
        <v>9</v>
      </c>
      <c r="D1294" t="s">
        <v>2664</v>
      </c>
      <c r="E1294" t="s">
        <v>31319</v>
      </c>
      <c r="F1294">
        <v>4</v>
      </c>
      <c r="H1294" t="s">
        <v>2665</v>
      </c>
      <c r="I1294" t="s">
        <v>30540</v>
      </c>
    </row>
    <row r="1295" spans="1:9">
      <c r="A1295" s="1">
        <v>0.49529848893054351</v>
      </c>
      <c r="B1295" s="1"/>
      <c r="C1295">
        <v>3</v>
      </c>
      <c r="D1295" t="s">
        <v>2658</v>
      </c>
      <c r="E1295" t="s">
        <v>31321</v>
      </c>
      <c r="F1295">
        <v>5</v>
      </c>
      <c r="H1295" t="s">
        <v>2659</v>
      </c>
      <c r="I1295" t="s">
        <v>30540</v>
      </c>
    </row>
    <row r="1296" spans="1:9">
      <c r="A1296" s="1">
        <v>0.84559311533626791</v>
      </c>
      <c r="B1296" s="1"/>
      <c r="C1296">
        <v>4</v>
      </c>
      <c r="D1296" t="s">
        <v>2660</v>
      </c>
      <c r="E1296" t="s">
        <v>31321</v>
      </c>
      <c r="F1296">
        <v>4</v>
      </c>
      <c r="H1296" t="s">
        <v>2661</v>
      </c>
      <c r="I1296" t="s">
        <v>30540</v>
      </c>
    </row>
    <row r="1297" spans="1:9">
      <c r="A1297" s="1">
        <v>0.90447385626292942</v>
      </c>
      <c r="B1297" s="1"/>
      <c r="C1297">
        <v>1</v>
      </c>
      <c r="D1297" t="s">
        <v>2656</v>
      </c>
      <c r="E1297" t="s">
        <v>31321</v>
      </c>
      <c r="F1297">
        <v>4</v>
      </c>
      <c r="H1297" t="s">
        <v>2657</v>
      </c>
      <c r="I1297" t="s">
        <v>30540</v>
      </c>
    </row>
    <row r="1298" spans="1:9">
      <c r="A1298" s="1">
        <v>0.94505037087130894</v>
      </c>
      <c r="B1298" s="1"/>
      <c r="C1298">
        <v>1</v>
      </c>
      <c r="D1298" t="s">
        <v>2654</v>
      </c>
      <c r="E1298" t="s">
        <v>31322</v>
      </c>
      <c r="F1298">
        <v>4</v>
      </c>
      <c r="H1298" t="s">
        <v>2655</v>
      </c>
      <c r="I1298" t="s">
        <v>30540</v>
      </c>
    </row>
    <row r="1299" spans="1:9">
      <c r="A1299" s="1">
        <v>0.21361950387059159</v>
      </c>
      <c r="B1299" s="1"/>
      <c r="C1299">
        <v>3</v>
      </c>
      <c r="D1299" t="s">
        <v>2652</v>
      </c>
      <c r="E1299" t="s">
        <v>31323</v>
      </c>
      <c r="F1299">
        <v>4</v>
      </c>
      <c r="H1299" t="s">
        <v>2653</v>
      </c>
      <c r="I1299" t="s">
        <v>30540</v>
      </c>
    </row>
    <row r="1300" spans="1:9">
      <c r="A1300" s="1">
        <v>0.13486339603809538</v>
      </c>
      <c r="B1300" s="1"/>
      <c r="C1300">
        <v>4</v>
      </c>
      <c r="D1300" t="s">
        <v>2650</v>
      </c>
      <c r="E1300" t="s">
        <v>31324</v>
      </c>
      <c r="F1300">
        <v>5</v>
      </c>
      <c r="H1300" t="s">
        <v>2651</v>
      </c>
      <c r="I1300" t="s">
        <v>30540</v>
      </c>
    </row>
    <row r="1301" spans="1:9">
      <c r="A1301" s="1">
        <v>0.77633414390694067</v>
      </c>
      <c r="B1301" s="1"/>
      <c r="C1301">
        <v>3</v>
      </c>
      <c r="D1301" t="s">
        <v>2646</v>
      </c>
      <c r="E1301" t="s">
        <v>31326</v>
      </c>
      <c r="F1301">
        <v>4</v>
      </c>
      <c r="H1301" t="s">
        <v>2647</v>
      </c>
      <c r="I1301" t="s">
        <v>30540</v>
      </c>
    </row>
    <row r="1302" spans="1:9">
      <c r="A1302" s="1">
        <v>0.24926273844407054</v>
      </c>
      <c r="B1302" s="1"/>
      <c r="C1302">
        <v>7</v>
      </c>
      <c r="D1302" t="s">
        <v>2644</v>
      </c>
      <c r="E1302" t="s">
        <v>31327</v>
      </c>
      <c r="F1302">
        <v>4</v>
      </c>
      <c r="H1302" t="s">
        <v>2645</v>
      </c>
      <c r="I1302" t="s">
        <v>30540</v>
      </c>
    </row>
    <row r="1303" spans="1:9">
      <c r="A1303" s="1">
        <v>0.17682845229797395</v>
      </c>
      <c r="B1303" s="1"/>
      <c r="C1303">
        <v>2</v>
      </c>
      <c r="D1303" t="s">
        <v>2640</v>
      </c>
      <c r="E1303" t="s">
        <v>31328</v>
      </c>
      <c r="F1303">
        <v>4</v>
      </c>
      <c r="H1303" t="s">
        <v>2641</v>
      </c>
      <c r="I1303" t="s">
        <v>30540</v>
      </c>
    </row>
    <row r="1304" spans="1:9">
      <c r="A1304" s="1">
        <v>0.88514351353550058</v>
      </c>
      <c r="B1304" s="1"/>
      <c r="C1304">
        <v>4</v>
      </c>
      <c r="D1304" t="s">
        <v>2642</v>
      </c>
      <c r="E1304" t="s">
        <v>31328</v>
      </c>
      <c r="F1304">
        <v>4</v>
      </c>
      <c r="H1304" t="s">
        <v>2643</v>
      </c>
      <c r="I1304" t="s">
        <v>30540</v>
      </c>
    </row>
    <row r="1305" spans="1:9">
      <c r="A1305" s="1">
        <v>0.11244439998401612</v>
      </c>
      <c r="B1305" s="1"/>
      <c r="C1305">
        <v>4</v>
      </c>
      <c r="D1305" t="s">
        <v>2638</v>
      </c>
      <c r="E1305" t="s">
        <v>31329</v>
      </c>
      <c r="F1305">
        <v>4</v>
      </c>
      <c r="H1305" t="s">
        <v>2639</v>
      </c>
      <c r="I1305" t="s">
        <v>30540</v>
      </c>
    </row>
    <row r="1306" spans="1:9">
      <c r="A1306" s="1">
        <v>0.78206562328256402</v>
      </c>
      <c r="B1306" s="1"/>
      <c r="C1306">
        <v>1</v>
      </c>
      <c r="D1306" t="s">
        <v>2636</v>
      </c>
      <c r="E1306" t="s">
        <v>31330</v>
      </c>
      <c r="F1306">
        <v>4</v>
      </c>
      <c r="H1306" t="s">
        <v>2637</v>
      </c>
      <c r="I1306" t="s">
        <v>30540</v>
      </c>
    </row>
    <row r="1307" spans="1:9">
      <c r="A1307" s="1">
        <v>0.1373691831057392</v>
      </c>
      <c r="B1307" s="1"/>
      <c r="C1307">
        <v>7</v>
      </c>
      <c r="D1307" t="s">
        <v>2634</v>
      </c>
      <c r="E1307" t="s">
        <v>31331</v>
      </c>
      <c r="F1307">
        <v>4</v>
      </c>
      <c r="H1307" t="s">
        <v>2635</v>
      </c>
      <c r="I1307" t="s">
        <v>30540</v>
      </c>
    </row>
    <row r="1308" spans="1:9">
      <c r="A1308" s="1">
        <v>0.53588261243272939</v>
      </c>
      <c r="B1308" s="1"/>
      <c r="C1308">
        <v>3</v>
      </c>
      <c r="D1308" t="s">
        <v>2632</v>
      </c>
      <c r="E1308" t="s">
        <v>31331</v>
      </c>
      <c r="F1308">
        <v>4</v>
      </c>
      <c r="H1308" t="s">
        <v>2633</v>
      </c>
      <c r="I1308" t="s">
        <v>30540</v>
      </c>
    </row>
    <row r="1309" spans="1:9">
      <c r="A1309" s="1">
        <v>0.1818482601794329</v>
      </c>
      <c r="B1309" s="1"/>
      <c r="C1309">
        <v>2</v>
      </c>
      <c r="D1309" t="s">
        <v>2628</v>
      </c>
      <c r="E1309" t="s">
        <v>31332</v>
      </c>
      <c r="F1309">
        <v>5</v>
      </c>
      <c r="H1309" t="s">
        <v>2629</v>
      </c>
      <c r="I1309" t="s">
        <v>30540</v>
      </c>
    </row>
    <row r="1310" spans="1:9">
      <c r="A1310" s="1">
        <v>0.72688153669894007</v>
      </c>
      <c r="B1310" s="1"/>
      <c r="C1310">
        <v>4</v>
      </c>
      <c r="D1310" t="s">
        <v>2626</v>
      </c>
      <c r="E1310" t="s">
        <v>31333</v>
      </c>
      <c r="F1310">
        <v>4</v>
      </c>
      <c r="H1310" t="s">
        <v>2627</v>
      </c>
      <c r="I1310" t="s">
        <v>30540</v>
      </c>
    </row>
    <row r="1311" spans="1:9">
      <c r="A1311" s="1">
        <v>0.18260341394066515</v>
      </c>
      <c r="B1311" s="1"/>
      <c r="C1311">
        <v>1</v>
      </c>
      <c r="D1311" t="s">
        <v>2624</v>
      </c>
      <c r="E1311" t="s">
        <v>31334</v>
      </c>
      <c r="F1311">
        <v>4</v>
      </c>
      <c r="H1311" t="s">
        <v>2625</v>
      </c>
      <c r="I1311" t="s">
        <v>30540</v>
      </c>
    </row>
    <row r="1312" spans="1:9">
      <c r="A1312" s="1">
        <v>0.80051515060431655</v>
      </c>
      <c r="B1312" s="1"/>
      <c r="C1312">
        <v>1</v>
      </c>
      <c r="D1312" t="s">
        <v>2622</v>
      </c>
      <c r="E1312" t="s">
        <v>31335</v>
      </c>
      <c r="F1312">
        <v>4</v>
      </c>
      <c r="H1312" t="s">
        <v>2623</v>
      </c>
      <c r="I1312" t="s">
        <v>30540</v>
      </c>
    </row>
    <row r="1313" spans="1:9">
      <c r="A1313" s="1">
        <v>5.2683615833053365E-2</v>
      </c>
      <c r="B1313" s="1"/>
      <c r="C1313">
        <v>4</v>
      </c>
      <c r="D1313" t="s">
        <v>2620</v>
      </c>
      <c r="E1313" t="s">
        <v>31336</v>
      </c>
      <c r="F1313">
        <v>5</v>
      </c>
      <c r="H1313" t="s">
        <v>2621</v>
      </c>
      <c r="I1313" t="s">
        <v>30540</v>
      </c>
    </row>
    <row r="1314" spans="1:9">
      <c r="A1314" s="1">
        <v>0.97103705063584556</v>
      </c>
      <c r="B1314" s="1"/>
      <c r="C1314">
        <v>1</v>
      </c>
      <c r="D1314" t="s">
        <v>2616</v>
      </c>
      <c r="E1314" t="s">
        <v>31337</v>
      </c>
      <c r="F1314">
        <v>4</v>
      </c>
      <c r="H1314" t="s">
        <v>2617</v>
      </c>
      <c r="I1314" t="s">
        <v>30540</v>
      </c>
    </row>
    <row r="1315" spans="1:9">
      <c r="A1315" s="1">
        <v>0.93958854322563123</v>
      </c>
      <c r="B1315" s="1"/>
      <c r="C1315">
        <v>5</v>
      </c>
      <c r="D1315" t="s">
        <v>2614</v>
      </c>
      <c r="E1315" t="s">
        <v>31338</v>
      </c>
      <c r="F1315">
        <v>4</v>
      </c>
      <c r="H1315" t="s">
        <v>2615</v>
      </c>
      <c r="I1315" t="s">
        <v>30540</v>
      </c>
    </row>
    <row r="1316" spans="1:9">
      <c r="A1316" s="1">
        <v>8.803985447520335E-2</v>
      </c>
      <c r="B1316" s="1"/>
      <c r="C1316">
        <v>4</v>
      </c>
      <c r="D1316" t="s">
        <v>2606</v>
      </c>
      <c r="E1316" t="s">
        <v>31341</v>
      </c>
      <c r="F1316">
        <v>3</v>
      </c>
      <c r="H1316" t="s">
        <v>2607</v>
      </c>
      <c r="I1316" t="s">
        <v>30540</v>
      </c>
    </row>
    <row r="1317" spans="1:9">
      <c r="A1317" s="1">
        <v>0.39312939255844626</v>
      </c>
      <c r="B1317" s="1"/>
      <c r="C1317">
        <v>4</v>
      </c>
      <c r="D1317" t="s">
        <v>2604</v>
      </c>
      <c r="E1317" t="s">
        <v>31342</v>
      </c>
      <c r="F1317">
        <v>4</v>
      </c>
      <c r="H1317" t="s">
        <v>2605</v>
      </c>
      <c r="I1317" t="s">
        <v>30540</v>
      </c>
    </row>
    <row r="1318" spans="1:9">
      <c r="A1318" s="1">
        <v>0.36364964179794446</v>
      </c>
      <c r="B1318" s="1"/>
      <c r="C1318">
        <v>12</v>
      </c>
      <c r="D1318" t="s">
        <v>2600</v>
      </c>
      <c r="E1318" t="s">
        <v>31343</v>
      </c>
      <c r="F1318">
        <v>5</v>
      </c>
      <c r="H1318" t="s">
        <v>2601</v>
      </c>
      <c r="I1318" t="s">
        <v>30540</v>
      </c>
    </row>
    <row r="1319" spans="1:9">
      <c r="A1319" s="1">
        <v>0.25365660875109719</v>
      </c>
      <c r="B1319" s="1"/>
      <c r="C1319">
        <v>10</v>
      </c>
      <c r="D1319" t="s">
        <v>2598</v>
      </c>
      <c r="E1319" t="s">
        <v>31343</v>
      </c>
      <c r="F1319">
        <v>5</v>
      </c>
      <c r="H1319" t="s">
        <v>2599</v>
      </c>
      <c r="I1319" t="s">
        <v>30540</v>
      </c>
    </row>
    <row r="1320" spans="1:9">
      <c r="A1320" s="1">
        <v>0.39208781398145787</v>
      </c>
      <c r="B1320" s="1"/>
      <c r="C1320">
        <v>13</v>
      </c>
      <c r="D1320" t="s">
        <v>2602</v>
      </c>
      <c r="E1320" t="s">
        <v>31343</v>
      </c>
      <c r="F1320">
        <v>5</v>
      </c>
      <c r="H1320" t="s">
        <v>2603</v>
      </c>
      <c r="I1320" t="s">
        <v>30540</v>
      </c>
    </row>
    <row r="1321" spans="1:9">
      <c r="A1321" s="1">
        <v>1.0946451867235751E-2</v>
      </c>
      <c r="B1321" s="1"/>
      <c r="C1321">
        <v>1</v>
      </c>
      <c r="D1321" t="s">
        <v>2596</v>
      </c>
      <c r="E1321" t="s">
        <v>31343</v>
      </c>
      <c r="F1321">
        <v>3</v>
      </c>
      <c r="H1321" t="s">
        <v>2597</v>
      </c>
      <c r="I1321" t="s">
        <v>30540</v>
      </c>
    </row>
    <row r="1322" spans="1:9">
      <c r="A1322" s="1">
        <v>0.3317724651752415</v>
      </c>
      <c r="B1322" s="1"/>
      <c r="C1322">
        <v>3</v>
      </c>
      <c r="D1322" t="s">
        <v>2592</v>
      </c>
      <c r="E1322" t="s">
        <v>31344</v>
      </c>
      <c r="F1322">
        <v>5</v>
      </c>
      <c r="H1322" t="s">
        <v>2593</v>
      </c>
      <c r="I1322" t="s">
        <v>30540</v>
      </c>
    </row>
    <row r="1323" spans="1:9">
      <c r="A1323" s="1">
        <v>0.4814753642106353</v>
      </c>
      <c r="B1323" s="1"/>
      <c r="C1323">
        <v>4</v>
      </c>
      <c r="D1323" t="s">
        <v>2594</v>
      </c>
      <c r="E1323" t="s">
        <v>31344</v>
      </c>
      <c r="F1323">
        <v>3</v>
      </c>
      <c r="H1323" t="s">
        <v>2595</v>
      </c>
      <c r="I1323" t="s">
        <v>30540</v>
      </c>
    </row>
    <row r="1324" spans="1:9">
      <c r="A1324" s="1">
        <v>0.98315616749545043</v>
      </c>
      <c r="B1324" s="1"/>
      <c r="C1324">
        <v>2</v>
      </c>
      <c r="D1324" t="s">
        <v>2590</v>
      </c>
      <c r="E1324" t="s">
        <v>31345</v>
      </c>
      <c r="F1324">
        <v>4</v>
      </c>
      <c r="H1324" t="s">
        <v>2591</v>
      </c>
      <c r="I1324" t="s">
        <v>30540</v>
      </c>
    </row>
    <row r="1325" spans="1:9">
      <c r="A1325" s="1">
        <v>0.95375523800003981</v>
      </c>
      <c r="B1325" s="1"/>
      <c r="C1325">
        <v>1</v>
      </c>
      <c r="D1325" t="s">
        <v>2588</v>
      </c>
      <c r="E1325" t="s">
        <v>31346</v>
      </c>
      <c r="F1325">
        <v>4</v>
      </c>
      <c r="H1325" t="s">
        <v>2589</v>
      </c>
      <c r="I1325" t="s">
        <v>30540</v>
      </c>
    </row>
    <row r="1326" spans="1:9">
      <c r="A1326" s="1">
        <v>0.84900041319738917</v>
      </c>
      <c r="B1326" s="1"/>
      <c r="C1326">
        <v>3</v>
      </c>
      <c r="D1326" t="s">
        <v>2586</v>
      </c>
      <c r="E1326" t="s">
        <v>31347</v>
      </c>
      <c r="F1326">
        <v>4</v>
      </c>
      <c r="H1326" t="s">
        <v>2587</v>
      </c>
      <c r="I1326" t="s">
        <v>30540</v>
      </c>
    </row>
    <row r="1327" spans="1:9">
      <c r="A1327" s="1">
        <v>0.62150826915735136</v>
      </c>
      <c r="B1327" s="1"/>
      <c r="C1327">
        <v>8</v>
      </c>
      <c r="D1327" t="s">
        <v>2582</v>
      </c>
      <c r="E1327" t="s">
        <v>31348</v>
      </c>
      <c r="F1327">
        <v>4</v>
      </c>
      <c r="H1327" t="s">
        <v>2583</v>
      </c>
      <c r="I1327" t="s">
        <v>30540</v>
      </c>
    </row>
    <row r="1328" spans="1:9">
      <c r="A1328" s="1">
        <v>0.87685149713474186</v>
      </c>
      <c r="B1328" s="1"/>
      <c r="C1328">
        <v>11</v>
      </c>
      <c r="D1328" t="s">
        <v>2584</v>
      </c>
      <c r="E1328" t="s">
        <v>31348</v>
      </c>
      <c r="F1328">
        <v>4</v>
      </c>
      <c r="H1328" t="s">
        <v>2585</v>
      </c>
      <c r="I1328" t="s">
        <v>30540</v>
      </c>
    </row>
    <row r="1329" spans="1:9">
      <c r="A1329" s="1">
        <v>0.70974945402551359</v>
      </c>
      <c r="B1329" s="1"/>
      <c r="C1329">
        <v>1</v>
      </c>
      <c r="D1329" t="s">
        <v>2578</v>
      </c>
      <c r="E1329" t="s">
        <v>31349</v>
      </c>
      <c r="F1329">
        <v>4</v>
      </c>
      <c r="H1329" t="s">
        <v>2579</v>
      </c>
      <c r="I1329" t="s">
        <v>30540</v>
      </c>
    </row>
    <row r="1330" spans="1:9">
      <c r="A1330" s="1">
        <v>0.95521549912821402</v>
      </c>
      <c r="B1330" s="1"/>
      <c r="C1330">
        <v>4</v>
      </c>
      <c r="D1330" t="s">
        <v>2580</v>
      </c>
      <c r="E1330" t="s">
        <v>31349</v>
      </c>
      <c r="F1330">
        <v>3</v>
      </c>
      <c r="H1330" t="s">
        <v>2581</v>
      </c>
      <c r="I1330" t="s">
        <v>30540</v>
      </c>
    </row>
    <row r="1331" spans="1:9">
      <c r="A1331" s="1">
        <v>0.92252535973923566</v>
      </c>
      <c r="B1331" s="1"/>
      <c r="C1331">
        <v>4</v>
      </c>
      <c r="D1331" t="s">
        <v>2576</v>
      </c>
      <c r="E1331" t="s">
        <v>31350</v>
      </c>
      <c r="F1331">
        <v>4</v>
      </c>
      <c r="H1331" t="s">
        <v>2577</v>
      </c>
      <c r="I1331" t="s">
        <v>30540</v>
      </c>
    </row>
    <row r="1332" spans="1:9">
      <c r="A1332" s="1">
        <v>0.49078445540439875</v>
      </c>
      <c r="B1332" s="1"/>
      <c r="C1332">
        <v>1</v>
      </c>
      <c r="D1332" t="s">
        <v>2574</v>
      </c>
      <c r="E1332" t="s">
        <v>31351</v>
      </c>
      <c r="F1332">
        <v>4</v>
      </c>
      <c r="H1332" t="s">
        <v>2575</v>
      </c>
      <c r="I1332" t="s">
        <v>30540</v>
      </c>
    </row>
    <row r="1333" spans="1:9">
      <c r="A1333" s="1">
        <v>0.27724343846479005</v>
      </c>
      <c r="B1333" s="1"/>
      <c r="C1333">
        <v>12</v>
      </c>
      <c r="D1333" t="s">
        <v>2572</v>
      </c>
      <c r="E1333" t="s">
        <v>31352</v>
      </c>
      <c r="F1333">
        <v>5</v>
      </c>
      <c r="H1333" t="s">
        <v>2573</v>
      </c>
      <c r="I1333" t="s">
        <v>30540</v>
      </c>
    </row>
    <row r="1334" spans="1:9">
      <c r="A1334" s="1">
        <v>0.71416861894076455</v>
      </c>
      <c r="B1334" s="1"/>
      <c r="C1334">
        <v>11</v>
      </c>
      <c r="D1334" t="s">
        <v>2570</v>
      </c>
      <c r="E1334" t="s">
        <v>31352</v>
      </c>
      <c r="F1334">
        <v>4</v>
      </c>
      <c r="H1334" t="s">
        <v>2571</v>
      </c>
      <c r="I1334" t="s">
        <v>30540</v>
      </c>
    </row>
    <row r="1335" spans="1:9">
      <c r="A1335" s="1">
        <v>0.84549648659554177</v>
      </c>
      <c r="B1335" s="1"/>
      <c r="C1335">
        <v>1</v>
      </c>
      <c r="D1335" t="s">
        <v>2568</v>
      </c>
      <c r="E1335" t="s">
        <v>31352</v>
      </c>
      <c r="F1335">
        <v>4</v>
      </c>
      <c r="H1335" t="s">
        <v>2569</v>
      </c>
      <c r="I1335" t="s">
        <v>30540</v>
      </c>
    </row>
    <row r="1336" spans="1:9">
      <c r="A1336" s="1">
        <v>0.46971767501768613</v>
      </c>
      <c r="B1336" s="1"/>
      <c r="C1336">
        <v>2</v>
      </c>
      <c r="D1336" t="s">
        <v>2564</v>
      </c>
      <c r="E1336" t="s">
        <v>31353</v>
      </c>
      <c r="F1336">
        <v>4</v>
      </c>
      <c r="H1336" t="s">
        <v>2565</v>
      </c>
      <c r="I1336" t="s">
        <v>30540</v>
      </c>
    </row>
    <row r="1337" spans="1:9">
      <c r="A1337" s="1">
        <v>0.1161749700681306</v>
      </c>
      <c r="B1337" s="1"/>
      <c r="C1337">
        <v>4</v>
      </c>
      <c r="D1337" t="s">
        <v>2566</v>
      </c>
      <c r="E1337" t="s">
        <v>31353</v>
      </c>
      <c r="F1337">
        <v>4</v>
      </c>
      <c r="H1337" t="s">
        <v>2567</v>
      </c>
      <c r="I1337" t="s">
        <v>30540</v>
      </c>
    </row>
    <row r="1338" spans="1:9">
      <c r="A1338" s="1">
        <v>5.3952376206917396E-2</v>
      </c>
      <c r="B1338" s="1"/>
      <c r="C1338">
        <v>4</v>
      </c>
      <c r="D1338" t="s">
        <v>2560</v>
      </c>
      <c r="E1338" t="s">
        <v>31354</v>
      </c>
      <c r="F1338">
        <v>4</v>
      </c>
      <c r="H1338" t="s">
        <v>2561</v>
      </c>
      <c r="I1338" t="s">
        <v>30540</v>
      </c>
    </row>
    <row r="1339" spans="1:9">
      <c r="A1339" s="1">
        <v>6.8336906259104713E-2</v>
      </c>
      <c r="B1339" s="1"/>
      <c r="C1339">
        <v>5</v>
      </c>
      <c r="D1339" t="s">
        <v>2562</v>
      </c>
      <c r="E1339" t="s">
        <v>31354</v>
      </c>
      <c r="F1339">
        <v>4</v>
      </c>
      <c r="H1339" t="s">
        <v>2563</v>
      </c>
      <c r="I1339" t="s">
        <v>30540</v>
      </c>
    </row>
    <row r="1340" spans="1:9">
      <c r="A1340" s="1">
        <v>0.35888064999212432</v>
      </c>
      <c r="B1340" s="1"/>
      <c r="C1340">
        <v>2</v>
      </c>
      <c r="D1340" t="s">
        <v>2556</v>
      </c>
      <c r="E1340" t="s">
        <v>31355</v>
      </c>
      <c r="F1340">
        <v>5</v>
      </c>
      <c r="H1340" t="s">
        <v>2557</v>
      </c>
      <c r="I1340" t="s">
        <v>30540</v>
      </c>
    </row>
    <row r="1341" spans="1:9">
      <c r="A1341" s="1">
        <v>0.16091598436959509</v>
      </c>
      <c r="B1341" s="1"/>
      <c r="C1341">
        <v>6</v>
      </c>
      <c r="D1341" t="s">
        <v>2558</v>
      </c>
      <c r="E1341" t="s">
        <v>31355</v>
      </c>
      <c r="F1341">
        <v>4</v>
      </c>
      <c r="H1341" t="s">
        <v>2559</v>
      </c>
      <c r="I1341" t="s">
        <v>30540</v>
      </c>
    </row>
    <row r="1342" spans="1:9">
      <c r="A1342" s="1">
        <v>0.37054568104100505</v>
      </c>
      <c r="B1342" s="1"/>
      <c r="C1342">
        <v>1</v>
      </c>
      <c r="D1342" t="s">
        <v>2552</v>
      </c>
      <c r="E1342" t="s">
        <v>31356</v>
      </c>
      <c r="F1342">
        <v>4</v>
      </c>
      <c r="H1342" t="s">
        <v>2553</v>
      </c>
      <c r="I1342" t="s">
        <v>30540</v>
      </c>
    </row>
    <row r="1343" spans="1:9">
      <c r="A1343" s="1">
        <v>0.76141327141854764</v>
      </c>
      <c r="B1343" s="1"/>
      <c r="C1343">
        <v>2</v>
      </c>
      <c r="D1343" t="s">
        <v>2550</v>
      </c>
      <c r="E1343" t="s">
        <v>31357</v>
      </c>
      <c r="F1343">
        <v>4</v>
      </c>
      <c r="G1343" t="s">
        <v>10</v>
      </c>
      <c r="H1343" t="s">
        <v>2551</v>
      </c>
      <c r="I1343" t="s">
        <v>30540</v>
      </c>
    </row>
    <row r="1344" spans="1:9">
      <c r="A1344" s="1">
        <v>0.27466612556200665</v>
      </c>
      <c r="B1344" s="1"/>
      <c r="C1344">
        <v>1</v>
      </c>
      <c r="D1344" t="s">
        <v>2546</v>
      </c>
      <c r="E1344" t="s">
        <v>31358</v>
      </c>
      <c r="F1344">
        <v>4</v>
      </c>
      <c r="H1344" t="s">
        <v>2547</v>
      </c>
      <c r="I1344" t="s">
        <v>30540</v>
      </c>
    </row>
    <row r="1345" spans="1:9">
      <c r="A1345" s="1">
        <v>0.70256566408530063</v>
      </c>
      <c r="B1345" s="1"/>
      <c r="C1345">
        <v>3</v>
      </c>
      <c r="D1345" t="s">
        <v>2548</v>
      </c>
      <c r="E1345" t="s">
        <v>31358</v>
      </c>
      <c r="F1345">
        <v>4</v>
      </c>
      <c r="H1345" t="s">
        <v>2549</v>
      </c>
      <c r="I1345" t="s">
        <v>30540</v>
      </c>
    </row>
    <row r="1346" spans="1:9">
      <c r="A1346" s="1">
        <v>0.1416563654011076</v>
      </c>
      <c r="B1346" s="1"/>
      <c r="C1346">
        <v>10</v>
      </c>
      <c r="D1346" t="s">
        <v>2542</v>
      </c>
      <c r="E1346" t="s">
        <v>31359</v>
      </c>
      <c r="F1346">
        <v>5</v>
      </c>
      <c r="H1346" t="s">
        <v>2543</v>
      </c>
      <c r="I1346" t="s">
        <v>30540</v>
      </c>
    </row>
    <row r="1347" spans="1:9">
      <c r="A1347" s="1">
        <v>6.6096530228166972E-2</v>
      </c>
      <c r="B1347" s="1"/>
      <c r="C1347">
        <v>7</v>
      </c>
      <c r="D1347" t="s">
        <v>2540</v>
      </c>
      <c r="E1347" t="s">
        <v>31359</v>
      </c>
      <c r="F1347">
        <v>4</v>
      </c>
      <c r="H1347" t="s">
        <v>2541</v>
      </c>
      <c r="I1347" t="s">
        <v>30540</v>
      </c>
    </row>
    <row r="1348" spans="1:9">
      <c r="A1348" s="1">
        <v>0.46493341945230171</v>
      </c>
      <c r="B1348" s="1"/>
      <c r="C1348">
        <v>11</v>
      </c>
      <c r="D1348" t="s">
        <v>2544</v>
      </c>
      <c r="E1348" t="s">
        <v>31359</v>
      </c>
      <c r="F1348">
        <v>4</v>
      </c>
      <c r="H1348" t="s">
        <v>2545</v>
      </c>
      <c r="I1348" t="s">
        <v>30540</v>
      </c>
    </row>
    <row r="1349" spans="1:9">
      <c r="A1349" s="1">
        <v>0.446206624651172</v>
      </c>
      <c r="B1349" s="1"/>
      <c r="C1349">
        <v>4</v>
      </c>
      <c r="D1349" t="s">
        <v>2538</v>
      </c>
      <c r="E1349" t="s">
        <v>31360</v>
      </c>
      <c r="F1349">
        <v>5</v>
      </c>
      <c r="H1349" t="s">
        <v>2539</v>
      </c>
      <c r="I1349" t="s">
        <v>30540</v>
      </c>
    </row>
    <row r="1350" spans="1:9">
      <c r="A1350" s="1">
        <v>0.90633056162633585</v>
      </c>
      <c r="B1350" s="1"/>
      <c r="C1350">
        <v>1</v>
      </c>
      <c r="D1350" t="s">
        <v>2534</v>
      </c>
      <c r="E1350" t="s">
        <v>31361</v>
      </c>
      <c r="F1350">
        <v>4</v>
      </c>
      <c r="H1350" t="s">
        <v>2535</v>
      </c>
      <c r="I1350" t="s">
        <v>30540</v>
      </c>
    </row>
    <row r="1351" spans="1:9">
      <c r="A1351" s="1">
        <v>0.43952468357781815</v>
      </c>
      <c r="B1351" s="1"/>
      <c r="C1351">
        <v>4</v>
      </c>
      <c r="D1351" t="s">
        <v>2536</v>
      </c>
      <c r="E1351" t="s">
        <v>31361</v>
      </c>
      <c r="F1351">
        <v>4</v>
      </c>
      <c r="H1351" t="s">
        <v>2537</v>
      </c>
      <c r="I1351" t="s">
        <v>30540</v>
      </c>
    </row>
    <row r="1352" spans="1:9">
      <c r="A1352" s="1">
        <v>0.6204983089029561</v>
      </c>
      <c r="B1352" s="1"/>
      <c r="C1352">
        <v>4</v>
      </c>
      <c r="D1352" t="s">
        <v>2532</v>
      </c>
      <c r="E1352" t="s">
        <v>31362</v>
      </c>
      <c r="F1352">
        <v>5</v>
      </c>
      <c r="H1352" t="s">
        <v>2533</v>
      </c>
      <c r="I1352" t="s">
        <v>30540</v>
      </c>
    </row>
    <row r="1353" spans="1:9">
      <c r="A1353" s="1">
        <v>0.72469667073011423</v>
      </c>
      <c r="B1353" s="1"/>
      <c r="C1353">
        <v>3</v>
      </c>
      <c r="D1353" t="s">
        <v>2524</v>
      </c>
      <c r="E1353" t="s">
        <v>31363</v>
      </c>
      <c r="F1353">
        <v>5</v>
      </c>
      <c r="H1353" t="s">
        <v>2525</v>
      </c>
      <c r="I1353" t="s">
        <v>30540</v>
      </c>
    </row>
    <row r="1354" spans="1:9">
      <c r="A1354" s="1">
        <v>0.11812541521321551</v>
      </c>
      <c r="B1354" s="1"/>
      <c r="C1354">
        <v>7</v>
      </c>
      <c r="D1354" t="s">
        <v>2528</v>
      </c>
      <c r="E1354" t="s">
        <v>31363</v>
      </c>
      <c r="F1354">
        <v>4</v>
      </c>
      <c r="H1354" t="s">
        <v>2529</v>
      </c>
      <c r="I1354" t="s">
        <v>30540</v>
      </c>
    </row>
    <row r="1355" spans="1:9">
      <c r="A1355" s="1">
        <v>0.31105076215258143</v>
      </c>
      <c r="B1355" s="1"/>
      <c r="C1355">
        <v>10</v>
      </c>
      <c r="D1355" t="s">
        <v>2530</v>
      </c>
      <c r="E1355" t="s">
        <v>31363</v>
      </c>
      <c r="F1355">
        <v>4</v>
      </c>
      <c r="G1355" t="s">
        <v>13</v>
      </c>
      <c r="H1355" t="s">
        <v>2531</v>
      </c>
      <c r="I1355" t="s">
        <v>30540</v>
      </c>
    </row>
    <row r="1356" spans="1:9">
      <c r="A1356" s="1">
        <v>0.39026749189446552</v>
      </c>
      <c r="B1356" s="1"/>
      <c r="C1356">
        <v>4</v>
      </c>
      <c r="D1356" t="s">
        <v>2526</v>
      </c>
      <c r="E1356" t="s">
        <v>31363</v>
      </c>
      <c r="F1356">
        <v>4</v>
      </c>
      <c r="H1356" t="s">
        <v>2527</v>
      </c>
      <c r="I1356" t="s">
        <v>30540</v>
      </c>
    </row>
    <row r="1357" spans="1:9">
      <c r="A1357" s="1">
        <v>0.57858659438457771</v>
      </c>
      <c r="B1357" s="1"/>
      <c r="C1357">
        <v>5</v>
      </c>
      <c r="D1357" t="s">
        <v>2522</v>
      </c>
      <c r="E1357" t="s">
        <v>31364</v>
      </c>
      <c r="F1357">
        <v>4</v>
      </c>
      <c r="H1357" t="s">
        <v>2523</v>
      </c>
      <c r="I1357" t="s">
        <v>30540</v>
      </c>
    </row>
    <row r="1358" spans="1:9">
      <c r="A1358" s="1">
        <v>0.60500504635783303</v>
      </c>
      <c r="B1358" s="1"/>
      <c r="C1358">
        <v>4</v>
      </c>
      <c r="D1358" t="s">
        <v>2520</v>
      </c>
      <c r="E1358" t="s">
        <v>31364</v>
      </c>
      <c r="F1358">
        <v>4</v>
      </c>
      <c r="H1358" t="s">
        <v>2521</v>
      </c>
      <c r="I1358" t="s">
        <v>30540</v>
      </c>
    </row>
    <row r="1359" spans="1:9">
      <c r="A1359" s="1">
        <v>0.79097351912296043</v>
      </c>
      <c r="B1359" s="1"/>
      <c r="C1359">
        <v>11</v>
      </c>
      <c r="D1359" t="s">
        <v>2518</v>
      </c>
      <c r="E1359" t="s">
        <v>31365</v>
      </c>
      <c r="F1359">
        <v>4</v>
      </c>
      <c r="H1359" t="s">
        <v>2519</v>
      </c>
      <c r="I1359" t="s">
        <v>30540</v>
      </c>
    </row>
    <row r="1360" spans="1:9">
      <c r="A1360" s="1">
        <v>0.52687266412814893</v>
      </c>
      <c r="B1360" s="1"/>
      <c r="C1360">
        <v>8</v>
      </c>
      <c r="D1360" t="s">
        <v>2514</v>
      </c>
      <c r="E1360" t="s">
        <v>31366</v>
      </c>
      <c r="F1360">
        <v>4</v>
      </c>
      <c r="H1360" t="s">
        <v>2515</v>
      </c>
      <c r="I1360" t="s">
        <v>30540</v>
      </c>
    </row>
    <row r="1361" spans="1:9">
      <c r="A1361" s="1">
        <v>0.66979567450180644</v>
      </c>
      <c r="B1361" s="1"/>
      <c r="C1361">
        <v>1</v>
      </c>
      <c r="D1361" t="s">
        <v>2510</v>
      </c>
      <c r="E1361" t="s">
        <v>31367</v>
      </c>
      <c r="F1361">
        <v>5</v>
      </c>
      <c r="H1361" t="s">
        <v>2511</v>
      </c>
      <c r="I1361" t="s">
        <v>30540</v>
      </c>
    </row>
    <row r="1362" spans="1:9">
      <c r="A1362" s="1">
        <v>0.17078717733559301</v>
      </c>
      <c r="B1362" s="1"/>
      <c r="C1362">
        <v>11</v>
      </c>
      <c r="D1362" t="s">
        <v>2512</v>
      </c>
      <c r="E1362" t="s">
        <v>31367</v>
      </c>
      <c r="F1362">
        <v>5</v>
      </c>
      <c r="H1362" t="s">
        <v>2513</v>
      </c>
      <c r="I1362" t="s">
        <v>30540</v>
      </c>
    </row>
    <row r="1363" spans="1:9">
      <c r="A1363" s="1">
        <v>0.68248515150703237</v>
      </c>
      <c r="B1363" s="1"/>
      <c r="C1363">
        <v>2</v>
      </c>
      <c r="D1363" t="s">
        <v>2506</v>
      </c>
      <c r="E1363" t="s">
        <v>31368</v>
      </c>
      <c r="F1363">
        <v>4</v>
      </c>
      <c r="H1363" t="s">
        <v>2507</v>
      </c>
      <c r="I1363" t="s">
        <v>30540</v>
      </c>
    </row>
    <row r="1364" spans="1:9">
      <c r="A1364" s="1">
        <v>0.77639045633894987</v>
      </c>
      <c r="B1364" s="1"/>
      <c r="C1364">
        <v>4</v>
      </c>
      <c r="D1364" t="s">
        <v>2508</v>
      </c>
      <c r="E1364" t="s">
        <v>31368</v>
      </c>
      <c r="F1364">
        <v>3</v>
      </c>
      <c r="H1364" t="s">
        <v>2509</v>
      </c>
      <c r="I1364" t="s">
        <v>30540</v>
      </c>
    </row>
    <row r="1365" spans="1:9">
      <c r="A1365" s="1">
        <v>0.93757475935469137</v>
      </c>
      <c r="B1365" s="1"/>
      <c r="C1365">
        <v>1</v>
      </c>
      <c r="D1365" t="s">
        <v>2504</v>
      </c>
      <c r="E1365" t="s">
        <v>31368</v>
      </c>
      <c r="F1365">
        <v>3</v>
      </c>
      <c r="H1365" t="s">
        <v>2505</v>
      </c>
      <c r="I1365" t="s">
        <v>30540</v>
      </c>
    </row>
    <row r="1366" spans="1:9">
      <c r="A1366" s="1">
        <v>0.61792433965464866</v>
      </c>
      <c r="B1366" s="1"/>
      <c r="C1366">
        <v>5</v>
      </c>
      <c r="D1366" t="s">
        <v>2502</v>
      </c>
      <c r="E1366" t="s">
        <v>31369</v>
      </c>
      <c r="F1366">
        <v>3</v>
      </c>
      <c r="H1366" t="s">
        <v>2503</v>
      </c>
      <c r="I1366" t="s">
        <v>30540</v>
      </c>
    </row>
    <row r="1367" spans="1:9">
      <c r="A1367" s="1">
        <v>0.88759967593845557</v>
      </c>
      <c r="B1367" s="1"/>
      <c r="C1367">
        <v>6</v>
      </c>
      <c r="D1367" t="s">
        <v>2500</v>
      </c>
      <c r="E1367" t="s">
        <v>31370</v>
      </c>
      <c r="F1367">
        <v>5</v>
      </c>
      <c r="H1367" t="s">
        <v>2501</v>
      </c>
      <c r="I1367" t="s">
        <v>30540</v>
      </c>
    </row>
    <row r="1368" spans="1:9">
      <c r="A1368" s="1">
        <v>0.21762752111697281</v>
      </c>
      <c r="B1368" s="1"/>
      <c r="C1368">
        <v>2</v>
      </c>
      <c r="D1368" t="s">
        <v>2496</v>
      </c>
      <c r="E1368" t="s">
        <v>31370</v>
      </c>
      <c r="F1368">
        <v>4</v>
      </c>
      <c r="H1368" t="s">
        <v>2497</v>
      </c>
      <c r="I1368" t="s">
        <v>30540</v>
      </c>
    </row>
    <row r="1369" spans="1:9">
      <c r="A1369" s="1">
        <v>0.81261392989476744</v>
      </c>
      <c r="B1369" s="1"/>
      <c r="C1369">
        <v>5</v>
      </c>
      <c r="D1369" t="s">
        <v>2498</v>
      </c>
      <c r="E1369" t="s">
        <v>31370</v>
      </c>
      <c r="F1369">
        <v>4</v>
      </c>
      <c r="H1369" t="s">
        <v>2499</v>
      </c>
      <c r="I1369" t="s">
        <v>30540</v>
      </c>
    </row>
    <row r="1370" spans="1:9">
      <c r="A1370" s="1">
        <v>0.997341691969308</v>
      </c>
      <c r="B1370" s="1"/>
      <c r="C1370">
        <v>1</v>
      </c>
      <c r="D1370" t="s">
        <v>2494</v>
      </c>
      <c r="E1370" t="s">
        <v>31370</v>
      </c>
      <c r="F1370">
        <v>4</v>
      </c>
      <c r="H1370" t="s">
        <v>2495</v>
      </c>
      <c r="I1370" t="s">
        <v>30540</v>
      </c>
    </row>
    <row r="1371" spans="1:9">
      <c r="A1371" s="1">
        <v>0.71430011449725028</v>
      </c>
      <c r="B1371" s="1"/>
      <c r="C1371">
        <v>15</v>
      </c>
      <c r="D1371" t="s">
        <v>2492</v>
      </c>
      <c r="E1371" t="s">
        <v>31371</v>
      </c>
      <c r="F1371">
        <v>4</v>
      </c>
      <c r="H1371" t="s">
        <v>2493</v>
      </c>
      <c r="I1371" t="s">
        <v>30540</v>
      </c>
    </row>
    <row r="1372" spans="1:9">
      <c r="A1372" s="1">
        <v>0.4879316546146486</v>
      </c>
      <c r="B1372" s="1"/>
      <c r="C1372">
        <v>14</v>
      </c>
      <c r="D1372" t="s">
        <v>2490</v>
      </c>
      <c r="E1372" t="s">
        <v>31371</v>
      </c>
      <c r="F1372">
        <v>4</v>
      </c>
      <c r="H1372" t="s">
        <v>2491</v>
      </c>
      <c r="I1372" t="s">
        <v>30540</v>
      </c>
    </row>
    <row r="1373" spans="1:9">
      <c r="A1373" s="1">
        <v>0.67567478291634908</v>
      </c>
      <c r="B1373" s="1"/>
      <c r="C1373">
        <v>11</v>
      </c>
      <c r="D1373" t="s">
        <v>2488</v>
      </c>
      <c r="E1373" t="s">
        <v>31371</v>
      </c>
      <c r="F1373">
        <v>4</v>
      </c>
      <c r="H1373" t="s">
        <v>2489</v>
      </c>
      <c r="I1373" t="s">
        <v>30540</v>
      </c>
    </row>
    <row r="1374" spans="1:9">
      <c r="A1374" s="1">
        <v>0.57628670328177867</v>
      </c>
      <c r="B1374" s="1"/>
      <c r="C1374">
        <v>2</v>
      </c>
      <c r="D1374" t="s">
        <v>2486</v>
      </c>
      <c r="E1374" t="s">
        <v>31371</v>
      </c>
      <c r="F1374">
        <v>4</v>
      </c>
      <c r="H1374" t="s">
        <v>2487</v>
      </c>
      <c r="I1374" t="s">
        <v>30540</v>
      </c>
    </row>
    <row r="1375" spans="1:9">
      <c r="A1375" s="1">
        <v>0.5698913411773372</v>
      </c>
      <c r="B1375" s="1"/>
      <c r="C1375">
        <v>2</v>
      </c>
      <c r="D1375" t="s">
        <v>2484</v>
      </c>
      <c r="E1375" t="s">
        <v>31372</v>
      </c>
      <c r="F1375">
        <v>3</v>
      </c>
      <c r="G1375" t="s">
        <v>9</v>
      </c>
      <c r="H1375" t="s">
        <v>2485</v>
      </c>
      <c r="I1375" t="s">
        <v>30540</v>
      </c>
    </row>
    <row r="1376" spans="1:9">
      <c r="A1376" s="1">
        <v>0.10777283579769437</v>
      </c>
      <c r="B1376" s="1"/>
      <c r="C1376">
        <v>5</v>
      </c>
      <c r="D1376" t="s">
        <v>2480</v>
      </c>
      <c r="E1376" t="s">
        <v>31373</v>
      </c>
      <c r="F1376">
        <v>4</v>
      </c>
      <c r="H1376" t="s">
        <v>2481</v>
      </c>
      <c r="I1376" t="s">
        <v>30540</v>
      </c>
    </row>
    <row r="1377" spans="1:9">
      <c r="A1377" s="1">
        <v>0.19744878571485058</v>
      </c>
      <c r="B1377" s="1"/>
      <c r="C1377">
        <v>6</v>
      </c>
      <c r="D1377" t="s">
        <v>2482</v>
      </c>
      <c r="E1377" t="s">
        <v>31373</v>
      </c>
      <c r="F1377">
        <v>4</v>
      </c>
      <c r="H1377" t="s">
        <v>2483</v>
      </c>
      <c r="I1377" t="s">
        <v>30540</v>
      </c>
    </row>
    <row r="1378" spans="1:9">
      <c r="A1378" s="1">
        <v>0.87824697986615952</v>
      </c>
      <c r="B1378" s="1"/>
      <c r="C1378">
        <v>3</v>
      </c>
      <c r="D1378" t="s">
        <v>2478</v>
      </c>
      <c r="E1378" t="s">
        <v>31373</v>
      </c>
      <c r="F1378">
        <v>4</v>
      </c>
      <c r="H1378" t="s">
        <v>2479</v>
      </c>
      <c r="I1378" t="s">
        <v>30540</v>
      </c>
    </row>
    <row r="1379" spans="1:9">
      <c r="A1379" s="1">
        <v>0.78554758050065598</v>
      </c>
      <c r="B1379" s="1"/>
      <c r="C1379">
        <v>5</v>
      </c>
      <c r="D1379" t="s">
        <v>2472</v>
      </c>
      <c r="E1379" t="s">
        <v>31374</v>
      </c>
      <c r="F1379">
        <v>5</v>
      </c>
      <c r="H1379" t="s">
        <v>2473</v>
      </c>
      <c r="I1379" t="s">
        <v>30540</v>
      </c>
    </row>
    <row r="1380" spans="1:9">
      <c r="A1380" s="1">
        <v>0.63566429461845841</v>
      </c>
      <c r="B1380" s="1"/>
      <c r="C1380">
        <v>8</v>
      </c>
      <c r="D1380" t="s">
        <v>2476</v>
      </c>
      <c r="E1380" t="s">
        <v>31374</v>
      </c>
      <c r="F1380">
        <v>5</v>
      </c>
      <c r="H1380" t="s">
        <v>2477</v>
      </c>
      <c r="I1380" t="s">
        <v>30540</v>
      </c>
    </row>
    <row r="1381" spans="1:9">
      <c r="A1381" s="1">
        <v>0.34107970919973396</v>
      </c>
      <c r="B1381" s="1"/>
      <c r="C1381">
        <v>7</v>
      </c>
      <c r="D1381" t="s">
        <v>2474</v>
      </c>
      <c r="E1381" t="s">
        <v>31374</v>
      </c>
      <c r="F1381">
        <v>4</v>
      </c>
      <c r="H1381" t="s">
        <v>2475</v>
      </c>
      <c r="I1381" t="s">
        <v>30540</v>
      </c>
    </row>
    <row r="1382" spans="1:9">
      <c r="A1382" s="1">
        <v>0.14504464181018617</v>
      </c>
      <c r="B1382" s="1"/>
      <c r="C1382">
        <v>6</v>
      </c>
      <c r="D1382" t="s">
        <v>2470</v>
      </c>
      <c r="E1382" t="s">
        <v>31375</v>
      </c>
      <c r="F1382">
        <v>4</v>
      </c>
      <c r="H1382" t="s">
        <v>2471</v>
      </c>
      <c r="I1382" t="s">
        <v>30540</v>
      </c>
    </row>
    <row r="1383" spans="1:9">
      <c r="A1383" s="1">
        <v>0.20609208376985277</v>
      </c>
      <c r="B1383" s="1"/>
      <c r="C1383">
        <v>4</v>
      </c>
      <c r="D1383" t="s">
        <v>2468</v>
      </c>
      <c r="E1383" t="s">
        <v>31376</v>
      </c>
      <c r="F1383">
        <v>4</v>
      </c>
      <c r="H1383" t="s">
        <v>2469</v>
      </c>
      <c r="I1383" t="s">
        <v>30540</v>
      </c>
    </row>
    <row r="1384" spans="1:9">
      <c r="A1384" s="1">
        <v>0.30290847919549402</v>
      </c>
      <c r="B1384" s="1"/>
      <c r="C1384">
        <v>3</v>
      </c>
      <c r="D1384" t="s">
        <v>2466</v>
      </c>
      <c r="E1384" t="s">
        <v>31376</v>
      </c>
      <c r="F1384">
        <v>4</v>
      </c>
      <c r="H1384" t="s">
        <v>2467</v>
      </c>
      <c r="I1384" t="s">
        <v>30540</v>
      </c>
    </row>
    <row r="1385" spans="1:9">
      <c r="A1385" s="1">
        <v>0.48349749836682177</v>
      </c>
      <c r="B1385" s="1"/>
      <c r="C1385">
        <v>2</v>
      </c>
      <c r="D1385" t="s">
        <v>2462</v>
      </c>
      <c r="E1385" t="s">
        <v>31377</v>
      </c>
      <c r="F1385">
        <v>4</v>
      </c>
      <c r="H1385" t="s">
        <v>2463</v>
      </c>
      <c r="I1385" t="s">
        <v>30540</v>
      </c>
    </row>
    <row r="1386" spans="1:9">
      <c r="A1386" s="1">
        <v>0.48266416069413354</v>
      </c>
      <c r="B1386" s="1"/>
      <c r="C1386">
        <v>6</v>
      </c>
      <c r="D1386" t="s">
        <v>2464</v>
      </c>
      <c r="E1386" t="s">
        <v>31377</v>
      </c>
      <c r="F1386">
        <v>3</v>
      </c>
      <c r="H1386" t="s">
        <v>2465</v>
      </c>
      <c r="I1386" t="s">
        <v>30540</v>
      </c>
    </row>
    <row r="1387" spans="1:9">
      <c r="A1387" s="1">
        <v>0.42898989493770734</v>
      </c>
      <c r="B1387" s="1"/>
      <c r="C1387">
        <v>3</v>
      </c>
      <c r="D1387" t="s">
        <v>2454</v>
      </c>
      <c r="E1387" t="s">
        <v>31378</v>
      </c>
      <c r="F1387">
        <v>4</v>
      </c>
      <c r="H1387" t="s">
        <v>2455</v>
      </c>
      <c r="I1387" t="s">
        <v>30540</v>
      </c>
    </row>
    <row r="1388" spans="1:9">
      <c r="A1388" s="1">
        <v>0.60575381980991339</v>
      </c>
      <c r="B1388" s="1"/>
      <c r="C1388">
        <v>5</v>
      </c>
      <c r="D1388" t="s">
        <v>2458</v>
      </c>
      <c r="E1388" t="s">
        <v>31378</v>
      </c>
      <c r="F1388">
        <v>4</v>
      </c>
      <c r="H1388" t="s">
        <v>2459</v>
      </c>
      <c r="I1388" t="s">
        <v>30540</v>
      </c>
    </row>
    <row r="1389" spans="1:9">
      <c r="A1389" s="1">
        <v>0.38295907772341897</v>
      </c>
      <c r="B1389" s="1"/>
      <c r="C1389">
        <v>2</v>
      </c>
      <c r="D1389" t="s">
        <v>2452</v>
      </c>
      <c r="E1389" t="s">
        <v>31379</v>
      </c>
      <c r="F1389">
        <v>4</v>
      </c>
      <c r="H1389" t="s">
        <v>2453</v>
      </c>
      <c r="I1389" t="s">
        <v>30540</v>
      </c>
    </row>
    <row r="1390" spans="1:9">
      <c r="A1390" s="1">
        <v>0.83950552570943027</v>
      </c>
      <c r="B1390" s="1"/>
      <c r="C1390">
        <v>8</v>
      </c>
      <c r="D1390" t="s">
        <v>2450</v>
      </c>
      <c r="E1390" t="s">
        <v>31380</v>
      </c>
      <c r="F1390">
        <v>5</v>
      </c>
      <c r="H1390" t="s">
        <v>2451</v>
      </c>
      <c r="I1390" t="s">
        <v>30540</v>
      </c>
    </row>
    <row r="1391" spans="1:9">
      <c r="A1391" s="1">
        <v>0.67170984391952904</v>
      </c>
      <c r="B1391" s="1"/>
      <c r="C1391">
        <v>4</v>
      </c>
      <c r="D1391" t="s">
        <v>2446</v>
      </c>
      <c r="E1391" t="s">
        <v>31380</v>
      </c>
      <c r="F1391">
        <v>4</v>
      </c>
      <c r="H1391" t="s">
        <v>2447</v>
      </c>
      <c r="I1391" t="s">
        <v>30540</v>
      </c>
    </row>
    <row r="1392" spans="1:9">
      <c r="A1392" s="1">
        <v>0.41475177178328759</v>
      </c>
      <c r="B1392" s="1"/>
      <c r="C1392">
        <v>6</v>
      </c>
      <c r="D1392" t="s">
        <v>2442</v>
      </c>
      <c r="E1392" t="s">
        <v>31381</v>
      </c>
      <c r="F1392">
        <v>4</v>
      </c>
      <c r="H1392" t="s">
        <v>2443</v>
      </c>
      <c r="I1392" t="s">
        <v>30540</v>
      </c>
    </row>
    <row r="1393" spans="1:9">
      <c r="A1393" s="1">
        <v>0.47772710024284859</v>
      </c>
      <c r="B1393" s="1"/>
      <c r="C1393">
        <v>7</v>
      </c>
      <c r="D1393" t="s">
        <v>2444</v>
      </c>
      <c r="E1393" t="s">
        <v>31381</v>
      </c>
      <c r="F1393">
        <v>3</v>
      </c>
      <c r="H1393" t="s">
        <v>2445</v>
      </c>
      <c r="I1393" t="s">
        <v>30540</v>
      </c>
    </row>
    <row r="1394" spans="1:9">
      <c r="A1394" s="1">
        <v>0.23141808485756332</v>
      </c>
      <c r="B1394" s="1"/>
      <c r="C1394">
        <v>3</v>
      </c>
      <c r="D1394" t="s">
        <v>2440</v>
      </c>
      <c r="E1394" t="s">
        <v>31382</v>
      </c>
      <c r="F1394">
        <v>3</v>
      </c>
      <c r="H1394" t="s">
        <v>2441</v>
      </c>
      <c r="I1394" t="s">
        <v>30540</v>
      </c>
    </row>
    <row r="1395" spans="1:9">
      <c r="A1395" s="1">
        <v>0.19391524358709622</v>
      </c>
      <c r="B1395" s="1"/>
      <c r="C1395">
        <v>2</v>
      </c>
      <c r="D1395" t="s">
        <v>2438</v>
      </c>
      <c r="E1395" t="s">
        <v>31383</v>
      </c>
      <c r="F1395">
        <v>5</v>
      </c>
      <c r="H1395" t="s">
        <v>2439</v>
      </c>
      <c r="I1395" t="s">
        <v>30540</v>
      </c>
    </row>
    <row r="1396" spans="1:9">
      <c r="A1396" s="1">
        <v>0.55399265855663882</v>
      </c>
      <c r="B1396" s="1"/>
      <c r="C1396">
        <v>2</v>
      </c>
      <c r="D1396" t="s">
        <v>2438</v>
      </c>
      <c r="E1396" t="s">
        <v>31383</v>
      </c>
      <c r="F1396">
        <v>5</v>
      </c>
      <c r="H1396" t="s">
        <v>2439</v>
      </c>
      <c r="I1396" t="s">
        <v>30540</v>
      </c>
    </row>
    <row r="1397" spans="1:9">
      <c r="A1397" s="1">
        <v>0.98590721551957439</v>
      </c>
      <c r="B1397" s="1"/>
      <c r="C1397">
        <v>6</v>
      </c>
      <c r="D1397" t="s">
        <v>2436</v>
      </c>
      <c r="E1397" t="s">
        <v>31384</v>
      </c>
      <c r="F1397">
        <v>4</v>
      </c>
      <c r="H1397" t="s">
        <v>2437</v>
      </c>
      <c r="I1397" t="s">
        <v>30540</v>
      </c>
    </row>
    <row r="1398" spans="1:9">
      <c r="A1398" s="1">
        <v>0.77295987115130993</v>
      </c>
      <c r="B1398" s="1"/>
      <c r="C1398">
        <v>6</v>
      </c>
      <c r="D1398" t="s">
        <v>2436</v>
      </c>
      <c r="E1398" t="s">
        <v>31384</v>
      </c>
      <c r="F1398">
        <v>4</v>
      </c>
      <c r="H1398" t="s">
        <v>2437</v>
      </c>
      <c r="I1398" t="s">
        <v>30540</v>
      </c>
    </row>
    <row r="1399" spans="1:9">
      <c r="A1399" s="1">
        <v>0.42783484243435044</v>
      </c>
      <c r="B1399" s="1"/>
      <c r="C1399">
        <v>4</v>
      </c>
      <c r="D1399" t="s">
        <v>2434</v>
      </c>
      <c r="E1399" t="s">
        <v>31385</v>
      </c>
      <c r="F1399">
        <v>5</v>
      </c>
      <c r="H1399" t="s">
        <v>2435</v>
      </c>
      <c r="I1399" t="s">
        <v>30540</v>
      </c>
    </row>
    <row r="1400" spans="1:9">
      <c r="A1400" s="1">
        <v>0.16085682767352638</v>
      </c>
      <c r="B1400" s="1"/>
      <c r="C1400">
        <v>4</v>
      </c>
      <c r="D1400" t="s">
        <v>2434</v>
      </c>
      <c r="E1400" t="s">
        <v>31385</v>
      </c>
      <c r="F1400">
        <v>5</v>
      </c>
      <c r="H1400" t="s">
        <v>2435</v>
      </c>
      <c r="I1400" t="s">
        <v>30540</v>
      </c>
    </row>
    <row r="1401" spans="1:9">
      <c r="A1401" s="1">
        <v>4.4940649719216408E-2</v>
      </c>
      <c r="B1401" s="1"/>
      <c r="C1401">
        <v>2</v>
      </c>
      <c r="D1401" t="s">
        <v>2432</v>
      </c>
      <c r="E1401" t="s">
        <v>31385</v>
      </c>
      <c r="F1401">
        <v>4</v>
      </c>
      <c r="H1401" t="s">
        <v>2433</v>
      </c>
      <c r="I1401" t="s">
        <v>30540</v>
      </c>
    </row>
    <row r="1402" spans="1:9">
      <c r="A1402" s="1">
        <v>0.22524591551634721</v>
      </c>
      <c r="B1402" s="1"/>
      <c r="C1402">
        <v>2</v>
      </c>
      <c r="D1402" t="s">
        <v>2432</v>
      </c>
      <c r="E1402" t="s">
        <v>31385</v>
      </c>
      <c r="F1402">
        <v>4</v>
      </c>
      <c r="H1402" t="s">
        <v>2433</v>
      </c>
      <c r="I1402" t="s">
        <v>30540</v>
      </c>
    </row>
    <row r="1403" spans="1:9">
      <c r="A1403" s="1">
        <v>0.67203976994889481</v>
      </c>
      <c r="B1403" s="1"/>
      <c r="C1403">
        <v>1</v>
      </c>
      <c r="D1403" t="s">
        <v>4177</v>
      </c>
      <c r="E1403" t="s">
        <v>31386</v>
      </c>
      <c r="F1403">
        <v>5</v>
      </c>
      <c r="H1403" t="s">
        <v>4178</v>
      </c>
      <c r="I1403" t="s">
        <v>30540</v>
      </c>
    </row>
    <row r="1404" spans="1:9">
      <c r="A1404" s="1">
        <v>0.68033708392143522</v>
      </c>
      <c r="B1404" s="1"/>
      <c r="C1404">
        <v>5</v>
      </c>
      <c r="D1404" t="s">
        <v>4183</v>
      </c>
      <c r="E1404" t="s">
        <v>31386</v>
      </c>
      <c r="F1404">
        <v>5</v>
      </c>
      <c r="H1404" t="s">
        <v>4184</v>
      </c>
      <c r="I1404" t="s">
        <v>30540</v>
      </c>
    </row>
    <row r="1405" spans="1:9">
      <c r="A1405" s="1">
        <v>0.62265195486198621</v>
      </c>
      <c r="B1405" s="1"/>
      <c r="C1405">
        <v>16</v>
      </c>
      <c r="D1405" t="s">
        <v>4185</v>
      </c>
      <c r="E1405" t="s">
        <v>31386</v>
      </c>
      <c r="F1405">
        <v>4</v>
      </c>
      <c r="H1405" t="s">
        <v>4186</v>
      </c>
      <c r="I1405" t="s">
        <v>30540</v>
      </c>
    </row>
    <row r="1406" spans="1:9">
      <c r="A1406" s="1">
        <v>0.12967398078245562</v>
      </c>
      <c r="B1406" s="1"/>
      <c r="C1406">
        <v>2</v>
      </c>
      <c r="D1406" t="s">
        <v>4179</v>
      </c>
      <c r="E1406" t="s">
        <v>31386</v>
      </c>
      <c r="F1406">
        <v>4</v>
      </c>
      <c r="H1406" t="s">
        <v>4180</v>
      </c>
      <c r="I1406" t="s">
        <v>30540</v>
      </c>
    </row>
    <row r="1407" spans="1:9">
      <c r="A1407" s="1">
        <v>0.4952313843509385</v>
      </c>
      <c r="B1407" s="1"/>
      <c r="C1407">
        <v>1</v>
      </c>
      <c r="D1407" t="s">
        <v>4175</v>
      </c>
      <c r="E1407" t="s">
        <v>31387</v>
      </c>
      <c r="F1407">
        <v>4</v>
      </c>
      <c r="H1407" t="s">
        <v>4176</v>
      </c>
      <c r="I1407" t="s">
        <v>30540</v>
      </c>
    </row>
    <row r="1408" spans="1:9">
      <c r="A1408" s="1">
        <v>0.82307312665476184</v>
      </c>
      <c r="B1408" s="1"/>
      <c r="C1408">
        <v>3</v>
      </c>
      <c r="D1408" t="s">
        <v>4173</v>
      </c>
      <c r="E1408" t="s">
        <v>31388</v>
      </c>
      <c r="F1408">
        <v>4</v>
      </c>
      <c r="H1408" t="s">
        <v>4174</v>
      </c>
      <c r="I1408" t="s">
        <v>30540</v>
      </c>
    </row>
    <row r="1409" spans="1:9">
      <c r="A1409" s="1">
        <v>0.58862168604244358</v>
      </c>
      <c r="B1409" s="1"/>
      <c r="C1409">
        <v>5</v>
      </c>
      <c r="D1409" t="s">
        <v>4171</v>
      </c>
      <c r="E1409" t="s">
        <v>31389</v>
      </c>
      <c r="F1409">
        <v>4</v>
      </c>
      <c r="H1409" t="s">
        <v>4172</v>
      </c>
      <c r="I1409" t="s">
        <v>30540</v>
      </c>
    </row>
    <row r="1410" spans="1:9">
      <c r="A1410" s="1">
        <v>0.98556811317122051</v>
      </c>
      <c r="B1410" s="1"/>
      <c r="C1410">
        <v>11</v>
      </c>
      <c r="D1410" t="s">
        <v>4169</v>
      </c>
      <c r="E1410" t="s">
        <v>31390</v>
      </c>
      <c r="F1410">
        <v>4</v>
      </c>
      <c r="H1410" t="s">
        <v>4170</v>
      </c>
      <c r="I1410" t="s">
        <v>30540</v>
      </c>
    </row>
    <row r="1411" spans="1:9">
      <c r="A1411" s="1">
        <v>0.67795597370133853</v>
      </c>
      <c r="B1411" s="1"/>
      <c r="C1411">
        <v>10</v>
      </c>
      <c r="D1411" t="s">
        <v>4167</v>
      </c>
      <c r="E1411" t="s">
        <v>31390</v>
      </c>
      <c r="F1411">
        <v>4</v>
      </c>
      <c r="H1411" t="s">
        <v>4168</v>
      </c>
      <c r="I1411" t="s">
        <v>30540</v>
      </c>
    </row>
    <row r="1412" spans="1:9">
      <c r="A1412" s="1">
        <v>0.58362627695605362</v>
      </c>
      <c r="B1412" s="1"/>
      <c r="C1412">
        <v>9</v>
      </c>
      <c r="D1412" t="s">
        <v>4165</v>
      </c>
      <c r="E1412" t="s">
        <v>31390</v>
      </c>
      <c r="F1412">
        <v>3</v>
      </c>
      <c r="H1412" t="s">
        <v>4166</v>
      </c>
      <c r="I1412" t="s">
        <v>30540</v>
      </c>
    </row>
    <row r="1413" spans="1:9">
      <c r="A1413" s="1">
        <v>0.18531445548299774</v>
      </c>
      <c r="B1413" s="1"/>
      <c r="C1413">
        <v>4</v>
      </c>
      <c r="D1413" t="s">
        <v>4161</v>
      </c>
      <c r="E1413" t="s">
        <v>31391</v>
      </c>
      <c r="F1413">
        <v>4</v>
      </c>
      <c r="H1413" t="s">
        <v>4162</v>
      </c>
      <c r="I1413" t="s">
        <v>30540</v>
      </c>
    </row>
    <row r="1414" spans="1:9">
      <c r="A1414" s="1">
        <v>0.98711208208155954</v>
      </c>
      <c r="B1414" s="1"/>
      <c r="C1414">
        <v>1</v>
      </c>
      <c r="D1414" t="s">
        <v>4155</v>
      </c>
      <c r="E1414" t="s">
        <v>31392</v>
      </c>
      <c r="F1414">
        <v>4</v>
      </c>
      <c r="H1414" t="s">
        <v>4156</v>
      </c>
      <c r="I1414" t="s">
        <v>30540</v>
      </c>
    </row>
    <row r="1415" spans="1:9">
      <c r="A1415" s="1">
        <v>8.4800191537000691E-2</v>
      </c>
      <c r="B1415" s="1"/>
      <c r="C1415">
        <v>7</v>
      </c>
      <c r="D1415" t="s">
        <v>4159</v>
      </c>
      <c r="E1415" t="s">
        <v>31392</v>
      </c>
      <c r="F1415">
        <v>3</v>
      </c>
      <c r="H1415" t="s">
        <v>4160</v>
      </c>
      <c r="I1415" t="s">
        <v>30540</v>
      </c>
    </row>
    <row r="1416" spans="1:9">
      <c r="A1416" s="1">
        <v>0.5017194888396268</v>
      </c>
      <c r="B1416" s="1"/>
      <c r="C1416">
        <v>6</v>
      </c>
      <c r="D1416" t="s">
        <v>4157</v>
      </c>
      <c r="E1416" t="s">
        <v>31392</v>
      </c>
      <c r="F1416">
        <v>3</v>
      </c>
      <c r="H1416" t="s">
        <v>4158</v>
      </c>
      <c r="I1416" t="s">
        <v>30540</v>
      </c>
    </row>
    <row r="1417" spans="1:9">
      <c r="A1417" s="1">
        <v>0.22483968468085924</v>
      </c>
      <c r="B1417" s="1"/>
      <c r="C1417">
        <v>1</v>
      </c>
      <c r="D1417" t="s">
        <v>4153</v>
      </c>
      <c r="E1417" t="s">
        <v>31393</v>
      </c>
      <c r="F1417">
        <v>4</v>
      </c>
      <c r="H1417" t="s">
        <v>4154</v>
      </c>
      <c r="I1417" t="s">
        <v>30540</v>
      </c>
    </row>
    <row r="1418" spans="1:9">
      <c r="A1418" s="1">
        <v>0.27716560888320474</v>
      </c>
      <c r="B1418" s="1"/>
      <c r="C1418">
        <v>6</v>
      </c>
      <c r="D1418" t="s">
        <v>4151</v>
      </c>
      <c r="E1418" t="s">
        <v>31394</v>
      </c>
      <c r="F1418">
        <v>4</v>
      </c>
      <c r="H1418" t="s">
        <v>4152</v>
      </c>
      <c r="I1418" t="s">
        <v>30540</v>
      </c>
    </row>
    <row r="1419" spans="1:9">
      <c r="A1419" s="1">
        <v>0.69306626596872645</v>
      </c>
      <c r="B1419" s="1"/>
      <c r="C1419">
        <v>5</v>
      </c>
      <c r="D1419" t="s">
        <v>4149</v>
      </c>
      <c r="E1419" t="s">
        <v>31394</v>
      </c>
      <c r="F1419">
        <v>4</v>
      </c>
      <c r="H1419" t="s">
        <v>4150</v>
      </c>
      <c r="I1419" t="s">
        <v>30540</v>
      </c>
    </row>
    <row r="1420" spans="1:9">
      <c r="A1420" s="1">
        <v>0.29676511675634343</v>
      </c>
      <c r="B1420" s="1"/>
      <c r="C1420">
        <v>2</v>
      </c>
      <c r="D1420" t="s">
        <v>4147</v>
      </c>
      <c r="E1420" t="s">
        <v>31394</v>
      </c>
      <c r="F1420">
        <v>3</v>
      </c>
      <c r="H1420" t="s">
        <v>4148</v>
      </c>
      <c r="I1420" t="s">
        <v>30540</v>
      </c>
    </row>
    <row r="1421" spans="1:9">
      <c r="A1421" s="1">
        <v>0.66532042293305993</v>
      </c>
      <c r="B1421" s="1"/>
      <c r="C1421">
        <v>1</v>
      </c>
      <c r="D1421" t="s">
        <v>4145</v>
      </c>
      <c r="E1421" t="s">
        <v>31395</v>
      </c>
      <c r="F1421">
        <v>4</v>
      </c>
      <c r="H1421" t="s">
        <v>4146</v>
      </c>
      <c r="I1421" t="s">
        <v>30540</v>
      </c>
    </row>
    <row r="1422" spans="1:9">
      <c r="A1422" s="1">
        <v>0.62070811798114722</v>
      </c>
      <c r="B1422" s="1"/>
      <c r="C1422">
        <v>5</v>
      </c>
      <c r="D1422" t="s">
        <v>4143</v>
      </c>
      <c r="E1422" t="s">
        <v>31396</v>
      </c>
      <c r="F1422">
        <v>4</v>
      </c>
      <c r="H1422" t="s">
        <v>4144</v>
      </c>
      <c r="I1422" t="s">
        <v>30540</v>
      </c>
    </row>
    <row r="1423" spans="1:9">
      <c r="A1423" s="1">
        <v>0.72595566622217922</v>
      </c>
      <c r="B1423" s="1"/>
      <c r="C1423">
        <v>3</v>
      </c>
      <c r="D1423" t="s">
        <v>4141</v>
      </c>
      <c r="E1423" t="s">
        <v>31396</v>
      </c>
      <c r="F1423">
        <v>4</v>
      </c>
      <c r="H1423" t="s">
        <v>4142</v>
      </c>
      <c r="I1423" t="s">
        <v>30540</v>
      </c>
    </row>
    <row r="1424" spans="1:9">
      <c r="A1424" s="1">
        <v>8.9246959059258502E-2</v>
      </c>
      <c r="B1424" s="1"/>
      <c r="C1424">
        <v>13</v>
      </c>
      <c r="D1424" t="s">
        <v>4137</v>
      </c>
      <c r="E1424" t="s">
        <v>31397</v>
      </c>
      <c r="F1424">
        <v>5</v>
      </c>
      <c r="H1424" t="s">
        <v>4138</v>
      </c>
      <c r="I1424" t="s">
        <v>30540</v>
      </c>
    </row>
    <row r="1425" spans="1:9">
      <c r="A1425" s="1">
        <v>0.97894174091112574</v>
      </c>
      <c r="B1425" s="1"/>
      <c r="C1425">
        <v>1</v>
      </c>
      <c r="D1425" t="s">
        <v>4131</v>
      </c>
      <c r="E1425" t="s">
        <v>31397</v>
      </c>
      <c r="F1425">
        <v>5</v>
      </c>
      <c r="H1425" t="s">
        <v>4132</v>
      </c>
      <c r="I1425" t="s">
        <v>30540</v>
      </c>
    </row>
    <row r="1426" spans="1:9">
      <c r="A1426" s="1">
        <v>0.78314936561986526</v>
      </c>
      <c r="B1426" s="1"/>
      <c r="C1426">
        <v>7</v>
      </c>
      <c r="D1426" t="s">
        <v>4133</v>
      </c>
      <c r="E1426" t="s">
        <v>31397</v>
      </c>
      <c r="F1426">
        <v>4</v>
      </c>
      <c r="H1426" t="s">
        <v>4134</v>
      </c>
      <c r="I1426" t="s">
        <v>30540</v>
      </c>
    </row>
    <row r="1427" spans="1:9">
      <c r="A1427" s="1">
        <v>0.8805131972072211</v>
      </c>
      <c r="B1427" s="1"/>
      <c r="C1427">
        <v>16</v>
      </c>
      <c r="D1427" t="s">
        <v>4139</v>
      </c>
      <c r="E1427" t="s">
        <v>31397</v>
      </c>
      <c r="F1427">
        <v>4</v>
      </c>
      <c r="H1427" t="s">
        <v>4140</v>
      </c>
      <c r="I1427" t="s">
        <v>30540</v>
      </c>
    </row>
    <row r="1428" spans="1:9">
      <c r="A1428" s="1">
        <v>0.92055793250037821</v>
      </c>
      <c r="B1428" s="1"/>
      <c r="C1428">
        <v>10</v>
      </c>
      <c r="D1428" t="s">
        <v>4135</v>
      </c>
      <c r="E1428" t="s">
        <v>31397</v>
      </c>
      <c r="F1428">
        <v>4</v>
      </c>
      <c r="H1428" t="s">
        <v>4136</v>
      </c>
      <c r="I1428" t="s">
        <v>30540</v>
      </c>
    </row>
    <row r="1429" spans="1:9">
      <c r="A1429" s="1">
        <v>0.56765419876904399</v>
      </c>
      <c r="B1429" s="1"/>
      <c r="C1429">
        <v>4</v>
      </c>
      <c r="D1429" t="s">
        <v>4129</v>
      </c>
      <c r="E1429" t="s">
        <v>31398</v>
      </c>
      <c r="F1429">
        <v>4</v>
      </c>
      <c r="H1429" t="s">
        <v>4130</v>
      </c>
      <c r="I1429" t="s">
        <v>30540</v>
      </c>
    </row>
    <row r="1430" spans="1:9">
      <c r="A1430" s="1">
        <v>7.1777856013607311E-2</v>
      </c>
      <c r="B1430" s="1"/>
      <c r="C1430">
        <v>3</v>
      </c>
      <c r="D1430" t="s">
        <v>4127</v>
      </c>
      <c r="E1430" t="s">
        <v>31398</v>
      </c>
      <c r="F1430">
        <v>4</v>
      </c>
      <c r="H1430" t="s">
        <v>4128</v>
      </c>
      <c r="I1430" t="s">
        <v>30540</v>
      </c>
    </row>
    <row r="1431" spans="1:9">
      <c r="A1431" s="1">
        <v>0.18046786030607476</v>
      </c>
      <c r="B1431" s="1"/>
      <c r="C1431">
        <v>2</v>
      </c>
      <c r="D1431" t="s">
        <v>4125</v>
      </c>
      <c r="E1431" t="s">
        <v>31399</v>
      </c>
      <c r="F1431">
        <v>4</v>
      </c>
      <c r="H1431" t="s">
        <v>4126</v>
      </c>
      <c r="I1431" t="s">
        <v>30540</v>
      </c>
    </row>
    <row r="1432" spans="1:9">
      <c r="A1432" s="1">
        <v>0.52461554964448309</v>
      </c>
      <c r="B1432" s="1"/>
      <c r="C1432">
        <v>1</v>
      </c>
      <c r="D1432" t="s">
        <v>4123</v>
      </c>
      <c r="E1432" t="s">
        <v>31399</v>
      </c>
      <c r="F1432">
        <v>3</v>
      </c>
      <c r="H1432" t="s">
        <v>4124</v>
      </c>
      <c r="I1432" t="s">
        <v>30540</v>
      </c>
    </row>
    <row r="1433" spans="1:9">
      <c r="A1433" s="1">
        <v>0.95837236847490626</v>
      </c>
      <c r="B1433" s="1"/>
      <c r="C1433">
        <v>8</v>
      </c>
      <c r="D1433" t="s">
        <v>4121</v>
      </c>
      <c r="E1433" t="s">
        <v>31400</v>
      </c>
      <c r="F1433">
        <v>4</v>
      </c>
      <c r="H1433" t="s">
        <v>4122</v>
      </c>
      <c r="I1433" t="s">
        <v>30540</v>
      </c>
    </row>
    <row r="1434" spans="1:9">
      <c r="A1434" s="1">
        <v>0.35742304424911553</v>
      </c>
      <c r="B1434" s="1"/>
      <c r="C1434">
        <v>9</v>
      </c>
      <c r="D1434" t="s">
        <v>4117</v>
      </c>
      <c r="E1434" t="s">
        <v>31401</v>
      </c>
      <c r="F1434">
        <v>4</v>
      </c>
      <c r="H1434" t="s">
        <v>4118</v>
      </c>
      <c r="I1434" t="s">
        <v>30540</v>
      </c>
    </row>
    <row r="1435" spans="1:9">
      <c r="A1435" s="1">
        <v>0.56693428370546162</v>
      </c>
      <c r="B1435" s="1"/>
      <c r="C1435">
        <v>4</v>
      </c>
      <c r="D1435" t="s">
        <v>4115</v>
      </c>
      <c r="E1435" t="s">
        <v>31401</v>
      </c>
      <c r="F1435">
        <v>4</v>
      </c>
      <c r="H1435" t="s">
        <v>4116</v>
      </c>
      <c r="I1435" t="s">
        <v>30540</v>
      </c>
    </row>
    <row r="1436" spans="1:9">
      <c r="A1436" s="1">
        <v>0.5605777180549194</v>
      </c>
      <c r="B1436" s="1"/>
      <c r="C1436">
        <v>2</v>
      </c>
      <c r="D1436" t="s">
        <v>4113</v>
      </c>
      <c r="E1436" t="s">
        <v>31401</v>
      </c>
      <c r="F1436">
        <v>4</v>
      </c>
      <c r="H1436" t="s">
        <v>4114</v>
      </c>
      <c r="I1436" t="s">
        <v>30540</v>
      </c>
    </row>
    <row r="1437" spans="1:9">
      <c r="A1437" s="1">
        <v>1.7623082583793415E-2</v>
      </c>
      <c r="B1437" s="1"/>
      <c r="C1437">
        <v>4</v>
      </c>
      <c r="D1437" t="s">
        <v>4111</v>
      </c>
      <c r="E1437" t="s">
        <v>31402</v>
      </c>
      <c r="F1437">
        <v>4</v>
      </c>
      <c r="H1437" t="s">
        <v>4112</v>
      </c>
      <c r="I1437" t="s">
        <v>30540</v>
      </c>
    </row>
    <row r="1438" spans="1:9">
      <c r="A1438" s="1">
        <v>0.83380263033044233</v>
      </c>
      <c r="B1438" s="1"/>
      <c r="C1438">
        <v>3</v>
      </c>
      <c r="D1438" t="s">
        <v>4109</v>
      </c>
      <c r="E1438" t="s">
        <v>31403</v>
      </c>
      <c r="F1438">
        <v>4</v>
      </c>
      <c r="H1438" t="s">
        <v>4110</v>
      </c>
      <c r="I1438" t="s">
        <v>30540</v>
      </c>
    </row>
    <row r="1439" spans="1:9">
      <c r="A1439" s="1">
        <v>0.10418131983612822</v>
      </c>
      <c r="B1439" s="1"/>
      <c r="C1439">
        <v>3</v>
      </c>
      <c r="D1439" t="s">
        <v>4105</v>
      </c>
      <c r="E1439" t="s">
        <v>31404</v>
      </c>
      <c r="F1439">
        <v>5</v>
      </c>
      <c r="H1439" t="s">
        <v>4106</v>
      </c>
      <c r="I1439" t="s">
        <v>30540</v>
      </c>
    </row>
    <row r="1440" spans="1:9">
      <c r="A1440" s="1">
        <v>0.90630369230279562</v>
      </c>
      <c r="B1440" s="1"/>
      <c r="C1440">
        <v>1</v>
      </c>
      <c r="D1440" t="s">
        <v>4103</v>
      </c>
      <c r="E1440" t="s">
        <v>31404</v>
      </c>
      <c r="F1440">
        <v>5</v>
      </c>
      <c r="H1440" t="s">
        <v>4104</v>
      </c>
      <c r="I1440" t="s">
        <v>30540</v>
      </c>
    </row>
    <row r="1441" spans="1:9">
      <c r="A1441" s="1">
        <v>0.16618677098424928</v>
      </c>
      <c r="B1441" s="1"/>
      <c r="C1441">
        <v>4</v>
      </c>
      <c r="D1441" t="s">
        <v>4107</v>
      </c>
      <c r="E1441" t="s">
        <v>31404</v>
      </c>
      <c r="F1441">
        <v>4</v>
      </c>
      <c r="H1441" t="s">
        <v>4108</v>
      </c>
      <c r="I1441" t="s">
        <v>30540</v>
      </c>
    </row>
    <row r="1442" spans="1:9">
      <c r="A1442" s="1">
        <v>9.3398443792762187E-2</v>
      </c>
      <c r="B1442" s="1"/>
      <c r="C1442">
        <v>8</v>
      </c>
      <c r="D1442" t="s">
        <v>4101</v>
      </c>
      <c r="E1442" t="s">
        <v>31405</v>
      </c>
      <c r="F1442">
        <v>4</v>
      </c>
      <c r="H1442" t="s">
        <v>4102</v>
      </c>
      <c r="I1442" t="s">
        <v>30540</v>
      </c>
    </row>
    <row r="1443" spans="1:9">
      <c r="A1443" s="1">
        <v>0.58516558782509931</v>
      </c>
      <c r="B1443" s="1"/>
      <c r="C1443">
        <v>5</v>
      </c>
      <c r="D1443" t="s">
        <v>4097</v>
      </c>
      <c r="E1443" t="s">
        <v>31406</v>
      </c>
      <c r="F1443">
        <v>4</v>
      </c>
      <c r="H1443" t="s">
        <v>4098</v>
      </c>
      <c r="I1443" t="s">
        <v>30540</v>
      </c>
    </row>
    <row r="1444" spans="1:9">
      <c r="A1444" s="1">
        <v>0.72995302428920239</v>
      </c>
      <c r="B1444" s="1"/>
      <c r="C1444">
        <v>8</v>
      </c>
      <c r="D1444" t="s">
        <v>4099</v>
      </c>
      <c r="E1444" t="s">
        <v>31406</v>
      </c>
      <c r="F1444">
        <v>4</v>
      </c>
      <c r="H1444" t="s">
        <v>4100</v>
      </c>
      <c r="I1444" t="s">
        <v>30540</v>
      </c>
    </row>
    <row r="1445" spans="1:9">
      <c r="A1445" s="1">
        <v>0.93345146264446988</v>
      </c>
      <c r="B1445" s="1"/>
      <c r="C1445">
        <v>2</v>
      </c>
      <c r="D1445" t="s">
        <v>4095</v>
      </c>
      <c r="E1445" t="s">
        <v>31407</v>
      </c>
      <c r="F1445">
        <v>4</v>
      </c>
      <c r="H1445" t="s">
        <v>4096</v>
      </c>
      <c r="I1445" t="s">
        <v>30540</v>
      </c>
    </row>
    <row r="1446" spans="1:9">
      <c r="A1446" s="1">
        <v>0.18109673369819179</v>
      </c>
      <c r="B1446" s="1"/>
      <c r="C1446">
        <v>2</v>
      </c>
      <c r="D1446" t="s">
        <v>4091</v>
      </c>
      <c r="E1446" t="s">
        <v>31408</v>
      </c>
      <c r="F1446">
        <v>5</v>
      </c>
      <c r="H1446" t="s">
        <v>4092</v>
      </c>
      <c r="I1446" t="s">
        <v>30540</v>
      </c>
    </row>
    <row r="1447" spans="1:9">
      <c r="A1447" s="1">
        <v>0.81607233404833679</v>
      </c>
      <c r="B1447" s="1"/>
      <c r="C1447">
        <v>6</v>
      </c>
      <c r="D1447" t="s">
        <v>4093</v>
      </c>
      <c r="E1447" t="s">
        <v>31408</v>
      </c>
      <c r="F1447">
        <v>4</v>
      </c>
      <c r="H1447" t="s">
        <v>4094</v>
      </c>
      <c r="I1447" t="s">
        <v>30540</v>
      </c>
    </row>
    <row r="1448" spans="1:9">
      <c r="A1448" s="1">
        <v>8.9346827560408904E-2</v>
      </c>
      <c r="B1448" s="1"/>
      <c r="C1448">
        <v>3</v>
      </c>
      <c r="D1448" t="s">
        <v>4089</v>
      </c>
      <c r="E1448" t="s">
        <v>31409</v>
      </c>
      <c r="F1448">
        <v>4</v>
      </c>
      <c r="H1448" t="s">
        <v>4090</v>
      </c>
      <c r="I1448" t="s">
        <v>30540</v>
      </c>
    </row>
    <row r="1449" spans="1:9">
      <c r="A1449" s="1">
        <v>0.64706092920014158</v>
      </c>
      <c r="B1449" s="1"/>
      <c r="C1449">
        <v>4</v>
      </c>
      <c r="D1449" t="s">
        <v>4085</v>
      </c>
      <c r="E1449" t="s">
        <v>31410</v>
      </c>
      <c r="F1449">
        <v>5</v>
      </c>
      <c r="H1449" t="s">
        <v>4086</v>
      </c>
      <c r="I1449" t="s">
        <v>30540</v>
      </c>
    </row>
    <row r="1450" spans="1:9">
      <c r="A1450" s="1">
        <v>0.42338761678409642</v>
      </c>
      <c r="B1450" s="1"/>
      <c r="C1450">
        <v>7</v>
      </c>
      <c r="D1450" t="s">
        <v>4087</v>
      </c>
      <c r="E1450" t="s">
        <v>31410</v>
      </c>
      <c r="F1450">
        <v>5</v>
      </c>
      <c r="H1450" t="s">
        <v>4088</v>
      </c>
      <c r="I1450" t="s">
        <v>30540</v>
      </c>
    </row>
    <row r="1451" spans="1:9">
      <c r="A1451" s="1">
        <v>0.53489709708026534</v>
      </c>
      <c r="B1451" s="1"/>
      <c r="C1451">
        <v>11</v>
      </c>
      <c r="D1451" t="s">
        <v>4083</v>
      </c>
      <c r="E1451" t="s">
        <v>31411</v>
      </c>
      <c r="F1451">
        <v>5</v>
      </c>
      <c r="H1451" t="s">
        <v>4084</v>
      </c>
      <c r="I1451" t="s">
        <v>30540</v>
      </c>
    </row>
    <row r="1452" spans="1:9">
      <c r="A1452" s="1">
        <v>8.8921867859838799E-2</v>
      </c>
      <c r="B1452" s="1"/>
      <c r="C1452">
        <v>8</v>
      </c>
      <c r="D1452" t="s">
        <v>4081</v>
      </c>
      <c r="E1452" t="s">
        <v>31411</v>
      </c>
      <c r="F1452">
        <v>4</v>
      </c>
      <c r="H1452" t="s">
        <v>4082</v>
      </c>
      <c r="I1452" t="s">
        <v>30540</v>
      </c>
    </row>
    <row r="1453" spans="1:9">
      <c r="A1453" s="1">
        <v>0.52583997845190855</v>
      </c>
      <c r="B1453" s="1"/>
      <c r="C1453">
        <v>5</v>
      </c>
      <c r="D1453" t="s">
        <v>4079</v>
      </c>
      <c r="E1453" t="s">
        <v>31412</v>
      </c>
      <c r="F1453">
        <v>5</v>
      </c>
      <c r="H1453" t="s">
        <v>4080</v>
      </c>
      <c r="I1453" t="s">
        <v>30540</v>
      </c>
    </row>
    <row r="1454" spans="1:9">
      <c r="A1454" s="1">
        <v>0.85290450422386088</v>
      </c>
      <c r="B1454" s="1"/>
      <c r="C1454">
        <v>1</v>
      </c>
      <c r="D1454" t="s">
        <v>4077</v>
      </c>
      <c r="E1454" t="s">
        <v>31412</v>
      </c>
      <c r="F1454">
        <v>5</v>
      </c>
      <c r="H1454" t="s">
        <v>4078</v>
      </c>
      <c r="I1454" t="s">
        <v>30540</v>
      </c>
    </row>
    <row r="1455" spans="1:9">
      <c r="A1455" s="1">
        <v>0.99557608774993733</v>
      </c>
      <c r="B1455" s="1"/>
      <c r="C1455">
        <v>7</v>
      </c>
      <c r="D1455" t="s">
        <v>4073</v>
      </c>
      <c r="E1455" t="s">
        <v>31413</v>
      </c>
      <c r="F1455">
        <v>5</v>
      </c>
      <c r="H1455" t="s">
        <v>4074</v>
      </c>
      <c r="I1455" t="s">
        <v>30540</v>
      </c>
    </row>
    <row r="1456" spans="1:9">
      <c r="A1456" s="1">
        <v>0.52402279678751229</v>
      </c>
      <c r="B1456" s="1"/>
      <c r="C1456">
        <v>10</v>
      </c>
      <c r="D1456" t="s">
        <v>4075</v>
      </c>
      <c r="E1456" t="s">
        <v>31413</v>
      </c>
      <c r="F1456">
        <v>5</v>
      </c>
      <c r="H1456" t="s">
        <v>4076</v>
      </c>
      <c r="I1456" t="s">
        <v>30540</v>
      </c>
    </row>
    <row r="1457" spans="1:9">
      <c r="A1457" s="1">
        <v>4.4047765496372016E-2</v>
      </c>
      <c r="B1457" s="1"/>
      <c r="C1457">
        <v>1</v>
      </c>
      <c r="D1457" t="s">
        <v>4069</v>
      </c>
      <c r="E1457" t="s">
        <v>31413</v>
      </c>
      <c r="F1457">
        <v>4</v>
      </c>
      <c r="H1457" t="s">
        <v>4070</v>
      </c>
      <c r="I1457" t="s">
        <v>30540</v>
      </c>
    </row>
    <row r="1458" spans="1:9">
      <c r="A1458" s="1">
        <v>0.77829372058643109</v>
      </c>
      <c r="B1458" s="1"/>
      <c r="C1458">
        <v>6</v>
      </c>
      <c r="D1458" t="s">
        <v>4071</v>
      </c>
      <c r="E1458" t="s">
        <v>31413</v>
      </c>
      <c r="F1458">
        <v>4</v>
      </c>
      <c r="H1458" t="s">
        <v>4072</v>
      </c>
      <c r="I1458" t="s">
        <v>30540</v>
      </c>
    </row>
    <row r="1459" spans="1:9">
      <c r="A1459" s="1">
        <v>0.44251557529699792</v>
      </c>
      <c r="B1459" s="1"/>
      <c r="C1459">
        <v>2</v>
      </c>
      <c r="D1459" t="s">
        <v>4067</v>
      </c>
      <c r="E1459" t="s">
        <v>31414</v>
      </c>
      <c r="F1459">
        <v>4</v>
      </c>
      <c r="H1459" t="s">
        <v>4068</v>
      </c>
      <c r="I1459" t="s">
        <v>30540</v>
      </c>
    </row>
    <row r="1460" spans="1:9">
      <c r="A1460" s="1">
        <v>0.85588447517621813</v>
      </c>
      <c r="B1460" s="1"/>
      <c r="C1460">
        <v>7</v>
      </c>
      <c r="D1460" t="s">
        <v>4065</v>
      </c>
      <c r="E1460" t="s">
        <v>31415</v>
      </c>
      <c r="F1460">
        <v>4</v>
      </c>
      <c r="H1460" t="s">
        <v>4066</v>
      </c>
      <c r="I1460" t="s">
        <v>30540</v>
      </c>
    </row>
    <row r="1461" spans="1:9">
      <c r="A1461" s="1">
        <v>2.3825737247387679E-2</v>
      </c>
      <c r="B1461" s="1"/>
      <c r="C1461">
        <v>4</v>
      </c>
      <c r="D1461" t="s">
        <v>4061</v>
      </c>
      <c r="E1461" t="s">
        <v>31415</v>
      </c>
      <c r="F1461">
        <v>4</v>
      </c>
      <c r="H1461" t="s">
        <v>4062</v>
      </c>
      <c r="I1461" t="s">
        <v>30540</v>
      </c>
    </row>
    <row r="1462" spans="1:9">
      <c r="A1462" s="1">
        <v>0.2305521759452005</v>
      </c>
      <c r="B1462" s="1"/>
      <c r="C1462">
        <v>5</v>
      </c>
      <c r="D1462" t="s">
        <v>4063</v>
      </c>
      <c r="E1462" t="s">
        <v>31415</v>
      </c>
      <c r="F1462">
        <v>4</v>
      </c>
      <c r="H1462" t="s">
        <v>4064</v>
      </c>
      <c r="I1462" t="s">
        <v>30540</v>
      </c>
    </row>
    <row r="1463" spans="1:9">
      <c r="A1463" s="1">
        <v>0.6126928996107408</v>
      </c>
      <c r="B1463" s="1"/>
      <c r="C1463">
        <v>4</v>
      </c>
      <c r="D1463" t="s">
        <v>4057</v>
      </c>
      <c r="E1463" t="s">
        <v>31416</v>
      </c>
      <c r="F1463">
        <v>4</v>
      </c>
      <c r="H1463" t="s">
        <v>4058</v>
      </c>
      <c r="I1463" t="s">
        <v>30540</v>
      </c>
    </row>
    <row r="1464" spans="1:9">
      <c r="A1464" s="1">
        <v>0.6554421793343953</v>
      </c>
      <c r="B1464" s="1"/>
      <c r="C1464">
        <v>5</v>
      </c>
      <c r="D1464" t="s">
        <v>4059</v>
      </c>
      <c r="E1464" t="s">
        <v>31416</v>
      </c>
      <c r="F1464">
        <v>3</v>
      </c>
      <c r="H1464" t="s">
        <v>4060</v>
      </c>
      <c r="I1464" t="s">
        <v>30540</v>
      </c>
    </row>
    <row r="1465" spans="1:9">
      <c r="A1465" s="1">
        <v>0.40441323390567208</v>
      </c>
      <c r="B1465" s="1"/>
      <c r="C1465">
        <v>8</v>
      </c>
      <c r="D1465" t="s">
        <v>4053</v>
      </c>
      <c r="E1465" t="s">
        <v>31417</v>
      </c>
      <c r="F1465">
        <v>4</v>
      </c>
      <c r="H1465" t="s">
        <v>4054</v>
      </c>
      <c r="I1465" t="s">
        <v>30540</v>
      </c>
    </row>
    <row r="1466" spans="1:9">
      <c r="A1466" s="1">
        <v>0.18358470834413021</v>
      </c>
      <c r="B1466" s="1"/>
      <c r="C1466">
        <v>1</v>
      </c>
      <c r="D1466" t="s">
        <v>4049</v>
      </c>
      <c r="E1466" t="s">
        <v>31417</v>
      </c>
      <c r="F1466">
        <v>4</v>
      </c>
      <c r="H1466" t="s">
        <v>4050</v>
      </c>
      <c r="I1466" t="s">
        <v>30540</v>
      </c>
    </row>
    <row r="1467" spans="1:9">
      <c r="A1467" s="1">
        <v>0.66403079238832741</v>
      </c>
      <c r="B1467" s="1"/>
      <c r="C1467">
        <v>9</v>
      </c>
      <c r="D1467" t="s">
        <v>4055</v>
      </c>
      <c r="E1467" t="s">
        <v>31417</v>
      </c>
      <c r="F1467">
        <v>4</v>
      </c>
      <c r="H1467" t="s">
        <v>4056</v>
      </c>
      <c r="I1467" t="s">
        <v>30540</v>
      </c>
    </row>
    <row r="1468" spans="1:9">
      <c r="A1468" s="1">
        <v>6.9182505996841615E-2</v>
      </c>
      <c r="B1468" s="1"/>
      <c r="C1468">
        <v>5</v>
      </c>
      <c r="D1468" t="s">
        <v>4047</v>
      </c>
      <c r="E1468" t="s">
        <v>31418</v>
      </c>
      <c r="F1468">
        <v>5</v>
      </c>
      <c r="H1468" t="s">
        <v>4048</v>
      </c>
      <c r="I1468" t="s">
        <v>30540</v>
      </c>
    </row>
    <row r="1469" spans="1:9">
      <c r="A1469" s="1">
        <v>0.59539718020454668</v>
      </c>
      <c r="B1469" s="1"/>
      <c r="C1469">
        <v>4</v>
      </c>
      <c r="D1469" t="s">
        <v>4045</v>
      </c>
      <c r="E1469" t="s">
        <v>31418</v>
      </c>
      <c r="F1469">
        <v>4</v>
      </c>
      <c r="H1469" t="s">
        <v>4046</v>
      </c>
      <c r="I1469" t="s">
        <v>30540</v>
      </c>
    </row>
    <row r="1470" spans="1:9">
      <c r="A1470" s="1">
        <v>0.26474691372190129</v>
      </c>
      <c r="B1470" s="1"/>
      <c r="C1470">
        <v>4</v>
      </c>
      <c r="D1470" t="s">
        <v>4039</v>
      </c>
      <c r="E1470" t="s">
        <v>31419</v>
      </c>
      <c r="F1470">
        <v>5</v>
      </c>
      <c r="H1470" t="s">
        <v>4040</v>
      </c>
      <c r="I1470" t="s">
        <v>30540</v>
      </c>
    </row>
    <row r="1471" spans="1:9">
      <c r="A1471" s="1">
        <v>5.6072408617073521E-2</v>
      </c>
      <c r="B1471" s="1"/>
      <c r="C1471">
        <v>5</v>
      </c>
      <c r="D1471" t="s">
        <v>4041</v>
      </c>
      <c r="E1471" t="s">
        <v>31419</v>
      </c>
      <c r="F1471">
        <v>4</v>
      </c>
      <c r="H1471" t="s">
        <v>4042</v>
      </c>
      <c r="I1471" t="s">
        <v>30540</v>
      </c>
    </row>
    <row r="1472" spans="1:9">
      <c r="A1472" s="1">
        <v>0.38158450408540634</v>
      </c>
      <c r="B1472" s="1"/>
      <c r="C1472">
        <v>3</v>
      </c>
      <c r="D1472" t="s">
        <v>4037</v>
      </c>
      <c r="E1472" t="s">
        <v>31419</v>
      </c>
      <c r="F1472">
        <v>4</v>
      </c>
      <c r="H1472" t="s">
        <v>4038</v>
      </c>
      <c r="I1472" t="s">
        <v>30540</v>
      </c>
    </row>
    <row r="1473" spans="1:9">
      <c r="A1473" s="1">
        <v>0.64040594821180685</v>
      </c>
      <c r="B1473" s="1"/>
      <c r="C1473">
        <v>2</v>
      </c>
      <c r="D1473" t="s">
        <v>4035</v>
      </c>
      <c r="E1473" t="s">
        <v>31420</v>
      </c>
      <c r="F1473">
        <v>4</v>
      </c>
      <c r="H1473" t="s">
        <v>4036</v>
      </c>
      <c r="I1473" t="s">
        <v>30540</v>
      </c>
    </row>
    <row r="1474" spans="1:9">
      <c r="A1474" s="1">
        <v>0.51278164241052315</v>
      </c>
      <c r="B1474" s="1"/>
      <c r="C1474">
        <v>3</v>
      </c>
      <c r="D1474" t="s">
        <v>4033</v>
      </c>
      <c r="E1474" t="s">
        <v>31421</v>
      </c>
      <c r="F1474">
        <v>5</v>
      </c>
      <c r="H1474" t="s">
        <v>4034</v>
      </c>
      <c r="I1474" t="s">
        <v>30540</v>
      </c>
    </row>
    <row r="1475" spans="1:9">
      <c r="A1475" s="1">
        <v>0.89499929336755979</v>
      </c>
      <c r="B1475" s="1"/>
      <c r="C1475">
        <v>9</v>
      </c>
      <c r="D1475" t="s">
        <v>4025</v>
      </c>
      <c r="E1475" t="s">
        <v>31422</v>
      </c>
      <c r="F1475">
        <v>4</v>
      </c>
      <c r="H1475" t="s">
        <v>4026</v>
      </c>
      <c r="I1475" t="s">
        <v>30540</v>
      </c>
    </row>
    <row r="1476" spans="1:9">
      <c r="A1476" s="1">
        <v>0.79624528783879944</v>
      </c>
      <c r="B1476" s="1"/>
      <c r="C1476">
        <v>15</v>
      </c>
      <c r="D1476" t="s">
        <v>4031</v>
      </c>
      <c r="E1476" t="s">
        <v>31422</v>
      </c>
      <c r="F1476">
        <v>4</v>
      </c>
      <c r="H1476" t="s">
        <v>4032</v>
      </c>
      <c r="I1476" t="s">
        <v>30540</v>
      </c>
    </row>
    <row r="1477" spans="1:9">
      <c r="A1477" s="1">
        <v>0.48756145168913267</v>
      </c>
      <c r="B1477" s="1"/>
      <c r="C1477">
        <v>12</v>
      </c>
      <c r="D1477" t="s">
        <v>4029</v>
      </c>
      <c r="E1477" t="s">
        <v>31422</v>
      </c>
      <c r="F1477">
        <v>4</v>
      </c>
      <c r="H1477" t="s">
        <v>4030</v>
      </c>
      <c r="I1477" t="s">
        <v>30540</v>
      </c>
    </row>
    <row r="1478" spans="1:9">
      <c r="A1478" s="1">
        <v>0.12038106265454906</v>
      </c>
      <c r="B1478" s="1"/>
      <c r="C1478">
        <v>11</v>
      </c>
      <c r="D1478" t="s">
        <v>4027</v>
      </c>
      <c r="E1478" t="s">
        <v>31422</v>
      </c>
      <c r="F1478">
        <v>3</v>
      </c>
      <c r="H1478" t="s">
        <v>4028</v>
      </c>
      <c r="I1478" t="s">
        <v>30540</v>
      </c>
    </row>
    <row r="1479" spans="1:9">
      <c r="A1479" s="1">
        <v>0.20120047698698185</v>
      </c>
      <c r="B1479" s="1"/>
      <c r="C1479">
        <v>6</v>
      </c>
      <c r="D1479" t="s">
        <v>4023</v>
      </c>
      <c r="E1479" t="s">
        <v>31423</v>
      </c>
      <c r="F1479">
        <v>4</v>
      </c>
      <c r="H1479" t="s">
        <v>4024</v>
      </c>
      <c r="I1479" t="s">
        <v>30540</v>
      </c>
    </row>
    <row r="1480" spans="1:9">
      <c r="A1480" s="1">
        <v>0.94256491061889103</v>
      </c>
      <c r="B1480" s="1"/>
      <c r="C1480">
        <v>2</v>
      </c>
      <c r="D1480" t="s">
        <v>4021</v>
      </c>
      <c r="E1480" t="s">
        <v>31424</v>
      </c>
      <c r="F1480">
        <v>3</v>
      </c>
      <c r="H1480" t="s">
        <v>4022</v>
      </c>
      <c r="I1480" t="s">
        <v>30540</v>
      </c>
    </row>
    <row r="1481" spans="1:9">
      <c r="A1481" s="1">
        <v>0.2176269418289819</v>
      </c>
      <c r="B1481" s="1"/>
      <c r="C1481">
        <v>3</v>
      </c>
      <c r="D1481" t="s">
        <v>4019</v>
      </c>
      <c r="E1481" t="s">
        <v>31425</v>
      </c>
      <c r="F1481">
        <v>4</v>
      </c>
      <c r="H1481" t="s">
        <v>4020</v>
      </c>
      <c r="I1481" t="s">
        <v>30540</v>
      </c>
    </row>
    <row r="1482" spans="1:9">
      <c r="A1482" s="1">
        <v>0.97939646321875118</v>
      </c>
      <c r="B1482" s="1"/>
      <c r="C1482">
        <v>2</v>
      </c>
      <c r="D1482" t="s">
        <v>4017</v>
      </c>
      <c r="E1482" t="s">
        <v>31425</v>
      </c>
      <c r="F1482">
        <v>3</v>
      </c>
      <c r="H1482" t="s">
        <v>4018</v>
      </c>
      <c r="I1482" t="s">
        <v>30540</v>
      </c>
    </row>
    <row r="1483" spans="1:9">
      <c r="A1483" s="1">
        <v>5.2533551760698405E-2</v>
      </c>
      <c r="B1483" s="1"/>
      <c r="C1483">
        <v>2</v>
      </c>
      <c r="D1483" t="s">
        <v>4013</v>
      </c>
      <c r="E1483" t="s">
        <v>31426</v>
      </c>
      <c r="F1483">
        <v>5</v>
      </c>
      <c r="H1483" t="s">
        <v>4014</v>
      </c>
      <c r="I1483" t="s">
        <v>30540</v>
      </c>
    </row>
    <row r="1484" spans="1:9">
      <c r="A1484" s="1">
        <v>0.94291615801479789</v>
      </c>
      <c r="B1484" s="1"/>
      <c r="C1484">
        <v>3</v>
      </c>
      <c r="D1484" t="s">
        <v>4015</v>
      </c>
      <c r="E1484" t="s">
        <v>31426</v>
      </c>
      <c r="F1484">
        <v>4</v>
      </c>
      <c r="H1484" t="s">
        <v>4016</v>
      </c>
      <c r="I1484" t="s">
        <v>30540</v>
      </c>
    </row>
    <row r="1485" spans="1:9">
      <c r="A1485" s="1">
        <v>0.80554250284360662</v>
      </c>
      <c r="B1485" s="1"/>
      <c r="C1485">
        <v>7</v>
      </c>
      <c r="D1485" t="s">
        <v>4011</v>
      </c>
      <c r="E1485" t="s">
        <v>31427</v>
      </c>
      <c r="F1485">
        <v>4</v>
      </c>
      <c r="H1485" t="s">
        <v>4012</v>
      </c>
      <c r="I1485" t="s">
        <v>30540</v>
      </c>
    </row>
    <row r="1486" spans="1:9">
      <c r="A1486" s="1">
        <v>0.3489855913169182</v>
      </c>
      <c r="B1486" s="1"/>
      <c r="C1486">
        <v>1</v>
      </c>
      <c r="D1486" t="s">
        <v>4009</v>
      </c>
      <c r="E1486" t="s">
        <v>31427</v>
      </c>
      <c r="F1486">
        <v>3</v>
      </c>
      <c r="H1486" t="s">
        <v>4010</v>
      </c>
      <c r="I1486" t="s">
        <v>30540</v>
      </c>
    </row>
    <row r="1487" spans="1:9">
      <c r="A1487" s="1">
        <v>0.80324507714204174</v>
      </c>
      <c r="B1487" s="1"/>
      <c r="C1487">
        <v>12</v>
      </c>
      <c r="D1487" t="s">
        <v>4007</v>
      </c>
      <c r="E1487" t="s">
        <v>31428</v>
      </c>
      <c r="F1487">
        <v>4</v>
      </c>
      <c r="H1487" t="s">
        <v>4008</v>
      </c>
      <c r="I1487" t="s">
        <v>30540</v>
      </c>
    </row>
    <row r="1488" spans="1:9">
      <c r="A1488" s="1">
        <v>0.43643726383439641</v>
      </c>
      <c r="B1488" s="1"/>
      <c r="C1488">
        <v>2</v>
      </c>
      <c r="D1488" t="s">
        <v>4005</v>
      </c>
      <c r="E1488" t="s">
        <v>31428</v>
      </c>
      <c r="F1488">
        <v>4</v>
      </c>
      <c r="H1488" t="s">
        <v>4006</v>
      </c>
      <c r="I1488" t="s">
        <v>30540</v>
      </c>
    </row>
    <row r="1489" spans="1:9">
      <c r="A1489" s="1">
        <v>0.34097747124987487</v>
      </c>
      <c r="B1489" s="1"/>
      <c r="C1489">
        <v>7</v>
      </c>
      <c r="D1489" t="s">
        <v>4003</v>
      </c>
      <c r="E1489" t="s">
        <v>31429</v>
      </c>
      <c r="F1489">
        <v>4</v>
      </c>
      <c r="H1489" t="s">
        <v>4004</v>
      </c>
      <c r="I1489" t="s">
        <v>30540</v>
      </c>
    </row>
    <row r="1490" spans="1:9">
      <c r="A1490" s="1">
        <v>0.79116953776019361</v>
      </c>
      <c r="B1490" s="1"/>
      <c r="C1490">
        <v>4</v>
      </c>
      <c r="D1490" t="s">
        <v>4001</v>
      </c>
      <c r="E1490" t="s">
        <v>31430</v>
      </c>
      <c r="F1490">
        <v>4</v>
      </c>
      <c r="H1490" t="s">
        <v>4002</v>
      </c>
      <c r="I1490" t="s">
        <v>30540</v>
      </c>
    </row>
    <row r="1491" spans="1:9">
      <c r="A1491" s="1">
        <v>0.24773372380014791</v>
      </c>
      <c r="B1491" s="1"/>
      <c r="C1491">
        <v>2</v>
      </c>
      <c r="D1491" t="s">
        <v>3997</v>
      </c>
      <c r="E1491" t="s">
        <v>31431</v>
      </c>
      <c r="F1491">
        <v>4</v>
      </c>
      <c r="H1491" t="s">
        <v>3998</v>
      </c>
      <c r="I1491" t="s">
        <v>30540</v>
      </c>
    </row>
    <row r="1492" spans="1:9">
      <c r="A1492" s="1">
        <v>0.11749756452016458</v>
      </c>
      <c r="B1492" s="1"/>
      <c r="C1492">
        <v>5</v>
      </c>
      <c r="D1492" t="s">
        <v>3999</v>
      </c>
      <c r="E1492" t="s">
        <v>31431</v>
      </c>
      <c r="F1492">
        <v>4</v>
      </c>
      <c r="H1492" t="s">
        <v>4000</v>
      </c>
      <c r="I1492" t="s">
        <v>30540</v>
      </c>
    </row>
    <row r="1493" spans="1:9">
      <c r="A1493" s="1">
        <v>0.41158963741309995</v>
      </c>
      <c r="B1493" s="1"/>
      <c r="C1493">
        <v>9</v>
      </c>
      <c r="D1493" t="s">
        <v>3993</v>
      </c>
      <c r="E1493" t="s">
        <v>31432</v>
      </c>
      <c r="F1493">
        <v>5</v>
      </c>
      <c r="H1493" t="s">
        <v>3994</v>
      </c>
      <c r="I1493" t="s">
        <v>30540</v>
      </c>
    </row>
    <row r="1494" spans="1:9">
      <c r="A1494" s="1">
        <v>0.69279877625259811</v>
      </c>
      <c r="B1494" s="1"/>
      <c r="C1494">
        <v>6</v>
      </c>
      <c r="D1494" t="s">
        <v>3991</v>
      </c>
      <c r="E1494" t="s">
        <v>31432</v>
      </c>
      <c r="F1494">
        <v>5</v>
      </c>
      <c r="H1494" t="s">
        <v>3992</v>
      </c>
      <c r="I1494" t="s">
        <v>30540</v>
      </c>
    </row>
    <row r="1495" spans="1:9">
      <c r="A1495" s="1">
        <v>0.18636601160742794</v>
      </c>
      <c r="B1495" s="1"/>
      <c r="C1495">
        <v>10</v>
      </c>
      <c r="D1495" t="s">
        <v>3995</v>
      </c>
      <c r="E1495" t="s">
        <v>31432</v>
      </c>
      <c r="F1495">
        <v>4</v>
      </c>
      <c r="H1495" t="s">
        <v>3996</v>
      </c>
      <c r="I1495" t="s">
        <v>30540</v>
      </c>
    </row>
    <row r="1496" spans="1:9">
      <c r="A1496" s="1">
        <v>0.64863094854105308</v>
      </c>
      <c r="B1496" s="1"/>
      <c r="C1496">
        <v>9</v>
      </c>
      <c r="D1496" t="s">
        <v>3985</v>
      </c>
      <c r="E1496" t="s">
        <v>31433</v>
      </c>
      <c r="F1496">
        <v>4</v>
      </c>
      <c r="H1496" t="s">
        <v>3986</v>
      </c>
      <c r="I1496" t="s">
        <v>30540</v>
      </c>
    </row>
    <row r="1497" spans="1:9">
      <c r="A1497" s="1">
        <v>0.8749398787596655</v>
      </c>
      <c r="B1497" s="1"/>
      <c r="C1497">
        <v>10</v>
      </c>
      <c r="D1497" t="s">
        <v>3987</v>
      </c>
      <c r="E1497" t="s">
        <v>31433</v>
      </c>
      <c r="F1497">
        <v>4</v>
      </c>
      <c r="H1497" t="s">
        <v>3988</v>
      </c>
      <c r="I1497" t="s">
        <v>30540</v>
      </c>
    </row>
    <row r="1498" spans="1:9">
      <c r="A1498" s="1">
        <v>0.59557769969186147</v>
      </c>
      <c r="B1498" s="1"/>
      <c r="C1498">
        <v>1</v>
      </c>
      <c r="D1498" t="s">
        <v>3979</v>
      </c>
      <c r="E1498" t="s">
        <v>31433</v>
      </c>
      <c r="F1498">
        <v>4</v>
      </c>
      <c r="H1498" t="s">
        <v>3980</v>
      </c>
      <c r="I1498" t="s">
        <v>30540</v>
      </c>
    </row>
    <row r="1499" spans="1:9">
      <c r="A1499" s="1">
        <v>0.38693358610541329</v>
      </c>
      <c r="B1499" s="1"/>
      <c r="C1499">
        <v>5</v>
      </c>
      <c r="D1499" t="s">
        <v>3983</v>
      </c>
      <c r="E1499" t="s">
        <v>31433</v>
      </c>
      <c r="F1499">
        <v>4</v>
      </c>
      <c r="H1499" t="s">
        <v>3984</v>
      </c>
      <c r="I1499" t="s">
        <v>30540</v>
      </c>
    </row>
    <row r="1500" spans="1:9">
      <c r="A1500" s="1">
        <v>0.9570345247245472</v>
      </c>
      <c r="B1500" s="1"/>
      <c r="C1500">
        <v>2</v>
      </c>
      <c r="D1500" t="s">
        <v>3981</v>
      </c>
      <c r="E1500" t="s">
        <v>31433</v>
      </c>
      <c r="F1500">
        <v>4</v>
      </c>
      <c r="H1500" t="s">
        <v>3982</v>
      </c>
      <c r="I1500" t="s">
        <v>30540</v>
      </c>
    </row>
    <row r="1501" spans="1:9">
      <c r="A1501" s="1">
        <v>0.63401110808684191</v>
      </c>
      <c r="B1501" s="1"/>
      <c r="C1501">
        <v>11</v>
      </c>
      <c r="D1501" t="s">
        <v>3989</v>
      </c>
      <c r="E1501" t="s">
        <v>31433</v>
      </c>
      <c r="F1501">
        <v>4</v>
      </c>
      <c r="H1501" t="s">
        <v>3990</v>
      </c>
      <c r="I1501" t="s">
        <v>30540</v>
      </c>
    </row>
    <row r="1502" spans="1:9">
      <c r="A1502" s="1">
        <v>0.34493043886807828</v>
      </c>
      <c r="B1502" s="1"/>
      <c r="C1502">
        <v>3</v>
      </c>
      <c r="D1502" t="s">
        <v>3975</v>
      </c>
      <c r="E1502" t="s">
        <v>31434</v>
      </c>
      <c r="F1502">
        <v>5</v>
      </c>
      <c r="H1502" t="s">
        <v>3976</v>
      </c>
      <c r="I1502" t="s">
        <v>30540</v>
      </c>
    </row>
    <row r="1503" spans="1:9">
      <c r="A1503" s="1">
        <v>0.65071979576151417</v>
      </c>
      <c r="B1503" s="1"/>
      <c r="C1503">
        <v>5</v>
      </c>
      <c r="D1503" t="s">
        <v>3977</v>
      </c>
      <c r="E1503" t="s">
        <v>31434</v>
      </c>
      <c r="F1503">
        <v>4</v>
      </c>
      <c r="H1503" t="s">
        <v>3978</v>
      </c>
      <c r="I1503" t="s">
        <v>30540</v>
      </c>
    </row>
    <row r="1504" spans="1:9">
      <c r="A1504" s="1">
        <v>0.58617329395051743</v>
      </c>
      <c r="B1504" s="1"/>
      <c r="C1504">
        <v>1</v>
      </c>
      <c r="D1504" t="s">
        <v>3973</v>
      </c>
      <c r="E1504" t="s">
        <v>31434</v>
      </c>
      <c r="F1504">
        <v>4</v>
      </c>
      <c r="H1504" t="s">
        <v>3974</v>
      </c>
      <c r="I1504" t="s">
        <v>30540</v>
      </c>
    </row>
    <row r="1505" spans="1:9">
      <c r="A1505" s="1">
        <v>0.46887200036157761</v>
      </c>
      <c r="B1505" s="1"/>
      <c r="C1505">
        <v>1</v>
      </c>
      <c r="D1505" t="s">
        <v>3971</v>
      </c>
      <c r="E1505" t="s">
        <v>31435</v>
      </c>
      <c r="F1505">
        <v>4</v>
      </c>
      <c r="H1505" t="s">
        <v>3972</v>
      </c>
      <c r="I1505" t="s">
        <v>30540</v>
      </c>
    </row>
    <row r="1506" spans="1:9">
      <c r="A1506" s="1">
        <v>0.67954774016219555</v>
      </c>
      <c r="B1506" s="1"/>
      <c r="C1506">
        <v>10</v>
      </c>
      <c r="D1506" t="s">
        <v>3965</v>
      </c>
      <c r="E1506" t="s">
        <v>31436</v>
      </c>
      <c r="F1506">
        <v>4</v>
      </c>
      <c r="H1506" t="s">
        <v>3966</v>
      </c>
      <c r="I1506" t="s">
        <v>30540</v>
      </c>
    </row>
    <row r="1507" spans="1:9">
      <c r="A1507" s="1">
        <v>0.47934904469791562</v>
      </c>
      <c r="B1507" s="1"/>
      <c r="C1507">
        <v>7</v>
      </c>
      <c r="D1507" t="s">
        <v>3959</v>
      </c>
      <c r="E1507" t="s">
        <v>31436</v>
      </c>
      <c r="F1507">
        <v>4</v>
      </c>
      <c r="H1507" t="s">
        <v>3960</v>
      </c>
      <c r="I1507" t="s">
        <v>30540</v>
      </c>
    </row>
    <row r="1508" spans="1:9">
      <c r="A1508" s="1">
        <v>0.73033703308568454</v>
      </c>
      <c r="B1508" s="1"/>
      <c r="C1508">
        <v>8</v>
      </c>
      <c r="D1508" t="s">
        <v>3961</v>
      </c>
      <c r="E1508" t="s">
        <v>31436</v>
      </c>
      <c r="F1508">
        <v>4</v>
      </c>
      <c r="H1508" t="s">
        <v>3962</v>
      </c>
      <c r="I1508" t="s">
        <v>30540</v>
      </c>
    </row>
    <row r="1509" spans="1:9">
      <c r="A1509" s="1">
        <v>0.71351956217860435</v>
      </c>
      <c r="B1509" s="1"/>
      <c r="C1509">
        <v>4</v>
      </c>
      <c r="D1509" t="s">
        <v>3953</v>
      </c>
      <c r="E1509" t="s">
        <v>31436</v>
      </c>
      <c r="F1509">
        <v>4</v>
      </c>
      <c r="H1509" t="s">
        <v>3954</v>
      </c>
      <c r="I1509" t="s">
        <v>30540</v>
      </c>
    </row>
    <row r="1510" spans="1:9">
      <c r="A1510" s="1">
        <v>0.30225125361887906</v>
      </c>
      <c r="B1510" s="1"/>
      <c r="C1510">
        <v>9</v>
      </c>
      <c r="D1510" t="s">
        <v>3963</v>
      </c>
      <c r="E1510" t="s">
        <v>31436</v>
      </c>
      <c r="F1510">
        <v>4</v>
      </c>
      <c r="H1510" t="s">
        <v>3964</v>
      </c>
      <c r="I1510" t="s">
        <v>30540</v>
      </c>
    </row>
    <row r="1511" spans="1:9">
      <c r="A1511" s="1">
        <v>0.77285472286938628</v>
      </c>
      <c r="B1511" s="1"/>
      <c r="C1511">
        <v>5</v>
      </c>
      <c r="D1511" t="s">
        <v>3955</v>
      </c>
      <c r="E1511" t="s">
        <v>31436</v>
      </c>
      <c r="F1511">
        <v>4</v>
      </c>
      <c r="H1511" t="s">
        <v>3956</v>
      </c>
      <c r="I1511" t="s">
        <v>30540</v>
      </c>
    </row>
    <row r="1512" spans="1:9">
      <c r="A1512" s="1">
        <v>0.46172071121443758</v>
      </c>
      <c r="B1512" s="1"/>
      <c r="C1512">
        <v>13</v>
      </c>
      <c r="D1512" t="s">
        <v>3969</v>
      </c>
      <c r="E1512" t="s">
        <v>31436</v>
      </c>
      <c r="F1512">
        <v>3</v>
      </c>
      <c r="H1512" t="s">
        <v>3970</v>
      </c>
      <c r="I1512" t="s">
        <v>30540</v>
      </c>
    </row>
    <row r="1513" spans="1:9">
      <c r="A1513" s="1">
        <v>0.85265446166633085</v>
      </c>
      <c r="B1513" s="1"/>
      <c r="C1513">
        <v>5</v>
      </c>
      <c r="D1513" t="s">
        <v>3951</v>
      </c>
      <c r="E1513" t="s">
        <v>31437</v>
      </c>
      <c r="F1513">
        <v>4</v>
      </c>
      <c r="H1513" t="s">
        <v>3952</v>
      </c>
      <c r="I1513" t="s">
        <v>30540</v>
      </c>
    </row>
    <row r="1514" spans="1:9">
      <c r="A1514" s="1">
        <v>6.6221039762678124E-2</v>
      </c>
      <c r="B1514" s="1"/>
      <c r="C1514">
        <v>1</v>
      </c>
      <c r="D1514" t="s">
        <v>3947</v>
      </c>
      <c r="E1514" t="s">
        <v>31437</v>
      </c>
      <c r="F1514">
        <v>4</v>
      </c>
      <c r="H1514" t="s">
        <v>3948</v>
      </c>
      <c r="I1514" t="s">
        <v>30540</v>
      </c>
    </row>
    <row r="1515" spans="1:9">
      <c r="A1515" s="1">
        <v>0.17467645958037625</v>
      </c>
      <c r="B1515" s="1"/>
      <c r="C1515">
        <v>2</v>
      </c>
      <c r="D1515" t="s">
        <v>3943</v>
      </c>
      <c r="E1515" t="s">
        <v>31438</v>
      </c>
      <c r="F1515">
        <v>5</v>
      </c>
      <c r="H1515" t="s">
        <v>3944</v>
      </c>
      <c r="I1515" t="s">
        <v>30540</v>
      </c>
    </row>
    <row r="1516" spans="1:9">
      <c r="A1516" s="1">
        <v>0.28860352034075587</v>
      </c>
      <c r="B1516" s="1"/>
      <c r="C1516">
        <v>1</v>
      </c>
      <c r="D1516" t="s">
        <v>3941</v>
      </c>
      <c r="E1516" t="s">
        <v>31438</v>
      </c>
      <c r="F1516">
        <v>5</v>
      </c>
      <c r="H1516" t="s">
        <v>3942</v>
      </c>
      <c r="I1516" t="s">
        <v>30540</v>
      </c>
    </row>
    <row r="1517" spans="1:9">
      <c r="A1517" s="1">
        <v>0.94345466961138391</v>
      </c>
      <c r="B1517" s="1"/>
      <c r="C1517">
        <v>4</v>
      </c>
      <c r="D1517" t="s">
        <v>3945</v>
      </c>
      <c r="E1517" t="s">
        <v>31438</v>
      </c>
      <c r="F1517">
        <v>4</v>
      </c>
      <c r="H1517" t="s">
        <v>3946</v>
      </c>
      <c r="I1517" t="s">
        <v>30540</v>
      </c>
    </row>
    <row r="1518" spans="1:9">
      <c r="A1518" s="1">
        <v>0.34501277564201183</v>
      </c>
      <c r="B1518" s="1"/>
      <c r="C1518">
        <v>5</v>
      </c>
      <c r="D1518" t="s">
        <v>3937</v>
      </c>
      <c r="E1518" t="s">
        <v>31439</v>
      </c>
      <c r="F1518">
        <v>5</v>
      </c>
      <c r="H1518" t="s">
        <v>3938</v>
      </c>
      <c r="I1518" t="s">
        <v>30540</v>
      </c>
    </row>
    <row r="1519" spans="1:9">
      <c r="A1519" s="1">
        <v>1.5408499332410841E-2</v>
      </c>
      <c r="B1519" s="1"/>
      <c r="C1519">
        <v>6</v>
      </c>
      <c r="D1519" t="s">
        <v>3939</v>
      </c>
      <c r="E1519" t="s">
        <v>31439</v>
      </c>
      <c r="F1519">
        <v>4</v>
      </c>
      <c r="H1519" t="s">
        <v>3940</v>
      </c>
      <c r="I1519" t="s">
        <v>30540</v>
      </c>
    </row>
    <row r="1520" spans="1:9">
      <c r="A1520" s="1">
        <v>0.76970241280542029</v>
      </c>
      <c r="B1520" s="1"/>
      <c r="C1520">
        <v>3</v>
      </c>
      <c r="D1520" t="s">
        <v>3931</v>
      </c>
      <c r="E1520" t="s">
        <v>31440</v>
      </c>
      <c r="F1520">
        <v>4</v>
      </c>
      <c r="G1520" t="s">
        <v>10</v>
      </c>
      <c r="H1520" t="s">
        <v>3932</v>
      </c>
      <c r="I1520" t="s">
        <v>30540</v>
      </c>
    </row>
    <row r="1521" spans="1:9">
      <c r="A1521" s="1">
        <v>0.58030351230469968</v>
      </c>
      <c r="B1521" s="1"/>
      <c r="C1521">
        <v>5</v>
      </c>
      <c r="D1521" t="s">
        <v>3935</v>
      </c>
      <c r="E1521" t="s">
        <v>31440</v>
      </c>
      <c r="F1521">
        <v>4</v>
      </c>
      <c r="H1521" t="s">
        <v>3936</v>
      </c>
      <c r="I1521" t="s">
        <v>30540</v>
      </c>
    </row>
    <row r="1522" spans="1:9">
      <c r="A1522" s="1">
        <v>0.39278622510319527</v>
      </c>
      <c r="B1522" s="1"/>
      <c r="C1522">
        <v>4</v>
      </c>
      <c r="D1522" t="s">
        <v>3933</v>
      </c>
      <c r="E1522" t="s">
        <v>31440</v>
      </c>
      <c r="F1522">
        <v>4</v>
      </c>
      <c r="H1522" t="s">
        <v>3934</v>
      </c>
      <c r="I1522" t="s">
        <v>30540</v>
      </c>
    </row>
    <row r="1523" spans="1:9">
      <c r="A1523" s="1">
        <v>0.45728581191461248</v>
      </c>
      <c r="B1523" s="1"/>
      <c r="C1523">
        <v>18</v>
      </c>
      <c r="D1523" t="s">
        <v>3927</v>
      </c>
      <c r="E1523" t="s">
        <v>31442</v>
      </c>
      <c r="F1523">
        <v>4</v>
      </c>
      <c r="H1523" t="s">
        <v>3928</v>
      </c>
      <c r="I1523" t="s">
        <v>30540</v>
      </c>
    </row>
    <row r="1524" spans="1:9">
      <c r="A1524" s="1">
        <v>0.17413775358557226</v>
      </c>
      <c r="B1524" s="1"/>
      <c r="C1524">
        <v>3</v>
      </c>
      <c r="D1524" t="s">
        <v>3921</v>
      </c>
      <c r="E1524" t="s">
        <v>31442</v>
      </c>
      <c r="F1524">
        <v>4</v>
      </c>
      <c r="H1524" t="s">
        <v>3922</v>
      </c>
      <c r="I1524" t="s">
        <v>30540</v>
      </c>
    </row>
    <row r="1525" spans="1:9">
      <c r="A1525" s="1">
        <v>0.7992293499319586</v>
      </c>
      <c r="B1525" s="1"/>
      <c r="C1525">
        <v>7</v>
      </c>
      <c r="D1525" t="s">
        <v>3923</v>
      </c>
      <c r="E1525" t="s">
        <v>31442</v>
      </c>
      <c r="F1525">
        <v>4</v>
      </c>
      <c r="H1525" t="s">
        <v>3924</v>
      </c>
      <c r="I1525" t="s">
        <v>30540</v>
      </c>
    </row>
    <row r="1526" spans="1:9">
      <c r="A1526" s="1">
        <v>0.15052715384614113</v>
      </c>
      <c r="B1526" s="1"/>
      <c r="C1526">
        <v>2</v>
      </c>
      <c r="D1526" t="s">
        <v>3919</v>
      </c>
      <c r="E1526" t="s">
        <v>31442</v>
      </c>
      <c r="F1526">
        <v>4</v>
      </c>
      <c r="H1526" t="s">
        <v>3920</v>
      </c>
      <c r="I1526" t="s">
        <v>30540</v>
      </c>
    </row>
    <row r="1527" spans="1:9">
      <c r="A1527" s="1">
        <v>0.66177975212088413</v>
      </c>
      <c r="B1527" s="1"/>
      <c r="C1527">
        <v>5</v>
      </c>
      <c r="D1527" t="s">
        <v>3917</v>
      </c>
      <c r="E1527" t="s">
        <v>31443</v>
      </c>
      <c r="F1527">
        <v>5</v>
      </c>
      <c r="H1527" t="s">
        <v>3918</v>
      </c>
      <c r="I1527" t="s">
        <v>30540</v>
      </c>
    </row>
    <row r="1528" spans="1:9">
      <c r="A1528" s="1">
        <v>0.82213353918512111</v>
      </c>
      <c r="B1528" s="1"/>
      <c r="C1528">
        <v>4</v>
      </c>
      <c r="D1528" t="s">
        <v>3915</v>
      </c>
      <c r="E1528" t="s">
        <v>31444</v>
      </c>
      <c r="F1528">
        <v>5</v>
      </c>
      <c r="H1528" t="s">
        <v>3916</v>
      </c>
      <c r="I1528" t="s">
        <v>30540</v>
      </c>
    </row>
    <row r="1529" spans="1:9">
      <c r="A1529" s="1">
        <v>0.73547116040835125</v>
      </c>
      <c r="B1529" s="1"/>
      <c r="C1529">
        <v>5</v>
      </c>
      <c r="D1529" t="s">
        <v>3909</v>
      </c>
      <c r="E1529" t="s">
        <v>31445</v>
      </c>
      <c r="F1529">
        <v>4</v>
      </c>
      <c r="H1529" t="s">
        <v>3910</v>
      </c>
      <c r="I1529" t="s">
        <v>30540</v>
      </c>
    </row>
    <row r="1530" spans="1:9">
      <c r="A1530" s="1">
        <v>0.91453320882445888</v>
      </c>
      <c r="B1530" s="1"/>
      <c r="C1530">
        <v>4</v>
      </c>
      <c r="D1530" t="s">
        <v>3907</v>
      </c>
      <c r="E1530" t="s">
        <v>31445</v>
      </c>
      <c r="F1530">
        <v>4</v>
      </c>
      <c r="H1530" t="s">
        <v>3908</v>
      </c>
      <c r="I1530" t="s">
        <v>30540</v>
      </c>
    </row>
    <row r="1531" spans="1:9">
      <c r="A1531" s="1">
        <v>0.27121517777091242</v>
      </c>
      <c r="B1531" s="1"/>
      <c r="C1531">
        <v>6</v>
      </c>
      <c r="D1531" t="s">
        <v>3899</v>
      </c>
      <c r="E1531" t="s">
        <v>31446</v>
      </c>
      <c r="F1531">
        <v>5</v>
      </c>
      <c r="G1531" t="s">
        <v>775</v>
      </c>
      <c r="H1531" t="s">
        <v>3900</v>
      </c>
      <c r="I1531" t="s">
        <v>30540</v>
      </c>
    </row>
    <row r="1532" spans="1:9">
      <c r="A1532" s="1">
        <v>0.3938105227804003</v>
      </c>
      <c r="B1532" s="1"/>
      <c r="C1532">
        <v>11</v>
      </c>
      <c r="D1532" t="s">
        <v>3905</v>
      </c>
      <c r="E1532" t="s">
        <v>31446</v>
      </c>
      <c r="F1532">
        <v>4</v>
      </c>
      <c r="H1532" t="s">
        <v>3906</v>
      </c>
      <c r="I1532" t="s">
        <v>30540</v>
      </c>
    </row>
    <row r="1533" spans="1:9">
      <c r="A1533" s="1">
        <v>0.43309352442269444</v>
      </c>
      <c r="B1533" s="1"/>
      <c r="C1533">
        <v>9</v>
      </c>
      <c r="D1533" t="s">
        <v>3903</v>
      </c>
      <c r="E1533" t="s">
        <v>31446</v>
      </c>
      <c r="F1533">
        <v>4</v>
      </c>
      <c r="H1533" t="s">
        <v>3904</v>
      </c>
      <c r="I1533" t="s">
        <v>30540</v>
      </c>
    </row>
    <row r="1534" spans="1:9">
      <c r="A1534" s="1">
        <v>0.67981720282155622</v>
      </c>
      <c r="B1534" s="1"/>
      <c r="C1534">
        <v>4</v>
      </c>
      <c r="D1534" t="s">
        <v>3897</v>
      </c>
      <c r="E1534" t="s">
        <v>31446</v>
      </c>
      <c r="F1534">
        <v>4</v>
      </c>
      <c r="H1534" t="s">
        <v>3898</v>
      </c>
      <c r="I1534" t="s">
        <v>30540</v>
      </c>
    </row>
    <row r="1535" spans="1:9">
      <c r="A1535" s="1">
        <v>0.1156714733481673</v>
      </c>
      <c r="B1535" s="1"/>
      <c r="C1535">
        <v>4</v>
      </c>
      <c r="D1535" t="s">
        <v>3895</v>
      </c>
      <c r="E1535" t="s">
        <v>31447</v>
      </c>
      <c r="F1535">
        <v>4</v>
      </c>
      <c r="H1535" t="s">
        <v>3896</v>
      </c>
      <c r="I1535" t="s">
        <v>30540</v>
      </c>
    </row>
    <row r="1536" spans="1:9">
      <c r="A1536" s="1">
        <v>0.17665375648867732</v>
      </c>
      <c r="B1536" s="1"/>
      <c r="C1536">
        <v>3</v>
      </c>
      <c r="D1536" t="s">
        <v>3893</v>
      </c>
      <c r="E1536" t="s">
        <v>31447</v>
      </c>
      <c r="F1536">
        <v>3</v>
      </c>
      <c r="H1536" t="s">
        <v>3894</v>
      </c>
      <c r="I1536" t="s">
        <v>30540</v>
      </c>
    </row>
    <row r="1537" spans="1:9">
      <c r="A1537" s="1">
        <v>0.67795990381572435</v>
      </c>
      <c r="B1537" s="1"/>
      <c r="C1537">
        <v>1</v>
      </c>
      <c r="D1537" t="s">
        <v>3891</v>
      </c>
      <c r="E1537" t="s">
        <v>31448</v>
      </c>
      <c r="F1537">
        <v>4</v>
      </c>
      <c r="H1537" t="s">
        <v>3892</v>
      </c>
      <c r="I1537" t="s">
        <v>30540</v>
      </c>
    </row>
    <row r="1538" spans="1:9">
      <c r="A1538" s="1">
        <v>4.9001710199885196E-3</v>
      </c>
      <c r="B1538" s="1"/>
      <c r="C1538">
        <v>5</v>
      </c>
      <c r="D1538" t="s">
        <v>3889</v>
      </c>
      <c r="E1538" t="s">
        <v>31449</v>
      </c>
      <c r="F1538">
        <v>5</v>
      </c>
      <c r="H1538" t="s">
        <v>3890</v>
      </c>
      <c r="I1538" t="s">
        <v>30540</v>
      </c>
    </row>
    <row r="1539" spans="1:9">
      <c r="A1539" s="1">
        <v>0.7871921332327062</v>
      </c>
      <c r="B1539" s="1"/>
      <c r="C1539">
        <v>2</v>
      </c>
      <c r="D1539" t="s">
        <v>3887</v>
      </c>
      <c r="E1539" t="s">
        <v>31449</v>
      </c>
      <c r="F1539">
        <v>4</v>
      </c>
      <c r="H1539" t="s">
        <v>3888</v>
      </c>
      <c r="I1539" t="s">
        <v>30540</v>
      </c>
    </row>
    <row r="1540" spans="1:9">
      <c r="A1540" s="1">
        <v>0.40666423177449385</v>
      </c>
      <c r="B1540" s="1"/>
      <c r="C1540">
        <v>4</v>
      </c>
      <c r="D1540" t="s">
        <v>3885</v>
      </c>
      <c r="E1540" t="s">
        <v>31450</v>
      </c>
      <c r="F1540">
        <v>5</v>
      </c>
      <c r="H1540" t="s">
        <v>3886</v>
      </c>
      <c r="I1540" t="s">
        <v>30540</v>
      </c>
    </row>
    <row r="1541" spans="1:9">
      <c r="A1541" s="1">
        <v>0.9149560983346896</v>
      </c>
      <c r="B1541" s="1"/>
      <c r="C1541">
        <v>3</v>
      </c>
      <c r="D1541" t="s">
        <v>3883</v>
      </c>
      <c r="E1541" t="s">
        <v>31451</v>
      </c>
      <c r="F1541">
        <v>5</v>
      </c>
      <c r="H1541" t="s">
        <v>3884</v>
      </c>
      <c r="I1541" t="s">
        <v>30540</v>
      </c>
    </row>
    <row r="1542" spans="1:9">
      <c r="A1542" s="1">
        <v>0.64381741178713903</v>
      </c>
      <c r="B1542" s="1"/>
      <c r="C1542">
        <v>7</v>
      </c>
      <c r="D1542" t="s">
        <v>3881</v>
      </c>
      <c r="E1542" t="s">
        <v>31452</v>
      </c>
      <c r="F1542">
        <v>4</v>
      </c>
      <c r="H1542" t="s">
        <v>3882</v>
      </c>
      <c r="I1542" t="s">
        <v>30540</v>
      </c>
    </row>
    <row r="1543" spans="1:9">
      <c r="A1543" s="1">
        <v>0.46591407210374169</v>
      </c>
      <c r="B1543" s="1"/>
      <c r="C1543">
        <v>5</v>
      </c>
      <c r="D1543" t="s">
        <v>3879</v>
      </c>
      <c r="E1543" t="s">
        <v>31452</v>
      </c>
      <c r="F1543">
        <v>4</v>
      </c>
      <c r="H1543" t="s">
        <v>3880</v>
      </c>
      <c r="I1543" t="s">
        <v>30540</v>
      </c>
    </row>
    <row r="1544" spans="1:9">
      <c r="A1544" s="1">
        <v>0.43966360659431591</v>
      </c>
      <c r="B1544" s="1"/>
      <c r="C1544">
        <v>3</v>
      </c>
      <c r="D1544" t="s">
        <v>3877</v>
      </c>
      <c r="E1544" t="s">
        <v>31453</v>
      </c>
      <c r="F1544">
        <v>4</v>
      </c>
      <c r="H1544" t="s">
        <v>3878</v>
      </c>
      <c r="I1544" t="s">
        <v>30540</v>
      </c>
    </row>
    <row r="1545" spans="1:9">
      <c r="A1545" s="1">
        <v>0.19408348585483415</v>
      </c>
      <c r="B1545" s="1"/>
      <c r="C1545">
        <v>1</v>
      </c>
      <c r="D1545" t="s">
        <v>3869</v>
      </c>
      <c r="E1545" t="s">
        <v>31454</v>
      </c>
      <c r="F1545">
        <v>5</v>
      </c>
      <c r="H1545" t="s">
        <v>3870</v>
      </c>
      <c r="I1545" t="s">
        <v>30540</v>
      </c>
    </row>
    <row r="1546" spans="1:9">
      <c r="A1546" s="1">
        <v>0.33309498370136814</v>
      </c>
      <c r="B1546" s="1"/>
      <c r="C1546">
        <v>5</v>
      </c>
      <c r="D1546" t="s">
        <v>3873</v>
      </c>
      <c r="E1546" t="s">
        <v>31454</v>
      </c>
      <c r="F1546">
        <v>4</v>
      </c>
      <c r="H1546" t="s">
        <v>3874</v>
      </c>
      <c r="I1546" t="s">
        <v>30540</v>
      </c>
    </row>
    <row r="1547" spans="1:9">
      <c r="A1547" s="1">
        <v>0.21264032149577972</v>
      </c>
      <c r="B1547" s="1"/>
      <c r="C1547">
        <v>4</v>
      </c>
      <c r="D1547" t="s">
        <v>3871</v>
      </c>
      <c r="E1547" t="s">
        <v>31454</v>
      </c>
      <c r="F1547">
        <v>3</v>
      </c>
      <c r="H1547" t="s">
        <v>3872</v>
      </c>
      <c r="I1547" t="s">
        <v>30540</v>
      </c>
    </row>
    <row r="1548" spans="1:9">
      <c r="A1548" s="1">
        <v>0.2273886910647519</v>
      </c>
      <c r="B1548" s="1"/>
      <c r="C1548">
        <v>5</v>
      </c>
      <c r="D1548" t="s">
        <v>3867</v>
      </c>
      <c r="E1548" t="s">
        <v>31455</v>
      </c>
      <c r="F1548">
        <v>5</v>
      </c>
      <c r="H1548" t="s">
        <v>3868</v>
      </c>
      <c r="I1548" t="s">
        <v>30540</v>
      </c>
    </row>
    <row r="1549" spans="1:9">
      <c r="A1549" s="1">
        <v>0.93979298042014892</v>
      </c>
      <c r="B1549" s="1"/>
      <c r="C1549">
        <v>2</v>
      </c>
      <c r="D1549" t="s">
        <v>3865</v>
      </c>
      <c r="E1549" t="s">
        <v>31456</v>
      </c>
      <c r="F1549">
        <v>4</v>
      </c>
      <c r="H1549" t="s">
        <v>3866</v>
      </c>
      <c r="I1549" t="s">
        <v>30540</v>
      </c>
    </row>
    <row r="1550" spans="1:9">
      <c r="A1550" s="1">
        <v>0.6123299161213076</v>
      </c>
      <c r="B1550" s="1"/>
      <c r="C1550">
        <v>2</v>
      </c>
      <c r="D1550" t="s">
        <v>3861</v>
      </c>
      <c r="E1550" t="s">
        <v>31457</v>
      </c>
      <c r="F1550">
        <v>5</v>
      </c>
      <c r="H1550" t="s">
        <v>3862</v>
      </c>
      <c r="I1550" t="s">
        <v>30540</v>
      </c>
    </row>
    <row r="1551" spans="1:9">
      <c r="A1551" s="1">
        <v>0.36295104050579829</v>
      </c>
      <c r="B1551" s="1"/>
      <c r="C1551">
        <v>1</v>
      </c>
      <c r="D1551" t="s">
        <v>3859</v>
      </c>
      <c r="E1551" t="s">
        <v>31457</v>
      </c>
      <c r="F1551">
        <v>4</v>
      </c>
      <c r="H1551" t="s">
        <v>3860</v>
      </c>
      <c r="I1551" t="s">
        <v>30540</v>
      </c>
    </row>
    <row r="1552" spans="1:9">
      <c r="A1552" s="1">
        <v>0.42249262906369156</v>
      </c>
      <c r="B1552" s="1"/>
      <c r="C1552">
        <v>4</v>
      </c>
      <c r="D1552" t="s">
        <v>3863</v>
      </c>
      <c r="E1552" t="s">
        <v>31457</v>
      </c>
      <c r="F1552">
        <v>3</v>
      </c>
      <c r="H1552" t="s">
        <v>3864</v>
      </c>
      <c r="I1552" t="s">
        <v>30540</v>
      </c>
    </row>
    <row r="1553" spans="1:9">
      <c r="A1553" s="1">
        <v>0.35805936633499535</v>
      </c>
      <c r="B1553" s="1"/>
      <c r="C1553">
        <v>1</v>
      </c>
      <c r="D1553" t="s">
        <v>3855</v>
      </c>
      <c r="E1553" t="s">
        <v>31458</v>
      </c>
      <c r="F1553">
        <v>4</v>
      </c>
      <c r="H1553" t="s">
        <v>3856</v>
      </c>
      <c r="I1553" t="s">
        <v>30540</v>
      </c>
    </row>
    <row r="1554" spans="1:9">
      <c r="A1554" s="1">
        <v>0.42338195354326991</v>
      </c>
      <c r="B1554" s="1"/>
      <c r="C1554">
        <v>3</v>
      </c>
      <c r="D1554" t="s">
        <v>3857</v>
      </c>
      <c r="E1554" t="s">
        <v>31458</v>
      </c>
      <c r="F1554">
        <v>3</v>
      </c>
      <c r="H1554" t="s">
        <v>3858</v>
      </c>
      <c r="I1554" t="s">
        <v>30540</v>
      </c>
    </row>
    <row r="1555" spans="1:9">
      <c r="A1555" s="1">
        <v>0.42476967514068609</v>
      </c>
      <c r="B1555" s="1"/>
      <c r="C1555">
        <v>4</v>
      </c>
      <c r="D1555" t="s">
        <v>3849</v>
      </c>
      <c r="E1555" t="s">
        <v>31459</v>
      </c>
      <c r="F1555">
        <v>5</v>
      </c>
      <c r="H1555" t="s">
        <v>3850</v>
      </c>
      <c r="I1555" t="s">
        <v>30540</v>
      </c>
    </row>
    <row r="1556" spans="1:9">
      <c r="A1556" s="1">
        <v>0.82480029644539732</v>
      </c>
      <c r="B1556" s="1"/>
      <c r="C1556">
        <v>10</v>
      </c>
      <c r="D1556" t="s">
        <v>3853</v>
      </c>
      <c r="E1556" t="s">
        <v>31459</v>
      </c>
      <c r="F1556">
        <v>4</v>
      </c>
      <c r="H1556" t="s">
        <v>3854</v>
      </c>
      <c r="I1556" t="s">
        <v>30540</v>
      </c>
    </row>
    <row r="1557" spans="1:9">
      <c r="A1557" s="1">
        <v>0.87301395411043614</v>
      </c>
      <c r="B1557" s="1"/>
      <c r="C1557">
        <v>11</v>
      </c>
      <c r="D1557" t="s">
        <v>3843</v>
      </c>
      <c r="E1557" t="s">
        <v>31460</v>
      </c>
      <c r="F1557">
        <v>5</v>
      </c>
      <c r="H1557" t="s">
        <v>3844</v>
      </c>
      <c r="I1557" t="s">
        <v>30540</v>
      </c>
    </row>
    <row r="1558" spans="1:9">
      <c r="A1558" s="1">
        <v>0.20266533644334028</v>
      </c>
      <c r="B1558" s="1"/>
      <c r="C1558">
        <v>2</v>
      </c>
      <c r="D1558" t="s">
        <v>3839</v>
      </c>
      <c r="E1558" t="s">
        <v>31460</v>
      </c>
      <c r="F1558">
        <v>4</v>
      </c>
      <c r="H1558" t="s">
        <v>3840</v>
      </c>
      <c r="I1558" t="s">
        <v>30540</v>
      </c>
    </row>
    <row r="1559" spans="1:9">
      <c r="A1559" s="1">
        <v>0.49552449911392238</v>
      </c>
      <c r="B1559" s="1"/>
      <c r="C1559">
        <v>10</v>
      </c>
      <c r="D1559" t="s">
        <v>3841</v>
      </c>
      <c r="E1559" t="s">
        <v>31460</v>
      </c>
      <c r="F1559">
        <v>4</v>
      </c>
      <c r="H1559" t="s">
        <v>3842</v>
      </c>
      <c r="I1559" t="s">
        <v>30540</v>
      </c>
    </row>
    <row r="1560" spans="1:9">
      <c r="A1560" s="1">
        <v>0.95957510254321554</v>
      </c>
      <c r="B1560" s="1"/>
      <c r="C1560">
        <v>12</v>
      </c>
      <c r="D1560" t="s">
        <v>3845</v>
      </c>
      <c r="E1560" t="s">
        <v>31460</v>
      </c>
      <c r="F1560">
        <v>4</v>
      </c>
      <c r="H1560" t="s">
        <v>3846</v>
      </c>
      <c r="I1560" t="s">
        <v>30540</v>
      </c>
    </row>
    <row r="1561" spans="1:9">
      <c r="A1561" s="1">
        <v>0.71234088500277382</v>
      </c>
      <c r="B1561" s="1"/>
      <c r="C1561">
        <v>1</v>
      </c>
      <c r="D1561" t="s">
        <v>3833</v>
      </c>
      <c r="E1561" t="s">
        <v>31461</v>
      </c>
      <c r="F1561">
        <v>4</v>
      </c>
      <c r="H1561" t="s">
        <v>3834</v>
      </c>
      <c r="I1561" t="s">
        <v>30540</v>
      </c>
    </row>
    <row r="1562" spans="1:9">
      <c r="A1562" s="1">
        <v>0.44372629257940843</v>
      </c>
      <c r="B1562" s="1"/>
      <c r="C1562">
        <v>2</v>
      </c>
      <c r="D1562" t="s">
        <v>3835</v>
      </c>
      <c r="E1562" t="s">
        <v>31461</v>
      </c>
      <c r="F1562">
        <v>4</v>
      </c>
      <c r="H1562" t="s">
        <v>3836</v>
      </c>
      <c r="I1562" t="s">
        <v>30540</v>
      </c>
    </row>
    <row r="1563" spans="1:9">
      <c r="A1563" s="1">
        <v>0.65032795972492641</v>
      </c>
      <c r="B1563" s="1"/>
      <c r="C1563">
        <v>3</v>
      </c>
      <c r="D1563" t="s">
        <v>3837</v>
      </c>
      <c r="E1563" t="s">
        <v>31461</v>
      </c>
      <c r="F1563">
        <v>4</v>
      </c>
      <c r="H1563" t="s">
        <v>3838</v>
      </c>
      <c r="I1563" t="s">
        <v>30540</v>
      </c>
    </row>
    <row r="1564" spans="1:9">
      <c r="A1564" s="1">
        <v>0.93856518083461216</v>
      </c>
      <c r="B1564" s="1"/>
      <c r="C1564">
        <v>3</v>
      </c>
      <c r="D1564" t="s">
        <v>3831</v>
      </c>
      <c r="E1564" t="s">
        <v>31462</v>
      </c>
      <c r="F1564">
        <v>5</v>
      </c>
      <c r="H1564" t="s">
        <v>3832</v>
      </c>
      <c r="I1564" t="s">
        <v>30540</v>
      </c>
    </row>
    <row r="1565" spans="1:9">
      <c r="A1565" s="1">
        <v>0.35922454753802058</v>
      </c>
      <c r="B1565" s="1"/>
      <c r="C1565">
        <v>7</v>
      </c>
      <c r="D1565" t="s">
        <v>3829</v>
      </c>
      <c r="E1565" t="s">
        <v>31463</v>
      </c>
      <c r="F1565">
        <v>5</v>
      </c>
      <c r="H1565" t="s">
        <v>3830</v>
      </c>
      <c r="I1565" t="s">
        <v>30540</v>
      </c>
    </row>
    <row r="1566" spans="1:9">
      <c r="A1566" s="1">
        <v>0.23803798189996528</v>
      </c>
      <c r="B1566" s="1"/>
      <c r="C1566">
        <v>9</v>
      </c>
      <c r="D1566" t="s">
        <v>3823</v>
      </c>
      <c r="E1566" t="s">
        <v>31464</v>
      </c>
      <c r="F1566">
        <v>4</v>
      </c>
      <c r="H1566" t="s">
        <v>3824</v>
      </c>
      <c r="I1566" t="s">
        <v>30540</v>
      </c>
    </row>
    <row r="1567" spans="1:9">
      <c r="A1567" s="1">
        <v>0.67131779883711484</v>
      </c>
      <c r="B1567" s="1"/>
      <c r="C1567">
        <v>14</v>
      </c>
      <c r="D1567" t="s">
        <v>3827</v>
      </c>
      <c r="E1567" t="s">
        <v>31464</v>
      </c>
      <c r="F1567">
        <v>4</v>
      </c>
      <c r="H1567" t="s">
        <v>3828</v>
      </c>
      <c r="I1567" t="s">
        <v>30540</v>
      </c>
    </row>
    <row r="1568" spans="1:9">
      <c r="A1568" s="1">
        <v>0.53434458064490531</v>
      </c>
      <c r="B1568" s="1"/>
      <c r="C1568">
        <v>11</v>
      </c>
      <c r="D1568" t="s">
        <v>3825</v>
      </c>
      <c r="E1568" t="s">
        <v>31464</v>
      </c>
      <c r="F1568">
        <v>3</v>
      </c>
      <c r="H1568" t="s">
        <v>3826</v>
      </c>
      <c r="I1568" t="s">
        <v>30540</v>
      </c>
    </row>
    <row r="1569" spans="1:9">
      <c r="A1569" s="1">
        <v>0.4185332491282745</v>
      </c>
      <c r="B1569" s="1"/>
      <c r="C1569">
        <v>3</v>
      </c>
      <c r="D1569" t="s">
        <v>3819</v>
      </c>
      <c r="E1569" t="s">
        <v>31465</v>
      </c>
      <c r="F1569">
        <v>5</v>
      </c>
      <c r="H1569" t="s">
        <v>3820</v>
      </c>
      <c r="I1569" t="s">
        <v>30540</v>
      </c>
    </row>
    <row r="1570" spans="1:9">
      <c r="A1570" s="1">
        <v>3.5390897249321096E-4</v>
      </c>
      <c r="B1570" s="1"/>
      <c r="C1570">
        <v>3</v>
      </c>
      <c r="D1570" t="s">
        <v>3817</v>
      </c>
      <c r="E1570" t="s">
        <v>31466</v>
      </c>
      <c r="F1570">
        <v>4</v>
      </c>
      <c r="H1570" t="s">
        <v>3818</v>
      </c>
      <c r="I1570" t="s">
        <v>30540</v>
      </c>
    </row>
    <row r="1571" spans="1:9">
      <c r="A1571" s="1">
        <v>0.29758828965605011</v>
      </c>
      <c r="B1571" s="1"/>
      <c r="C1571">
        <v>5</v>
      </c>
      <c r="D1571" t="s">
        <v>3815</v>
      </c>
      <c r="E1571" t="s">
        <v>31467</v>
      </c>
      <c r="F1571">
        <v>4</v>
      </c>
      <c r="H1571" t="s">
        <v>3816</v>
      </c>
      <c r="I1571" t="s">
        <v>30540</v>
      </c>
    </row>
    <row r="1572" spans="1:9">
      <c r="A1572" s="1">
        <v>0.17120591030290178</v>
      </c>
      <c r="B1572" s="1"/>
      <c r="C1572">
        <v>16</v>
      </c>
      <c r="D1572" t="s">
        <v>3811</v>
      </c>
      <c r="E1572" t="s">
        <v>31468</v>
      </c>
      <c r="F1572">
        <v>5</v>
      </c>
      <c r="H1572" t="s">
        <v>3812</v>
      </c>
      <c r="I1572" t="s">
        <v>30540</v>
      </c>
    </row>
    <row r="1573" spans="1:9">
      <c r="A1573" s="1">
        <v>0.71886196693300408</v>
      </c>
      <c r="B1573" s="1"/>
      <c r="C1573">
        <v>17</v>
      </c>
      <c r="D1573" t="s">
        <v>3813</v>
      </c>
      <c r="E1573" t="s">
        <v>31468</v>
      </c>
      <c r="F1573">
        <v>4</v>
      </c>
      <c r="H1573" t="s">
        <v>3814</v>
      </c>
      <c r="I1573" t="s">
        <v>30540</v>
      </c>
    </row>
    <row r="1574" spans="1:9">
      <c r="A1574" s="1">
        <v>0.71591703766750814</v>
      </c>
      <c r="B1574" s="1"/>
      <c r="C1574">
        <v>6</v>
      </c>
      <c r="D1574" t="s">
        <v>3807</v>
      </c>
      <c r="E1574" t="s">
        <v>31468</v>
      </c>
      <c r="F1574">
        <v>4</v>
      </c>
      <c r="H1574" t="s">
        <v>3808</v>
      </c>
      <c r="I1574" t="s">
        <v>30540</v>
      </c>
    </row>
    <row r="1575" spans="1:9">
      <c r="A1575" s="1">
        <v>0.5182666910094943</v>
      </c>
      <c r="B1575" s="1"/>
      <c r="C1575">
        <v>2</v>
      </c>
      <c r="D1575" t="s">
        <v>3805</v>
      </c>
      <c r="E1575" t="s">
        <v>31468</v>
      </c>
      <c r="F1575">
        <v>4</v>
      </c>
      <c r="H1575" t="s">
        <v>3806</v>
      </c>
      <c r="I1575" t="s">
        <v>30540</v>
      </c>
    </row>
    <row r="1576" spans="1:9">
      <c r="A1576" s="1">
        <v>0.20991140512903783</v>
      </c>
      <c r="B1576" s="1"/>
      <c r="C1576">
        <v>3</v>
      </c>
      <c r="D1576" t="s">
        <v>3803</v>
      </c>
      <c r="E1576" t="s">
        <v>31469</v>
      </c>
      <c r="F1576">
        <v>5</v>
      </c>
      <c r="H1576" t="s">
        <v>3804</v>
      </c>
      <c r="I1576" t="s">
        <v>30540</v>
      </c>
    </row>
    <row r="1577" spans="1:9">
      <c r="A1577" s="1">
        <v>0.97110794245298393</v>
      </c>
      <c r="B1577" s="1"/>
      <c r="C1577">
        <v>1</v>
      </c>
      <c r="D1577" t="s">
        <v>3799</v>
      </c>
      <c r="E1577" t="s">
        <v>31470</v>
      </c>
      <c r="F1577">
        <v>4</v>
      </c>
      <c r="H1577" t="s">
        <v>3800</v>
      </c>
      <c r="I1577" t="s">
        <v>30540</v>
      </c>
    </row>
    <row r="1578" spans="1:9">
      <c r="A1578" s="1">
        <v>0.69465567911778159</v>
      </c>
      <c r="B1578" s="1"/>
      <c r="C1578">
        <v>1</v>
      </c>
      <c r="D1578" t="s">
        <v>3793</v>
      </c>
      <c r="E1578" t="s">
        <v>31471</v>
      </c>
      <c r="F1578">
        <v>4</v>
      </c>
      <c r="H1578" t="s">
        <v>3794</v>
      </c>
      <c r="I1578" t="s">
        <v>30540</v>
      </c>
    </row>
    <row r="1579" spans="1:9">
      <c r="A1579" s="1">
        <v>0.71323344880618111</v>
      </c>
      <c r="B1579" s="1"/>
      <c r="C1579">
        <v>10</v>
      </c>
      <c r="D1579" t="s">
        <v>3797</v>
      </c>
      <c r="E1579" t="s">
        <v>31471</v>
      </c>
      <c r="F1579">
        <v>4</v>
      </c>
      <c r="H1579" t="s">
        <v>3798</v>
      </c>
      <c r="I1579" t="s">
        <v>30540</v>
      </c>
    </row>
    <row r="1580" spans="1:9">
      <c r="A1580" s="1">
        <v>0.36603014449084514</v>
      </c>
      <c r="B1580" s="1"/>
      <c r="C1580">
        <v>5</v>
      </c>
      <c r="D1580" t="s">
        <v>3787</v>
      </c>
      <c r="E1580" t="s">
        <v>31472</v>
      </c>
      <c r="F1580">
        <v>4</v>
      </c>
      <c r="H1580" t="s">
        <v>3788</v>
      </c>
      <c r="I1580" t="s">
        <v>30540</v>
      </c>
    </row>
    <row r="1581" spans="1:9">
      <c r="A1581" s="1">
        <v>5.9725790220106934E-2</v>
      </c>
      <c r="B1581" s="1"/>
      <c r="C1581">
        <v>9</v>
      </c>
      <c r="D1581" t="s">
        <v>3789</v>
      </c>
      <c r="E1581" t="s">
        <v>31472</v>
      </c>
      <c r="F1581">
        <v>4</v>
      </c>
      <c r="H1581" t="s">
        <v>3790</v>
      </c>
      <c r="I1581" t="s">
        <v>30540</v>
      </c>
    </row>
    <row r="1582" spans="1:9">
      <c r="A1582" s="1">
        <v>0.70988457501788083</v>
      </c>
      <c r="B1582" s="1"/>
      <c r="C1582">
        <v>15</v>
      </c>
      <c r="D1582" t="s">
        <v>3791</v>
      </c>
      <c r="E1582" t="s">
        <v>31472</v>
      </c>
      <c r="F1582">
        <v>4</v>
      </c>
      <c r="H1582" t="s">
        <v>3792</v>
      </c>
      <c r="I1582" t="s">
        <v>30540</v>
      </c>
    </row>
    <row r="1583" spans="1:9">
      <c r="A1583" s="1">
        <v>0.36835675362775211</v>
      </c>
      <c r="B1583" s="1"/>
      <c r="C1583">
        <v>4</v>
      </c>
      <c r="D1583" t="s">
        <v>3785</v>
      </c>
      <c r="E1583" t="s">
        <v>31472</v>
      </c>
      <c r="F1583">
        <v>3</v>
      </c>
      <c r="H1583" t="s">
        <v>3786</v>
      </c>
      <c r="I1583" t="s">
        <v>30540</v>
      </c>
    </row>
    <row r="1584" spans="1:9">
      <c r="A1584" s="1">
        <v>0.90530147332900679</v>
      </c>
      <c r="B1584" s="1"/>
      <c r="C1584">
        <v>1</v>
      </c>
      <c r="D1584" t="s">
        <v>3777</v>
      </c>
      <c r="E1584" t="s">
        <v>31473</v>
      </c>
      <c r="F1584">
        <v>4</v>
      </c>
      <c r="H1584" t="s">
        <v>3778</v>
      </c>
      <c r="I1584" t="s">
        <v>30540</v>
      </c>
    </row>
    <row r="1585" spans="1:9">
      <c r="A1585" s="1">
        <v>0.43833522298475425</v>
      </c>
      <c r="B1585" s="1"/>
      <c r="C1585">
        <v>2</v>
      </c>
      <c r="D1585" t="s">
        <v>3779</v>
      </c>
      <c r="E1585" t="s">
        <v>31473</v>
      </c>
      <c r="F1585">
        <v>4</v>
      </c>
      <c r="H1585" t="s">
        <v>3780</v>
      </c>
      <c r="I1585" t="s">
        <v>30540</v>
      </c>
    </row>
    <row r="1586" spans="1:9">
      <c r="A1586" s="1">
        <v>0.67918971595397715</v>
      </c>
      <c r="B1586" s="1"/>
      <c r="C1586">
        <v>6</v>
      </c>
      <c r="D1586" t="s">
        <v>3781</v>
      </c>
      <c r="E1586" t="s">
        <v>31473</v>
      </c>
      <c r="F1586">
        <v>4</v>
      </c>
      <c r="H1586" t="s">
        <v>3782</v>
      </c>
      <c r="I1586" t="s">
        <v>30540</v>
      </c>
    </row>
    <row r="1587" spans="1:9">
      <c r="A1587" s="1">
        <v>0.79935069416027782</v>
      </c>
      <c r="B1587" s="1"/>
      <c r="C1587">
        <v>9</v>
      </c>
      <c r="D1587" t="s">
        <v>3783</v>
      </c>
      <c r="E1587" t="s">
        <v>31473</v>
      </c>
      <c r="F1587">
        <v>4</v>
      </c>
      <c r="H1587" t="s">
        <v>3784</v>
      </c>
      <c r="I1587" t="s">
        <v>30540</v>
      </c>
    </row>
    <row r="1588" spans="1:9">
      <c r="A1588" s="1">
        <v>0.80652522928737824</v>
      </c>
      <c r="B1588" s="1"/>
      <c r="C1588">
        <v>1</v>
      </c>
      <c r="D1588" t="s">
        <v>3773</v>
      </c>
      <c r="E1588" t="s">
        <v>31474</v>
      </c>
      <c r="F1588">
        <v>4</v>
      </c>
      <c r="H1588" t="s">
        <v>3774</v>
      </c>
      <c r="I1588" t="s">
        <v>30540</v>
      </c>
    </row>
    <row r="1589" spans="1:9">
      <c r="A1589" s="1">
        <v>0.69413740659086343</v>
      </c>
      <c r="B1589" s="1"/>
      <c r="C1589">
        <v>3</v>
      </c>
      <c r="D1589" t="s">
        <v>3775</v>
      </c>
      <c r="E1589" t="s">
        <v>31474</v>
      </c>
      <c r="F1589">
        <v>3</v>
      </c>
      <c r="H1589" t="s">
        <v>3776</v>
      </c>
      <c r="I1589" t="s">
        <v>30540</v>
      </c>
    </row>
    <row r="1590" spans="1:9">
      <c r="A1590" s="1">
        <v>0.72503936076352749</v>
      </c>
      <c r="B1590" s="1"/>
      <c r="C1590">
        <v>2</v>
      </c>
      <c r="D1590" t="s">
        <v>3769</v>
      </c>
      <c r="E1590" t="s">
        <v>31475</v>
      </c>
      <c r="F1590">
        <v>4</v>
      </c>
      <c r="H1590" t="s">
        <v>3770</v>
      </c>
      <c r="I1590" t="s">
        <v>30540</v>
      </c>
    </row>
    <row r="1591" spans="1:9">
      <c r="A1591" s="1">
        <v>0.95150722231866935</v>
      </c>
      <c r="B1591" s="1"/>
      <c r="C1591">
        <v>5</v>
      </c>
      <c r="D1591" t="s">
        <v>3771</v>
      </c>
      <c r="E1591" t="s">
        <v>31475</v>
      </c>
      <c r="F1591">
        <v>4</v>
      </c>
      <c r="H1591" t="s">
        <v>3772</v>
      </c>
      <c r="I1591" t="s">
        <v>30540</v>
      </c>
    </row>
    <row r="1592" spans="1:9">
      <c r="A1592" s="1">
        <v>0.10271708853180817</v>
      </c>
      <c r="B1592" s="1"/>
      <c r="C1592">
        <v>1</v>
      </c>
      <c r="D1592" t="s">
        <v>3767</v>
      </c>
      <c r="E1592" t="s">
        <v>31475</v>
      </c>
      <c r="F1592">
        <v>4</v>
      </c>
      <c r="H1592" t="s">
        <v>3768</v>
      </c>
      <c r="I1592" t="s">
        <v>30540</v>
      </c>
    </row>
    <row r="1593" spans="1:9">
      <c r="A1593" s="1">
        <v>0.69647476833841271</v>
      </c>
      <c r="B1593" s="1"/>
      <c r="C1593">
        <v>6</v>
      </c>
      <c r="D1593" t="s">
        <v>3753</v>
      </c>
      <c r="E1593" t="s">
        <v>31476</v>
      </c>
      <c r="F1593">
        <v>5</v>
      </c>
      <c r="H1593" t="s">
        <v>3754</v>
      </c>
      <c r="I1593" t="s">
        <v>30540</v>
      </c>
    </row>
    <row r="1594" spans="1:9">
      <c r="A1594" s="1">
        <v>0.32243534765836623</v>
      </c>
      <c r="B1594" s="1"/>
      <c r="C1594">
        <v>4</v>
      </c>
      <c r="D1594" t="s">
        <v>3751</v>
      </c>
      <c r="E1594" t="s">
        <v>31476</v>
      </c>
      <c r="F1594">
        <v>5</v>
      </c>
      <c r="H1594" t="s">
        <v>3752</v>
      </c>
      <c r="I1594" t="s">
        <v>30540</v>
      </c>
    </row>
    <row r="1595" spans="1:9">
      <c r="A1595" s="1">
        <v>0.75280549427574783</v>
      </c>
      <c r="B1595" s="1"/>
      <c r="C1595">
        <v>19</v>
      </c>
      <c r="D1595" t="s">
        <v>3765</v>
      </c>
      <c r="E1595" t="s">
        <v>31476</v>
      </c>
      <c r="F1595">
        <v>5</v>
      </c>
      <c r="H1595" t="s">
        <v>3766</v>
      </c>
      <c r="I1595" t="s">
        <v>30540</v>
      </c>
    </row>
    <row r="1596" spans="1:9">
      <c r="A1596" s="1">
        <v>0.97191100853316414</v>
      </c>
      <c r="B1596" s="1"/>
      <c r="C1596">
        <v>3</v>
      </c>
      <c r="D1596" t="s">
        <v>3749</v>
      </c>
      <c r="E1596" t="s">
        <v>31476</v>
      </c>
      <c r="F1596">
        <v>4</v>
      </c>
      <c r="H1596" t="s">
        <v>3750</v>
      </c>
      <c r="I1596" t="s">
        <v>30540</v>
      </c>
    </row>
    <row r="1597" spans="1:9">
      <c r="A1597" s="1">
        <v>0.93056138479654515</v>
      </c>
      <c r="B1597" s="1"/>
      <c r="C1597">
        <v>16</v>
      </c>
      <c r="D1597" t="s">
        <v>3761</v>
      </c>
      <c r="E1597" t="s">
        <v>31476</v>
      </c>
      <c r="F1597">
        <v>4</v>
      </c>
      <c r="H1597" t="s">
        <v>3762</v>
      </c>
      <c r="I1597" t="s">
        <v>30540</v>
      </c>
    </row>
    <row r="1598" spans="1:9">
      <c r="A1598" s="1">
        <v>0.35636854209932589</v>
      </c>
      <c r="B1598" s="1"/>
      <c r="C1598">
        <v>12</v>
      </c>
      <c r="D1598" t="s">
        <v>3757</v>
      </c>
      <c r="E1598" t="s">
        <v>31476</v>
      </c>
      <c r="F1598">
        <v>4</v>
      </c>
      <c r="H1598" t="s">
        <v>3758</v>
      </c>
      <c r="I1598" t="s">
        <v>30540</v>
      </c>
    </row>
    <row r="1599" spans="1:9">
      <c r="A1599" s="1">
        <v>0.63332734492253917</v>
      </c>
      <c r="B1599" s="1"/>
      <c r="C1599">
        <v>13</v>
      </c>
      <c r="D1599" t="s">
        <v>3759</v>
      </c>
      <c r="E1599" t="s">
        <v>31476</v>
      </c>
      <c r="F1599">
        <v>3</v>
      </c>
      <c r="H1599" t="s">
        <v>3760</v>
      </c>
      <c r="I1599" t="s">
        <v>30540</v>
      </c>
    </row>
    <row r="1600" spans="1:9">
      <c r="A1600" s="1">
        <v>0.79897225823974982</v>
      </c>
      <c r="B1600" s="1"/>
      <c r="C1600">
        <v>5</v>
      </c>
      <c r="D1600" t="s">
        <v>3745</v>
      </c>
      <c r="E1600" t="s">
        <v>31477</v>
      </c>
      <c r="F1600">
        <v>4</v>
      </c>
      <c r="H1600" t="s">
        <v>3746</v>
      </c>
      <c r="I1600" t="s">
        <v>30540</v>
      </c>
    </row>
    <row r="1601" spans="1:9">
      <c r="A1601" s="1">
        <v>0.18130306536627228</v>
      </c>
      <c r="B1601" s="1"/>
      <c r="C1601">
        <v>3</v>
      </c>
      <c r="D1601" t="s">
        <v>3743</v>
      </c>
      <c r="E1601" t="s">
        <v>31478</v>
      </c>
      <c r="F1601">
        <v>4</v>
      </c>
      <c r="G1601" t="s">
        <v>13</v>
      </c>
      <c r="H1601" t="s">
        <v>3744</v>
      </c>
      <c r="I1601" t="s">
        <v>30540</v>
      </c>
    </row>
    <row r="1602" spans="1:9">
      <c r="A1602" s="1">
        <v>0.80810124853234988</v>
      </c>
      <c r="B1602" s="1"/>
      <c r="C1602">
        <v>2</v>
      </c>
      <c r="D1602" t="s">
        <v>3741</v>
      </c>
      <c r="E1602" t="s">
        <v>31479</v>
      </c>
      <c r="F1602">
        <v>4</v>
      </c>
      <c r="G1602" t="s">
        <v>1</v>
      </c>
      <c r="H1602" t="s">
        <v>3742</v>
      </c>
      <c r="I1602" t="s">
        <v>30540</v>
      </c>
    </row>
    <row r="1603" spans="1:9">
      <c r="A1603" s="1">
        <v>0.3636096666446168</v>
      </c>
      <c r="B1603" s="1"/>
      <c r="C1603">
        <v>10</v>
      </c>
      <c r="D1603" t="s">
        <v>3739</v>
      </c>
      <c r="E1603" t="s">
        <v>31480</v>
      </c>
      <c r="F1603">
        <v>4</v>
      </c>
      <c r="G1603" t="s">
        <v>0</v>
      </c>
      <c r="H1603" t="s">
        <v>3740</v>
      </c>
      <c r="I1603" t="s">
        <v>30540</v>
      </c>
    </row>
    <row r="1604" spans="1:9">
      <c r="A1604" s="1">
        <v>0.51377373124306858</v>
      </c>
      <c r="B1604" s="1"/>
      <c r="C1604">
        <v>2</v>
      </c>
      <c r="D1604" t="s">
        <v>3737</v>
      </c>
      <c r="E1604" t="s">
        <v>31480</v>
      </c>
      <c r="F1604">
        <v>4</v>
      </c>
      <c r="G1604" t="s">
        <v>2</v>
      </c>
      <c r="H1604" t="s">
        <v>3738</v>
      </c>
      <c r="I1604" t="s">
        <v>30540</v>
      </c>
    </row>
    <row r="1605" spans="1:9">
      <c r="A1605" s="1">
        <v>0.16671744819685108</v>
      </c>
      <c r="B1605" s="1"/>
      <c r="C1605">
        <v>18</v>
      </c>
      <c r="D1605" t="s">
        <v>3735</v>
      </c>
      <c r="E1605" t="s">
        <v>31481</v>
      </c>
      <c r="F1605">
        <v>3</v>
      </c>
      <c r="G1605" t="s">
        <v>771</v>
      </c>
      <c r="H1605" t="s">
        <v>3736</v>
      </c>
      <c r="I1605" t="s">
        <v>30540</v>
      </c>
    </row>
    <row r="1606" spans="1:9">
      <c r="A1606" s="1">
        <v>0.71346263797184073</v>
      </c>
      <c r="B1606" s="1"/>
      <c r="C1606">
        <v>2</v>
      </c>
      <c r="D1606" t="s">
        <v>3730</v>
      </c>
      <c r="E1606" t="s">
        <v>31482</v>
      </c>
      <c r="F1606">
        <v>4</v>
      </c>
      <c r="G1606" t="s">
        <v>2</v>
      </c>
      <c r="H1606" t="s">
        <v>3731</v>
      </c>
      <c r="I1606" t="s">
        <v>30540</v>
      </c>
    </row>
    <row r="1607" spans="1:9">
      <c r="A1607" s="1">
        <v>0.69299688584986396</v>
      </c>
      <c r="B1607" s="1"/>
      <c r="C1607">
        <v>2</v>
      </c>
      <c r="D1607" t="s">
        <v>3722</v>
      </c>
      <c r="E1607" t="s">
        <v>31483</v>
      </c>
      <c r="F1607">
        <v>5</v>
      </c>
      <c r="G1607" t="s">
        <v>1</v>
      </c>
      <c r="H1607" t="s">
        <v>3723</v>
      </c>
      <c r="I1607" t="s">
        <v>30540</v>
      </c>
    </row>
    <row r="1608" spans="1:9">
      <c r="A1608" s="1">
        <v>0.94210005263915564</v>
      </c>
      <c r="B1608" s="1"/>
      <c r="C1608">
        <v>7</v>
      </c>
      <c r="D1608" t="s">
        <v>3728</v>
      </c>
      <c r="E1608" t="s">
        <v>31483</v>
      </c>
      <c r="F1608">
        <v>4</v>
      </c>
      <c r="G1608" t="s">
        <v>0</v>
      </c>
      <c r="H1608" t="s">
        <v>3729</v>
      </c>
      <c r="I1608" t="s">
        <v>30540</v>
      </c>
    </row>
    <row r="1609" spans="1:9">
      <c r="A1609" s="1">
        <v>0.62978360290712609</v>
      </c>
      <c r="B1609" s="1"/>
      <c r="C1609">
        <v>4</v>
      </c>
      <c r="D1609" t="s">
        <v>3724</v>
      </c>
      <c r="E1609" t="s">
        <v>31483</v>
      </c>
      <c r="F1609">
        <v>4</v>
      </c>
      <c r="G1609" t="s">
        <v>2</v>
      </c>
      <c r="H1609" t="s">
        <v>3725</v>
      </c>
      <c r="I1609" t="s">
        <v>30540</v>
      </c>
    </row>
    <row r="1610" spans="1:9">
      <c r="A1610" s="1">
        <v>2.57294758673281E-2</v>
      </c>
      <c r="B1610" s="1"/>
      <c r="C1610">
        <v>4</v>
      </c>
      <c r="D1610" t="s">
        <v>3720</v>
      </c>
      <c r="E1610" t="s">
        <v>31484</v>
      </c>
      <c r="F1610">
        <v>4</v>
      </c>
      <c r="G1610" t="s">
        <v>0</v>
      </c>
      <c r="H1610" t="s">
        <v>3721</v>
      </c>
      <c r="I1610" t="s">
        <v>30540</v>
      </c>
    </row>
    <row r="1611" spans="1:9">
      <c r="A1611" s="1">
        <v>0.33806569656309027</v>
      </c>
      <c r="B1611" s="1"/>
      <c r="C1611">
        <v>7</v>
      </c>
      <c r="D1611" t="s">
        <v>3716</v>
      </c>
      <c r="E1611" t="s">
        <v>31485</v>
      </c>
      <c r="F1611">
        <v>4</v>
      </c>
      <c r="G1611" t="s">
        <v>0</v>
      </c>
      <c r="H1611" t="s">
        <v>3717</v>
      </c>
      <c r="I1611" t="s">
        <v>30540</v>
      </c>
    </row>
    <row r="1612" spans="1:9">
      <c r="A1612" s="1">
        <v>0.73152998099697764</v>
      </c>
      <c r="B1612" s="1"/>
      <c r="C1612">
        <v>18</v>
      </c>
      <c r="D1612" t="s">
        <v>3710</v>
      </c>
      <c r="E1612" t="s">
        <v>31486</v>
      </c>
      <c r="F1612">
        <v>5</v>
      </c>
      <c r="G1612" t="s">
        <v>9</v>
      </c>
      <c r="H1612" t="s">
        <v>3711</v>
      </c>
      <c r="I1612" t="s">
        <v>30540</v>
      </c>
    </row>
    <row r="1613" spans="1:9">
      <c r="A1613" s="1">
        <v>0.47692563116831377</v>
      </c>
      <c r="B1613" s="1"/>
      <c r="C1613">
        <v>19</v>
      </c>
      <c r="D1613" t="s">
        <v>3712</v>
      </c>
      <c r="E1613" t="s">
        <v>31486</v>
      </c>
      <c r="F1613">
        <v>5</v>
      </c>
      <c r="G1613" t="s">
        <v>770</v>
      </c>
      <c r="H1613" t="s">
        <v>3713</v>
      </c>
      <c r="I1613" t="s">
        <v>30540</v>
      </c>
    </row>
    <row r="1614" spans="1:9">
      <c r="A1614" s="1">
        <v>0.35164340493933355</v>
      </c>
      <c r="B1614" s="1"/>
      <c r="C1614">
        <v>20</v>
      </c>
      <c r="D1614" t="s">
        <v>3714</v>
      </c>
      <c r="E1614" t="s">
        <v>31486</v>
      </c>
      <c r="F1614">
        <v>5</v>
      </c>
      <c r="G1614" t="s">
        <v>775</v>
      </c>
      <c r="H1614" t="s">
        <v>3715</v>
      </c>
      <c r="I1614" t="s">
        <v>30540</v>
      </c>
    </row>
    <row r="1615" spans="1:9">
      <c r="A1615" s="1">
        <v>0.75664176650471826</v>
      </c>
      <c r="B1615" s="1"/>
      <c r="C1615">
        <v>4</v>
      </c>
      <c r="D1615" t="s">
        <v>3702</v>
      </c>
      <c r="E1615" t="s">
        <v>31486</v>
      </c>
      <c r="F1615">
        <v>4</v>
      </c>
      <c r="G1615" t="s">
        <v>1295</v>
      </c>
      <c r="H1615" t="s">
        <v>3703</v>
      </c>
      <c r="I1615" t="s">
        <v>30540</v>
      </c>
    </row>
    <row r="1616" spans="1:9">
      <c r="A1616" s="1">
        <v>0.28689931897315757</v>
      </c>
      <c r="B1616" s="1"/>
      <c r="C1616">
        <v>2</v>
      </c>
      <c r="D1616" t="s">
        <v>3700</v>
      </c>
      <c r="E1616" t="s">
        <v>31486</v>
      </c>
      <c r="F1616">
        <v>4</v>
      </c>
      <c r="G1616" t="s">
        <v>9</v>
      </c>
      <c r="H1616" t="s">
        <v>3701</v>
      </c>
      <c r="I1616" t="s">
        <v>30540</v>
      </c>
    </row>
    <row r="1617" spans="1:9">
      <c r="A1617" s="1">
        <v>0.56926195186419026</v>
      </c>
      <c r="B1617" s="1"/>
      <c r="C1617">
        <v>14</v>
      </c>
      <c r="D1617" t="s">
        <v>3708</v>
      </c>
      <c r="E1617" t="s">
        <v>31486</v>
      </c>
      <c r="F1617">
        <v>4</v>
      </c>
      <c r="G1617" t="s">
        <v>774</v>
      </c>
      <c r="H1617" t="s">
        <v>3709</v>
      </c>
      <c r="I1617" t="s">
        <v>30540</v>
      </c>
    </row>
    <row r="1618" spans="1:9">
      <c r="A1618" s="1">
        <v>0.8449822497930648</v>
      </c>
      <c r="B1618" s="1"/>
      <c r="C1618">
        <v>10</v>
      </c>
      <c r="D1618" t="s">
        <v>3706</v>
      </c>
      <c r="E1618" t="s">
        <v>31486</v>
      </c>
      <c r="F1618">
        <v>4</v>
      </c>
      <c r="G1618" t="s">
        <v>766</v>
      </c>
      <c r="H1618" t="s">
        <v>3707</v>
      </c>
      <c r="I1618" t="s">
        <v>30540</v>
      </c>
    </row>
    <row r="1619" spans="1:9">
      <c r="A1619" s="1">
        <v>0.51109768079295914</v>
      </c>
      <c r="B1619" s="1"/>
      <c r="C1619">
        <v>1</v>
      </c>
      <c r="D1619" t="s">
        <v>3698</v>
      </c>
      <c r="E1619" t="s">
        <v>31486</v>
      </c>
      <c r="F1619">
        <v>4</v>
      </c>
      <c r="G1619" t="s">
        <v>1426</v>
      </c>
      <c r="H1619" t="s">
        <v>3699</v>
      </c>
      <c r="I1619" t="s">
        <v>30540</v>
      </c>
    </row>
    <row r="1620" spans="1:9">
      <c r="A1620" s="1">
        <v>0.48412750880997879</v>
      </c>
      <c r="B1620" s="1"/>
      <c r="C1620">
        <v>5</v>
      </c>
      <c r="D1620" t="s">
        <v>3704</v>
      </c>
      <c r="E1620" t="s">
        <v>31486</v>
      </c>
      <c r="F1620">
        <v>3</v>
      </c>
      <c r="G1620" t="s">
        <v>1426</v>
      </c>
      <c r="H1620" t="s">
        <v>3705</v>
      </c>
      <c r="I1620" t="s">
        <v>30540</v>
      </c>
    </row>
    <row r="1621" spans="1:9">
      <c r="A1621" s="1">
        <v>0.31705051125003936</v>
      </c>
      <c r="B1621" s="1"/>
      <c r="C1621">
        <v>8</v>
      </c>
      <c r="D1621" t="s">
        <v>3696</v>
      </c>
      <c r="E1621" t="s">
        <v>31487</v>
      </c>
      <c r="F1621">
        <v>4</v>
      </c>
      <c r="G1621" t="s">
        <v>13</v>
      </c>
      <c r="H1621" t="s">
        <v>3697</v>
      </c>
      <c r="I1621" t="s">
        <v>30540</v>
      </c>
    </row>
    <row r="1622" spans="1:9">
      <c r="A1622" s="1">
        <v>0.65421041850366102</v>
      </c>
      <c r="B1622" s="1"/>
      <c r="C1622">
        <v>2</v>
      </c>
      <c r="D1622" t="s">
        <v>3694</v>
      </c>
      <c r="E1622" t="s">
        <v>31487</v>
      </c>
      <c r="F1622">
        <v>4</v>
      </c>
      <c r="G1622" t="s">
        <v>774</v>
      </c>
      <c r="H1622" t="s">
        <v>3695</v>
      </c>
      <c r="I1622" t="s">
        <v>30540</v>
      </c>
    </row>
    <row r="1623" spans="1:9">
      <c r="A1623" s="1">
        <v>0.34562363088566306</v>
      </c>
      <c r="B1623" s="1"/>
      <c r="C1623">
        <v>10</v>
      </c>
      <c r="D1623" t="s">
        <v>3692</v>
      </c>
      <c r="E1623" t="s">
        <v>31488</v>
      </c>
      <c r="F1623">
        <v>5</v>
      </c>
      <c r="G1623" t="s">
        <v>0</v>
      </c>
      <c r="H1623" t="s">
        <v>3693</v>
      </c>
      <c r="I1623" t="s">
        <v>30540</v>
      </c>
    </row>
    <row r="1624" spans="1:9">
      <c r="A1624" s="1">
        <v>0.23734482180336658</v>
      </c>
      <c r="B1624" s="1"/>
      <c r="C1624">
        <v>8</v>
      </c>
      <c r="D1624" t="s">
        <v>3690</v>
      </c>
      <c r="E1624" t="s">
        <v>31488</v>
      </c>
      <c r="F1624">
        <v>4</v>
      </c>
      <c r="G1624" t="s">
        <v>10</v>
      </c>
      <c r="H1624" t="s">
        <v>3691</v>
      </c>
      <c r="I1624" t="s">
        <v>30540</v>
      </c>
    </row>
    <row r="1625" spans="1:9">
      <c r="A1625" s="1">
        <v>0.22712841996413735</v>
      </c>
      <c r="B1625" s="1"/>
      <c r="C1625">
        <v>3</v>
      </c>
      <c r="D1625" t="s">
        <v>3674</v>
      </c>
      <c r="E1625" t="s">
        <v>31489</v>
      </c>
      <c r="F1625">
        <v>5</v>
      </c>
      <c r="G1625" t="s">
        <v>10</v>
      </c>
      <c r="H1625" t="s">
        <v>3675</v>
      </c>
      <c r="I1625" t="s">
        <v>30540</v>
      </c>
    </row>
    <row r="1626" spans="1:9">
      <c r="A1626" s="1">
        <v>0.16273109144666587</v>
      </c>
      <c r="B1626" s="1"/>
      <c r="C1626">
        <v>11</v>
      </c>
      <c r="D1626" t="s">
        <v>3680</v>
      </c>
      <c r="E1626" t="s">
        <v>31489</v>
      </c>
      <c r="F1626">
        <v>4</v>
      </c>
      <c r="G1626" t="s">
        <v>1295</v>
      </c>
      <c r="H1626" t="s">
        <v>3681</v>
      </c>
      <c r="I1626" t="s">
        <v>30540</v>
      </c>
    </row>
    <row r="1627" spans="1:9">
      <c r="A1627" s="1">
        <v>0.13621565978787475</v>
      </c>
      <c r="B1627" s="1"/>
      <c r="C1627">
        <v>20</v>
      </c>
      <c r="D1627" t="s">
        <v>3688</v>
      </c>
      <c r="E1627" t="s">
        <v>31489</v>
      </c>
      <c r="F1627">
        <v>4</v>
      </c>
      <c r="G1627" t="s">
        <v>1431</v>
      </c>
      <c r="H1627" t="s">
        <v>3689</v>
      </c>
      <c r="I1627" t="s">
        <v>30540</v>
      </c>
    </row>
    <row r="1628" spans="1:9">
      <c r="A1628" s="1">
        <v>0.37817979939264268</v>
      </c>
      <c r="B1628" s="1"/>
      <c r="C1628">
        <v>2</v>
      </c>
      <c r="D1628" t="s">
        <v>3672</v>
      </c>
      <c r="E1628" t="s">
        <v>31489</v>
      </c>
      <c r="F1628">
        <v>4</v>
      </c>
      <c r="G1628" t="s">
        <v>13</v>
      </c>
      <c r="H1628" t="s">
        <v>3673</v>
      </c>
      <c r="I1628" t="s">
        <v>30540</v>
      </c>
    </row>
    <row r="1629" spans="1:9">
      <c r="A1629" s="1">
        <v>4.6669442225697799E-2</v>
      </c>
      <c r="B1629" s="1"/>
      <c r="C1629">
        <v>15</v>
      </c>
      <c r="D1629" t="s">
        <v>3684</v>
      </c>
      <c r="E1629" t="s">
        <v>31489</v>
      </c>
      <c r="F1629">
        <v>4</v>
      </c>
      <c r="G1629" t="s">
        <v>9</v>
      </c>
      <c r="H1629" t="s">
        <v>3685</v>
      </c>
      <c r="I1629" t="s">
        <v>30540</v>
      </c>
    </row>
    <row r="1630" spans="1:9">
      <c r="A1630" s="1">
        <v>0.87859649987950561</v>
      </c>
      <c r="B1630" s="1"/>
      <c r="C1630">
        <v>5</v>
      </c>
      <c r="D1630" t="s">
        <v>3676</v>
      </c>
      <c r="E1630" t="s">
        <v>31489</v>
      </c>
      <c r="F1630">
        <v>3</v>
      </c>
      <c r="G1630" t="s">
        <v>13</v>
      </c>
      <c r="H1630" t="s">
        <v>3677</v>
      </c>
      <c r="I1630" t="s">
        <v>30540</v>
      </c>
    </row>
    <row r="1631" spans="1:9">
      <c r="A1631" s="1">
        <v>0.83175104975984726</v>
      </c>
      <c r="B1631" s="1"/>
      <c r="C1631">
        <v>4</v>
      </c>
      <c r="D1631" t="s">
        <v>3670</v>
      </c>
      <c r="E1631" t="s">
        <v>31490</v>
      </c>
      <c r="F1631">
        <v>5</v>
      </c>
      <c r="G1631" t="s">
        <v>0</v>
      </c>
      <c r="H1631" t="s">
        <v>3671</v>
      </c>
      <c r="I1631" t="s">
        <v>30540</v>
      </c>
    </row>
    <row r="1632" spans="1:9">
      <c r="A1632" s="1">
        <v>0.6680229868302302</v>
      </c>
      <c r="B1632" s="1"/>
      <c r="C1632">
        <v>6</v>
      </c>
      <c r="D1632" t="s">
        <v>3664</v>
      </c>
      <c r="E1632" t="s">
        <v>31491</v>
      </c>
      <c r="F1632">
        <v>5</v>
      </c>
      <c r="G1632" t="s">
        <v>1</v>
      </c>
      <c r="H1632" t="s">
        <v>3665</v>
      </c>
      <c r="I1632" t="s">
        <v>30540</v>
      </c>
    </row>
    <row r="1633" spans="1:9">
      <c r="A1633" s="1">
        <v>0.21159527069770923</v>
      </c>
      <c r="B1633" s="1"/>
      <c r="C1633">
        <v>7</v>
      </c>
      <c r="D1633" t="s">
        <v>3666</v>
      </c>
      <c r="E1633" t="s">
        <v>31491</v>
      </c>
      <c r="F1633">
        <v>4</v>
      </c>
      <c r="G1633" t="s">
        <v>0</v>
      </c>
      <c r="H1633" t="s">
        <v>3667</v>
      </c>
      <c r="I1633" t="s">
        <v>30540</v>
      </c>
    </row>
    <row r="1634" spans="1:9">
      <c r="A1634" s="1">
        <v>0.715429908515264</v>
      </c>
      <c r="B1634" s="1"/>
      <c r="C1634">
        <v>8</v>
      </c>
      <c r="D1634" t="s">
        <v>3668</v>
      </c>
      <c r="E1634" t="s">
        <v>31491</v>
      </c>
      <c r="F1634">
        <v>4</v>
      </c>
      <c r="G1634" t="s">
        <v>0</v>
      </c>
      <c r="H1634" t="s">
        <v>3669</v>
      </c>
      <c r="I1634" t="s">
        <v>30540</v>
      </c>
    </row>
    <row r="1635" spans="1:9">
      <c r="A1635" s="1">
        <v>0.72069148716166809</v>
      </c>
      <c r="B1635" s="1"/>
      <c r="C1635">
        <v>10</v>
      </c>
      <c r="D1635" t="s">
        <v>3658</v>
      </c>
      <c r="E1635" t="s">
        <v>31493</v>
      </c>
      <c r="F1635">
        <v>4</v>
      </c>
      <c r="G1635" t="s">
        <v>13</v>
      </c>
      <c r="H1635" t="s">
        <v>3659</v>
      </c>
      <c r="I1635" t="s">
        <v>30540</v>
      </c>
    </row>
    <row r="1636" spans="1:9">
      <c r="A1636" s="1">
        <v>0.76285880718692267</v>
      </c>
      <c r="B1636" s="1"/>
      <c r="C1636">
        <v>12</v>
      </c>
      <c r="D1636" t="s">
        <v>3660</v>
      </c>
      <c r="E1636" t="s">
        <v>31493</v>
      </c>
      <c r="F1636">
        <v>4</v>
      </c>
      <c r="G1636" t="s">
        <v>0</v>
      </c>
      <c r="H1636" t="s">
        <v>3661</v>
      </c>
      <c r="I1636" t="s">
        <v>30540</v>
      </c>
    </row>
    <row r="1637" spans="1:9">
      <c r="A1637" s="1">
        <v>0.83731456015687988</v>
      </c>
      <c r="B1637" s="1"/>
      <c r="C1637">
        <v>1</v>
      </c>
      <c r="D1637" t="s">
        <v>3646</v>
      </c>
      <c r="E1637" t="s">
        <v>31494</v>
      </c>
      <c r="F1637">
        <v>5</v>
      </c>
      <c r="G1637" t="s">
        <v>1</v>
      </c>
      <c r="H1637" t="s">
        <v>3647</v>
      </c>
      <c r="I1637" t="s">
        <v>30540</v>
      </c>
    </row>
    <row r="1638" spans="1:9">
      <c r="A1638" s="1">
        <v>0.79259525242997664</v>
      </c>
      <c r="B1638" s="1"/>
      <c r="C1638">
        <v>19</v>
      </c>
      <c r="D1638" t="s">
        <v>3654</v>
      </c>
      <c r="E1638" t="s">
        <v>31494</v>
      </c>
      <c r="F1638">
        <v>4</v>
      </c>
      <c r="G1638" t="s">
        <v>1431</v>
      </c>
      <c r="H1638" t="s">
        <v>3655</v>
      </c>
      <c r="I1638" t="s">
        <v>30540</v>
      </c>
    </row>
    <row r="1639" spans="1:9">
      <c r="A1639" s="1">
        <v>0.99482375590875416</v>
      </c>
      <c r="B1639" s="1"/>
      <c r="C1639">
        <v>14</v>
      </c>
      <c r="D1639" t="s">
        <v>3648</v>
      </c>
      <c r="E1639" t="s">
        <v>31494</v>
      </c>
      <c r="F1639">
        <v>4</v>
      </c>
      <c r="G1639" t="s">
        <v>3107</v>
      </c>
      <c r="H1639" t="s">
        <v>3649</v>
      </c>
      <c r="I1639" t="s">
        <v>30540</v>
      </c>
    </row>
    <row r="1640" spans="1:9">
      <c r="A1640" s="1">
        <v>0.68332827535939877</v>
      </c>
      <c r="B1640" s="1"/>
      <c r="C1640">
        <v>15</v>
      </c>
      <c r="D1640" t="s">
        <v>3650</v>
      </c>
      <c r="E1640" t="s">
        <v>31494</v>
      </c>
      <c r="F1640">
        <v>4</v>
      </c>
      <c r="G1640" t="s">
        <v>13</v>
      </c>
      <c r="H1640" t="s">
        <v>3651</v>
      </c>
      <c r="I1640" t="s">
        <v>30540</v>
      </c>
    </row>
    <row r="1641" spans="1:9">
      <c r="A1641" s="1">
        <v>0.4471140502216383</v>
      </c>
      <c r="B1641" s="1"/>
      <c r="C1641">
        <v>1</v>
      </c>
      <c r="D1641" t="s">
        <v>3640</v>
      </c>
      <c r="E1641" t="s">
        <v>31495</v>
      </c>
      <c r="F1641">
        <v>5</v>
      </c>
      <c r="G1641" t="s">
        <v>0</v>
      </c>
      <c r="H1641" t="s">
        <v>3641</v>
      </c>
      <c r="I1641" t="s">
        <v>30540</v>
      </c>
    </row>
    <row r="1642" spans="1:9">
      <c r="A1642" s="1">
        <v>0.23585791617875995</v>
      </c>
      <c r="B1642" s="1"/>
      <c r="C1642">
        <v>3</v>
      </c>
      <c r="D1642" t="s">
        <v>3642</v>
      </c>
      <c r="E1642" t="s">
        <v>31495</v>
      </c>
      <c r="F1642">
        <v>4</v>
      </c>
      <c r="G1642" t="s">
        <v>10</v>
      </c>
      <c r="H1642" t="s">
        <v>3643</v>
      </c>
      <c r="I1642" t="s">
        <v>30540</v>
      </c>
    </row>
    <row r="1643" spans="1:9">
      <c r="A1643" s="1">
        <v>0.8749138105907398</v>
      </c>
      <c r="B1643" s="1"/>
      <c r="C1643">
        <v>5</v>
      </c>
      <c r="D1643" t="s">
        <v>3644</v>
      </c>
      <c r="E1643" t="s">
        <v>31495</v>
      </c>
      <c r="F1643">
        <v>4</v>
      </c>
      <c r="G1643" t="s">
        <v>1</v>
      </c>
      <c r="H1643" t="s">
        <v>3645</v>
      </c>
      <c r="I1643" t="s">
        <v>30540</v>
      </c>
    </row>
    <row r="1644" spans="1:9">
      <c r="A1644" s="1">
        <v>0.9496815792447032</v>
      </c>
      <c r="B1644" s="1"/>
      <c r="C1644">
        <v>5</v>
      </c>
      <c r="D1644" t="s">
        <v>3638</v>
      </c>
      <c r="E1644" t="s">
        <v>31496</v>
      </c>
      <c r="F1644">
        <v>4</v>
      </c>
      <c r="G1644" t="s">
        <v>0</v>
      </c>
      <c r="H1644" t="s">
        <v>3639</v>
      </c>
      <c r="I1644" t="s">
        <v>30540</v>
      </c>
    </row>
    <row r="1645" spans="1:9">
      <c r="A1645" s="1">
        <v>0.85760934339067474</v>
      </c>
      <c r="B1645" s="1"/>
      <c r="C1645">
        <v>2</v>
      </c>
      <c r="D1645" t="s">
        <v>3636</v>
      </c>
      <c r="E1645" t="s">
        <v>31497</v>
      </c>
      <c r="F1645">
        <v>4</v>
      </c>
      <c r="G1645" t="s">
        <v>0</v>
      </c>
      <c r="H1645" t="s">
        <v>3637</v>
      </c>
      <c r="I1645" t="s">
        <v>30540</v>
      </c>
    </row>
    <row r="1646" spans="1:9">
      <c r="A1646" s="1">
        <v>0.6255693875075955</v>
      </c>
      <c r="B1646" s="1"/>
      <c r="C1646">
        <v>20</v>
      </c>
      <c r="D1646" t="s">
        <v>3630</v>
      </c>
      <c r="E1646" t="s">
        <v>31500</v>
      </c>
      <c r="F1646">
        <v>4</v>
      </c>
      <c r="G1646" t="s">
        <v>15</v>
      </c>
      <c r="H1646" t="s">
        <v>3631</v>
      </c>
      <c r="I1646" t="s">
        <v>30540</v>
      </c>
    </row>
    <row r="1647" spans="1:9">
      <c r="A1647" s="1">
        <v>0.56071936347172779</v>
      </c>
      <c r="B1647" s="1"/>
      <c r="C1647">
        <v>16</v>
      </c>
      <c r="D1647" t="s">
        <v>3628</v>
      </c>
      <c r="E1647" t="s">
        <v>31500</v>
      </c>
      <c r="F1647">
        <v>4</v>
      </c>
      <c r="G1647" t="s">
        <v>10</v>
      </c>
      <c r="H1647" t="s">
        <v>3629</v>
      </c>
      <c r="I1647" t="s">
        <v>30540</v>
      </c>
    </row>
    <row r="1648" spans="1:9">
      <c r="A1648" s="1">
        <v>0.47542885734263707</v>
      </c>
      <c r="B1648" s="1"/>
      <c r="C1648">
        <v>3</v>
      </c>
      <c r="D1648" t="s">
        <v>3622</v>
      </c>
      <c r="E1648" t="s">
        <v>31500</v>
      </c>
      <c r="F1648">
        <v>4</v>
      </c>
      <c r="G1648" t="s">
        <v>13</v>
      </c>
      <c r="H1648" t="s">
        <v>3623</v>
      </c>
      <c r="I1648" t="s">
        <v>30540</v>
      </c>
    </row>
    <row r="1649" spans="1:9">
      <c r="A1649" s="1">
        <v>0.51620844890636586</v>
      </c>
      <c r="B1649" s="1"/>
      <c r="C1649">
        <v>14</v>
      </c>
      <c r="D1649" t="s">
        <v>3626</v>
      </c>
      <c r="E1649" t="s">
        <v>31500</v>
      </c>
      <c r="F1649">
        <v>3</v>
      </c>
      <c r="G1649" t="s">
        <v>2229</v>
      </c>
      <c r="H1649" t="s">
        <v>3627</v>
      </c>
      <c r="I1649" t="s">
        <v>30540</v>
      </c>
    </row>
    <row r="1650" spans="1:9">
      <c r="A1650" s="1">
        <v>0.96364521987249552</v>
      </c>
      <c r="B1650" s="1"/>
      <c r="C1650">
        <v>2</v>
      </c>
      <c r="D1650" t="s">
        <v>3620</v>
      </c>
      <c r="E1650" t="s">
        <v>31501</v>
      </c>
      <c r="F1650">
        <v>5</v>
      </c>
      <c r="G1650" t="s">
        <v>14</v>
      </c>
      <c r="H1650" t="s">
        <v>3621</v>
      </c>
      <c r="I1650" t="s">
        <v>30540</v>
      </c>
    </row>
    <row r="1651" spans="1:9">
      <c r="A1651" s="1">
        <v>3.489685857809699E-2</v>
      </c>
      <c r="B1651" s="1"/>
      <c r="C1651">
        <v>5</v>
      </c>
      <c r="D1651" t="s">
        <v>3616</v>
      </c>
      <c r="E1651" t="s">
        <v>31502</v>
      </c>
      <c r="F1651">
        <v>5</v>
      </c>
      <c r="G1651" t="s">
        <v>13</v>
      </c>
      <c r="H1651" t="s">
        <v>3617</v>
      </c>
      <c r="I1651" t="s">
        <v>30540</v>
      </c>
    </row>
    <row r="1652" spans="1:9">
      <c r="A1652" s="1">
        <v>0.80692859384775262</v>
      </c>
      <c r="B1652" s="1"/>
      <c r="C1652">
        <v>6</v>
      </c>
      <c r="D1652" t="s">
        <v>3618</v>
      </c>
      <c r="E1652" t="s">
        <v>31502</v>
      </c>
      <c r="F1652">
        <v>4</v>
      </c>
      <c r="G1652" t="s">
        <v>0</v>
      </c>
      <c r="H1652" t="s">
        <v>3619</v>
      </c>
      <c r="I1652" t="s">
        <v>30540</v>
      </c>
    </row>
    <row r="1653" spans="1:9">
      <c r="A1653" s="1">
        <v>0.43013054628755609</v>
      </c>
      <c r="B1653" s="1"/>
      <c r="C1653">
        <v>1</v>
      </c>
      <c r="D1653" t="s">
        <v>3614</v>
      </c>
      <c r="E1653" t="s">
        <v>31503</v>
      </c>
      <c r="F1653">
        <v>5</v>
      </c>
      <c r="G1653" t="s">
        <v>10</v>
      </c>
      <c r="H1653" t="s">
        <v>3615</v>
      </c>
      <c r="I1653" t="s">
        <v>30540</v>
      </c>
    </row>
    <row r="1654" spans="1:9">
      <c r="A1654" s="1">
        <v>0.47923348160767543</v>
      </c>
      <c r="B1654" s="1"/>
      <c r="C1654">
        <v>4</v>
      </c>
      <c r="D1654" t="s">
        <v>3610</v>
      </c>
      <c r="E1654" t="s">
        <v>31504</v>
      </c>
      <c r="F1654">
        <v>3</v>
      </c>
      <c r="G1654" t="s">
        <v>14</v>
      </c>
      <c r="H1654" t="s">
        <v>3611</v>
      </c>
      <c r="I1654" t="s">
        <v>30540</v>
      </c>
    </row>
    <row r="1655" spans="1:9">
      <c r="A1655" s="1">
        <v>3.325777778904393E-2</v>
      </c>
      <c r="B1655" s="1"/>
      <c r="C1655">
        <v>16</v>
      </c>
      <c r="D1655" t="s">
        <v>3604</v>
      </c>
      <c r="E1655" t="s">
        <v>31505</v>
      </c>
      <c r="F1655">
        <v>5</v>
      </c>
      <c r="G1655" t="s">
        <v>762</v>
      </c>
      <c r="H1655" t="s">
        <v>3605</v>
      </c>
      <c r="I1655" t="s">
        <v>30540</v>
      </c>
    </row>
    <row r="1656" spans="1:9">
      <c r="A1656" s="1">
        <v>0.7420114186142196</v>
      </c>
      <c r="B1656" s="1"/>
      <c r="C1656">
        <v>18</v>
      </c>
      <c r="D1656" t="s">
        <v>3606</v>
      </c>
      <c r="E1656" t="s">
        <v>31505</v>
      </c>
      <c r="F1656">
        <v>4</v>
      </c>
      <c r="G1656" t="s">
        <v>2738</v>
      </c>
      <c r="H1656" t="s">
        <v>3607</v>
      </c>
      <c r="I1656" t="s">
        <v>30540</v>
      </c>
    </row>
    <row r="1657" spans="1:9">
      <c r="A1657" s="1">
        <v>0.15685238731322815</v>
      </c>
      <c r="B1657" s="1"/>
      <c r="C1657">
        <v>5</v>
      </c>
      <c r="D1657" t="s">
        <v>3592</v>
      </c>
      <c r="E1657" t="s">
        <v>31505</v>
      </c>
      <c r="F1657">
        <v>4</v>
      </c>
      <c r="G1657" t="s">
        <v>1426</v>
      </c>
      <c r="H1657" t="s">
        <v>3593</v>
      </c>
      <c r="I1657" t="s">
        <v>30540</v>
      </c>
    </row>
    <row r="1658" spans="1:9">
      <c r="A1658" s="1">
        <v>0.31531094787171354</v>
      </c>
      <c r="B1658" s="1"/>
      <c r="C1658">
        <v>15</v>
      </c>
      <c r="D1658" t="s">
        <v>3602</v>
      </c>
      <c r="E1658" t="s">
        <v>31505</v>
      </c>
      <c r="F1658">
        <v>4</v>
      </c>
      <c r="G1658" t="s">
        <v>766</v>
      </c>
      <c r="H1658" t="s">
        <v>3603</v>
      </c>
      <c r="I1658" t="s">
        <v>30540</v>
      </c>
    </row>
    <row r="1659" spans="1:9">
      <c r="A1659" s="1">
        <v>8.4207113464839778E-2</v>
      </c>
      <c r="B1659" s="1"/>
      <c r="C1659">
        <v>11</v>
      </c>
      <c r="D1659" t="s">
        <v>3598</v>
      </c>
      <c r="E1659" t="s">
        <v>31505</v>
      </c>
      <c r="F1659">
        <v>4</v>
      </c>
      <c r="G1659" t="s">
        <v>1295</v>
      </c>
      <c r="H1659" t="s">
        <v>3599</v>
      </c>
      <c r="I1659" t="s">
        <v>30540</v>
      </c>
    </row>
    <row r="1660" spans="1:9">
      <c r="A1660" s="1">
        <v>0.90290879835766091</v>
      </c>
      <c r="B1660" s="1"/>
      <c r="C1660">
        <v>4</v>
      </c>
      <c r="D1660" t="s">
        <v>3590</v>
      </c>
      <c r="E1660" t="s">
        <v>31505</v>
      </c>
      <c r="F1660">
        <v>4</v>
      </c>
      <c r="G1660" t="s">
        <v>13</v>
      </c>
      <c r="H1660" t="s">
        <v>3591</v>
      </c>
      <c r="I1660" t="s">
        <v>30540</v>
      </c>
    </row>
    <row r="1661" spans="1:9">
      <c r="A1661" s="1">
        <v>0.2156020101052819</v>
      </c>
      <c r="B1661" s="1"/>
      <c r="C1661">
        <v>6</v>
      </c>
      <c r="D1661" t="s">
        <v>3594</v>
      </c>
      <c r="E1661" t="s">
        <v>31505</v>
      </c>
      <c r="F1661">
        <v>4</v>
      </c>
      <c r="G1661" t="s">
        <v>765</v>
      </c>
      <c r="H1661" t="s">
        <v>3595</v>
      </c>
      <c r="I1661" t="s">
        <v>30540</v>
      </c>
    </row>
    <row r="1662" spans="1:9">
      <c r="A1662" s="1">
        <v>0.83137560866388116</v>
      </c>
      <c r="B1662" s="1"/>
      <c r="C1662">
        <v>7</v>
      </c>
      <c r="D1662" t="s">
        <v>3596</v>
      </c>
      <c r="E1662" t="s">
        <v>31505</v>
      </c>
      <c r="F1662">
        <v>4</v>
      </c>
      <c r="G1662" t="s">
        <v>9</v>
      </c>
      <c r="H1662" t="s">
        <v>3597</v>
      </c>
      <c r="I1662" t="s">
        <v>30540</v>
      </c>
    </row>
    <row r="1663" spans="1:9">
      <c r="A1663" s="1">
        <v>0.22789846207300812</v>
      </c>
      <c r="B1663" s="1"/>
      <c r="C1663">
        <v>20</v>
      </c>
      <c r="D1663" t="s">
        <v>3608</v>
      </c>
      <c r="E1663" t="s">
        <v>31505</v>
      </c>
      <c r="F1663">
        <v>4</v>
      </c>
      <c r="G1663" t="s">
        <v>1431</v>
      </c>
      <c r="H1663" t="s">
        <v>3609</v>
      </c>
      <c r="I1663" t="s">
        <v>30540</v>
      </c>
    </row>
    <row r="1664" spans="1:9">
      <c r="A1664" s="1">
        <v>0.66540139166503764</v>
      </c>
      <c r="B1664" s="1"/>
      <c r="C1664">
        <v>14</v>
      </c>
      <c r="D1664" t="s">
        <v>3600</v>
      </c>
      <c r="E1664" t="s">
        <v>31505</v>
      </c>
      <c r="F1664">
        <v>4</v>
      </c>
      <c r="G1664" t="s">
        <v>1426</v>
      </c>
      <c r="H1664" t="s">
        <v>3601</v>
      </c>
      <c r="I1664" t="s">
        <v>30540</v>
      </c>
    </row>
    <row r="1665" spans="1:9">
      <c r="A1665" s="1">
        <v>0.40596318128781772</v>
      </c>
      <c r="B1665" s="1"/>
      <c r="C1665">
        <v>4</v>
      </c>
      <c r="D1665" t="s">
        <v>3588</v>
      </c>
      <c r="E1665" t="s">
        <v>31506</v>
      </c>
      <c r="F1665">
        <v>5</v>
      </c>
      <c r="G1665" t="s">
        <v>2</v>
      </c>
      <c r="H1665" t="s">
        <v>3589</v>
      </c>
      <c r="I1665" t="s">
        <v>30540</v>
      </c>
    </row>
    <row r="1666" spans="1:9">
      <c r="A1666" s="1">
        <v>0.3887050411602615</v>
      </c>
      <c r="B1666" s="1"/>
      <c r="C1666">
        <v>2</v>
      </c>
      <c r="D1666" t="s">
        <v>3584</v>
      </c>
      <c r="E1666" t="s">
        <v>31506</v>
      </c>
      <c r="F1666">
        <v>5</v>
      </c>
      <c r="G1666" t="s">
        <v>1</v>
      </c>
      <c r="H1666" t="s">
        <v>3585</v>
      </c>
      <c r="I1666" t="s">
        <v>30540</v>
      </c>
    </row>
    <row r="1667" spans="1:9">
      <c r="A1667" s="1">
        <v>0.14107897972312566</v>
      </c>
      <c r="B1667" s="1"/>
      <c r="C1667">
        <v>3</v>
      </c>
      <c r="D1667" t="s">
        <v>3586</v>
      </c>
      <c r="E1667" t="s">
        <v>31506</v>
      </c>
      <c r="F1667">
        <v>4</v>
      </c>
      <c r="G1667" t="s">
        <v>2</v>
      </c>
      <c r="H1667" t="s">
        <v>3587</v>
      </c>
      <c r="I1667" t="s">
        <v>30540</v>
      </c>
    </row>
    <row r="1668" spans="1:9">
      <c r="A1668" s="1">
        <v>0.82604658348167537</v>
      </c>
      <c r="B1668" s="1"/>
      <c r="C1668">
        <v>1</v>
      </c>
      <c r="D1668" t="s">
        <v>3582</v>
      </c>
      <c r="E1668" t="s">
        <v>31506</v>
      </c>
      <c r="F1668">
        <v>4</v>
      </c>
      <c r="G1668" t="s">
        <v>9</v>
      </c>
      <c r="H1668" t="s">
        <v>3583</v>
      </c>
      <c r="I1668" t="s">
        <v>30540</v>
      </c>
    </row>
    <row r="1669" spans="1:9">
      <c r="A1669" s="1">
        <v>0.51366996808936061</v>
      </c>
      <c r="B1669" s="1"/>
      <c r="C1669">
        <v>3</v>
      </c>
      <c r="D1669" t="s">
        <v>3578</v>
      </c>
      <c r="E1669" t="s">
        <v>31507</v>
      </c>
      <c r="F1669">
        <v>4</v>
      </c>
      <c r="G1669" t="s">
        <v>13</v>
      </c>
      <c r="H1669" t="s">
        <v>3579</v>
      </c>
      <c r="I1669" t="s">
        <v>30540</v>
      </c>
    </row>
    <row r="1670" spans="1:9">
      <c r="A1670" s="1">
        <v>0.92500546626143776</v>
      </c>
      <c r="B1670" s="1"/>
      <c r="C1670">
        <v>6</v>
      </c>
      <c r="D1670" t="s">
        <v>3580</v>
      </c>
      <c r="E1670" t="s">
        <v>31507</v>
      </c>
      <c r="F1670">
        <v>4</v>
      </c>
      <c r="G1670" t="s">
        <v>0</v>
      </c>
      <c r="H1670" t="s">
        <v>3581</v>
      </c>
      <c r="I1670" t="s">
        <v>30540</v>
      </c>
    </row>
    <row r="1671" spans="1:9">
      <c r="A1671" s="1">
        <v>0.49858167458692004</v>
      </c>
      <c r="B1671" s="1"/>
      <c r="C1671">
        <v>6</v>
      </c>
      <c r="D1671" t="s">
        <v>3574</v>
      </c>
      <c r="E1671" t="s">
        <v>31508</v>
      </c>
      <c r="F1671">
        <v>5</v>
      </c>
      <c r="G1671" t="s">
        <v>2</v>
      </c>
      <c r="H1671" t="s">
        <v>3575</v>
      </c>
      <c r="I1671" t="s">
        <v>30540</v>
      </c>
    </row>
    <row r="1672" spans="1:9">
      <c r="A1672" s="1">
        <v>0.59248815678511735</v>
      </c>
      <c r="B1672" s="1"/>
      <c r="C1672">
        <v>9</v>
      </c>
      <c r="D1672" t="s">
        <v>3576</v>
      </c>
      <c r="E1672" t="s">
        <v>31508</v>
      </c>
      <c r="F1672">
        <v>4</v>
      </c>
      <c r="G1672" t="s">
        <v>15</v>
      </c>
      <c r="H1672" t="s">
        <v>3577</v>
      </c>
      <c r="I1672" t="s">
        <v>30540</v>
      </c>
    </row>
    <row r="1673" spans="1:9">
      <c r="A1673" s="1">
        <v>0.80176891815123397</v>
      </c>
      <c r="B1673" s="1"/>
      <c r="C1673">
        <v>1</v>
      </c>
      <c r="D1673" t="s">
        <v>3570</v>
      </c>
      <c r="E1673" t="s">
        <v>31509</v>
      </c>
      <c r="F1673">
        <v>4</v>
      </c>
      <c r="G1673" t="s">
        <v>15</v>
      </c>
      <c r="H1673" t="s">
        <v>3571</v>
      </c>
      <c r="I1673" t="s">
        <v>30540</v>
      </c>
    </row>
    <row r="1674" spans="1:9">
      <c r="A1674" s="1">
        <v>0.14238110781134017</v>
      </c>
      <c r="B1674" s="1"/>
      <c r="C1674">
        <v>8</v>
      </c>
      <c r="D1674" t="s">
        <v>3572</v>
      </c>
      <c r="E1674" t="s">
        <v>31509</v>
      </c>
      <c r="F1674">
        <v>3</v>
      </c>
      <c r="G1674" t="s">
        <v>0</v>
      </c>
      <c r="H1674" t="s">
        <v>3573</v>
      </c>
      <c r="I1674" t="s">
        <v>30540</v>
      </c>
    </row>
    <row r="1675" spans="1:9">
      <c r="A1675" s="1">
        <v>0.13922944229109246</v>
      </c>
      <c r="B1675" s="1"/>
      <c r="C1675">
        <v>10</v>
      </c>
      <c r="D1675" t="s">
        <v>3564</v>
      </c>
      <c r="E1675" t="s">
        <v>31510</v>
      </c>
      <c r="F1675">
        <v>5</v>
      </c>
      <c r="G1675" t="s">
        <v>1</v>
      </c>
      <c r="H1675" t="s">
        <v>3565</v>
      </c>
      <c r="I1675" t="s">
        <v>30540</v>
      </c>
    </row>
    <row r="1676" spans="1:9">
      <c r="A1676" s="1">
        <v>0.69626975239675104</v>
      </c>
      <c r="B1676" s="1"/>
      <c r="C1676">
        <v>13</v>
      </c>
      <c r="D1676" t="s">
        <v>3566</v>
      </c>
      <c r="E1676" t="s">
        <v>31510</v>
      </c>
      <c r="F1676">
        <v>5</v>
      </c>
      <c r="G1676" t="s">
        <v>774</v>
      </c>
      <c r="H1676" t="s">
        <v>3567</v>
      </c>
      <c r="I1676" t="s">
        <v>30540</v>
      </c>
    </row>
    <row r="1677" spans="1:9">
      <c r="A1677" s="1">
        <v>6.3194043401192057E-2</v>
      </c>
      <c r="B1677" s="1"/>
      <c r="C1677">
        <v>18</v>
      </c>
      <c r="D1677" t="s">
        <v>3568</v>
      </c>
      <c r="E1677" t="s">
        <v>31510</v>
      </c>
      <c r="F1677">
        <v>4</v>
      </c>
      <c r="G1677" t="s">
        <v>766</v>
      </c>
      <c r="H1677" t="s">
        <v>3569</v>
      </c>
      <c r="I1677" t="s">
        <v>30540</v>
      </c>
    </row>
    <row r="1678" spans="1:9">
      <c r="A1678" s="1">
        <v>0.59864079401831816</v>
      </c>
      <c r="B1678" s="1"/>
      <c r="C1678">
        <v>4</v>
      </c>
      <c r="D1678" t="s">
        <v>3562</v>
      </c>
      <c r="E1678" t="s">
        <v>31511</v>
      </c>
      <c r="F1678">
        <v>4</v>
      </c>
      <c r="G1678" t="s">
        <v>1</v>
      </c>
      <c r="H1678" t="s">
        <v>3563</v>
      </c>
      <c r="I1678" t="s">
        <v>30540</v>
      </c>
    </row>
    <row r="1679" spans="1:9">
      <c r="A1679" s="1">
        <v>0.43605381998272363</v>
      </c>
      <c r="B1679" s="1"/>
      <c r="C1679">
        <v>5</v>
      </c>
      <c r="D1679" t="s">
        <v>3560</v>
      </c>
      <c r="E1679" t="s">
        <v>31512</v>
      </c>
      <c r="F1679">
        <v>5</v>
      </c>
      <c r="G1679" t="s">
        <v>10</v>
      </c>
      <c r="H1679" t="s">
        <v>3561</v>
      </c>
      <c r="I1679" t="s">
        <v>30540</v>
      </c>
    </row>
    <row r="1680" spans="1:9">
      <c r="A1680" s="1">
        <v>0.19058338365770522</v>
      </c>
      <c r="B1680" s="1"/>
      <c r="C1680">
        <v>4</v>
      </c>
      <c r="D1680" t="s">
        <v>3558</v>
      </c>
      <c r="E1680" t="s">
        <v>31513</v>
      </c>
      <c r="F1680">
        <v>4</v>
      </c>
      <c r="G1680" t="s">
        <v>0</v>
      </c>
      <c r="H1680" t="s">
        <v>3559</v>
      </c>
      <c r="I1680" t="s">
        <v>30540</v>
      </c>
    </row>
    <row r="1681" spans="1:9">
      <c r="A1681" s="1">
        <v>0.85864483105577838</v>
      </c>
      <c r="B1681" s="1"/>
      <c r="C1681">
        <v>2</v>
      </c>
      <c r="D1681" t="s">
        <v>3556</v>
      </c>
      <c r="E1681" t="s">
        <v>31513</v>
      </c>
      <c r="F1681">
        <v>3</v>
      </c>
      <c r="G1681" t="s">
        <v>9</v>
      </c>
      <c r="H1681" t="s">
        <v>3557</v>
      </c>
      <c r="I1681" t="s">
        <v>30540</v>
      </c>
    </row>
    <row r="1682" spans="1:9">
      <c r="A1682" s="1">
        <v>0.80932324354149832</v>
      </c>
      <c r="B1682" s="1"/>
      <c r="C1682">
        <v>12</v>
      </c>
      <c r="D1682" t="s">
        <v>3554</v>
      </c>
      <c r="E1682" t="s">
        <v>31514</v>
      </c>
      <c r="F1682">
        <v>4</v>
      </c>
      <c r="G1682" t="s">
        <v>15</v>
      </c>
      <c r="H1682" t="s">
        <v>3555</v>
      </c>
      <c r="I1682" t="s">
        <v>30540</v>
      </c>
    </row>
    <row r="1683" spans="1:9">
      <c r="A1683" s="1">
        <v>0.62459589486127221</v>
      </c>
      <c r="B1683" s="1"/>
      <c r="C1683">
        <v>6</v>
      </c>
      <c r="D1683" t="s">
        <v>3546</v>
      </c>
      <c r="E1683" t="s">
        <v>31515</v>
      </c>
      <c r="F1683">
        <v>5</v>
      </c>
      <c r="G1683" t="s">
        <v>765</v>
      </c>
      <c r="H1683" t="s">
        <v>3547</v>
      </c>
      <c r="I1683" t="s">
        <v>30540</v>
      </c>
    </row>
    <row r="1684" spans="1:9">
      <c r="A1684" s="1">
        <v>0.18491278524369026</v>
      </c>
      <c r="B1684" s="1"/>
      <c r="C1684">
        <v>9</v>
      </c>
      <c r="D1684" t="s">
        <v>3550</v>
      </c>
      <c r="E1684" t="s">
        <v>31515</v>
      </c>
      <c r="F1684">
        <v>4</v>
      </c>
      <c r="G1684" t="s">
        <v>774</v>
      </c>
      <c r="H1684" t="s">
        <v>3551</v>
      </c>
      <c r="I1684" t="s">
        <v>30540</v>
      </c>
    </row>
    <row r="1685" spans="1:9">
      <c r="A1685" s="1">
        <v>0.16662070940840035</v>
      </c>
      <c r="B1685" s="1"/>
      <c r="C1685">
        <v>5</v>
      </c>
      <c r="D1685" t="s">
        <v>3544</v>
      </c>
      <c r="E1685" t="s">
        <v>31515</v>
      </c>
      <c r="F1685">
        <v>4</v>
      </c>
      <c r="G1685" t="s">
        <v>15</v>
      </c>
      <c r="H1685" t="s">
        <v>3545</v>
      </c>
      <c r="I1685" t="s">
        <v>30540</v>
      </c>
    </row>
    <row r="1686" spans="1:9">
      <c r="A1686" s="1">
        <v>3.0134906593145216E-2</v>
      </c>
      <c r="B1686" s="1"/>
      <c r="C1686">
        <v>7</v>
      </c>
      <c r="D1686" t="s">
        <v>3548</v>
      </c>
      <c r="E1686" t="s">
        <v>31515</v>
      </c>
      <c r="F1686">
        <v>4</v>
      </c>
      <c r="G1686" t="s">
        <v>1295</v>
      </c>
      <c r="H1686" t="s">
        <v>3549</v>
      </c>
      <c r="I1686" t="s">
        <v>30540</v>
      </c>
    </row>
    <row r="1687" spans="1:9">
      <c r="A1687" s="1">
        <v>0.65257316562071588</v>
      </c>
      <c r="B1687" s="1"/>
      <c r="C1687">
        <v>2</v>
      </c>
      <c r="D1687" t="s">
        <v>3534</v>
      </c>
      <c r="E1687" t="s">
        <v>31516</v>
      </c>
      <c r="F1687">
        <v>4</v>
      </c>
      <c r="G1687" t="s">
        <v>1</v>
      </c>
      <c r="H1687" t="s">
        <v>3535</v>
      </c>
      <c r="I1687" t="s">
        <v>30540</v>
      </c>
    </row>
    <row r="1688" spans="1:9">
      <c r="A1688" s="1">
        <v>0.25207915501624922</v>
      </c>
      <c r="B1688" s="1"/>
      <c r="C1688">
        <v>6</v>
      </c>
      <c r="D1688" t="s">
        <v>3538</v>
      </c>
      <c r="E1688" t="s">
        <v>31516</v>
      </c>
      <c r="F1688">
        <v>4</v>
      </c>
      <c r="G1688" t="s">
        <v>13</v>
      </c>
      <c r="H1688" t="s">
        <v>3539</v>
      </c>
      <c r="I1688" t="s">
        <v>30540</v>
      </c>
    </row>
    <row r="1689" spans="1:9">
      <c r="A1689" s="1">
        <v>0.61330494274121528</v>
      </c>
      <c r="B1689" s="1"/>
      <c r="C1689">
        <v>3</v>
      </c>
      <c r="D1689" t="s">
        <v>3536</v>
      </c>
      <c r="E1689" t="s">
        <v>31516</v>
      </c>
      <c r="F1689">
        <v>4</v>
      </c>
      <c r="G1689" t="s">
        <v>15</v>
      </c>
      <c r="H1689" t="s">
        <v>3537</v>
      </c>
      <c r="I1689" t="s">
        <v>30540</v>
      </c>
    </row>
    <row r="1690" spans="1:9">
      <c r="A1690" s="1">
        <v>1.4815125771976523E-2</v>
      </c>
      <c r="B1690" s="1"/>
      <c r="C1690">
        <v>7</v>
      </c>
      <c r="D1690" t="s">
        <v>3540</v>
      </c>
      <c r="E1690" t="s">
        <v>31516</v>
      </c>
      <c r="F1690">
        <v>4</v>
      </c>
      <c r="G1690" t="s">
        <v>13</v>
      </c>
      <c r="H1690" t="s">
        <v>3541</v>
      </c>
      <c r="I1690" t="s">
        <v>30540</v>
      </c>
    </row>
    <row r="1691" spans="1:9">
      <c r="A1691" s="1">
        <v>6.402763043626325E-2</v>
      </c>
      <c r="B1691" s="1"/>
      <c r="C1691">
        <v>7</v>
      </c>
      <c r="D1691" t="s">
        <v>3532</v>
      </c>
      <c r="E1691" t="s">
        <v>31517</v>
      </c>
      <c r="F1691">
        <v>3</v>
      </c>
      <c r="G1691" t="s">
        <v>1</v>
      </c>
      <c r="H1691" t="s">
        <v>3533</v>
      </c>
      <c r="I1691" t="s">
        <v>30540</v>
      </c>
    </row>
    <row r="1692" spans="1:9">
      <c r="A1692" s="1">
        <v>0.22862060393641181</v>
      </c>
      <c r="B1692" s="1"/>
      <c r="C1692">
        <v>4</v>
      </c>
      <c r="D1692" t="s">
        <v>3530</v>
      </c>
      <c r="E1692" t="s">
        <v>31518</v>
      </c>
      <c r="F1692">
        <v>5</v>
      </c>
      <c r="G1692" t="s">
        <v>0</v>
      </c>
      <c r="H1692" t="s">
        <v>3531</v>
      </c>
      <c r="I1692" t="s">
        <v>30540</v>
      </c>
    </row>
    <row r="1693" spans="1:9">
      <c r="A1693" s="1">
        <v>0.5437065667478389</v>
      </c>
      <c r="B1693" s="1"/>
      <c r="C1693">
        <v>2</v>
      </c>
      <c r="D1693" t="s">
        <v>3528</v>
      </c>
      <c r="E1693" t="s">
        <v>31518</v>
      </c>
      <c r="F1693">
        <v>4</v>
      </c>
      <c r="G1693" t="s">
        <v>13</v>
      </c>
      <c r="H1693" t="s">
        <v>3529</v>
      </c>
      <c r="I1693" t="s">
        <v>30540</v>
      </c>
    </row>
    <row r="1694" spans="1:9">
      <c r="A1694" s="1">
        <v>0.59383939315200907</v>
      </c>
      <c r="B1694" s="1"/>
      <c r="C1694">
        <v>5</v>
      </c>
      <c r="D1694" t="s">
        <v>3526</v>
      </c>
      <c r="E1694" t="s">
        <v>31519</v>
      </c>
      <c r="F1694">
        <v>5</v>
      </c>
      <c r="G1694" t="s">
        <v>0</v>
      </c>
      <c r="H1694" t="s">
        <v>3527</v>
      </c>
      <c r="I1694" t="s">
        <v>30540</v>
      </c>
    </row>
    <row r="1695" spans="1:9">
      <c r="A1695" s="1">
        <v>0.99857625058123944</v>
      </c>
      <c r="B1695" s="1"/>
      <c r="C1695">
        <v>11</v>
      </c>
      <c r="D1695" t="s">
        <v>3524</v>
      </c>
      <c r="E1695" t="s">
        <v>31520</v>
      </c>
      <c r="F1695">
        <v>5</v>
      </c>
      <c r="G1695" t="s">
        <v>1</v>
      </c>
      <c r="H1695" t="s">
        <v>3525</v>
      </c>
      <c r="I1695" t="s">
        <v>30540</v>
      </c>
    </row>
    <row r="1696" spans="1:9">
      <c r="A1696" s="1">
        <v>0.48369569516600153</v>
      </c>
      <c r="B1696" s="1"/>
      <c r="C1696">
        <v>12</v>
      </c>
      <c r="D1696" t="s">
        <v>3518</v>
      </c>
      <c r="E1696" t="s">
        <v>31521</v>
      </c>
      <c r="F1696">
        <v>4</v>
      </c>
      <c r="G1696" t="s">
        <v>765</v>
      </c>
      <c r="H1696" t="s">
        <v>3519</v>
      </c>
      <c r="I1696" t="s">
        <v>30540</v>
      </c>
    </row>
    <row r="1697" spans="1:9">
      <c r="A1697" s="1">
        <v>0.84064139031841711</v>
      </c>
      <c r="B1697" s="1"/>
      <c r="C1697">
        <v>15</v>
      </c>
      <c r="D1697" t="s">
        <v>3520</v>
      </c>
      <c r="E1697" t="s">
        <v>31521</v>
      </c>
      <c r="F1697">
        <v>4</v>
      </c>
      <c r="G1697" t="s">
        <v>3107</v>
      </c>
      <c r="H1697" t="s">
        <v>3521</v>
      </c>
      <c r="I1697" t="s">
        <v>30540</v>
      </c>
    </row>
    <row r="1698" spans="1:9">
      <c r="A1698" s="1">
        <v>0.67032262166085987</v>
      </c>
      <c r="B1698" s="1"/>
      <c r="C1698">
        <v>16</v>
      </c>
      <c r="D1698" t="s">
        <v>3522</v>
      </c>
      <c r="E1698" t="s">
        <v>31521</v>
      </c>
      <c r="F1698">
        <v>4</v>
      </c>
      <c r="G1698" t="s">
        <v>774</v>
      </c>
      <c r="H1698" t="s">
        <v>3523</v>
      </c>
      <c r="I1698" t="s">
        <v>30540</v>
      </c>
    </row>
    <row r="1699" spans="1:9">
      <c r="A1699" s="1">
        <v>0.6904821455715322</v>
      </c>
      <c r="B1699" s="1"/>
      <c r="C1699">
        <v>2</v>
      </c>
      <c r="D1699" t="s">
        <v>3514</v>
      </c>
      <c r="E1699" t="s">
        <v>31521</v>
      </c>
      <c r="F1699">
        <v>4</v>
      </c>
      <c r="G1699" t="s">
        <v>1</v>
      </c>
      <c r="H1699" t="s">
        <v>3515</v>
      </c>
      <c r="I1699" t="s">
        <v>30540</v>
      </c>
    </row>
    <row r="1700" spans="1:9">
      <c r="A1700" s="1">
        <v>0.63519852194688131</v>
      </c>
      <c r="B1700" s="1"/>
      <c r="C1700">
        <v>3</v>
      </c>
      <c r="D1700" t="s">
        <v>3516</v>
      </c>
      <c r="E1700" t="s">
        <v>31521</v>
      </c>
      <c r="F1700">
        <v>4</v>
      </c>
      <c r="G1700" t="s">
        <v>0</v>
      </c>
      <c r="H1700" t="s">
        <v>3517</v>
      </c>
      <c r="I1700" t="s">
        <v>30540</v>
      </c>
    </row>
    <row r="1701" spans="1:9">
      <c r="A1701" s="1">
        <v>4.822352287774645E-2</v>
      </c>
      <c r="B1701" s="1"/>
      <c r="C1701">
        <v>1</v>
      </c>
      <c r="D1701" t="s">
        <v>3512</v>
      </c>
      <c r="E1701" t="s">
        <v>31521</v>
      </c>
      <c r="F1701">
        <v>4</v>
      </c>
      <c r="G1701" t="s">
        <v>775</v>
      </c>
      <c r="H1701" t="s">
        <v>3513</v>
      </c>
      <c r="I1701" t="s">
        <v>30540</v>
      </c>
    </row>
    <row r="1702" spans="1:9">
      <c r="A1702" s="1">
        <v>0.33029558813251902</v>
      </c>
      <c r="B1702" s="1"/>
      <c r="C1702">
        <v>7</v>
      </c>
      <c r="D1702" t="s">
        <v>3510</v>
      </c>
      <c r="E1702" t="s">
        <v>31522</v>
      </c>
      <c r="F1702">
        <v>5</v>
      </c>
      <c r="G1702" t="s">
        <v>0</v>
      </c>
      <c r="H1702" t="s">
        <v>3511</v>
      </c>
      <c r="I1702" t="s">
        <v>30540</v>
      </c>
    </row>
    <row r="1703" spans="1:9">
      <c r="A1703" s="1">
        <v>0.33698175295763655</v>
      </c>
      <c r="B1703" s="1"/>
      <c r="C1703">
        <v>2</v>
      </c>
      <c r="D1703" t="s">
        <v>3506</v>
      </c>
      <c r="E1703" t="s">
        <v>31523</v>
      </c>
      <c r="F1703">
        <v>4</v>
      </c>
      <c r="G1703" t="s">
        <v>9</v>
      </c>
      <c r="H1703" t="s">
        <v>3507</v>
      </c>
      <c r="I1703" t="s">
        <v>30540</v>
      </c>
    </row>
    <row r="1704" spans="1:9">
      <c r="A1704" s="1">
        <v>0.72864806855710629</v>
      </c>
      <c r="B1704" s="1"/>
      <c r="C1704">
        <v>8</v>
      </c>
      <c r="D1704" t="s">
        <v>3496</v>
      </c>
      <c r="E1704" t="s">
        <v>31524</v>
      </c>
      <c r="F1704">
        <v>5</v>
      </c>
      <c r="G1704" t="s">
        <v>774</v>
      </c>
      <c r="H1704" t="s">
        <v>3497</v>
      </c>
      <c r="I1704" t="s">
        <v>30540</v>
      </c>
    </row>
    <row r="1705" spans="1:9">
      <c r="A1705" s="1">
        <v>0.75993988746018259</v>
      </c>
      <c r="B1705" s="1"/>
      <c r="C1705">
        <v>6</v>
      </c>
      <c r="D1705" t="s">
        <v>3494</v>
      </c>
      <c r="E1705" t="s">
        <v>31524</v>
      </c>
      <c r="F1705">
        <v>5</v>
      </c>
      <c r="G1705" t="s">
        <v>9</v>
      </c>
      <c r="H1705" t="s">
        <v>3495</v>
      </c>
      <c r="I1705" t="s">
        <v>30540</v>
      </c>
    </row>
    <row r="1706" spans="1:9">
      <c r="A1706" s="1">
        <v>0.29900220638444464</v>
      </c>
      <c r="B1706" s="1"/>
      <c r="C1706">
        <v>4</v>
      </c>
      <c r="D1706" t="s">
        <v>3490</v>
      </c>
      <c r="E1706" t="s">
        <v>31524</v>
      </c>
      <c r="F1706">
        <v>5</v>
      </c>
      <c r="G1706" t="s">
        <v>1426</v>
      </c>
      <c r="H1706" t="s">
        <v>3491</v>
      </c>
      <c r="I1706" t="s">
        <v>30540</v>
      </c>
    </row>
    <row r="1707" spans="1:9">
      <c r="A1707" s="1">
        <v>0.61774942646804742</v>
      </c>
      <c r="B1707" s="1"/>
      <c r="C1707">
        <v>18</v>
      </c>
      <c r="D1707" t="s">
        <v>3504</v>
      </c>
      <c r="E1707" t="s">
        <v>31524</v>
      </c>
      <c r="F1707">
        <v>5</v>
      </c>
      <c r="G1707" t="s">
        <v>1295</v>
      </c>
      <c r="H1707" t="s">
        <v>3505</v>
      </c>
      <c r="I1707" t="s">
        <v>30540</v>
      </c>
    </row>
    <row r="1708" spans="1:9">
      <c r="A1708" s="1">
        <v>0.12987811090976342</v>
      </c>
      <c r="B1708" s="1"/>
      <c r="C1708">
        <v>5</v>
      </c>
      <c r="D1708" t="s">
        <v>3492</v>
      </c>
      <c r="E1708" t="s">
        <v>31524</v>
      </c>
      <c r="F1708">
        <v>4</v>
      </c>
      <c r="G1708" t="s">
        <v>10</v>
      </c>
      <c r="H1708" t="s">
        <v>3493</v>
      </c>
      <c r="I1708" t="s">
        <v>30540</v>
      </c>
    </row>
    <row r="1709" spans="1:9">
      <c r="A1709" s="1">
        <v>0.77637783786699355</v>
      </c>
      <c r="B1709" s="1"/>
      <c r="C1709">
        <v>11</v>
      </c>
      <c r="D1709" t="s">
        <v>3498</v>
      </c>
      <c r="E1709" t="s">
        <v>31524</v>
      </c>
      <c r="F1709">
        <v>4</v>
      </c>
      <c r="G1709" t="s">
        <v>9</v>
      </c>
      <c r="H1709" t="s">
        <v>3499</v>
      </c>
      <c r="I1709" t="s">
        <v>30540</v>
      </c>
    </row>
    <row r="1710" spans="1:9">
      <c r="A1710" s="1">
        <v>0.33364968756349112</v>
      </c>
      <c r="B1710" s="1"/>
      <c r="C1710">
        <v>17</v>
      </c>
      <c r="D1710" t="s">
        <v>3502</v>
      </c>
      <c r="E1710" t="s">
        <v>31524</v>
      </c>
      <c r="F1710">
        <v>4</v>
      </c>
      <c r="G1710" t="s">
        <v>2229</v>
      </c>
      <c r="H1710" t="s">
        <v>3503</v>
      </c>
      <c r="I1710" t="s">
        <v>30540</v>
      </c>
    </row>
    <row r="1711" spans="1:9">
      <c r="A1711" s="1">
        <v>0.31807213662749523</v>
      </c>
      <c r="B1711" s="1"/>
      <c r="C1711">
        <v>1</v>
      </c>
      <c r="D1711" t="s">
        <v>3488</v>
      </c>
      <c r="E1711" t="s">
        <v>31524</v>
      </c>
      <c r="F1711">
        <v>3</v>
      </c>
      <c r="G1711" t="s">
        <v>766</v>
      </c>
      <c r="H1711" t="s">
        <v>3489</v>
      </c>
      <c r="I1711" t="s">
        <v>30540</v>
      </c>
    </row>
    <row r="1712" spans="1:9">
      <c r="A1712" s="1">
        <v>0.36696546232780936</v>
      </c>
      <c r="B1712" s="1"/>
      <c r="C1712">
        <v>8</v>
      </c>
      <c r="D1712" t="s">
        <v>3486</v>
      </c>
      <c r="E1712" t="s">
        <v>31525</v>
      </c>
      <c r="F1712">
        <v>4</v>
      </c>
      <c r="G1712" t="s">
        <v>0</v>
      </c>
      <c r="H1712" t="s">
        <v>3487</v>
      </c>
      <c r="I1712" t="s">
        <v>30540</v>
      </c>
    </row>
    <row r="1713" spans="1:9">
      <c r="A1713" s="1">
        <v>0.95348684199261158</v>
      </c>
      <c r="B1713" s="1"/>
      <c r="C1713">
        <v>5</v>
      </c>
      <c r="D1713" t="s">
        <v>3482</v>
      </c>
      <c r="E1713" t="s">
        <v>31525</v>
      </c>
      <c r="F1713">
        <v>4</v>
      </c>
      <c r="G1713" t="s">
        <v>14</v>
      </c>
      <c r="H1713" t="s">
        <v>3483</v>
      </c>
      <c r="I1713" t="s">
        <v>30540</v>
      </c>
    </row>
    <row r="1714" spans="1:9">
      <c r="A1714" s="1">
        <v>0.51513757514256731</v>
      </c>
      <c r="B1714" s="1"/>
      <c r="C1714">
        <v>2</v>
      </c>
      <c r="D1714" t="s">
        <v>3480</v>
      </c>
      <c r="E1714" t="s">
        <v>31525</v>
      </c>
      <c r="F1714">
        <v>3</v>
      </c>
      <c r="G1714" t="s">
        <v>14</v>
      </c>
      <c r="H1714" t="s">
        <v>3481</v>
      </c>
      <c r="I1714" t="s">
        <v>30540</v>
      </c>
    </row>
    <row r="1715" spans="1:9">
      <c r="A1715" s="1">
        <v>0.79861633838635337</v>
      </c>
      <c r="B1715" s="1"/>
      <c r="C1715">
        <v>4</v>
      </c>
      <c r="D1715" t="s">
        <v>3478</v>
      </c>
      <c r="E1715" t="s">
        <v>31526</v>
      </c>
      <c r="F1715">
        <v>5</v>
      </c>
      <c r="G1715" t="s">
        <v>1</v>
      </c>
      <c r="H1715" t="s">
        <v>3479</v>
      </c>
      <c r="I1715" t="s">
        <v>30540</v>
      </c>
    </row>
    <row r="1716" spans="1:9">
      <c r="A1716" s="1">
        <v>0.98923151345876403</v>
      </c>
      <c r="B1716" s="1"/>
      <c r="C1716">
        <v>7</v>
      </c>
      <c r="D1716" t="s">
        <v>3476</v>
      </c>
      <c r="E1716" t="s">
        <v>31527</v>
      </c>
      <c r="F1716">
        <v>5</v>
      </c>
      <c r="G1716" t="s">
        <v>13</v>
      </c>
      <c r="H1716" t="s">
        <v>3477</v>
      </c>
      <c r="I1716" t="s">
        <v>30540</v>
      </c>
    </row>
    <row r="1717" spans="1:9">
      <c r="A1717" s="1">
        <v>0.20658337651637115</v>
      </c>
      <c r="B1717" s="1"/>
      <c r="C1717">
        <v>1</v>
      </c>
      <c r="D1717" t="s">
        <v>3472</v>
      </c>
      <c r="E1717" t="s">
        <v>31527</v>
      </c>
      <c r="F1717">
        <v>4</v>
      </c>
      <c r="G1717" t="s">
        <v>10</v>
      </c>
      <c r="H1717" t="s">
        <v>3473</v>
      </c>
      <c r="I1717" t="s">
        <v>30540</v>
      </c>
    </row>
    <row r="1718" spans="1:9">
      <c r="A1718" s="1">
        <v>0.8355607683540941</v>
      </c>
      <c r="B1718" s="1"/>
      <c r="C1718">
        <v>3</v>
      </c>
      <c r="D1718" t="s">
        <v>3460</v>
      </c>
      <c r="E1718" t="s">
        <v>31528</v>
      </c>
      <c r="F1718">
        <v>5</v>
      </c>
      <c r="G1718" t="s">
        <v>0</v>
      </c>
      <c r="H1718" t="s">
        <v>3461</v>
      </c>
      <c r="I1718" t="s">
        <v>30540</v>
      </c>
    </row>
    <row r="1719" spans="1:9">
      <c r="A1719" s="1">
        <v>0.57330766469015848</v>
      </c>
      <c r="B1719" s="1"/>
      <c r="C1719">
        <v>14</v>
      </c>
      <c r="D1719" t="s">
        <v>3468</v>
      </c>
      <c r="E1719" t="s">
        <v>31528</v>
      </c>
      <c r="F1719">
        <v>5</v>
      </c>
      <c r="G1719" t="s">
        <v>1295</v>
      </c>
      <c r="H1719" t="s">
        <v>3469</v>
      </c>
      <c r="I1719" t="s">
        <v>30540</v>
      </c>
    </row>
    <row r="1720" spans="1:9">
      <c r="A1720" s="1">
        <v>0.29601586746446862</v>
      </c>
      <c r="B1720" s="1"/>
      <c r="C1720">
        <v>10</v>
      </c>
      <c r="D1720" t="s">
        <v>3464</v>
      </c>
      <c r="E1720" t="s">
        <v>31528</v>
      </c>
      <c r="F1720">
        <v>4</v>
      </c>
      <c r="G1720" t="s">
        <v>774</v>
      </c>
      <c r="H1720" t="s">
        <v>3465</v>
      </c>
      <c r="I1720" t="s">
        <v>30540</v>
      </c>
    </row>
    <row r="1721" spans="1:9">
      <c r="A1721" s="1">
        <v>0.95494818727431763</v>
      </c>
      <c r="B1721" s="1"/>
      <c r="C1721">
        <v>13</v>
      </c>
      <c r="D1721" t="s">
        <v>3466</v>
      </c>
      <c r="E1721" t="s">
        <v>31528</v>
      </c>
      <c r="F1721">
        <v>4</v>
      </c>
      <c r="G1721" t="s">
        <v>1426</v>
      </c>
      <c r="H1721" t="s">
        <v>3467</v>
      </c>
      <c r="I1721" t="s">
        <v>30540</v>
      </c>
    </row>
    <row r="1722" spans="1:9">
      <c r="A1722" s="1">
        <v>0.9443093204578481</v>
      </c>
      <c r="B1722" s="1"/>
      <c r="C1722">
        <v>5</v>
      </c>
      <c r="D1722" t="s">
        <v>3462</v>
      </c>
      <c r="E1722" t="s">
        <v>31528</v>
      </c>
      <c r="F1722">
        <v>4</v>
      </c>
      <c r="G1722" t="s">
        <v>1426</v>
      </c>
      <c r="H1722" t="s">
        <v>3463</v>
      </c>
      <c r="I1722" t="s">
        <v>30540</v>
      </c>
    </row>
    <row r="1723" spans="1:9">
      <c r="A1723" s="1">
        <v>0.91993741842728349</v>
      </c>
      <c r="B1723" s="1"/>
      <c r="C1723">
        <v>15</v>
      </c>
      <c r="D1723" t="s">
        <v>3470</v>
      </c>
      <c r="E1723" t="s">
        <v>31528</v>
      </c>
      <c r="F1723">
        <v>3</v>
      </c>
      <c r="G1723" t="s">
        <v>3107</v>
      </c>
      <c r="H1723" t="s">
        <v>3471</v>
      </c>
      <c r="I1723" t="s">
        <v>30540</v>
      </c>
    </row>
    <row r="1724" spans="1:9">
      <c r="A1724" s="1">
        <v>0.64285335804135924</v>
      </c>
      <c r="B1724" s="1"/>
      <c r="C1724">
        <v>4</v>
      </c>
      <c r="D1724" t="s">
        <v>3458</v>
      </c>
      <c r="E1724" t="s">
        <v>31529</v>
      </c>
      <c r="F1724">
        <v>4</v>
      </c>
      <c r="G1724" t="s">
        <v>9</v>
      </c>
      <c r="H1724" t="s">
        <v>3459</v>
      </c>
      <c r="I1724" t="s">
        <v>30540</v>
      </c>
    </row>
    <row r="1725" spans="1:9">
      <c r="A1725" s="1">
        <v>0.985798587647854</v>
      </c>
      <c r="B1725" s="1"/>
      <c r="C1725">
        <v>2</v>
      </c>
      <c r="D1725" t="s">
        <v>3454</v>
      </c>
      <c r="E1725" t="s">
        <v>31530</v>
      </c>
      <c r="F1725">
        <v>4</v>
      </c>
      <c r="G1725" t="s">
        <v>13</v>
      </c>
      <c r="H1725" t="s">
        <v>3455</v>
      </c>
      <c r="I1725" t="s">
        <v>30540</v>
      </c>
    </row>
    <row r="1726" spans="1:9">
      <c r="A1726" s="1">
        <v>0.63812181251998834</v>
      </c>
      <c r="B1726" s="1"/>
      <c r="C1726">
        <v>7</v>
      </c>
      <c r="D1726" t="s">
        <v>3456</v>
      </c>
      <c r="E1726" t="s">
        <v>31530</v>
      </c>
      <c r="F1726">
        <v>3</v>
      </c>
      <c r="G1726" t="s">
        <v>1</v>
      </c>
      <c r="H1726" t="s">
        <v>3457</v>
      </c>
      <c r="I1726" t="s">
        <v>30540</v>
      </c>
    </row>
    <row r="1727" spans="1:9">
      <c r="A1727" s="1">
        <v>0.29144075213604781</v>
      </c>
      <c r="B1727" s="1"/>
      <c r="C1727">
        <v>3</v>
      </c>
      <c r="D1727" t="s">
        <v>3452</v>
      </c>
      <c r="E1727" t="s">
        <v>31531</v>
      </c>
      <c r="F1727">
        <v>4</v>
      </c>
      <c r="G1727" t="s">
        <v>0</v>
      </c>
      <c r="H1727" t="s">
        <v>3453</v>
      </c>
      <c r="I1727" t="s">
        <v>30540</v>
      </c>
    </row>
    <row r="1728" spans="1:9">
      <c r="A1728" s="1">
        <v>0.93007279364683471</v>
      </c>
      <c r="B1728" s="1"/>
      <c r="C1728">
        <v>7</v>
      </c>
      <c r="D1728" t="s">
        <v>3444</v>
      </c>
      <c r="E1728" t="s">
        <v>31533</v>
      </c>
      <c r="F1728">
        <v>5</v>
      </c>
      <c r="G1728" t="s">
        <v>1426</v>
      </c>
      <c r="H1728" t="s">
        <v>3445</v>
      </c>
      <c r="I1728" t="s">
        <v>30540</v>
      </c>
    </row>
    <row r="1729" spans="1:9">
      <c r="A1729" s="1">
        <v>0.99581829810844769</v>
      </c>
      <c r="B1729" s="1"/>
      <c r="C1729">
        <v>1</v>
      </c>
      <c r="D1729" t="s">
        <v>3442</v>
      </c>
      <c r="E1729" t="s">
        <v>31533</v>
      </c>
      <c r="F1729">
        <v>4</v>
      </c>
      <c r="G1729" t="s">
        <v>0</v>
      </c>
      <c r="H1729" t="s">
        <v>3443</v>
      </c>
      <c r="I1729" t="s">
        <v>30540</v>
      </c>
    </row>
    <row r="1730" spans="1:9">
      <c r="A1730" s="1">
        <v>2.7456383473041246E-3</v>
      </c>
      <c r="B1730" s="1"/>
      <c r="C1730">
        <v>13</v>
      </c>
      <c r="D1730" t="s">
        <v>3448</v>
      </c>
      <c r="E1730" t="s">
        <v>31533</v>
      </c>
      <c r="F1730">
        <v>4</v>
      </c>
      <c r="G1730" t="s">
        <v>770</v>
      </c>
      <c r="H1730" t="s">
        <v>3449</v>
      </c>
      <c r="I1730" t="s">
        <v>30540</v>
      </c>
    </row>
    <row r="1731" spans="1:9">
      <c r="A1731" s="1">
        <v>0.63900926685890269</v>
      </c>
      <c r="B1731" s="1"/>
      <c r="C1731">
        <v>8</v>
      </c>
      <c r="D1731" t="s">
        <v>3446</v>
      </c>
      <c r="E1731" t="s">
        <v>31533</v>
      </c>
      <c r="F1731">
        <v>3</v>
      </c>
      <c r="G1731" t="s">
        <v>13</v>
      </c>
      <c r="H1731" t="s">
        <v>3447</v>
      </c>
      <c r="I1731" t="s">
        <v>30540</v>
      </c>
    </row>
    <row r="1732" spans="1:9">
      <c r="A1732" s="1">
        <v>0.57841113703843594</v>
      </c>
      <c r="B1732" s="1"/>
      <c r="C1732">
        <v>5</v>
      </c>
      <c r="D1732" t="s">
        <v>3440</v>
      </c>
      <c r="E1732" t="s">
        <v>31534</v>
      </c>
      <c r="F1732">
        <v>4</v>
      </c>
      <c r="G1732" t="s">
        <v>1</v>
      </c>
      <c r="H1732" t="s">
        <v>3441</v>
      </c>
      <c r="I1732" t="s">
        <v>30540</v>
      </c>
    </row>
    <row r="1733" spans="1:9">
      <c r="A1733" s="1">
        <v>0.68927605632660705</v>
      </c>
      <c r="B1733" s="1"/>
      <c r="C1733">
        <v>3</v>
      </c>
      <c r="D1733" t="s">
        <v>3438</v>
      </c>
      <c r="E1733" t="s">
        <v>31534</v>
      </c>
      <c r="F1733">
        <v>4</v>
      </c>
      <c r="G1733" t="s">
        <v>0</v>
      </c>
      <c r="H1733" t="s">
        <v>3439</v>
      </c>
      <c r="I1733" t="s">
        <v>30540</v>
      </c>
    </row>
    <row r="1734" spans="1:9">
      <c r="A1734" s="1">
        <v>0.24524224109371162</v>
      </c>
      <c r="B1734" s="1"/>
      <c r="C1734">
        <v>6</v>
      </c>
      <c r="D1734" t="s">
        <v>3436</v>
      </c>
      <c r="E1734" t="s">
        <v>31535</v>
      </c>
      <c r="F1734">
        <v>4</v>
      </c>
      <c r="G1734" t="s">
        <v>0</v>
      </c>
      <c r="H1734" t="s">
        <v>3437</v>
      </c>
      <c r="I1734" t="s">
        <v>30540</v>
      </c>
    </row>
    <row r="1735" spans="1:9">
      <c r="A1735" s="1">
        <v>0.97346123605151502</v>
      </c>
      <c r="B1735" s="1"/>
      <c r="C1735">
        <v>7</v>
      </c>
      <c r="D1735" t="s">
        <v>3434</v>
      </c>
      <c r="E1735" t="s">
        <v>31536</v>
      </c>
      <c r="F1735">
        <v>4</v>
      </c>
      <c r="G1735" t="s">
        <v>13</v>
      </c>
      <c r="H1735" t="s">
        <v>3435</v>
      </c>
      <c r="I1735" t="s">
        <v>30540</v>
      </c>
    </row>
    <row r="1736" spans="1:9">
      <c r="A1736" s="1">
        <v>0.57726368073495404</v>
      </c>
      <c r="B1736" s="1"/>
      <c r="C1736">
        <v>3</v>
      </c>
      <c r="D1736" t="s">
        <v>3432</v>
      </c>
      <c r="E1736" t="s">
        <v>31537</v>
      </c>
      <c r="F1736">
        <v>4</v>
      </c>
      <c r="G1736" t="s">
        <v>0</v>
      </c>
      <c r="H1736" t="s">
        <v>3433</v>
      </c>
      <c r="I1736" t="s">
        <v>30540</v>
      </c>
    </row>
    <row r="1737" spans="1:9">
      <c r="A1737" s="1">
        <v>0.38697477385334167</v>
      </c>
      <c r="B1737" s="1"/>
      <c r="C1737">
        <v>7</v>
      </c>
      <c r="D1737" t="s">
        <v>3430</v>
      </c>
      <c r="E1737" t="s">
        <v>31538</v>
      </c>
      <c r="F1737">
        <v>4</v>
      </c>
      <c r="G1737" t="s">
        <v>2</v>
      </c>
      <c r="H1737" t="s">
        <v>3431</v>
      </c>
      <c r="I1737" t="s">
        <v>30540</v>
      </c>
    </row>
    <row r="1738" spans="1:9">
      <c r="A1738" s="1">
        <v>0.62275078602679212</v>
      </c>
      <c r="B1738" s="1"/>
      <c r="C1738">
        <v>5</v>
      </c>
      <c r="D1738" t="s">
        <v>3418</v>
      </c>
      <c r="E1738" t="s">
        <v>31539</v>
      </c>
      <c r="F1738">
        <v>5</v>
      </c>
      <c r="G1738" t="s">
        <v>9</v>
      </c>
      <c r="H1738" t="s">
        <v>3419</v>
      </c>
      <c r="I1738" t="s">
        <v>30540</v>
      </c>
    </row>
    <row r="1739" spans="1:9">
      <c r="A1739" s="1">
        <v>0.14869500733204977</v>
      </c>
      <c r="B1739" s="1"/>
      <c r="C1739">
        <v>16</v>
      </c>
      <c r="D1739" t="s">
        <v>3422</v>
      </c>
      <c r="E1739" t="s">
        <v>31539</v>
      </c>
      <c r="F1739">
        <v>5</v>
      </c>
      <c r="G1739" t="s">
        <v>771</v>
      </c>
      <c r="H1739" t="s">
        <v>3423</v>
      </c>
      <c r="I1739" t="s">
        <v>30540</v>
      </c>
    </row>
    <row r="1740" spans="1:9">
      <c r="A1740" s="1">
        <v>0.75386476045217898</v>
      </c>
      <c r="B1740" s="1"/>
      <c r="C1740">
        <v>17</v>
      </c>
      <c r="D1740" t="s">
        <v>3424</v>
      </c>
      <c r="E1740" t="s">
        <v>31539</v>
      </c>
      <c r="F1740">
        <v>5</v>
      </c>
      <c r="G1740" t="s">
        <v>774</v>
      </c>
      <c r="H1740" t="s">
        <v>3425</v>
      </c>
      <c r="I1740" t="s">
        <v>30540</v>
      </c>
    </row>
    <row r="1741" spans="1:9">
      <c r="A1741" s="1">
        <v>9.3507679180399705E-2</v>
      </c>
      <c r="B1741" s="1"/>
      <c r="C1741">
        <v>20</v>
      </c>
      <c r="D1741" t="s">
        <v>3428</v>
      </c>
      <c r="E1741" t="s">
        <v>31539</v>
      </c>
      <c r="F1741">
        <v>5</v>
      </c>
      <c r="G1741" t="s">
        <v>765</v>
      </c>
      <c r="H1741" t="s">
        <v>3429</v>
      </c>
      <c r="I1741" t="s">
        <v>30540</v>
      </c>
    </row>
    <row r="1742" spans="1:9">
      <c r="A1742" s="1">
        <v>0.69779580641927863</v>
      </c>
      <c r="B1742" s="1"/>
      <c r="C1742">
        <v>18</v>
      </c>
      <c r="D1742" t="s">
        <v>3426</v>
      </c>
      <c r="E1742" t="s">
        <v>31539</v>
      </c>
      <c r="F1742">
        <v>4</v>
      </c>
      <c r="G1742" t="s">
        <v>2738</v>
      </c>
      <c r="H1742" t="s">
        <v>3427</v>
      </c>
      <c r="I1742" t="s">
        <v>30540</v>
      </c>
    </row>
    <row r="1743" spans="1:9">
      <c r="A1743" s="1">
        <v>0.18743605890344206</v>
      </c>
      <c r="B1743" s="1"/>
      <c r="C1743">
        <v>4</v>
      </c>
      <c r="D1743" t="s">
        <v>3416</v>
      </c>
      <c r="E1743" t="s">
        <v>31539</v>
      </c>
      <c r="F1743">
        <v>4</v>
      </c>
      <c r="G1743" t="s">
        <v>13</v>
      </c>
      <c r="H1743" t="s">
        <v>3417</v>
      </c>
      <c r="I1743" t="s">
        <v>30540</v>
      </c>
    </row>
    <row r="1744" spans="1:9">
      <c r="A1744" s="1">
        <v>0.196070906050821</v>
      </c>
      <c r="B1744" s="1"/>
      <c r="C1744">
        <v>13</v>
      </c>
      <c r="D1744" t="s">
        <v>3420</v>
      </c>
      <c r="E1744" t="s">
        <v>31539</v>
      </c>
      <c r="F1744">
        <v>3</v>
      </c>
      <c r="G1744" t="s">
        <v>0</v>
      </c>
      <c r="H1744" t="s">
        <v>3421</v>
      </c>
      <c r="I1744" t="s">
        <v>30540</v>
      </c>
    </row>
    <row r="1745" spans="1:9">
      <c r="A1745" s="1">
        <v>0.63270531202898772</v>
      </c>
      <c r="B1745" s="1"/>
      <c r="C1745">
        <v>2</v>
      </c>
      <c r="D1745" t="s">
        <v>3412</v>
      </c>
      <c r="E1745" t="s">
        <v>31540</v>
      </c>
      <c r="F1745">
        <v>4</v>
      </c>
      <c r="G1745" t="s">
        <v>14</v>
      </c>
      <c r="H1745" t="s">
        <v>3413</v>
      </c>
      <c r="I1745" t="s">
        <v>30540</v>
      </c>
    </row>
    <row r="1746" spans="1:9">
      <c r="A1746" s="1">
        <v>0.9815885816743315</v>
      </c>
      <c r="B1746" s="1"/>
      <c r="C1746">
        <v>3</v>
      </c>
      <c r="D1746" t="s">
        <v>3414</v>
      </c>
      <c r="E1746" t="s">
        <v>31540</v>
      </c>
      <c r="F1746">
        <v>4</v>
      </c>
      <c r="G1746" t="s">
        <v>9</v>
      </c>
      <c r="H1746" t="s">
        <v>3415</v>
      </c>
      <c r="I1746" t="s">
        <v>30540</v>
      </c>
    </row>
    <row r="1747" spans="1:9">
      <c r="A1747" s="1">
        <v>0.48384692402791474</v>
      </c>
      <c r="B1747" s="1"/>
      <c r="C1747">
        <v>5</v>
      </c>
      <c r="D1747" t="s">
        <v>3408</v>
      </c>
      <c r="E1747" t="s">
        <v>31541</v>
      </c>
      <c r="F1747">
        <v>4</v>
      </c>
      <c r="G1747" t="s">
        <v>1</v>
      </c>
      <c r="H1747" t="s">
        <v>3409</v>
      </c>
      <c r="I1747" t="s">
        <v>30540</v>
      </c>
    </row>
    <row r="1748" spans="1:9">
      <c r="A1748" s="1">
        <v>0.62105366064470624</v>
      </c>
      <c r="B1748" s="1"/>
      <c r="C1748">
        <v>6</v>
      </c>
      <c r="D1748" t="s">
        <v>3410</v>
      </c>
      <c r="E1748" t="s">
        <v>31541</v>
      </c>
      <c r="F1748">
        <v>4</v>
      </c>
      <c r="G1748" t="s">
        <v>1</v>
      </c>
      <c r="H1748" t="s">
        <v>3411</v>
      </c>
      <c r="I1748" t="s">
        <v>30540</v>
      </c>
    </row>
    <row r="1749" spans="1:9">
      <c r="A1749" s="1">
        <v>0.33364838083933657</v>
      </c>
      <c r="B1749" s="1"/>
      <c r="C1749">
        <v>5</v>
      </c>
      <c r="D1749" t="s">
        <v>3406</v>
      </c>
      <c r="E1749" t="s">
        <v>31542</v>
      </c>
      <c r="F1749">
        <v>4</v>
      </c>
      <c r="G1749" t="s">
        <v>0</v>
      </c>
      <c r="H1749" t="s">
        <v>3407</v>
      </c>
      <c r="I1749" t="s">
        <v>30540</v>
      </c>
    </row>
    <row r="1750" spans="1:9">
      <c r="A1750" s="1">
        <v>0.12635487543812896</v>
      </c>
      <c r="B1750" s="1"/>
      <c r="C1750">
        <v>2</v>
      </c>
      <c r="D1750" t="s">
        <v>3404</v>
      </c>
      <c r="E1750" t="s">
        <v>31542</v>
      </c>
      <c r="F1750">
        <v>4</v>
      </c>
      <c r="G1750" t="s">
        <v>0</v>
      </c>
      <c r="H1750" t="s">
        <v>3405</v>
      </c>
      <c r="I1750" t="s">
        <v>30540</v>
      </c>
    </row>
    <row r="1751" spans="1:9">
      <c r="A1751" s="1">
        <v>0.26987877269920024</v>
      </c>
      <c r="B1751" s="1"/>
      <c r="C1751">
        <v>7</v>
      </c>
      <c r="D1751" t="s">
        <v>3402</v>
      </c>
      <c r="E1751" t="s">
        <v>31543</v>
      </c>
      <c r="F1751">
        <v>4</v>
      </c>
      <c r="G1751" t="s">
        <v>10</v>
      </c>
      <c r="H1751" t="s">
        <v>3403</v>
      </c>
      <c r="I1751" t="s">
        <v>30540</v>
      </c>
    </row>
    <row r="1752" spans="1:9">
      <c r="A1752" s="1">
        <v>0.58781833964089392</v>
      </c>
      <c r="B1752" s="1"/>
      <c r="C1752">
        <v>1</v>
      </c>
      <c r="D1752" t="s">
        <v>3392</v>
      </c>
      <c r="E1752" t="s">
        <v>31544</v>
      </c>
      <c r="F1752">
        <v>5</v>
      </c>
      <c r="G1752" t="s">
        <v>770</v>
      </c>
      <c r="H1752" t="s">
        <v>3393</v>
      </c>
      <c r="I1752" t="s">
        <v>30540</v>
      </c>
    </row>
    <row r="1753" spans="1:9">
      <c r="A1753" s="1">
        <v>0.92229247059094077</v>
      </c>
      <c r="B1753" s="1"/>
      <c r="C1753">
        <v>4</v>
      </c>
      <c r="D1753" t="s">
        <v>3394</v>
      </c>
      <c r="E1753" t="s">
        <v>31544</v>
      </c>
      <c r="F1753">
        <v>5</v>
      </c>
      <c r="G1753" t="s">
        <v>1426</v>
      </c>
      <c r="H1753" t="s">
        <v>3395</v>
      </c>
      <c r="I1753" t="s">
        <v>30540</v>
      </c>
    </row>
    <row r="1754" spans="1:9">
      <c r="A1754" s="1">
        <v>0.77889893983585201</v>
      </c>
      <c r="B1754" s="1"/>
      <c r="C1754">
        <v>14</v>
      </c>
      <c r="D1754" t="s">
        <v>3398</v>
      </c>
      <c r="E1754" t="s">
        <v>31544</v>
      </c>
      <c r="F1754">
        <v>4</v>
      </c>
      <c r="G1754" t="s">
        <v>15</v>
      </c>
      <c r="H1754" t="s">
        <v>3399</v>
      </c>
      <c r="I1754" t="s">
        <v>30540</v>
      </c>
    </row>
    <row r="1755" spans="1:9">
      <c r="A1755" s="1">
        <v>0.34457866852066432</v>
      </c>
      <c r="B1755" s="1"/>
      <c r="C1755">
        <v>20</v>
      </c>
      <c r="D1755" t="s">
        <v>3400</v>
      </c>
      <c r="E1755" t="s">
        <v>31544</v>
      </c>
      <c r="F1755">
        <v>4</v>
      </c>
      <c r="G1755" t="s">
        <v>14</v>
      </c>
      <c r="H1755" t="s">
        <v>3401</v>
      </c>
      <c r="I1755" t="s">
        <v>30540</v>
      </c>
    </row>
    <row r="1756" spans="1:9">
      <c r="A1756" s="1">
        <v>0.64108498850304296</v>
      </c>
      <c r="B1756" s="1"/>
      <c r="C1756">
        <v>10</v>
      </c>
      <c r="D1756" t="s">
        <v>3396</v>
      </c>
      <c r="E1756" t="s">
        <v>31544</v>
      </c>
      <c r="F1756">
        <v>3</v>
      </c>
      <c r="G1756" t="s">
        <v>3107</v>
      </c>
      <c r="H1756" t="s">
        <v>3397</v>
      </c>
      <c r="I1756" t="s">
        <v>30540</v>
      </c>
    </row>
    <row r="1757" spans="1:9">
      <c r="A1757" s="1">
        <v>0.49235049282528154</v>
      </c>
      <c r="B1757" s="1"/>
      <c r="C1757">
        <v>1</v>
      </c>
      <c r="D1757" t="s">
        <v>3390</v>
      </c>
      <c r="E1757" t="s">
        <v>31545</v>
      </c>
      <c r="F1757">
        <v>4</v>
      </c>
      <c r="G1757" t="s">
        <v>0</v>
      </c>
      <c r="H1757" t="s">
        <v>3391</v>
      </c>
      <c r="I1757" t="s">
        <v>30540</v>
      </c>
    </row>
    <row r="1758" spans="1:9">
      <c r="A1758" s="1">
        <v>0.70665003328668063</v>
      </c>
      <c r="B1758" s="1"/>
      <c r="C1758">
        <v>3</v>
      </c>
      <c r="D1758" t="s">
        <v>3388</v>
      </c>
      <c r="E1758" t="s">
        <v>31546</v>
      </c>
      <c r="F1758">
        <v>5</v>
      </c>
      <c r="G1758" t="s">
        <v>13</v>
      </c>
      <c r="H1758" t="s">
        <v>3389</v>
      </c>
      <c r="I1758" t="s">
        <v>30540</v>
      </c>
    </row>
    <row r="1759" spans="1:9">
      <c r="A1759" s="1">
        <v>0.99977887289377432</v>
      </c>
      <c r="B1759" s="1"/>
      <c r="C1759">
        <v>4</v>
      </c>
      <c r="D1759" t="s">
        <v>3386</v>
      </c>
      <c r="E1759" t="s">
        <v>31547</v>
      </c>
      <c r="F1759">
        <v>4</v>
      </c>
      <c r="G1759" t="s">
        <v>1</v>
      </c>
      <c r="H1759" t="s">
        <v>3387</v>
      </c>
      <c r="I1759" t="s">
        <v>30540</v>
      </c>
    </row>
    <row r="1760" spans="1:9">
      <c r="A1760" s="1">
        <v>0.48453308073808443</v>
      </c>
      <c r="B1760" s="1"/>
      <c r="C1760">
        <v>1</v>
      </c>
      <c r="D1760" t="s">
        <v>3384</v>
      </c>
      <c r="E1760" t="s">
        <v>31548</v>
      </c>
      <c r="F1760">
        <v>4</v>
      </c>
      <c r="G1760" t="s">
        <v>10</v>
      </c>
      <c r="H1760" t="s">
        <v>3385</v>
      </c>
      <c r="I1760" t="s">
        <v>30540</v>
      </c>
    </row>
    <row r="1761" spans="1:9">
      <c r="A1761" s="1">
        <v>0.76857462909974461</v>
      </c>
      <c r="B1761" s="1"/>
      <c r="C1761">
        <v>8</v>
      </c>
      <c r="D1761" t="s">
        <v>3382</v>
      </c>
      <c r="E1761" t="s">
        <v>31549</v>
      </c>
      <c r="F1761">
        <v>3</v>
      </c>
      <c r="G1761" t="s">
        <v>1</v>
      </c>
      <c r="H1761" t="s">
        <v>3383</v>
      </c>
      <c r="I1761" t="s">
        <v>30540</v>
      </c>
    </row>
    <row r="1762" spans="1:9">
      <c r="A1762" s="1">
        <v>0.23572813151833294</v>
      </c>
      <c r="B1762" s="1"/>
      <c r="C1762">
        <v>1</v>
      </c>
      <c r="D1762" t="s">
        <v>3378</v>
      </c>
      <c r="E1762" t="s">
        <v>31550</v>
      </c>
      <c r="F1762">
        <v>4</v>
      </c>
      <c r="G1762" t="s">
        <v>10</v>
      </c>
      <c r="H1762" t="s">
        <v>3379</v>
      </c>
      <c r="I1762" t="s">
        <v>30540</v>
      </c>
    </row>
    <row r="1763" spans="1:9">
      <c r="A1763" s="1">
        <v>0.86972125941105061</v>
      </c>
      <c r="B1763" s="1"/>
      <c r="C1763">
        <v>6</v>
      </c>
      <c r="D1763" t="s">
        <v>3380</v>
      </c>
      <c r="E1763" t="s">
        <v>31550</v>
      </c>
      <c r="F1763">
        <v>4</v>
      </c>
      <c r="G1763" t="s">
        <v>14</v>
      </c>
      <c r="H1763" t="s">
        <v>3381</v>
      </c>
      <c r="I1763" t="s">
        <v>30540</v>
      </c>
    </row>
    <row r="1764" spans="1:9">
      <c r="A1764" s="1">
        <v>0.16632893852474373</v>
      </c>
      <c r="B1764" s="1"/>
      <c r="C1764">
        <v>6</v>
      </c>
      <c r="D1764" t="s">
        <v>3376</v>
      </c>
      <c r="E1764" t="s">
        <v>31551</v>
      </c>
      <c r="F1764">
        <v>4</v>
      </c>
      <c r="G1764" t="s">
        <v>0</v>
      </c>
      <c r="H1764" t="s">
        <v>3377</v>
      </c>
      <c r="I1764" t="s">
        <v>30540</v>
      </c>
    </row>
    <row r="1765" spans="1:9">
      <c r="A1765" s="1">
        <v>0.59097267942362475</v>
      </c>
      <c r="B1765" s="1"/>
      <c r="C1765">
        <v>2</v>
      </c>
      <c r="D1765" t="s">
        <v>3372</v>
      </c>
      <c r="E1765" t="s">
        <v>31552</v>
      </c>
      <c r="F1765">
        <v>4</v>
      </c>
      <c r="G1765" t="s">
        <v>1</v>
      </c>
      <c r="H1765" t="s">
        <v>3373</v>
      </c>
      <c r="I1765" t="s">
        <v>30540</v>
      </c>
    </row>
    <row r="1766" spans="1:9">
      <c r="A1766" s="1">
        <v>0.3501965075520167</v>
      </c>
      <c r="B1766" s="1"/>
      <c r="C1766">
        <v>4</v>
      </c>
      <c r="D1766" t="s">
        <v>3374</v>
      </c>
      <c r="E1766" t="s">
        <v>31552</v>
      </c>
      <c r="F1766">
        <v>4</v>
      </c>
      <c r="G1766" t="s">
        <v>0</v>
      </c>
      <c r="H1766" t="s">
        <v>3375</v>
      </c>
      <c r="I1766" t="s">
        <v>30540</v>
      </c>
    </row>
    <row r="1767" spans="1:9">
      <c r="A1767" s="1">
        <v>0.13566246788317127</v>
      </c>
      <c r="B1767" s="1"/>
      <c r="C1767">
        <v>1</v>
      </c>
      <c r="D1767" t="s">
        <v>3370</v>
      </c>
      <c r="E1767" t="s">
        <v>31553</v>
      </c>
      <c r="F1767">
        <v>4</v>
      </c>
      <c r="G1767" t="s">
        <v>15</v>
      </c>
      <c r="H1767" t="s">
        <v>3371</v>
      </c>
      <c r="I1767" t="s">
        <v>30540</v>
      </c>
    </row>
    <row r="1768" spans="1:9">
      <c r="A1768" s="1">
        <v>0.45104887101822777</v>
      </c>
      <c r="B1768" s="1"/>
      <c r="C1768">
        <v>3</v>
      </c>
      <c r="D1768" t="s">
        <v>3364</v>
      </c>
      <c r="E1768" t="s">
        <v>31554</v>
      </c>
      <c r="F1768">
        <v>5</v>
      </c>
      <c r="G1768" t="s">
        <v>15</v>
      </c>
      <c r="H1768" t="s">
        <v>3365</v>
      </c>
      <c r="I1768" t="s">
        <v>30540</v>
      </c>
    </row>
    <row r="1769" spans="1:9">
      <c r="A1769" s="1">
        <v>4.0503467146142835E-2</v>
      </c>
      <c r="B1769" s="1"/>
      <c r="C1769">
        <v>2</v>
      </c>
      <c r="D1769" t="s">
        <v>3362</v>
      </c>
      <c r="E1769" t="s">
        <v>31554</v>
      </c>
      <c r="F1769">
        <v>5</v>
      </c>
      <c r="G1769" t="s">
        <v>10</v>
      </c>
      <c r="H1769" t="s">
        <v>3363</v>
      </c>
      <c r="I1769" t="s">
        <v>30540</v>
      </c>
    </row>
    <row r="1770" spans="1:9">
      <c r="A1770" s="1">
        <v>0.53398962773320513</v>
      </c>
      <c r="B1770" s="1"/>
      <c r="C1770">
        <v>12</v>
      </c>
      <c r="D1770" t="s">
        <v>3368</v>
      </c>
      <c r="E1770" t="s">
        <v>31554</v>
      </c>
      <c r="F1770">
        <v>5</v>
      </c>
      <c r="G1770" t="s">
        <v>0</v>
      </c>
      <c r="H1770" t="s">
        <v>3369</v>
      </c>
      <c r="I1770" t="s">
        <v>30540</v>
      </c>
    </row>
    <row r="1771" spans="1:9">
      <c r="A1771" s="1">
        <v>0.12275265051118855</v>
      </c>
      <c r="B1771" s="1"/>
      <c r="C1771">
        <v>6</v>
      </c>
      <c r="D1771" t="s">
        <v>3366</v>
      </c>
      <c r="E1771" t="s">
        <v>31554</v>
      </c>
      <c r="F1771">
        <v>4</v>
      </c>
      <c r="G1771" t="s">
        <v>1</v>
      </c>
      <c r="H1771" t="s">
        <v>3367</v>
      </c>
      <c r="I1771" t="s">
        <v>30540</v>
      </c>
    </row>
    <row r="1772" spans="1:9">
      <c r="A1772" s="1">
        <v>0.89275130567624139</v>
      </c>
      <c r="B1772" s="1"/>
      <c r="C1772">
        <v>5</v>
      </c>
      <c r="D1772" t="s">
        <v>3358</v>
      </c>
      <c r="E1772" t="s">
        <v>31555</v>
      </c>
      <c r="F1772">
        <v>5</v>
      </c>
      <c r="G1772" t="s">
        <v>771</v>
      </c>
      <c r="H1772" t="s">
        <v>3359</v>
      </c>
      <c r="I1772" t="s">
        <v>30540</v>
      </c>
    </row>
    <row r="1773" spans="1:9">
      <c r="A1773" s="1">
        <v>0.56659447180544842</v>
      </c>
      <c r="B1773" s="1"/>
      <c r="C1773">
        <v>6</v>
      </c>
      <c r="D1773" t="s">
        <v>3360</v>
      </c>
      <c r="E1773" t="s">
        <v>31555</v>
      </c>
      <c r="F1773">
        <v>4</v>
      </c>
      <c r="G1773" t="s">
        <v>774</v>
      </c>
      <c r="H1773" t="s">
        <v>3361</v>
      </c>
      <c r="I1773" t="s">
        <v>30540</v>
      </c>
    </row>
    <row r="1774" spans="1:9">
      <c r="A1774" s="1">
        <v>0.91926322668270877</v>
      </c>
      <c r="B1774" s="1"/>
      <c r="C1774">
        <v>2</v>
      </c>
      <c r="D1774" t="s">
        <v>3356</v>
      </c>
      <c r="E1774" t="s">
        <v>31556</v>
      </c>
      <c r="F1774">
        <v>4</v>
      </c>
      <c r="G1774" t="s">
        <v>15</v>
      </c>
      <c r="H1774" t="s">
        <v>3357</v>
      </c>
      <c r="I1774" t="s">
        <v>30540</v>
      </c>
    </row>
    <row r="1775" spans="1:9">
      <c r="A1775" s="1">
        <v>0.83539742622365298</v>
      </c>
      <c r="B1775" s="1"/>
      <c r="C1775">
        <v>5</v>
      </c>
      <c r="D1775" t="s">
        <v>3350</v>
      </c>
      <c r="E1775" t="s">
        <v>31557</v>
      </c>
      <c r="F1775">
        <v>5</v>
      </c>
      <c r="G1775" t="s">
        <v>14</v>
      </c>
      <c r="H1775" t="s">
        <v>3351</v>
      </c>
      <c r="I1775" t="s">
        <v>30540</v>
      </c>
    </row>
    <row r="1776" spans="1:9">
      <c r="A1776" s="1">
        <v>0.28895062465625809</v>
      </c>
      <c r="B1776" s="1"/>
      <c r="C1776">
        <v>9</v>
      </c>
      <c r="D1776" t="s">
        <v>3354</v>
      </c>
      <c r="E1776" t="s">
        <v>31557</v>
      </c>
      <c r="F1776">
        <v>4</v>
      </c>
      <c r="G1776" t="s">
        <v>13</v>
      </c>
      <c r="H1776" t="s">
        <v>3355</v>
      </c>
      <c r="I1776" t="s">
        <v>30540</v>
      </c>
    </row>
    <row r="1777" spans="1:9">
      <c r="A1777" s="1">
        <v>0.19734719828061076</v>
      </c>
      <c r="B1777" s="1"/>
      <c r="C1777">
        <v>7</v>
      </c>
      <c r="D1777" t="s">
        <v>3352</v>
      </c>
      <c r="E1777" t="s">
        <v>31557</v>
      </c>
      <c r="F1777">
        <v>4</v>
      </c>
      <c r="G1777" t="s">
        <v>1</v>
      </c>
      <c r="H1777" t="s">
        <v>3353</v>
      </c>
      <c r="I1777" t="s">
        <v>30540</v>
      </c>
    </row>
    <row r="1778" spans="1:9">
      <c r="A1778" s="1">
        <v>0.24495293824858799</v>
      </c>
      <c r="B1778" s="1"/>
      <c r="C1778">
        <v>4</v>
      </c>
      <c r="D1778" t="s">
        <v>3348</v>
      </c>
      <c r="E1778" t="s">
        <v>31558</v>
      </c>
      <c r="F1778">
        <v>4</v>
      </c>
      <c r="G1778" t="s">
        <v>1</v>
      </c>
      <c r="H1778" t="s">
        <v>3349</v>
      </c>
      <c r="I1778" t="s">
        <v>30540</v>
      </c>
    </row>
    <row r="1779" spans="1:9">
      <c r="A1779" s="1">
        <v>0.4818402845250942</v>
      </c>
      <c r="B1779" s="1"/>
      <c r="C1779">
        <v>8</v>
      </c>
      <c r="D1779" t="s">
        <v>3346</v>
      </c>
      <c r="E1779" t="s">
        <v>31559</v>
      </c>
      <c r="F1779">
        <v>4</v>
      </c>
      <c r="G1779" t="s">
        <v>15</v>
      </c>
      <c r="H1779" t="s">
        <v>3347</v>
      </c>
      <c r="I1779" t="s">
        <v>30540</v>
      </c>
    </row>
    <row r="1780" spans="1:9">
      <c r="A1780" s="1">
        <v>0.16339045549161779</v>
      </c>
      <c r="B1780" s="1"/>
      <c r="C1780">
        <v>2</v>
      </c>
      <c r="D1780" t="s">
        <v>3342</v>
      </c>
      <c r="E1780" t="s">
        <v>31559</v>
      </c>
      <c r="F1780">
        <v>4</v>
      </c>
      <c r="G1780" t="s">
        <v>1</v>
      </c>
      <c r="H1780" t="s">
        <v>3343</v>
      </c>
      <c r="I1780" t="s">
        <v>30540</v>
      </c>
    </row>
    <row r="1781" spans="1:9">
      <c r="A1781" s="1">
        <v>0.91147475291017188</v>
      </c>
      <c r="B1781" s="1"/>
      <c r="C1781">
        <v>6</v>
      </c>
      <c r="D1781" t="s">
        <v>3344</v>
      </c>
      <c r="E1781" t="s">
        <v>31559</v>
      </c>
      <c r="F1781">
        <v>4</v>
      </c>
      <c r="G1781" t="s">
        <v>0</v>
      </c>
      <c r="H1781" t="s">
        <v>3345</v>
      </c>
      <c r="I1781" t="s">
        <v>30540</v>
      </c>
    </row>
    <row r="1782" spans="1:9">
      <c r="A1782" s="1">
        <v>0.57002420651331809</v>
      </c>
      <c r="B1782" s="1"/>
      <c r="C1782">
        <v>7</v>
      </c>
      <c r="D1782" t="s">
        <v>3336</v>
      </c>
      <c r="E1782" t="s">
        <v>31560</v>
      </c>
      <c r="F1782">
        <v>4</v>
      </c>
      <c r="G1782" t="s">
        <v>0</v>
      </c>
      <c r="H1782" t="s">
        <v>3337</v>
      </c>
      <c r="I1782" t="s">
        <v>30540</v>
      </c>
    </row>
    <row r="1783" spans="1:9">
      <c r="A1783" s="1">
        <v>5.7608502792463656E-2</v>
      </c>
      <c r="B1783" s="1"/>
      <c r="C1783">
        <v>8</v>
      </c>
      <c r="D1783" t="s">
        <v>3338</v>
      </c>
      <c r="E1783" t="s">
        <v>31560</v>
      </c>
      <c r="F1783">
        <v>4</v>
      </c>
      <c r="G1783" t="s">
        <v>10</v>
      </c>
      <c r="H1783" t="s">
        <v>3339</v>
      </c>
      <c r="I1783" t="s">
        <v>30540</v>
      </c>
    </row>
    <row r="1784" spans="1:9">
      <c r="A1784" s="1">
        <v>3.679344205086077E-2</v>
      </c>
      <c r="B1784" s="1"/>
      <c r="C1784">
        <v>15</v>
      </c>
      <c r="D1784" t="s">
        <v>3330</v>
      </c>
      <c r="E1784" t="s">
        <v>31561</v>
      </c>
      <c r="F1784">
        <v>4</v>
      </c>
      <c r="G1784" t="s">
        <v>15</v>
      </c>
      <c r="H1784" t="s">
        <v>3331</v>
      </c>
      <c r="I1784" t="s">
        <v>30540</v>
      </c>
    </row>
    <row r="1785" spans="1:9">
      <c r="A1785" s="1">
        <v>0.23064983036942288</v>
      </c>
      <c r="B1785" s="1"/>
      <c r="C1785">
        <v>9</v>
      </c>
      <c r="D1785" t="s">
        <v>3326</v>
      </c>
      <c r="E1785" t="s">
        <v>31561</v>
      </c>
      <c r="F1785">
        <v>4</v>
      </c>
      <c r="G1785" t="s">
        <v>2738</v>
      </c>
      <c r="H1785" t="s">
        <v>3327</v>
      </c>
      <c r="I1785" t="s">
        <v>30540</v>
      </c>
    </row>
    <row r="1786" spans="1:9">
      <c r="A1786" s="1">
        <v>0.42287931453730165</v>
      </c>
      <c r="B1786" s="1"/>
      <c r="C1786">
        <v>10</v>
      </c>
      <c r="D1786" t="s">
        <v>3328</v>
      </c>
      <c r="E1786" t="s">
        <v>31561</v>
      </c>
      <c r="F1786">
        <v>4</v>
      </c>
      <c r="G1786" t="s">
        <v>0</v>
      </c>
      <c r="H1786" t="s">
        <v>3329</v>
      </c>
      <c r="I1786" t="s">
        <v>30540</v>
      </c>
    </row>
    <row r="1787" spans="1:9">
      <c r="A1787" s="1">
        <v>0.6623415523945958</v>
      </c>
      <c r="B1787" s="1"/>
      <c r="C1787">
        <v>19</v>
      </c>
      <c r="D1787" t="s">
        <v>3334</v>
      </c>
      <c r="E1787" t="s">
        <v>31561</v>
      </c>
      <c r="F1787">
        <v>4</v>
      </c>
      <c r="G1787" t="s">
        <v>774</v>
      </c>
      <c r="H1787" t="s">
        <v>3335</v>
      </c>
      <c r="I1787" t="s">
        <v>30540</v>
      </c>
    </row>
    <row r="1788" spans="1:9">
      <c r="A1788" s="1">
        <v>0.94683924624011062</v>
      </c>
      <c r="B1788" s="1"/>
      <c r="C1788">
        <v>6</v>
      </c>
      <c r="D1788" t="s">
        <v>3324</v>
      </c>
      <c r="E1788" t="s">
        <v>31561</v>
      </c>
      <c r="F1788">
        <v>4</v>
      </c>
      <c r="G1788" t="s">
        <v>13</v>
      </c>
      <c r="H1788" t="s">
        <v>3325</v>
      </c>
      <c r="I1788" t="s">
        <v>30540</v>
      </c>
    </row>
    <row r="1789" spans="1:9">
      <c r="A1789" s="1">
        <v>0.14855634198244183</v>
      </c>
      <c r="B1789" s="1"/>
      <c r="C1789">
        <v>18</v>
      </c>
      <c r="D1789" t="s">
        <v>3332</v>
      </c>
      <c r="E1789" t="s">
        <v>31561</v>
      </c>
      <c r="F1789">
        <v>4</v>
      </c>
      <c r="G1789" t="s">
        <v>765</v>
      </c>
      <c r="H1789" t="s">
        <v>3333</v>
      </c>
      <c r="I1789" t="s">
        <v>30540</v>
      </c>
    </row>
    <row r="1790" spans="1:9">
      <c r="A1790" s="1">
        <v>0.15184546907030716</v>
      </c>
      <c r="B1790" s="1"/>
      <c r="C1790">
        <v>4</v>
      </c>
      <c r="D1790" t="s">
        <v>3322</v>
      </c>
      <c r="E1790" t="s">
        <v>31561</v>
      </c>
      <c r="F1790">
        <v>4</v>
      </c>
      <c r="G1790" t="s">
        <v>774</v>
      </c>
      <c r="H1790" t="s">
        <v>3323</v>
      </c>
      <c r="I1790" t="s">
        <v>30540</v>
      </c>
    </row>
    <row r="1791" spans="1:9">
      <c r="A1791" s="1">
        <v>0.31006368358796321</v>
      </c>
      <c r="B1791" s="1"/>
      <c r="C1791">
        <v>4</v>
      </c>
      <c r="D1791" t="s">
        <v>3316</v>
      </c>
      <c r="E1791" t="s">
        <v>31563</v>
      </c>
      <c r="F1791">
        <v>4</v>
      </c>
      <c r="G1791" t="s">
        <v>1</v>
      </c>
      <c r="H1791" t="s">
        <v>3317</v>
      </c>
      <c r="I1791" t="s">
        <v>30540</v>
      </c>
    </row>
    <row r="1792" spans="1:9">
      <c r="A1792" s="1">
        <v>0.1844100292049814</v>
      </c>
      <c r="B1792" s="1"/>
      <c r="C1792">
        <v>7</v>
      </c>
      <c r="D1792" t="s">
        <v>3318</v>
      </c>
      <c r="E1792" t="s">
        <v>31563</v>
      </c>
      <c r="F1792">
        <v>4</v>
      </c>
      <c r="G1792" t="s">
        <v>13</v>
      </c>
      <c r="H1792" t="s">
        <v>3319</v>
      </c>
      <c r="I1792" t="s">
        <v>30540</v>
      </c>
    </row>
    <row r="1793" spans="1:9">
      <c r="A1793" s="1">
        <v>0.93904943586250611</v>
      </c>
      <c r="B1793" s="1"/>
      <c r="C1793">
        <v>5</v>
      </c>
      <c r="D1793" t="s">
        <v>3312</v>
      </c>
      <c r="E1793" t="s">
        <v>31564</v>
      </c>
      <c r="F1793">
        <v>5</v>
      </c>
      <c r="G1793" t="s">
        <v>1</v>
      </c>
      <c r="H1793" t="s">
        <v>3313</v>
      </c>
      <c r="I1793" t="s">
        <v>30540</v>
      </c>
    </row>
    <row r="1794" spans="1:9">
      <c r="A1794" s="1">
        <v>2.2181954453427299E-2</v>
      </c>
      <c r="B1794" s="1"/>
      <c r="C1794">
        <v>7</v>
      </c>
      <c r="D1794" t="s">
        <v>3314</v>
      </c>
      <c r="E1794" t="s">
        <v>31564</v>
      </c>
      <c r="F1794">
        <v>4</v>
      </c>
      <c r="G1794" t="s">
        <v>9</v>
      </c>
      <c r="H1794" t="s">
        <v>3315</v>
      </c>
      <c r="I1794" t="s">
        <v>30540</v>
      </c>
    </row>
    <row r="1795" spans="1:9">
      <c r="A1795" s="1">
        <v>0.59913032836390978</v>
      </c>
      <c r="B1795" s="1"/>
      <c r="C1795">
        <v>1</v>
      </c>
      <c r="D1795" t="s">
        <v>3308</v>
      </c>
      <c r="E1795" t="s">
        <v>31565</v>
      </c>
      <c r="F1795">
        <v>4</v>
      </c>
      <c r="G1795" t="s">
        <v>9</v>
      </c>
      <c r="H1795" t="s">
        <v>3309</v>
      </c>
      <c r="I1795" t="s">
        <v>30540</v>
      </c>
    </row>
    <row r="1796" spans="1:9">
      <c r="A1796" s="1">
        <v>0.44056504835908894</v>
      </c>
      <c r="B1796" s="1"/>
      <c r="C1796">
        <v>4</v>
      </c>
      <c r="D1796" t="s">
        <v>3300</v>
      </c>
      <c r="E1796" t="s">
        <v>31566</v>
      </c>
      <c r="F1796">
        <v>4</v>
      </c>
      <c r="G1796" t="s">
        <v>0</v>
      </c>
      <c r="H1796" t="s">
        <v>3301</v>
      </c>
      <c r="I1796" t="s">
        <v>30540</v>
      </c>
    </row>
    <row r="1797" spans="1:9">
      <c r="A1797" s="1">
        <v>1.7257081669236451E-2</v>
      </c>
      <c r="B1797" s="1"/>
      <c r="C1797">
        <v>10</v>
      </c>
      <c r="D1797" t="s">
        <v>3304</v>
      </c>
      <c r="E1797" t="s">
        <v>31566</v>
      </c>
      <c r="F1797">
        <v>4</v>
      </c>
      <c r="G1797" t="s">
        <v>15</v>
      </c>
      <c r="H1797" t="s">
        <v>3305</v>
      </c>
      <c r="I1797" t="s">
        <v>30540</v>
      </c>
    </row>
    <row r="1798" spans="1:9">
      <c r="A1798" s="1">
        <v>0.7715155551938977</v>
      </c>
      <c r="B1798" s="1"/>
      <c r="C1798">
        <v>11</v>
      </c>
      <c r="D1798" t="s">
        <v>3306</v>
      </c>
      <c r="E1798" t="s">
        <v>31566</v>
      </c>
      <c r="F1798">
        <v>4</v>
      </c>
      <c r="G1798" t="s">
        <v>10</v>
      </c>
      <c r="H1798" t="s">
        <v>3307</v>
      </c>
      <c r="I1798" t="s">
        <v>30540</v>
      </c>
    </row>
    <row r="1799" spans="1:9">
      <c r="A1799" s="1">
        <v>0.81802122900026319</v>
      </c>
      <c r="B1799" s="1"/>
      <c r="C1799">
        <v>11</v>
      </c>
      <c r="D1799" t="s">
        <v>3298</v>
      </c>
      <c r="E1799" t="s">
        <v>31567</v>
      </c>
      <c r="F1799">
        <v>4</v>
      </c>
      <c r="G1799" t="s">
        <v>1</v>
      </c>
      <c r="H1799" t="s">
        <v>3299</v>
      </c>
      <c r="I1799" t="s">
        <v>30540</v>
      </c>
    </row>
    <row r="1800" spans="1:9">
      <c r="A1800" s="1">
        <v>0.84671537881222547</v>
      </c>
      <c r="B1800" s="1"/>
      <c r="C1800">
        <v>2</v>
      </c>
      <c r="D1800" t="s">
        <v>3296</v>
      </c>
      <c r="E1800" t="s">
        <v>31567</v>
      </c>
      <c r="F1800">
        <v>4</v>
      </c>
      <c r="G1800" t="s">
        <v>10</v>
      </c>
      <c r="H1800" t="s">
        <v>3297</v>
      </c>
      <c r="I1800" t="s">
        <v>30540</v>
      </c>
    </row>
    <row r="1801" spans="1:9">
      <c r="A1801" s="1">
        <v>0.22996296805401795</v>
      </c>
      <c r="B1801" s="1"/>
      <c r="C1801">
        <v>4</v>
      </c>
      <c r="D1801" t="s">
        <v>3294</v>
      </c>
      <c r="E1801" t="s">
        <v>31568</v>
      </c>
      <c r="F1801">
        <v>3</v>
      </c>
      <c r="G1801" t="s">
        <v>1</v>
      </c>
      <c r="H1801" t="s">
        <v>3295</v>
      </c>
      <c r="I1801" t="s">
        <v>30540</v>
      </c>
    </row>
    <row r="1802" spans="1:9">
      <c r="A1802" s="1">
        <v>0.93438333014395025</v>
      </c>
      <c r="B1802" s="1"/>
      <c r="C1802">
        <v>5</v>
      </c>
      <c r="D1802" t="s">
        <v>3292</v>
      </c>
      <c r="E1802" t="s">
        <v>31569</v>
      </c>
      <c r="F1802">
        <v>4</v>
      </c>
      <c r="G1802" t="s">
        <v>0</v>
      </c>
      <c r="H1802" t="s">
        <v>3293</v>
      </c>
      <c r="I1802" t="s">
        <v>30540</v>
      </c>
    </row>
    <row r="1803" spans="1:9">
      <c r="A1803" s="1">
        <v>0.64324018790741511</v>
      </c>
      <c r="B1803" s="1"/>
      <c r="C1803">
        <v>3</v>
      </c>
      <c r="D1803" t="s">
        <v>3290</v>
      </c>
      <c r="E1803" t="s">
        <v>31569</v>
      </c>
      <c r="F1803">
        <v>4</v>
      </c>
      <c r="G1803" t="s">
        <v>10</v>
      </c>
      <c r="H1803" t="s">
        <v>3291</v>
      </c>
      <c r="I1803" t="s">
        <v>30540</v>
      </c>
    </row>
    <row r="1804" spans="1:9">
      <c r="A1804" s="1">
        <v>0.34349894154813865</v>
      </c>
      <c r="B1804" s="1"/>
      <c r="C1804">
        <v>6</v>
      </c>
      <c r="D1804" t="s">
        <v>3286</v>
      </c>
      <c r="E1804" t="s">
        <v>31570</v>
      </c>
      <c r="F1804">
        <v>5</v>
      </c>
      <c r="G1804" t="s">
        <v>0</v>
      </c>
      <c r="H1804" t="s">
        <v>3287</v>
      </c>
      <c r="I1804" t="s">
        <v>30540</v>
      </c>
    </row>
    <row r="1805" spans="1:9">
      <c r="A1805" s="1">
        <v>0.68768761650549759</v>
      </c>
      <c r="B1805" s="1"/>
      <c r="C1805">
        <v>2</v>
      </c>
      <c r="D1805" t="s">
        <v>3284</v>
      </c>
      <c r="E1805" t="s">
        <v>31570</v>
      </c>
      <c r="F1805">
        <v>5</v>
      </c>
      <c r="G1805" t="s">
        <v>1</v>
      </c>
      <c r="H1805" t="s">
        <v>3285</v>
      </c>
      <c r="I1805" t="s">
        <v>30540</v>
      </c>
    </row>
    <row r="1806" spans="1:9">
      <c r="A1806" s="1">
        <v>0.69709514018122043</v>
      </c>
      <c r="B1806" s="1"/>
      <c r="C1806">
        <v>9</v>
      </c>
      <c r="D1806" t="s">
        <v>3288</v>
      </c>
      <c r="E1806" t="s">
        <v>31570</v>
      </c>
      <c r="F1806">
        <v>4</v>
      </c>
      <c r="G1806" t="s">
        <v>14</v>
      </c>
      <c r="H1806" t="s">
        <v>3289</v>
      </c>
      <c r="I1806" t="s">
        <v>30540</v>
      </c>
    </row>
    <row r="1807" spans="1:9">
      <c r="A1807" s="1">
        <v>0.26942167394408478</v>
      </c>
      <c r="B1807" s="1"/>
      <c r="C1807">
        <v>4</v>
      </c>
      <c r="D1807" t="s">
        <v>3270</v>
      </c>
      <c r="E1807" t="s">
        <v>31571</v>
      </c>
      <c r="F1807">
        <v>5</v>
      </c>
      <c r="G1807" t="s">
        <v>9</v>
      </c>
      <c r="H1807" t="s">
        <v>3271</v>
      </c>
      <c r="I1807" t="s">
        <v>30540</v>
      </c>
    </row>
    <row r="1808" spans="1:9">
      <c r="A1808" s="1">
        <v>0.17974560801539952</v>
      </c>
      <c r="B1808" s="1"/>
      <c r="C1808">
        <v>8</v>
      </c>
      <c r="D1808" t="s">
        <v>3272</v>
      </c>
      <c r="E1808" t="s">
        <v>31571</v>
      </c>
      <c r="F1808">
        <v>5</v>
      </c>
      <c r="G1808" t="s">
        <v>15</v>
      </c>
      <c r="H1808" t="s">
        <v>3273</v>
      </c>
      <c r="I1808" t="s">
        <v>30540</v>
      </c>
    </row>
    <row r="1809" spans="1:9">
      <c r="A1809" s="1">
        <v>0.40594098855597027</v>
      </c>
      <c r="B1809" s="1"/>
      <c r="C1809">
        <v>14</v>
      </c>
      <c r="D1809" t="s">
        <v>3276</v>
      </c>
      <c r="E1809" t="s">
        <v>31571</v>
      </c>
      <c r="F1809">
        <v>5</v>
      </c>
      <c r="G1809" t="s">
        <v>1431</v>
      </c>
      <c r="H1809" t="s">
        <v>3277</v>
      </c>
      <c r="I1809" t="s">
        <v>30540</v>
      </c>
    </row>
    <row r="1810" spans="1:9">
      <c r="A1810" s="1">
        <v>0.35971124532652232</v>
      </c>
      <c r="B1810" s="1"/>
      <c r="C1810">
        <v>11</v>
      </c>
      <c r="D1810" t="s">
        <v>3274</v>
      </c>
      <c r="E1810" t="s">
        <v>31571</v>
      </c>
      <c r="F1810">
        <v>5</v>
      </c>
      <c r="G1810" t="s">
        <v>1426</v>
      </c>
      <c r="H1810" t="s">
        <v>3275</v>
      </c>
      <c r="I1810" t="s">
        <v>30540</v>
      </c>
    </row>
    <row r="1811" spans="1:9">
      <c r="A1811" s="1">
        <v>0.75246348357472581</v>
      </c>
      <c r="B1811" s="1"/>
      <c r="C1811">
        <v>1</v>
      </c>
      <c r="D1811" t="s">
        <v>3268</v>
      </c>
      <c r="E1811" t="s">
        <v>31571</v>
      </c>
      <c r="F1811">
        <v>4</v>
      </c>
      <c r="G1811" t="s">
        <v>1</v>
      </c>
      <c r="H1811" t="s">
        <v>3269</v>
      </c>
      <c r="I1811" t="s">
        <v>30540</v>
      </c>
    </row>
    <row r="1812" spans="1:9">
      <c r="A1812" s="1">
        <v>0.7381562010447148</v>
      </c>
      <c r="B1812" s="1"/>
      <c r="C1812">
        <v>15</v>
      </c>
      <c r="D1812" t="s">
        <v>3278</v>
      </c>
      <c r="E1812" t="s">
        <v>31571</v>
      </c>
      <c r="F1812">
        <v>4</v>
      </c>
      <c r="G1812" t="s">
        <v>774</v>
      </c>
      <c r="H1812" t="s">
        <v>3279</v>
      </c>
      <c r="I1812" t="s">
        <v>30540</v>
      </c>
    </row>
    <row r="1813" spans="1:9">
      <c r="A1813" s="1">
        <v>0.35756323659978251</v>
      </c>
      <c r="B1813" s="1"/>
      <c r="C1813">
        <v>18</v>
      </c>
      <c r="D1813" t="s">
        <v>3280</v>
      </c>
      <c r="E1813" t="s">
        <v>31571</v>
      </c>
      <c r="F1813">
        <v>4</v>
      </c>
      <c r="G1813" t="s">
        <v>1431</v>
      </c>
      <c r="H1813" t="s">
        <v>3281</v>
      </c>
      <c r="I1813" t="s">
        <v>30540</v>
      </c>
    </row>
    <row r="1814" spans="1:9">
      <c r="A1814" s="1">
        <v>0.99481069842061542</v>
      </c>
      <c r="B1814" s="1"/>
      <c r="C1814">
        <v>19</v>
      </c>
      <c r="D1814" t="s">
        <v>3282</v>
      </c>
      <c r="E1814" t="s">
        <v>31571</v>
      </c>
      <c r="F1814">
        <v>4</v>
      </c>
      <c r="G1814" t="s">
        <v>1431</v>
      </c>
      <c r="H1814" t="s">
        <v>3283</v>
      </c>
      <c r="I1814" t="s">
        <v>30540</v>
      </c>
    </row>
    <row r="1815" spans="1:9">
      <c r="A1815" s="1">
        <v>0.51916530209830414</v>
      </c>
      <c r="B1815" s="1"/>
      <c r="C1815">
        <v>9</v>
      </c>
      <c r="D1815" t="s">
        <v>3264</v>
      </c>
      <c r="E1815" t="s">
        <v>31572</v>
      </c>
      <c r="F1815">
        <v>4</v>
      </c>
      <c r="G1815" t="s">
        <v>0</v>
      </c>
      <c r="H1815" t="s">
        <v>3265</v>
      </c>
      <c r="I1815" t="s">
        <v>30540</v>
      </c>
    </row>
    <row r="1816" spans="1:9">
      <c r="A1816" s="1">
        <v>0.47900948909007512</v>
      </c>
      <c r="B1816" s="1"/>
      <c r="C1816">
        <v>1</v>
      </c>
      <c r="D1816" t="s">
        <v>3260</v>
      </c>
      <c r="E1816" t="s">
        <v>31572</v>
      </c>
      <c r="F1816">
        <v>4</v>
      </c>
      <c r="G1816" t="s">
        <v>10</v>
      </c>
      <c r="H1816" t="s">
        <v>3261</v>
      </c>
      <c r="I1816" t="s">
        <v>30540</v>
      </c>
    </row>
    <row r="1817" spans="1:9">
      <c r="A1817" s="1">
        <v>0.94429581161676368</v>
      </c>
      <c r="B1817" s="1"/>
      <c r="C1817">
        <v>12</v>
      </c>
      <c r="D1817" t="s">
        <v>3266</v>
      </c>
      <c r="E1817" t="s">
        <v>31572</v>
      </c>
      <c r="F1817">
        <v>4</v>
      </c>
      <c r="G1817" t="s">
        <v>0</v>
      </c>
      <c r="H1817" t="s">
        <v>3267</v>
      </c>
      <c r="I1817" t="s">
        <v>30540</v>
      </c>
    </row>
    <row r="1818" spans="1:9">
      <c r="A1818" s="1">
        <v>0.82929448599649069</v>
      </c>
      <c r="B1818" s="1"/>
      <c r="C1818">
        <v>7</v>
      </c>
      <c r="D1818" t="s">
        <v>3262</v>
      </c>
      <c r="E1818" t="s">
        <v>31572</v>
      </c>
      <c r="F1818">
        <v>4</v>
      </c>
      <c r="G1818" t="s">
        <v>0</v>
      </c>
      <c r="H1818" t="s">
        <v>3263</v>
      </c>
      <c r="I1818" t="s">
        <v>30540</v>
      </c>
    </row>
    <row r="1819" spans="1:9">
      <c r="A1819" s="1">
        <v>0.70973526476972626</v>
      </c>
      <c r="B1819" s="1"/>
      <c r="C1819">
        <v>1</v>
      </c>
      <c r="D1819" t="s">
        <v>3258</v>
      </c>
      <c r="E1819" t="s">
        <v>31573</v>
      </c>
      <c r="F1819">
        <v>4</v>
      </c>
      <c r="G1819" t="s">
        <v>0</v>
      </c>
      <c r="H1819" t="s">
        <v>3259</v>
      </c>
      <c r="I1819" t="s">
        <v>30540</v>
      </c>
    </row>
    <row r="1820" spans="1:9">
      <c r="A1820" s="1">
        <v>0.53803199661422263</v>
      </c>
      <c r="B1820" s="1"/>
      <c r="C1820">
        <v>5</v>
      </c>
      <c r="D1820" t="s">
        <v>3256</v>
      </c>
      <c r="E1820" t="s">
        <v>31574</v>
      </c>
      <c r="F1820">
        <v>4</v>
      </c>
      <c r="G1820" t="s">
        <v>0</v>
      </c>
      <c r="H1820" t="s">
        <v>3257</v>
      </c>
      <c r="I1820" t="s">
        <v>30540</v>
      </c>
    </row>
    <row r="1821" spans="1:9">
      <c r="A1821" s="1">
        <v>0.21271651480518072</v>
      </c>
      <c r="B1821" s="1"/>
      <c r="C1821">
        <v>4</v>
      </c>
      <c r="D1821" t="s">
        <v>3250</v>
      </c>
      <c r="E1821" t="s">
        <v>31575</v>
      </c>
      <c r="F1821">
        <v>5</v>
      </c>
      <c r="G1821" t="s">
        <v>1</v>
      </c>
      <c r="H1821" t="s">
        <v>3251</v>
      </c>
      <c r="I1821" t="s">
        <v>30540</v>
      </c>
    </row>
    <row r="1822" spans="1:9">
      <c r="A1822" s="1">
        <v>0.55157104965768933</v>
      </c>
      <c r="B1822" s="1"/>
      <c r="C1822">
        <v>3</v>
      </c>
      <c r="D1822" t="s">
        <v>3248</v>
      </c>
      <c r="E1822" t="s">
        <v>31575</v>
      </c>
      <c r="F1822">
        <v>3</v>
      </c>
      <c r="G1822" t="s">
        <v>1</v>
      </c>
      <c r="H1822" t="s">
        <v>3249</v>
      </c>
      <c r="I1822" t="s">
        <v>30540</v>
      </c>
    </row>
    <row r="1823" spans="1:9">
      <c r="A1823" s="1">
        <v>0.69650016724410768</v>
      </c>
      <c r="B1823" s="1"/>
      <c r="C1823">
        <v>4</v>
      </c>
      <c r="D1823" t="s">
        <v>3246</v>
      </c>
      <c r="E1823" t="s">
        <v>31576</v>
      </c>
      <c r="F1823">
        <v>4</v>
      </c>
      <c r="G1823" t="s">
        <v>10</v>
      </c>
      <c r="H1823" t="s">
        <v>3247</v>
      </c>
      <c r="I1823" t="s">
        <v>30540</v>
      </c>
    </row>
    <row r="1824" spans="1:9">
      <c r="A1824" s="1">
        <v>0.19558188407074828</v>
      </c>
      <c r="B1824" s="1"/>
      <c r="C1824">
        <v>2</v>
      </c>
      <c r="D1824" t="s">
        <v>3244</v>
      </c>
      <c r="E1824" t="s">
        <v>31576</v>
      </c>
      <c r="F1824">
        <v>4</v>
      </c>
      <c r="G1824" t="s">
        <v>15</v>
      </c>
      <c r="H1824" t="s">
        <v>3245</v>
      </c>
      <c r="I1824" t="s">
        <v>30540</v>
      </c>
    </row>
    <row r="1825" spans="1:9">
      <c r="A1825" s="1">
        <v>0.76530605166156995</v>
      </c>
      <c r="B1825" s="1"/>
      <c r="C1825">
        <v>20</v>
      </c>
      <c r="D1825" t="s">
        <v>3242</v>
      </c>
      <c r="E1825" t="s">
        <v>31577</v>
      </c>
      <c r="F1825">
        <v>5</v>
      </c>
      <c r="G1825" t="s">
        <v>765</v>
      </c>
      <c r="H1825" t="s">
        <v>3243</v>
      </c>
      <c r="I1825" t="s">
        <v>30540</v>
      </c>
    </row>
    <row r="1826" spans="1:9">
      <c r="A1826" s="1">
        <v>0.83899958339162317</v>
      </c>
      <c r="B1826" s="1"/>
      <c r="C1826">
        <v>9</v>
      </c>
      <c r="D1826" t="s">
        <v>3234</v>
      </c>
      <c r="E1826" t="s">
        <v>31577</v>
      </c>
      <c r="F1826">
        <v>4</v>
      </c>
      <c r="G1826" t="s">
        <v>769</v>
      </c>
      <c r="H1826" t="s">
        <v>3235</v>
      </c>
      <c r="I1826" t="s">
        <v>30540</v>
      </c>
    </row>
    <row r="1827" spans="1:9">
      <c r="A1827" s="1">
        <v>0.77560370157120839</v>
      </c>
      <c r="B1827" s="1"/>
      <c r="C1827">
        <v>19</v>
      </c>
      <c r="D1827" t="s">
        <v>3240</v>
      </c>
      <c r="E1827" t="s">
        <v>31577</v>
      </c>
      <c r="F1827">
        <v>4</v>
      </c>
      <c r="G1827" t="s">
        <v>2738</v>
      </c>
      <c r="H1827" t="s">
        <v>3241</v>
      </c>
      <c r="I1827" t="s">
        <v>30540</v>
      </c>
    </row>
    <row r="1828" spans="1:9">
      <c r="A1828" s="1">
        <v>0.15763618569595572</v>
      </c>
      <c r="B1828" s="1"/>
      <c r="C1828">
        <v>8</v>
      </c>
      <c r="D1828" t="s">
        <v>3232</v>
      </c>
      <c r="E1828" t="s">
        <v>31577</v>
      </c>
      <c r="F1828">
        <v>4</v>
      </c>
      <c r="G1828" t="s">
        <v>1</v>
      </c>
      <c r="H1828" t="s">
        <v>3233</v>
      </c>
      <c r="I1828" t="s">
        <v>30540</v>
      </c>
    </row>
    <row r="1829" spans="1:9">
      <c r="A1829" s="1">
        <v>0.62128683457177736</v>
      </c>
      <c r="B1829" s="1"/>
      <c r="C1829">
        <v>10</v>
      </c>
      <c r="D1829" t="s">
        <v>3236</v>
      </c>
      <c r="E1829" t="s">
        <v>31577</v>
      </c>
      <c r="F1829">
        <v>4</v>
      </c>
      <c r="G1829" t="s">
        <v>771</v>
      </c>
      <c r="H1829" t="s">
        <v>3237</v>
      </c>
      <c r="I1829" t="s">
        <v>30540</v>
      </c>
    </row>
    <row r="1830" spans="1:9">
      <c r="A1830" s="1">
        <v>0.6128703033577505</v>
      </c>
      <c r="B1830" s="1"/>
      <c r="C1830">
        <v>12</v>
      </c>
      <c r="D1830" t="s">
        <v>3238</v>
      </c>
      <c r="E1830" t="s">
        <v>31577</v>
      </c>
      <c r="F1830">
        <v>4</v>
      </c>
      <c r="G1830" t="s">
        <v>13</v>
      </c>
      <c r="H1830" t="s">
        <v>3239</v>
      </c>
      <c r="I1830" t="s">
        <v>30540</v>
      </c>
    </row>
    <row r="1831" spans="1:9">
      <c r="A1831" s="1">
        <v>0.72923837677015924</v>
      </c>
      <c r="B1831" s="1"/>
      <c r="C1831">
        <v>5</v>
      </c>
      <c r="D1831" t="s">
        <v>3230</v>
      </c>
      <c r="E1831" t="s">
        <v>31577</v>
      </c>
      <c r="F1831">
        <v>4</v>
      </c>
      <c r="G1831" t="s">
        <v>15</v>
      </c>
      <c r="H1831" t="s">
        <v>3231</v>
      </c>
      <c r="I1831" t="s">
        <v>30540</v>
      </c>
    </row>
    <row r="1832" spans="1:9">
      <c r="A1832" s="1">
        <v>3.9778413831315085E-4</v>
      </c>
      <c r="B1832" s="1"/>
      <c r="C1832">
        <v>2</v>
      </c>
      <c r="D1832" t="s">
        <v>3226</v>
      </c>
      <c r="E1832" t="s">
        <v>31578</v>
      </c>
      <c r="F1832">
        <v>5</v>
      </c>
      <c r="G1832" t="s">
        <v>1</v>
      </c>
      <c r="H1832" t="s">
        <v>3227</v>
      </c>
      <c r="I1832" t="s">
        <v>30540</v>
      </c>
    </row>
    <row r="1833" spans="1:9">
      <c r="A1833" s="1">
        <v>0.83712895089832673</v>
      </c>
      <c r="B1833" s="1"/>
      <c r="C1833">
        <v>4</v>
      </c>
      <c r="D1833" t="s">
        <v>3228</v>
      </c>
      <c r="E1833" t="s">
        <v>31578</v>
      </c>
      <c r="F1833">
        <v>4</v>
      </c>
      <c r="G1833" t="s">
        <v>0</v>
      </c>
      <c r="H1833" t="s">
        <v>3229</v>
      </c>
      <c r="I1833" t="s">
        <v>30540</v>
      </c>
    </row>
    <row r="1834" spans="1:9">
      <c r="A1834" s="1">
        <v>0.8715466454117875</v>
      </c>
      <c r="B1834" s="1"/>
      <c r="C1834">
        <v>5</v>
      </c>
      <c r="D1834" t="s">
        <v>3224</v>
      </c>
      <c r="E1834" t="s">
        <v>31579</v>
      </c>
      <c r="F1834">
        <v>4</v>
      </c>
      <c r="G1834" t="s">
        <v>0</v>
      </c>
      <c r="H1834" t="s">
        <v>3225</v>
      </c>
      <c r="I1834" t="s">
        <v>30540</v>
      </c>
    </row>
    <row r="1835" spans="1:9">
      <c r="A1835" s="1">
        <v>0.4854468359501718</v>
      </c>
      <c r="B1835" s="1"/>
      <c r="C1835">
        <v>4</v>
      </c>
      <c r="D1835" t="s">
        <v>3218</v>
      </c>
      <c r="E1835" t="s">
        <v>31580</v>
      </c>
      <c r="F1835">
        <v>4</v>
      </c>
      <c r="G1835" t="s">
        <v>9</v>
      </c>
      <c r="H1835" t="s">
        <v>3219</v>
      </c>
      <c r="I1835" t="s">
        <v>30540</v>
      </c>
    </row>
    <row r="1836" spans="1:9">
      <c r="A1836" s="1">
        <v>5.1240153058321747E-2</v>
      </c>
      <c r="B1836" s="1"/>
      <c r="C1836">
        <v>10</v>
      </c>
      <c r="D1836" t="s">
        <v>3220</v>
      </c>
      <c r="E1836" t="s">
        <v>31580</v>
      </c>
      <c r="F1836">
        <v>4</v>
      </c>
      <c r="G1836" t="s">
        <v>0</v>
      </c>
      <c r="H1836" t="s">
        <v>3221</v>
      </c>
      <c r="I1836" t="s">
        <v>30540</v>
      </c>
    </row>
    <row r="1837" spans="1:9">
      <c r="A1837" s="1">
        <v>0.26646757084717443</v>
      </c>
      <c r="B1837" s="1"/>
      <c r="C1837">
        <v>1</v>
      </c>
      <c r="D1837" t="s">
        <v>3212</v>
      </c>
      <c r="E1837" t="s">
        <v>31580</v>
      </c>
      <c r="F1837">
        <v>4</v>
      </c>
      <c r="G1837" t="s">
        <v>15</v>
      </c>
      <c r="H1837" t="s">
        <v>3213</v>
      </c>
      <c r="I1837" t="s">
        <v>30540</v>
      </c>
    </row>
    <row r="1838" spans="1:9">
      <c r="A1838" s="1">
        <v>0.77166098662242288</v>
      </c>
      <c r="B1838" s="1"/>
      <c r="C1838">
        <v>2</v>
      </c>
      <c r="D1838" t="s">
        <v>3214</v>
      </c>
      <c r="E1838" t="s">
        <v>31580</v>
      </c>
      <c r="F1838">
        <v>4</v>
      </c>
      <c r="G1838" t="s">
        <v>9</v>
      </c>
      <c r="H1838" t="s">
        <v>3215</v>
      </c>
      <c r="I1838" t="s">
        <v>30540</v>
      </c>
    </row>
    <row r="1839" spans="1:9">
      <c r="A1839" s="1">
        <v>0.7976417682935879</v>
      </c>
      <c r="B1839" s="1"/>
      <c r="C1839">
        <v>3</v>
      </c>
      <c r="D1839" t="s">
        <v>3216</v>
      </c>
      <c r="E1839" t="s">
        <v>31580</v>
      </c>
      <c r="F1839">
        <v>3</v>
      </c>
      <c r="G1839" t="s">
        <v>2</v>
      </c>
      <c r="H1839" t="s">
        <v>3217</v>
      </c>
      <c r="I1839" t="s">
        <v>30540</v>
      </c>
    </row>
    <row r="1840" spans="1:9">
      <c r="A1840" s="1">
        <v>0.70904380139755041</v>
      </c>
      <c r="B1840" s="1"/>
      <c r="C1840">
        <v>4</v>
      </c>
      <c r="D1840" t="s">
        <v>3204</v>
      </c>
      <c r="E1840" t="s">
        <v>31581</v>
      </c>
      <c r="F1840">
        <v>4</v>
      </c>
      <c r="G1840" t="s">
        <v>1426</v>
      </c>
      <c r="H1840" t="s">
        <v>3205</v>
      </c>
      <c r="I1840" t="s">
        <v>30540</v>
      </c>
    </row>
    <row r="1841" spans="1:9">
      <c r="A1841" s="1">
        <v>0.71404902784274149</v>
      </c>
      <c r="B1841" s="1"/>
      <c r="C1841">
        <v>2</v>
      </c>
      <c r="D1841" t="s">
        <v>3202</v>
      </c>
      <c r="E1841" t="s">
        <v>31581</v>
      </c>
      <c r="F1841">
        <v>4</v>
      </c>
      <c r="G1841" t="s">
        <v>1295</v>
      </c>
      <c r="H1841" t="s">
        <v>3203</v>
      </c>
      <c r="I1841" t="s">
        <v>30540</v>
      </c>
    </row>
    <row r="1842" spans="1:9">
      <c r="A1842" s="1">
        <v>0.32675860960321068</v>
      </c>
      <c r="B1842" s="1"/>
      <c r="C1842">
        <v>1</v>
      </c>
      <c r="D1842" t="s">
        <v>3200</v>
      </c>
      <c r="E1842" t="s">
        <v>31581</v>
      </c>
      <c r="F1842">
        <v>4</v>
      </c>
      <c r="G1842" t="s">
        <v>15</v>
      </c>
      <c r="H1842" t="s">
        <v>3201</v>
      </c>
      <c r="I1842" t="s">
        <v>30540</v>
      </c>
    </row>
    <row r="1843" spans="1:9">
      <c r="A1843" s="1">
        <v>0.92252116576312526</v>
      </c>
      <c r="B1843" s="1"/>
      <c r="C1843">
        <v>16</v>
      </c>
      <c r="D1843" t="s">
        <v>3208</v>
      </c>
      <c r="E1843" t="s">
        <v>31581</v>
      </c>
      <c r="F1843">
        <v>4</v>
      </c>
      <c r="G1843" t="s">
        <v>1</v>
      </c>
      <c r="H1843" t="s">
        <v>3209</v>
      </c>
      <c r="I1843" t="s">
        <v>30540</v>
      </c>
    </row>
    <row r="1844" spans="1:9">
      <c r="A1844" s="1">
        <v>0.77473610854350816</v>
      </c>
      <c r="B1844" s="1"/>
      <c r="C1844">
        <v>20</v>
      </c>
      <c r="D1844" t="s">
        <v>3210</v>
      </c>
      <c r="E1844" t="s">
        <v>31581</v>
      </c>
      <c r="F1844">
        <v>4</v>
      </c>
      <c r="G1844" t="s">
        <v>774</v>
      </c>
      <c r="H1844" t="s">
        <v>3211</v>
      </c>
      <c r="I1844" t="s">
        <v>30540</v>
      </c>
    </row>
    <row r="1845" spans="1:9">
      <c r="A1845" s="1">
        <v>0.69668261498109618</v>
      </c>
      <c r="B1845" s="1"/>
      <c r="C1845">
        <v>8</v>
      </c>
      <c r="D1845" t="s">
        <v>3206</v>
      </c>
      <c r="E1845" t="s">
        <v>31581</v>
      </c>
      <c r="F1845">
        <v>3</v>
      </c>
      <c r="G1845" t="s">
        <v>13</v>
      </c>
      <c r="H1845" t="s">
        <v>3207</v>
      </c>
      <c r="I1845" t="s">
        <v>30540</v>
      </c>
    </row>
    <row r="1846" spans="1:9">
      <c r="A1846" s="1">
        <v>2.6656651689103472E-2</v>
      </c>
      <c r="B1846" s="1"/>
      <c r="C1846">
        <v>9</v>
      </c>
      <c r="D1846" t="s">
        <v>3198</v>
      </c>
      <c r="E1846" t="s">
        <v>31582</v>
      </c>
      <c r="F1846">
        <v>5</v>
      </c>
      <c r="G1846" t="s">
        <v>0</v>
      </c>
      <c r="H1846" t="s">
        <v>3199</v>
      </c>
      <c r="I1846" t="s">
        <v>30540</v>
      </c>
    </row>
    <row r="1847" spans="1:9">
      <c r="A1847" s="1">
        <v>0.1599114785965986</v>
      </c>
      <c r="B1847" s="1"/>
      <c r="C1847">
        <v>2</v>
      </c>
      <c r="D1847" t="s">
        <v>3196</v>
      </c>
      <c r="E1847" t="s">
        <v>31582</v>
      </c>
      <c r="F1847">
        <v>4</v>
      </c>
      <c r="G1847" t="s">
        <v>9</v>
      </c>
      <c r="H1847" t="s">
        <v>3197</v>
      </c>
      <c r="I1847" t="s">
        <v>30540</v>
      </c>
    </row>
    <row r="1848" spans="1:9">
      <c r="A1848" s="1">
        <v>0.93653139058526236</v>
      </c>
      <c r="B1848" s="1"/>
      <c r="C1848">
        <v>3</v>
      </c>
      <c r="D1848" t="s">
        <v>3194</v>
      </c>
      <c r="E1848" t="s">
        <v>31583</v>
      </c>
      <c r="F1848">
        <v>4</v>
      </c>
      <c r="G1848" t="s">
        <v>1</v>
      </c>
      <c r="H1848" t="s">
        <v>3195</v>
      </c>
      <c r="I1848" t="s">
        <v>30540</v>
      </c>
    </row>
    <row r="1849" spans="1:9">
      <c r="A1849" s="1">
        <v>0.56717091628075189</v>
      </c>
      <c r="B1849" s="1"/>
      <c r="C1849">
        <v>6</v>
      </c>
      <c r="D1849" t="s">
        <v>3190</v>
      </c>
      <c r="E1849" t="s">
        <v>31584</v>
      </c>
      <c r="F1849">
        <v>5</v>
      </c>
      <c r="G1849" t="s">
        <v>1</v>
      </c>
      <c r="H1849" t="s">
        <v>3191</v>
      </c>
      <c r="I1849" t="s">
        <v>30540</v>
      </c>
    </row>
    <row r="1850" spans="1:9">
      <c r="A1850" s="1">
        <v>4.4150949681622254E-2</v>
      </c>
      <c r="B1850" s="1"/>
      <c r="C1850">
        <v>5</v>
      </c>
      <c r="D1850" t="s">
        <v>3188</v>
      </c>
      <c r="E1850" t="s">
        <v>31584</v>
      </c>
      <c r="F1850">
        <v>4</v>
      </c>
      <c r="G1850" t="s">
        <v>14</v>
      </c>
      <c r="H1850" t="s">
        <v>3189</v>
      </c>
      <c r="I1850" t="s">
        <v>30540</v>
      </c>
    </row>
    <row r="1851" spans="1:9">
      <c r="A1851" s="1">
        <v>0.86068033067950978</v>
      </c>
      <c r="B1851" s="1"/>
      <c r="C1851">
        <v>7</v>
      </c>
      <c r="D1851" t="s">
        <v>3192</v>
      </c>
      <c r="E1851" t="s">
        <v>31584</v>
      </c>
      <c r="F1851">
        <v>4</v>
      </c>
      <c r="G1851" t="s">
        <v>13</v>
      </c>
      <c r="H1851" t="s">
        <v>3193</v>
      </c>
      <c r="I1851" t="s">
        <v>30540</v>
      </c>
    </row>
    <row r="1852" spans="1:9">
      <c r="A1852" s="1">
        <v>0.40196833191668457</v>
      </c>
      <c r="B1852" s="1"/>
      <c r="C1852">
        <v>7</v>
      </c>
      <c r="D1852" t="s">
        <v>3184</v>
      </c>
      <c r="E1852" t="s">
        <v>31585</v>
      </c>
      <c r="F1852">
        <v>4</v>
      </c>
      <c r="G1852" t="s">
        <v>13</v>
      </c>
      <c r="H1852" t="s">
        <v>3185</v>
      </c>
      <c r="I1852" t="s">
        <v>30540</v>
      </c>
    </row>
    <row r="1853" spans="1:9">
      <c r="A1853" s="1">
        <v>0.23319557744976838</v>
      </c>
      <c r="B1853" s="1"/>
      <c r="C1853">
        <v>4</v>
      </c>
      <c r="D1853" t="s">
        <v>3182</v>
      </c>
      <c r="E1853" t="s">
        <v>31585</v>
      </c>
      <c r="F1853">
        <v>3</v>
      </c>
      <c r="G1853" t="s">
        <v>0</v>
      </c>
      <c r="H1853" t="s">
        <v>3183</v>
      </c>
      <c r="I1853" t="s">
        <v>30540</v>
      </c>
    </row>
    <row r="1854" spans="1:9">
      <c r="A1854" s="1">
        <v>0.387174298204911</v>
      </c>
      <c r="B1854" s="1"/>
      <c r="C1854">
        <v>1</v>
      </c>
      <c r="D1854" t="s">
        <v>3174</v>
      </c>
      <c r="E1854" t="s">
        <v>31586</v>
      </c>
      <c r="F1854">
        <v>4</v>
      </c>
      <c r="G1854" t="s">
        <v>9</v>
      </c>
      <c r="H1854" t="s">
        <v>3175</v>
      </c>
      <c r="I1854" t="s">
        <v>30540</v>
      </c>
    </row>
    <row r="1855" spans="1:9">
      <c r="A1855" s="1">
        <v>0.13271167696789632</v>
      </c>
      <c r="B1855" s="1"/>
      <c r="C1855">
        <v>9</v>
      </c>
      <c r="D1855" t="s">
        <v>3178</v>
      </c>
      <c r="E1855" t="s">
        <v>31586</v>
      </c>
      <c r="F1855">
        <v>4</v>
      </c>
      <c r="G1855" t="s">
        <v>2226</v>
      </c>
      <c r="H1855" t="s">
        <v>3179</v>
      </c>
      <c r="I1855" t="s">
        <v>30540</v>
      </c>
    </row>
    <row r="1856" spans="1:9">
      <c r="A1856" s="1">
        <v>0.73552082337969071</v>
      </c>
      <c r="B1856" s="1"/>
      <c r="C1856">
        <v>4</v>
      </c>
      <c r="D1856" t="s">
        <v>3176</v>
      </c>
      <c r="E1856" t="s">
        <v>31586</v>
      </c>
      <c r="F1856">
        <v>4</v>
      </c>
      <c r="G1856" t="s">
        <v>3107</v>
      </c>
      <c r="H1856" t="s">
        <v>3177</v>
      </c>
      <c r="I1856" t="s">
        <v>30540</v>
      </c>
    </row>
    <row r="1857" spans="1:9">
      <c r="A1857" s="1">
        <v>0.89230920134400393</v>
      </c>
      <c r="B1857" s="1"/>
      <c r="C1857">
        <v>2</v>
      </c>
      <c r="D1857" t="s">
        <v>3172</v>
      </c>
      <c r="E1857" t="s">
        <v>31587</v>
      </c>
      <c r="F1857">
        <v>4</v>
      </c>
      <c r="G1857" t="s">
        <v>10</v>
      </c>
      <c r="H1857" t="s">
        <v>3173</v>
      </c>
      <c r="I1857" t="s">
        <v>30540</v>
      </c>
    </row>
    <row r="1858" spans="1:9">
      <c r="A1858" s="1">
        <v>0.71235593495490335</v>
      </c>
      <c r="B1858" s="1"/>
      <c r="C1858">
        <v>2</v>
      </c>
      <c r="D1858" t="s">
        <v>3168</v>
      </c>
      <c r="E1858" t="s">
        <v>31588</v>
      </c>
      <c r="F1858">
        <v>5</v>
      </c>
      <c r="G1858" t="s">
        <v>9</v>
      </c>
      <c r="H1858" t="s">
        <v>3169</v>
      </c>
      <c r="I1858" t="s">
        <v>30540</v>
      </c>
    </row>
    <row r="1859" spans="1:9">
      <c r="A1859" s="1">
        <v>3.2957162799363338E-2</v>
      </c>
      <c r="B1859" s="1"/>
      <c r="C1859">
        <v>5</v>
      </c>
      <c r="D1859" t="s">
        <v>3170</v>
      </c>
      <c r="E1859" t="s">
        <v>31588</v>
      </c>
      <c r="F1859">
        <v>4</v>
      </c>
      <c r="G1859" t="s">
        <v>1</v>
      </c>
      <c r="H1859" t="s">
        <v>3171</v>
      </c>
      <c r="I1859" t="s">
        <v>30540</v>
      </c>
    </row>
    <row r="1860" spans="1:9">
      <c r="A1860" s="1">
        <v>0.50469541924318773</v>
      </c>
      <c r="B1860" s="1"/>
      <c r="C1860">
        <v>1</v>
      </c>
      <c r="D1860" t="s">
        <v>3166</v>
      </c>
      <c r="E1860" t="s">
        <v>31589</v>
      </c>
      <c r="F1860">
        <v>5</v>
      </c>
      <c r="G1860" t="s">
        <v>15</v>
      </c>
      <c r="H1860" t="s">
        <v>3167</v>
      </c>
      <c r="I1860" t="s">
        <v>30540</v>
      </c>
    </row>
    <row r="1861" spans="1:9">
      <c r="A1861" s="1">
        <v>0.40694430390277736</v>
      </c>
      <c r="B1861" s="1"/>
      <c r="C1861">
        <v>17</v>
      </c>
      <c r="D1861" t="s">
        <v>3164</v>
      </c>
      <c r="E1861" t="s">
        <v>31590</v>
      </c>
      <c r="F1861">
        <v>5</v>
      </c>
      <c r="G1861" t="s">
        <v>3107</v>
      </c>
      <c r="H1861" t="s">
        <v>3165</v>
      </c>
      <c r="I1861" t="s">
        <v>30540</v>
      </c>
    </row>
    <row r="1862" spans="1:9">
      <c r="A1862" s="1">
        <v>0.55422044104415558</v>
      </c>
      <c r="B1862" s="1"/>
      <c r="C1862">
        <v>5</v>
      </c>
      <c r="D1862" t="s">
        <v>3158</v>
      </c>
      <c r="E1862" t="s">
        <v>31590</v>
      </c>
      <c r="F1862">
        <v>4</v>
      </c>
      <c r="G1862" t="s">
        <v>770</v>
      </c>
      <c r="H1862" t="s">
        <v>3159</v>
      </c>
      <c r="I1862" t="s">
        <v>30540</v>
      </c>
    </row>
    <row r="1863" spans="1:9">
      <c r="A1863" s="1">
        <v>0.16137418605661047</v>
      </c>
      <c r="B1863" s="1"/>
      <c r="C1863">
        <v>2</v>
      </c>
      <c r="D1863" t="s">
        <v>3156</v>
      </c>
      <c r="E1863" t="s">
        <v>31590</v>
      </c>
      <c r="F1863">
        <v>4</v>
      </c>
      <c r="G1863" t="s">
        <v>0</v>
      </c>
      <c r="H1863" t="s">
        <v>3157</v>
      </c>
      <c r="I1863" t="s">
        <v>30540</v>
      </c>
    </row>
    <row r="1864" spans="1:9">
      <c r="A1864" s="1">
        <v>0.32961778832033506</v>
      </c>
      <c r="B1864" s="1"/>
      <c r="C1864">
        <v>11</v>
      </c>
      <c r="D1864" t="s">
        <v>3160</v>
      </c>
      <c r="E1864" t="s">
        <v>31590</v>
      </c>
      <c r="F1864">
        <v>4</v>
      </c>
      <c r="G1864" t="s">
        <v>13</v>
      </c>
      <c r="H1864" t="s">
        <v>3161</v>
      </c>
      <c r="I1864" t="s">
        <v>30540</v>
      </c>
    </row>
    <row r="1865" spans="1:9">
      <c r="A1865" s="1">
        <v>0.44909030586276122</v>
      </c>
      <c r="B1865" s="1"/>
      <c r="C1865">
        <v>12</v>
      </c>
      <c r="D1865" t="s">
        <v>3162</v>
      </c>
      <c r="E1865" t="s">
        <v>31590</v>
      </c>
      <c r="F1865">
        <v>4</v>
      </c>
      <c r="G1865" t="s">
        <v>1426</v>
      </c>
      <c r="H1865" t="s">
        <v>3163</v>
      </c>
      <c r="I1865" t="s">
        <v>30540</v>
      </c>
    </row>
    <row r="1866" spans="1:9">
      <c r="A1866" s="1">
        <v>0.41027991468291447</v>
      </c>
      <c r="B1866" s="1"/>
      <c r="C1866">
        <v>10</v>
      </c>
      <c r="D1866" t="s">
        <v>3154</v>
      </c>
      <c r="E1866" t="s">
        <v>31591</v>
      </c>
      <c r="F1866">
        <v>5</v>
      </c>
      <c r="G1866" t="s">
        <v>0</v>
      </c>
      <c r="H1866" t="s">
        <v>3155</v>
      </c>
      <c r="I1866" t="s">
        <v>30540</v>
      </c>
    </row>
    <row r="1867" spans="1:9">
      <c r="A1867" s="1">
        <v>0.13230666093585131</v>
      </c>
      <c r="B1867" s="1"/>
      <c r="C1867">
        <v>1</v>
      </c>
      <c r="D1867" t="s">
        <v>3150</v>
      </c>
      <c r="E1867" t="s">
        <v>31591</v>
      </c>
      <c r="F1867">
        <v>4</v>
      </c>
      <c r="G1867" t="s">
        <v>0</v>
      </c>
      <c r="H1867" t="s">
        <v>3151</v>
      </c>
      <c r="I1867" t="s">
        <v>30540</v>
      </c>
    </row>
    <row r="1868" spans="1:9">
      <c r="A1868" s="1">
        <v>0.13810032905568081</v>
      </c>
      <c r="B1868" s="1"/>
      <c r="C1868">
        <v>9</v>
      </c>
      <c r="D1868" t="s">
        <v>3152</v>
      </c>
      <c r="E1868" t="s">
        <v>31591</v>
      </c>
      <c r="F1868">
        <v>4</v>
      </c>
      <c r="G1868" t="s">
        <v>13</v>
      </c>
      <c r="H1868" t="s">
        <v>3153</v>
      </c>
      <c r="I1868" t="s">
        <v>30540</v>
      </c>
    </row>
    <row r="1869" spans="1:9">
      <c r="A1869" s="1">
        <v>0.48645875399937188</v>
      </c>
      <c r="B1869" s="1"/>
      <c r="C1869">
        <v>1</v>
      </c>
      <c r="D1869" t="s">
        <v>3146</v>
      </c>
      <c r="E1869" t="s">
        <v>31592</v>
      </c>
      <c r="F1869">
        <v>4</v>
      </c>
      <c r="G1869" t="s">
        <v>13</v>
      </c>
      <c r="H1869" t="s">
        <v>3147</v>
      </c>
      <c r="I1869" t="s">
        <v>30540</v>
      </c>
    </row>
    <row r="1870" spans="1:9">
      <c r="A1870" s="1">
        <v>0.54978426269827063</v>
      </c>
      <c r="B1870" s="1"/>
      <c r="C1870">
        <v>2</v>
      </c>
      <c r="D1870" t="s">
        <v>3148</v>
      </c>
      <c r="E1870" t="s">
        <v>31592</v>
      </c>
      <c r="F1870">
        <v>4</v>
      </c>
      <c r="G1870" t="s">
        <v>0</v>
      </c>
      <c r="H1870" t="s">
        <v>3149</v>
      </c>
      <c r="I1870" t="s">
        <v>30540</v>
      </c>
    </row>
    <row r="1871" spans="1:9">
      <c r="A1871" s="1">
        <v>0.14632241999513429</v>
      </c>
      <c r="B1871" s="1"/>
      <c r="C1871">
        <v>5</v>
      </c>
      <c r="D1871" t="s">
        <v>3144</v>
      </c>
      <c r="E1871" t="s">
        <v>31593</v>
      </c>
      <c r="F1871">
        <v>4</v>
      </c>
      <c r="G1871" t="s">
        <v>2</v>
      </c>
      <c r="H1871" t="s">
        <v>3145</v>
      </c>
      <c r="I1871" t="s">
        <v>30540</v>
      </c>
    </row>
    <row r="1872" spans="1:9">
      <c r="A1872" s="1">
        <v>0.50341014795215711</v>
      </c>
      <c r="B1872" s="1"/>
      <c r="C1872">
        <v>3</v>
      </c>
      <c r="D1872" t="s">
        <v>3140</v>
      </c>
      <c r="E1872" t="s">
        <v>31594</v>
      </c>
      <c r="F1872">
        <v>4</v>
      </c>
      <c r="G1872" t="s">
        <v>769</v>
      </c>
      <c r="H1872" t="s">
        <v>3141</v>
      </c>
      <c r="I1872" t="s">
        <v>30540</v>
      </c>
    </row>
    <row r="1873" spans="1:9">
      <c r="A1873" s="1">
        <v>9.3942176342354355E-2</v>
      </c>
      <c r="B1873" s="1"/>
      <c r="C1873">
        <v>7</v>
      </c>
      <c r="D1873" t="s">
        <v>3142</v>
      </c>
      <c r="E1873" t="s">
        <v>31594</v>
      </c>
      <c r="F1873">
        <v>3</v>
      </c>
      <c r="G1873" t="s">
        <v>770</v>
      </c>
      <c r="H1873" t="s">
        <v>3143</v>
      </c>
      <c r="I1873" t="s">
        <v>30540</v>
      </c>
    </row>
    <row r="1874" spans="1:9">
      <c r="A1874" s="1">
        <v>3.4309780197547823E-2</v>
      </c>
      <c r="B1874" s="1"/>
      <c r="C1874">
        <v>1</v>
      </c>
      <c r="D1874" t="s">
        <v>3138</v>
      </c>
      <c r="E1874" t="s">
        <v>31595</v>
      </c>
      <c r="F1874">
        <v>4</v>
      </c>
      <c r="G1874" t="s">
        <v>2</v>
      </c>
      <c r="H1874" t="s">
        <v>3139</v>
      </c>
      <c r="I1874" t="s">
        <v>30540</v>
      </c>
    </row>
    <row r="1875" spans="1:9">
      <c r="A1875" s="1">
        <v>0.70127072000638657</v>
      </c>
      <c r="B1875" s="1"/>
      <c r="C1875">
        <v>2</v>
      </c>
      <c r="D1875" t="s">
        <v>3136</v>
      </c>
      <c r="E1875" t="s">
        <v>31596</v>
      </c>
      <c r="F1875">
        <v>4</v>
      </c>
      <c r="G1875" t="s">
        <v>0</v>
      </c>
      <c r="H1875" t="s">
        <v>3137</v>
      </c>
      <c r="I1875" t="s">
        <v>30540</v>
      </c>
    </row>
    <row r="1876" spans="1:9">
      <c r="A1876" s="1">
        <v>0.39181446347780635</v>
      </c>
      <c r="B1876" s="1"/>
      <c r="C1876">
        <v>3</v>
      </c>
      <c r="D1876" t="s">
        <v>3132</v>
      </c>
      <c r="E1876" t="s">
        <v>31597</v>
      </c>
      <c r="F1876">
        <v>4</v>
      </c>
      <c r="G1876" t="s">
        <v>10</v>
      </c>
      <c r="H1876" t="s">
        <v>3133</v>
      </c>
      <c r="I1876" t="s">
        <v>30540</v>
      </c>
    </row>
    <row r="1877" spans="1:9">
      <c r="A1877" s="1">
        <v>0.79747407422386596</v>
      </c>
      <c r="B1877" s="1"/>
      <c r="C1877">
        <v>2</v>
      </c>
      <c r="D1877" t="s">
        <v>3130</v>
      </c>
      <c r="E1877" t="s">
        <v>31597</v>
      </c>
      <c r="F1877">
        <v>4</v>
      </c>
      <c r="G1877" t="s">
        <v>1</v>
      </c>
      <c r="H1877" t="s">
        <v>3131</v>
      </c>
      <c r="I1877" t="s">
        <v>30540</v>
      </c>
    </row>
    <row r="1878" spans="1:9">
      <c r="A1878" s="1">
        <v>0.74688604113637058</v>
      </c>
      <c r="B1878" s="1"/>
      <c r="C1878">
        <v>4</v>
      </c>
      <c r="D1878" t="s">
        <v>3134</v>
      </c>
      <c r="E1878" t="s">
        <v>31597</v>
      </c>
      <c r="F1878">
        <v>4</v>
      </c>
      <c r="G1878" t="s">
        <v>15</v>
      </c>
      <c r="H1878" t="s">
        <v>3135</v>
      </c>
      <c r="I1878" t="s">
        <v>30540</v>
      </c>
    </row>
    <row r="1879" spans="1:9">
      <c r="A1879" s="1">
        <v>0.68223650633941146</v>
      </c>
      <c r="B1879" s="1"/>
      <c r="C1879">
        <v>1</v>
      </c>
      <c r="D1879" t="s">
        <v>3128</v>
      </c>
      <c r="E1879" t="s">
        <v>31597</v>
      </c>
      <c r="F1879">
        <v>4</v>
      </c>
      <c r="G1879" t="s">
        <v>9</v>
      </c>
      <c r="H1879" t="s">
        <v>3129</v>
      </c>
      <c r="I1879" t="s">
        <v>30540</v>
      </c>
    </row>
    <row r="1880" spans="1:9">
      <c r="A1880" s="1">
        <v>0.79202740708013963</v>
      </c>
      <c r="B1880" s="1"/>
      <c r="C1880">
        <v>2</v>
      </c>
      <c r="D1880" t="s">
        <v>3126</v>
      </c>
      <c r="E1880" t="s">
        <v>31598</v>
      </c>
      <c r="F1880">
        <v>4</v>
      </c>
      <c r="G1880" t="s">
        <v>2</v>
      </c>
      <c r="H1880" t="s">
        <v>3127</v>
      </c>
      <c r="I1880" t="s">
        <v>30540</v>
      </c>
    </row>
    <row r="1881" spans="1:9">
      <c r="A1881" s="1">
        <v>0.56773431756188908</v>
      </c>
      <c r="B1881" s="1"/>
      <c r="C1881">
        <v>3</v>
      </c>
      <c r="D1881" t="s">
        <v>3118</v>
      </c>
      <c r="E1881" t="s">
        <v>31599</v>
      </c>
      <c r="F1881">
        <v>4</v>
      </c>
      <c r="G1881" t="s">
        <v>3107</v>
      </c>
      <c r="H1881" t="s">
        <v>3119</v>
      </c>
      <c r="I1881" t="s">
        <v>30540</v>
      </c>
    </row>
    <row r="1882" spans="1:9">
      <c r="A1882" s="1">
        <v>0.42064464989191164</v>
      </c>
      <c r="B1882" s="1"/>
      <c r="C1882">
        <v>2</v>
      </c>
      <c r="D1882" t="s">
        <v>3116</v>
      </c>
      <c r="E1882" t="s">
        <v>31599</v>
      </c>
      <c r="F1882">
        <v>4</v>
      </c>
      <c r="G1882" t="s">
        <v>769</v>
      </c>
      <c r="H1882" t="s">
        <v>3117</v>
      </c>
      <c r="I1882" t="s">
        <v>30540</v>
      </c>
    </row>
    <row r="1883" spans="1:9">
      <c r="A1883" s="1">
        <v>0.37066473496116081</v>
      </c>
      <c r="B1883" s="1"/>
      <c r="C1883">
        <v>5</v>
      </c>
      <c r="D1883" t="s">
        <v>3120</v>
      </c>
      <c r="E1883" t="s">
        <v>31599</v>
      </c>
      <c r="F1883">
        <v>4</v>
      </c>
      <c r="G1883" t="s">
        <v>770</v>
      </c>
      <c r="H1883" t="s">
        <v>3121</v>
      </c>
      <c r="I1883" t="s">
        <v>30540</v>
      </c>
    </row>
    <row r="1884" spans="1:9">
      <c r="A1884" s="1">
        <v>0.6259569019640755</v>
      </c>
      <c r="B1884" s="1"/>
      <c r="C1884">
        <v>7</v>
      </c>
      <c r="D1884" t="s">
        <v>3122</v>
      </c>
      <c r="E1884" t="s">
        <v>31599</v>
      </c>
      <c r="F1884">
        <v>4</v>
      </c>
      <c r="G1884" t="s">
        <v>1</v>
      </c>
      <c r="H1884" t="s">
        <v>3123</v>
      </c>
      <c r="I1884" t="s">
        <v>30540</v>
      </c>
    </row>
    <row r="1885" spans="1:9">
      <c r="A1885" s="1">
        <v>0.95254894075276086</v>
      </c>
      <c r="B1885" s="1"/>
      <c r="C1885">
        <v>9</v>
      </c>
      <c r="D1885" t="s">
        <v>3124</v>
      </c>
      <c r="E1885" t="s">
        <v>31599</v>
      </c>
      <c r="F1885">
        <v>4</v>
      </c>
      <c r="G1885" t="s">
        <v>774</v>
      </c>
      <c r="H1885" t="s">
        <v>3125</v>
      </c>
      <c r="I1885" t="s">
        <v>30540</v>
      </c>
    </row>
    <row r="1886" spans="1:9">
      <c r="A1886" s="1">
        <v>0.81171810588085214</v>
      </c>
      <c r="B1886" s="1"/>
      <c r="C1886">
        <v>4</v>
      </c>
      <c r="D1886" t="s">
        <v>3114</v>
      </c>
      <c r="E1886" t="s">
        <v>31600</v>
      </c>
      <c r="F1886">
        <v>4</v>
      </c>
      <c r="G1886" t="s">
        <v>0</v>
      </c>
      <c r="H1886" t="s">
        <v>3115</v>
      </c>
      <c r="I1886" t="s">
        <v>30540</v>
      </c>
    </row>
    <row r="1887" spans="1:9">
      <c r="A1887" s="1">
        <v>0.56916842204806939</v>
      </c>
      <c r="B1887" s="1"/>
      <c r="C1887">
        <v>2</v>
      </c>
      <c r="D1887" t="s">
        <v>3112</v>
      </c>
      <c r="E1887" t="s">
        <v>31601</v>
      </c>
      <c r="F1887">
        <v>4</v>
      </c>
      <c r="G1887" t="s">
        <v>14</v>
      </c>
      <c r="H1887" t="s">
        <v>3113</v>
      </c>
      <c r="I1887" t="s">
        <v>30540</v>
      </c>
    </row>
    <row r="1888" spans="1:9">
      <c r="A1888" s="1">
        <v>0.97719439209489689</v>
      </c>
      <c r="B1888" s="1"/>
      <c r="C1888">
        <v>2</v>
      </c>
      <c r="D1888" t="s">
        <v>3110</v>
      </c>
      <c r="E1888" t="s">
        <v>31602</v>
      </c>
      <c r="F1888">
        <v>4</v>
      </c>
      <c r="G1888" t="s">
        <v>9</v>
      </c>
      <c r="H1888" t="s">
        <v>3111</v>
      </c>
      <c r="I1888" t="s">
        <v>30540</v>
      </c>
    </row>
    <row r="1889" spans="1:9">
      <c r="A1889" s="1">
        <v>0.73591573108520503</v>
      </c>
      <c r="B1889" s="1"/>
      <c r="C1889">
        <v>10</v>
      </c>
      <c r="D1889" t="s">
        <v>3108</v>
      </c>
      <c r="E1889" t="s">
        <v>31603</v>
      </c>
      <c r="F1889">
        <v>4</v>
      </c>
      <c r="G1889" t="s">
        <v>1</v>
      </c>
      <c r="H1889" t="s">
        <v>3109</v>
      </c>
      <c r="I1889" t="s">
        <v>30540</v>
      </c>
    </row>
    <row r="1890" spans="1:9">
      <c r="A1890" s="1">
        <v>2.3207634103214692E-2</v>
      </c>
      <c r="B1890" s="1"/>
      <c r="C1890">
        <v>6</v>
      </c>
      <c r="D1890" t="s">
        <v>3105</v>
      </c>
      <c r="E1890" t="s">
        <v>31604</v>
      </c>
      <c r="F1890">
        <v>4</v>
      </c>
      <c r="G1890" t="s">
        <v>1</v>
      </c>
      <c r="H1890" t="s">
        <v>3106</v>
      </c>
      <c r="I1890" t="s">
        <v>30540</v>
      </c>
    </row>
    <row r="1891" spans="1:9">
      <c r="A1891" s="1">
        <v>0.78107487812491505</v>
      </c>
      <c r="B1891" s="1"/>
      <c r="C1891">
        <v>4</v>
      </c>
      <c r="D1891" t="s">
        <v>3103</v>
      </c>
      <c r="E1891" t="s">
        <v>31604</v>
      </c>
      <c r="F1891">
        <v>4</v>
      </c>
      <c r="G1891" t="s">
        <v>13</v>
      </c>
      <c r="H1891" t="s">
        <v>3104</v>
      </c>
      <c r="I1891" t="s">
        <v>30540</v>
      </c>
    </row>
    <row r="1892" spans="1:9">
      <c r="A1892" s="1">
        <v>0.88649748037766085</v>
      </c>
      <c r="B1892" s="1"/>
      <c r="C1892">
        <v>1</v>
      </c>
      <c r="D1892" t="s">
        <v>3101</v>
      </c>
      <c r="E1892" t="s">
        <v>31605</v>
      </c>
      <c r="F1892">
        <v>4</v>
      </c>
      <c r="G1892" t="s">
        <v>9</v>
      </c>
      <c r="H1892" t="s">
        <v>3102</v>
      </c>
      <c r="I1892" t="s">
        <v>30540</v>
      </c>
    </row>
    <row r="1893" spans="1:9">
      <c r="A1893" s="1">
        <v>0.79557737345069945</v>
      </c>
      <c r="B1893" s="1"/>
      <c r="C1893">
        <v>13</v>
      </c>
      <c r="D1893" t="s">
        <v>3099</v>
      </c>
      <c r="E1893" t="s">
        <v>31606</v>
      </c>
      <c r="F1893">
        <v>4</v>
      </c>
      <c r="G1893" t="s">
        <v>2738</v>
      </c>
      <c r="H1893" t="s">
        <v>3100</v>
      </c>
      <c r="I1893" t="s">
        <v>30540</v>
      </c>
    </row>
    <row r="1894" spans="1:9">
      <c r="A1894" s="1">
        <v>0.86856020267629497</v>
      </c>
      <c r="B1894" s="1"/>
      <c r="C1894">
        <v>6</v>
      </c>
      <c r="D1894" t="s">
        <v>3095</v>
      </c>
      <c r="E1894" t="s">
        <v>31606</v>
      </c>
      <c r="F1894">
        <v>4</v>
      </c>
      <c r="G1894" t="s">
        <v>9</v>
      </c>
      <c r="H1894" t="s">
        <v>3096</v>
      </c>
      <c r="I1894" t="s">
        <v>30540</v>
      </c>
    </row>
    <row r="1895" spans="1:9">
      <c r="A1895" s="1">
        <v>0.47612090866833368</v>
      </c>
      <c r="B1895" s="1"/>
      <c r="C1895">
        <v>4</v>
      </c>
      <c r="D1895" t="s">
        <v>3093</v>
      </c>
      <c r="E1895" t="s">
        <v>31606</v>
      </c>
      <c r="F1895">
        <v>3</v>
      </c>
      <c r="G1895" t="s">
        <v>770</v>
      </c>
      <c r="H1895" t="s">
        <v>3094</v>
      </c>
      <c r="I1895" t="s">
        <v>30540</v>
      </c>
    </row>
    <row r="1896" spans="1:9">
      <c r="A1896" s="1">
        <v>0.1877664359917447</v>
      </c>
      <c r="B1896" s="1"/>
      <c r="C1896">
        <v>3</v>
      </c>
      <c r="D1896" t="s">
        <v>3089</v>
      </c>
      <c r="E1896" t="s">
        <v>31608</v>
      </c>
      <c r="F1896">
        <v>5</v>
      </c>
      <c r="G1896" t="s">
        <v>10</v>
      </c>
      <c r="H1896" t="s">
        <v>3090</v>
      </c>
      <c r="I1896" t="s">
        <v>30540</v>
      </c>
    </row>
    <row r="1897" spans="1:9">
      <c r="A1897" s="1">
        <v>0.94016686839877739</v>
      </c>
      <c r="B1897" s="1"/>
      <c r="C1897">
        <v>1</v>
      </c>
      <c r="D1897" t="s">
        <v>3085</v>
      </c>
      <c r="E1897" t="s">
        <v>31609</v>
      </c>
      <c r="F1897">
        <v>5</v>
      </c>
      <c r="G1897" t="s">
        <v>9</v>
      </c>
      <c r="H1897" t="s">
        <v>3086</v>
      </c>
      <c r="I1897" t="s">
        <v>30540</v>
      </c>
    </row>
    <row r="1898" spans="1:9">
      <c r="A1898" s="1">
        <v>0.66653947746224218</v>
      </c>
      <c r="B1898" s="1"/>
      <c r="C1898">
        <v>8</v>
      </c>
      <c r="D1898" t="s">
        <v>6728</v>
      </c>
      <c r="E1898" t="s">
        <v>31610</v>
      </c>
      <c r="F1898">
        <v>5</v>
      </c>
      <c r="G1898" t="s">
        <v>13</v>
      </c>
      <c r="H1898" t="s">
        <v>6729</v>
      </c>
      <c r="I1898" t="s">
        <v>30540</v>
      </c>
    </row>
    <row r="1899" spans="1:9">
      <c r="A1899" s="1">
        <v>0.28961596515793198</v>
      </c>
      <c r="B1899" s="1"/>
      <c r="C1899">
        <v>3</v>
      </c>
      <c r="D1899" t="s">
        <v>6726</v>
      </c>
      <c r="E1899" t="s">
        <v>31610</v>
      </c>
      <c r="F1899">
        <v>4</v>
      </c>
      <c r="G1899" t="s">
        <v>2</v>
      </c>
      <c r="H1899" t="s">
        <v>6727</v>
      </c>
      <c r="I1899" t="s">
        <v>30540</v>
      </c>
    </row>
    <row r="1900" spans="1:9">
      <c r="A1900" s="1">
        <v>0.27592331552276828</v>
      </c>
      <c r="B1900" s="1"/>
      <c r="C1900">
        <v>15</v>
      </c>
      <c r="D1900" t="s">
        <v>6724</v>
      </c>
      <c r="E1900" t="s">
        <v>31611</v>
      </c>
      <c r="F1900">
        <v>4</v>
      </c>
      <c r="G1900" t="s">
        <v>13</v>
      </c>
      <c r="H1900" t="s">
        <v>6725</v>
      </c>
      <c r="I1900" t="s">
        <v>30540</v>
      </c>
    </row>
    <row r="1901" spans="1:9">
      <c r="A1901" s="1">
        <v>0.35456869085321174</v>
      </c>
      <c r="B1901" s="1"/>
      <c r="C1901">
        <v>6</v>
      </c>
      <c r="D1901" t="s">
        <v>6718</v>
      </c>
      <c r="E1901" t="s">
        <v>31612</v>
      </c>
      <c r="F1901">
        <v>5</v>
      </c>
      <c r="G1901" t="s">
        <v>15</v>
      </c>
      <c r="H1901" t="s">
        <v>6719</v>
      </c>
      <c r="I1901" t="s">
        <v>30540</v>
      </c>
    </row>
    <row r="1902" spans="1:9">
      <c r="A1902" s="1">
        <v>0.83533088703574709</v>
      </c>
      <c r="B1902" s="1"/>
      <c r="C1902">
        <v>7</v>
      </c>
      <c r="D1902" t="s">
        <v>6720</v>
      </c>
      <c r="E1902" t="s">
        <v>31612</v>
      </c>
      <c r="F1902">
        <v>5</v>
      </c>
      <c r="G1902" t="s">
        <v>1</v>
      </c>
      <c r="H1902" t="s">
        <v>6721</v>
      </c>
      <c r="I1902" t="s">
        <v>30540</v>
      </c>
    </row>
    <row r="1903" spans="1:9">
      <c r="A1903" s="1">
        <v>0.62764854408037007</v>
      </c>
      <c r="B1903" s="1"/>
      <c r="C1903">
        <v>5</v>
      </c>
      <c r="D1903" t="s">
        <v>6716</v>
      </c>
      <c r="E1903" t="s">
        <v>31612</v>
      </c>
      <c r="F1903">
        <v>4</v>
      </c>
      <c r="G1903" t="s">
        <v>9</v>
      </c>
      <c r="H1903" t="s">
        <v>6717</v>
      </c>
      <c r="I1903" t="s">
        <v>30540</v>
      </c>
    </row>
    <row r="1904" spans="1:9">
      <c r="A1904" s="1">
        <v>0.14259082403157008</v>
      </c>
      <c r="B1904" s="1"/>
      <c r="C1904">
        <v>15</v>
      </c>
      <c r="D1904" t="s">
        <v>6722</v>
      </c>
      <c r="E1904" t="s">
        <v>31612</v>
      </c>
      <c r="F1904">
        <v>4</v>
      </c>
      <c r="G1904" t="s">
        <v>0</v>
      </c>
      <c r="H1904" t="s">
        <v>6723</v>
      </c>
      <c r="I1904" t="s">
        <v>30540</v>
      </c>
    </row>
    <row r="1905" spans="1:9">
      <c r="A1905" s="1">
        <v>0.95284707586679651</v>
      </c>
      <c r="B1905" s="1"/>
      <c r="C1905">
        <v>9</v>
      </c>
      <c r="D1905" t="s">
        <v>6714</v>
      </c>
      <c r="E1905" t="s">
        <v>31613</v>
      </c>
      <c r="F1905">
        <v>5</v>
      </c>
      <c r="G1905" t="s">
        <v>13</v>
      </c>
      <c r="H1905" t="s">
        <v>6715</v>
      </c>
      <c r="I1905" t="s">
        <v>30540</v>
      </c>
    </row>
    <row r="1906" spans="1:9">
      <c r="A1906" s="1">
        <v>0.85847656529867489</v>
      </c>
      <c r="B1906" s="1"/>
      <c r="C1906">
        <v>7</v>
      </c>
      <c r="D1906" t="s">
        <v>6712</v>
      </c>
      <c r="E1906" t="s">
        <v>31613</v>
      </c>
      <c r="F1906">
        <v>4</v>
      </c>
      <c r="G1906" t="s">
        <v>13</v>
      </c>
      <c r="H1906" t="s">
        <v>6713</v>
      </c>
      <c r="I1906" t="s">
        <v>30540</v>
      </c>
    </row>
    <row r="1907" spans="1:9">
      <c r="A1907" s="1">
        <v>0.57873058501024244</v>
      </c>
      <c r="B1907" s="1"/>
      <c r="C1907">
        <v>4</v>
      </c>
      <c r="D1907" t="s">
        <v>6702</v>
      </c>
      <c r="E1907" t="s">
        <v>31614</v>
      </c>
      <c r="F1907">
        <v>5</v>
      </c>
      <c r="G1907" t="s">
        <v>774</v>
      </c>
      <c r="H1907" t="s">
        <v>6703</v>
      </c>
      <c r="I1907" t="s">
        <v>30540</v>
      </c>
    </row>
    <row r="1908" spans="1:9">
      <c r="A1908" s="1">
        <v>0.12995660321365621</v>
      </c>
      <c r="B1908" s="1"/>
      <c r="C1908">
        <v>1</v>
      </c>
      <c r="D1908" t="s">
        <v>6700</v>
      </c>
      <c r="E1908" t="s">
        <v>31614</v>
      </c>
      <c r="F1908">
        <v>4</v>
      </c>
      <c r="G1908" t="s">
        <v>13</v>
      </c>
      <c r="H1908" t="s">
        <v>6701</v>
      </c>
      <c r="I1908" t="s">
        <v>30540</v>
      </c>
    </row>
    <row r="1909" spans="1:9">
      <c r="A1909" s="1">
        <v>0.23515255809952662</v>
      </c>
      <c r="B1909" s="1"/>
      <c r="C1909">
        <v>10</v>
      </c>
      <c r="D1909" t="s">
        <v>6708</v>
      </c>
      <c r="E1909" t="s">
        <v>31614</v>
      </c>
      <c r="F1909">
        <v>4</v>
      </c>
      <c r="G1909" t="s">
        <v>15</v>
      </c>
      <c r="H1909" t="s">
        <v>6709</v>
      </c>
      <c r="I1909" t="s">
        <v>30540</v>
      </c>
    </row>
    <row r="1910" spans="1:9">
      <c r="A1910" s="1">
        <v>0.58935880160821175</v>
      </c>
      <c r="B1910" s="1"/>
      <c r="C1910">
        <v>5</v>
      </c>
      <c r="D1910" t="s">
        <v>6704</v>
      </c>
      <c r="E1910" t="s">
        <v>31614</v>
      </c>
      <c r="F1910">
        <v>4</v>
      </c>
      <c r="G1910" t="s">
        <v>1426</v>
      </c>
      <c r="H1910" t="s">
        <v>6705</v>
      </c>
      <c r="I1910" t="s">
        <v>30540</v>
      </c>
    </row>
    <row r="1911" spans="1:9">
      <c r="A1911" s="1">
        <v>0.75880131391257799</v>
      </c>
      <c r="B1911" s="1"/>
      <c r="C1911">
        <v>18</v>
      </c>
      <c r="D1911" t="s">
        <v>6710</v>
      </c>
      <c r="E1911" t="s">
        <v>31614</v>
      </c>
      <c r="F1911">
        <v>4</v>
      </c>
      <c r="G1911" t="s">
        <v>775</v>
      </c>
      <c r="H1911" t="s">
        <v>6711</v>
      </c>
      <c r="I1911" t="s">
        <v>30540</v>
      </c>
    </row>
    <row r="1912" spans="1:9">
      <c r="A1912" s="1">
        <v>0.15756435333823648</v>
      </c>
      <c r="B1912" s="1"/>
      <c r="C1912">
        <v>9</v>
      </c>
      <c r="D1912" t="s">
        <v>6698</v>
      </c>
      <c r="E1912" t="s">
        <v>31615</v>
      </c>
      <c r="F1912">
        <v>5</v>
      </c>
      <c r="G1912" t="s">
        <v>2</v>
      </c>
      <c r="H1912" t="s">
        <v>6699</v>
      </c>
      <c r="I1912" t="s">
        <v>30540</v>
      </c>
    </row>
    <row r="1913" spans="1:9">
      <c r="A1913" s="1">
        <v>0.13825155419110446</v>
      </c>
      <c r="B1913" s="1"/>
      <c r="C1913">
        <v>1</v>
      </c>
      <c r="D1913" t="s">
        <v>6696</v>
      </c>
      <c r="E1913" t="s">
        <v>31615</v>
      </c>
      <c r="F1913">
        <v>5</v>
      </c>
      <c r="G1913" t="s">
        <v>9</v>
      </c>
      <c r="H1913" t="s">
        <v>6697</v>
      </c>
      <c r="I1913" t="s">
        <v>30540</v>
      </c>
    </row>
    <row r="1914" spans="1:9">
      <c r="A1914" s="1">
        <v>0.52653237009326836</v>
      </c>
      <c r="B1914" s="1"/>
      <c r="C1914">
        <v>1</v>
      </c>
      <c r="D1914" t="s">
        <v>6690</v>
      </c>
      <c r="E1914" t="s">
        <v>31616</v>
      </c>
      <c r="F1914">
        <v>4</v>
      </c>
      <c r="G1914" t="s">
        <v>9</v>
      </c>
      <c r="H1914" t="s">
        <v>6691</v>
      </c>
      <c r="I1914" t="s">
        <v>30540</v>
      </c>
    </row>
    <row r="1915" spans="1:9">
      <c r="A1915" s="1">
        <v>0.55145504179105709</v>
      </c>
      <c r="B1915" s="1"/>
      <c r="C1915">
        <v>10</v>
      </c>
      <c r="D1915" t="s">
        <v>6694</v>
      </c>
      <c r="E1915" t="s">
        <v>31616</v>
      </c>
      <c r="F1915">
        <v>4</v>
      </c>
      <c r="G1915" t="s">
        <v>13</v>
      </c>
      <c r="H1915" t="s">
        <v>6695</v>
      </c>
      <c r="I1915" t="s">
        <v>30540</v>
      </c>
    </row>
    <row r="1916" spans="1:9">
      <c r="A1916" s="1">
        <v>0.20656782830045561</v>
      </c>
      <c r="B1916" s="1"/>
      <c r="C1916">
        <v>3</v>
      </c>
      <c r="D1916" t="s">
        <v>6692</v>
      </c>
      <c r="E1916" t="s">
        <v>31616</v>
      </c>
      <c r="F1916">
        <v>3</v>
      </c>
      <c r="G1916" t="s">
        <v>0</v>
      </c>
      <c r="H1916" t="s">
        <v>6693</v>
      </c>
      <c r="I1916" t="s">
        <v>30540</v>
      </c>
    </row>
    <row r="1917" spans="1:9">
      <c r="A1917" s="1">
        <v>0.9785323026222108</v>
      </c>
      <c r="B1917" s="1"/>
      <c r="C1917">
        <v>15</v>
      </c>
      <c r="D1917" t="s">
        <v>6686</v>
      </c>
      <c r="E1917" t="s">
        <v>31617</v>
      </c>
      <c r="F1917">
        <v>4</v>
      </c>
      <c r="G1917" t="s">
        <v>1</v>
      </c>
      <c r="H1917" t="s">
        <v>6687</v>
      </c>
      <c r="I1917" t="s">
        <v>30540</v>
      </c>
    </row>
    <row r="1918" spans="1:9">
      <c r="A1918" s="1">
        <v>0.52996654365606843</v>
      </c>
      <c r="B1918" s="1"/>
      <c r="C1918">
        <v>8</v>
      </c>
      <c r="D1918" t="s">
        <v>6682</v>
      </c>
      <c r="E1918" t="s">
        <v>31617</v>
      </c>
      <c r="F1918">
        <v>4</v>
      </c>
      <c r="G1918" t="s">
        <v>15</v>
      </c>
      <c r="H1918" t="s">
        <v>6683</v>
      </c>
      <c r="I1918" t="s">
        <v>30540</v>
      </c>
    </row>
    <row r="1919" spans="1:9">
      <c r="A1919" s="1">
        <v>0.31451496154298597</v>
      </c>
      <c r="B1919" s="1"/>
      <c r="C1919">
        <v>20</v>
      </c>
      <c r="D1919" t="s">
        <v>6688</v>
      </c>
      <c r="E1919" t="s">
        <v>31617</v>
      </c>
      <c r="F1919">
        <v>4</v>
      </c>
      <c r="G1919" t="s">
        <v>2</v>
      </c>
      <c r="H1919" t="s">
        <v>6689</v>
      </c>
      <c r="I1919" t="s">
        <v>30540</v>
      </c>
    </row>
    <row r="1920" spans="1:9">
      <c r="A1920" s="1">
        <v>0.24234546098425691</v>
      </c>
      <c r="B1920" s="1"/>
      <c r="C1920">
        <v>11</v>
      </c>
      <c r="D1920" t="s">
        <v>6684</v>
      </c>
      <c r="E1920" t="s">
        <v>31617</v>
      </c>
      <c r="F1920">
        <v>4</v>
      </c>
      <c r="G1920" t="s">
        <v>13</v>
      </c>
      <c r="H1920" t="s">
        <v>6685</v>
      </c>
      <c r="I1920" t="s">
        <v>30540</v>
      </c>
    </row>
    <row r="1921" spans="1:9">
      <c r="A1921" s="1">
        <v>3.9890529434880029E-2</v>
      </c>
      <c r="B1921" s="1"/>
      <c r="C1921">
        <v>16</v>
      </c>
      <c r="D1921" t="s">
        <v>6680</v>
      </c>
      <c r="E1921" t="s">
        <v>31618</v>
      </c>
      <c r="F1921">
        <v>4</v>
      </c>
      <c r="G1921" t="s">
        <v>14</v>
      </c>
      <c r="H1921" t="s">
        <v>6681</v>
      </c>
      <c r="I1921" t="s">
        <v>30540</v>
      </c>
    </row>
    <row r="1922" spans="1:9">
      <c r="A1922" s="1">
        <v>0.57980738887546535</v>
      </c>
      <c r="B1922" s="1"/>
      <c r="C1922">
        <v>7</v>
      </c>
      <c r="D1922" t="s">
        <v>6676</v>
      </c>
      <c r="E1922" t="s">
        <v>31618</v>
      </c>
      <c r="F1922">
        <v>4</v>
      </c>
      <c r="G1922" t="s">
        <v>10</v>
      </c>
      <c r="H1922" t="s">
        <v>6677</v>
      </c>
      <c r="I1922" t="s">
        <v>30540</v>
      </c>
    </row>
    <row r="1923" spans="1:9">
      <c r="A1923" s="1">
        <v>0.51576788814407382</v>
      </c>
      <c r="B1923" s="1"/>
      <c r="C1923">
        <v>14</v>
      </c>
      <c r="D1923" t="s">
        <v>6678</v>
      </c>
      <c r="E1923" t="s">
        <v>31618</v>
      </c>
      <c r="F1923">
        <v>4</v>
      </c>
      <c r="G1923" t="s">
        <v>0</v>
      </c>
      <c r="H1923" t="s">
        <v>6679</v>
      </c>
      <c r="I1923" t="s">
        <v>30540</v>
      </c>
    </row>
    <row r="1924" spans="1:9">
      <c r="A1924" s="1">
        <v>0.93971098357944693</v>
      </c>
      <c r="B1924" s="1"/>
      <c r="C1924">
        <v>7</v>
      </c>
      <c r="D1924" t="s">
        <v>6672</v>
      </c>
      <c r="E1924" t="s">
        <v>31619</v>
      </c>
      <c r="F1924">
        <v>4</v>
      </c>
      <c r="G1924" t="s">
        <v>0</v>
      </c>
      <c r="H1924" t="s">
        <v>6673</v>
      </c>
      <c r="I1924" t="s">
        <v>30540</v>
      </c>
    </row>
    <row r="1925" spans="1:9">
      <c r="A1925" s="1">
        <v>0.32435156986758285</v>
      </c>
      <c r="B1925" s="1"/>
      <c r="C1925">
        <v>9</v>
      </c>
      <c r="D1925" t="s">
        <v>6666</v>
      </c>
      <c r="E1925" t="s">
        <v>31620</v>
      </c>
      <c r="F1925">
        <v>5</v>
      </c>
      <c r="G1925" t="s">
        <v>1</v>
      </c>
      <c r="H1925" t="s">
        <v>6667</v>
      </c>
      <c r="I1925" t="s">
        <v>30540</v>
      </c>
    </row>
    <row r="1926" spans="1:9">
      <c r="A1926" s="1">
        <v>0.26411572811984851</v>
      </c>
      <c r="B1926" s="1"/>
      <c r="C1926">
        <v>13</v>
      </c>
      <c r="D1926" t="s">
        <v>6668</v>
      </c>
      <c r="E1926" t="s">
        <v>31620</v>
      </c>
      <c r="F1926">
        <v>4</v>
      </c>
      <c r="G1926" t="s">
        <v>775</v>
      </c>
      <c r="H1926" t="s">
        <v>6669</v>
      </c>
      <c r="I1926" t="s">
        <v>30540</v>
      </c>
    </row>
    <row r="1927" spans="1:9">
      <c r="A1927" s="1">
        <v>0.96121922516016145</v>
      </c>
      <c r="B1927" s="1"/>
      <c r="C1927">
        <v>1</v>
      </c>
      <c r="D1927" t="s">
        <v>6664</v>
      </c>
      <c r="E1927" t="s">
        <v>31620</v>
      </c>
      <c r="F1927">
        <v>4</v>
      </c>
      <c r="G1927" t="s">
        <v>9</v>
      </c>
      <c r="H1927" t="s">
        <v>6665</v>
      </c>
      <c r="I1927" t="s">
        <v>30540</v>
      </c>
    </row>
    <row r="1928" spans="1:9">
      <c r="A1928" s="1">
        <v>0.18440925211907511</v>
      </c>
      <c r="B1928" s="1"/>
      <c r="C1928">
        <v>1</v>
      </c>
      <c r="D1928" t="s">
        <v>6660</v>
      </c>
      <c r="E1928" t="s">
        <v>31621</v>
      </c>
      <c r="F1928">
        <v>4</v>
      </c>
      <c r="G1928" t="s">
        <v>1</v>
      </c>
      <c r="H1928" t="s">
        <v>6661</v>
      </c>
      <c r="I1928" t="s">
        <v>30540</v>
      </c>
    </row>
    <row r="1929" spans="1:9">
      <c r="A1929" s="1">
        <v>0.76897459349071362</v>
      </c>
      <c r="B1929" s="1"/>
      <c r="C1929">
        <v>14</v>
      </c>
      <c r="D1929" t="s">
        <v>6662</v>
      </c>
      <c r="E1929" t="s">
        <v>31621</v>
      </c>
      <c r="F1929">
        <v>4</v>
      </c>
      <c r="G1929" t="s">
        <v>13</v>
      </c>
      <c r="H1929" t="s">
        <v>6663</v>
      </c>
      <c r="I1929" t="s">
        <v>30540</v>
      </c>
    </row>
    <row r="1930" spans="1:9">
      <c r="A1930" s="1">
        <v>0.44049542088092686</v>
      </c>
      <c r="B1930" s="1"/>
      <c r="C1930">
        <v>18</v>
      </c>
      <c r="D1930" t="s">
        <v>6658</v>
      </c>
      <c r="E1930" t="s">
        <v>31622</v>
      </c>
      <c r="F1930">
        <v>4</v>
      </c>
      <c r="G1930" t="s">
        <v>2</v>
      </c>
      <c r="H1930" t="s">
        <v>6659</v>
      </c>
      <c r="I1930" t="s">
        <v>30540</v>
      </c>
    </row>
    <row r="1931" spans="1:9">
      <c r="A1931" s="1">
        <v>0.995808360444429</v>
      </c>
      <c r="B1931" s="1"/>
      <c r="C1931">
        <v>4</v>
      </c>
      <c r="D1931" t="s">
        <v>6656</v>
      </c>
      <c r="E1931" t="s">
        <v>31622</v>
      </c>
      <c r="F1931">
        <v>4</v>
      </c>
      <c r="G1931" t="s">
        <v>15</v>
      </c>
      <c r="H1931" t="s">
        <v>6657</v>
      </c>
      <c r="I1931" t="s">
        <v>30540</v>
      </c>
    </row>
    <row r="1932" spans="1:9">
      <c r="A1932" s="1">
        <v>0.11739062026498803</v>
      </c>
      <c r="B1932" s="1"/>
      <c r="C1932">
        <v>4</v>
      </c>
      <c r="D1932" t="s">
        <v>6646</v>
      </c>
      <c r="E1932" t="s">
        <v>31623</v>
      </c>
      <c r="F1932">
        <v>4</v>
      </c>
      <c r="G1932" t="s">
        <v>10</v>
      </c>
      <c r="H1932" t="s">
        <v>6647</v>
      </c>
      <c r="I1932" t="s">
        <v>30540</v>
      </c>
    </row>
    <row r="1933" spans="1:9">
      <c r="A1933" s="1">
        <v>0.19870095978106805</v>
      </c>
      <c r="B1933" s="1"/>
      <c r="C1933">
        <v>15</v>
      </c>
      <c r="D1933" t="s">
        <v>6652</v>
      </c>
      <c r="E1933" t="s">
        <v>31623</v>
      </c>
      <c r="F1933">
        <v>4</v>
      </c>
      <c r="G1933" t="s">
        <v>10</v>
      </c>
      <c r="H1933" t="s">
        <v>6653</v>
      </c>
      <c r="I1933" t="s">
        <v>30540</v>
      </c>
    </row>
    <row r="1934" spans="1:9">
      <c r="A1934" s="1">
        <v>0.26500082616806298</v>
      </c>
      <c r="B1934" s="1"/>
      <c r="C1934">
        <v>12</v>
      </c>
      <c r="D1934" t="s">
        <v>6648</v>
      </c>
      <c r="E1934" t="s">
        <v>31623</v>
      </c>
      <c r="F1934">
        <v>4</v>
      </c>
      <c r="G1934" t="s">
        <v>13</v>
      </c>
      <c r="H1934" t="s">
        <v>6649</v>
      </c>
      <c r="I1934" t="s">
        <v>30540</v>
      </c>
    </row>
    <row r="1935" spans="1:9">
      <c r="A1935" s="1">
        <v>0.19114227329665134</v>
      </c>
      <c r="B1935" s="1"/>
      <c r="C1935">
        <v>14</v>
      </c>
      <c r="D1935" t="s">
        <v>6650</v>
      </c>
      <c r="E1935" t="s">
        <v>31623</v>
      </c>
      <c r="F1935">
        <v>4</v>
      </c>
      <c r="G1935" t="s">
        <v>13</v>
      </c>
      <c r="H1935" t="s">
        <v>6651</v>
      </c>
      <c r="I1935" t="s">
        <v>30540</v>
      </c>
    </row>
    <row r="1936" spans="1:9">
      <c r="A1936" s="1">
        <v>0.75794399209975993</v>
      </c>
      <c r="B1936" s="1"/>
      <c r="C1936">
        <v>19</v>
      </c>
      <c r="D1936" t="s">
        <v>6654</v>
      </c>
      <c r="E1936" t="s">
        <v>31623</v>
      </c>
      <c r="F1936">
        <v>4</v>
      </c>
      <c r="G1936" t="s">
        <v>1</v>
      </c>
      <c r="H1936" t="s">
        <v>6655</v>
      </c>
      <c r="I1936" t="s">
        <v>30540</v>
      </c>
    </row>
    <row r="1937" spans="1:9">
      <c r="A1937" s="1">
        <v>0.15865494948045067</v>
      </c>
      <c r="B1937" s="1"/>
      <c r="C1937">
        <v>15</v>
      </c>
      <c r="D1937" t="s">
        <v>6644</v>
      </c>
      <c r="E1937" t="s">
        <v>31624</v>
      </c>
      <c r="F1937">
        <v>5</v>
      </c>
      <c r="G1937" t="s">
        <v>0</v>
      </c>
      <c r="H1937" t="s">
        <v>6645</v>
      </c>
      <c r="I1937" t="s">
        <v>30540</v>
      </c>
    </row>
    <row r="1938" spans="1:9">
      <c r="A1938" s="1">
        <v>0.53467429172421732</v>
      </c>
      <c r="B1938" s="1"/>
      <c r="C1938">
        <v>7</v>
      </c>
      <c r="D1938" t="s">
        <v>6638</v>
      </c>
      <c r="E1938" t="s">
        <v>31624</v>
      </c>
      <c r="F1938">
        <v>4</v>
      </c>
      <c r="G1938" t="s">
        <v>0</v>
      </c>
      <c r="H1938" t="s">
        <v>6639</v>
      </c>
      <c r="I1938" t="s">
        <v>30540</v>
      </c>
    </row>
    <row r="1939" spans="1:9">
      <c r="A1939" s="1">
        <v>0.18987984297704841</v>
      </c>
      <c r="B1939" s="1"/>
      <c r="C1939">
        <v>11</v>
      </c>
      <c r="D1939" t="s">
        <v>6642</v>
      </c>
      <c r="E1939" t="s">
        <v>31624</v>
      </c>
      <c r="F1939">
        <v>4</v>
      </c>
      <c r="G1939" t="s">
        <v>13</v>
      </c>
      <c r="H1939" t="s">
        <v>6643</v>
      </c>
      <c r="I1939" t="s">
        <v>30540</v>
      </c>
    </row>
    <row r="1940" spans="1:9">
      <c r="A1940" s="1">
        <v>0.40763054379854813</v>
      </c>
      <c r="B1940" s="1"/>
      <c r="C1940">
        <v>9</v>
      </c>
      <c r="D1940" t="s">
        <v>6640</v>
      </c>
      <c r="E1940" t="s">
        <v>31624</v>
      </c>
      <c r="F1940">
        <v>3</v>
      </c>
      <c r="G1940" t="s">
        <v>9</v>
      </c>
      <c r="H1940" t="s">
        <v>6641</v>
      </c>
      <c r="I1940" t="s">
        <v>30540</v>
      </c>
    </row>
    <row r="1941" spans="1:9">
      <c r="A1941" s="1">
        <v>0.79337134615223792</v>
      </c>
      <c r="B1941" s="1"/>
      <c r="C1941">
        <v>4</v>
      </c>
      <c r="D1941" t="s">
        <v>6636</v>
      </c>
      <c r="E1941" t="s">
        <v>31624</v>
      </c>
      <c r="F1941">
        <v>3</v>
      </c>
      <c r="G1941" t="s">
        <v>9</v>
      </c>
      <c r="H1941" t="s">
        <v>6637</v>
      </c>
      <c r="I1941" t="s">
        <v>30540</v>
      </c>
    </row>
    <row r="1942" spans="1:9">
      <c r="A1942" s="1">
        <v>0.41479581532201559</v>
      </c>
      <c r="B1942" s="1"/>
      <c r="C1942">
        <v>2</v>
      </c>
      <c r="D1942" t="s">
        <v>6634</v>
      </c>
      <c r="E1942" t="s">
        <v>31625</v>
      </c>
      <c r="F1942">
        <v>5</v>
      </c>
      <c r="G1942" t="s">
        <v>15</v>
      </c>
      <c r="H1942" t="s">
        <v>6635</v>
      </c>
      <c r="I1942" t="s">
        <v>30540</v>
      </c>
    </row>
    <row r="1943" spans="1:9">
      <c r="A1943" s="1">
        <v>0.77075241761129309</v>
      </c>
      <c r="B1943" s="1"/>
      <c r="C1943">
        <v>10</v>
      </c>
      <c r="D1943" t="s">
        <v>6630</v>
      </c>
      <c r="E1943" t="s">
        <v>31626</v>
      </c>
      <c r="F1943">
        <v>4</v>
      </c>
      <c r="G1943" t="s">
        <v>1426</v>
      </c>
      <c r="H1943" t="s">
        <v>6631</v>
      </c>
      <c r="I1943" t="s">
        <v>30540</v>
      </c>
    </row>
    <row r="1944" spans="1:9">
      <c r="A1944" s="1">
        <v>0.13800694408729275</v>
      </c>
      <c r="B1944" s="1"/>
      <c r="C1944">
        <v>5</v>
      </c>
      <c r="D1944" t="s">
        <v>6628</v>
      </c>
      <c r="E1944" t="s">
        <v>31626</v>
      </c>
      <c r="F1944">
        <v>4</v>
      </c>
      <c r="G1944" t="s">
        <v>1</v>
      </c>
      <c r="H1944" t="s">
        <v>6629</v>
      </c>
      <c r="I1944" t="s">
        <v>30540</v>
      </c>
    </row>
    <row r="1945" spans="1:9">
      <c r="A1945" s="1">
        <v>0.98615211173513329</v>
      </c>
      <c r="B1945" s="1"/>
      <c r="C1945">
        <v>16</v>
      </c>
      <c r="D1945" t="s">
        <v>6632</v>
      </c>
      <c r="E1945" t="s">
        <v>31626</v>
      </c>
      <c r="F1945">
        <v>3</v>
      </c>
      <c r="G1945" t="s">
        <v>0</v>
      </c>
      <c r="H1945" t="s">
        <v>6633</v>
      </c>
      <c r="I1945" t="s">
        <v>30540</v>
      </c>
    </row>
    <row r="1946" spans="1:9">
      <c r="A1946" s="1">
        <v>0.90609604221495244</v>
      </c>
      <c r="B1946" s="1"/>
      <c r="C1946">
        <v>16</v>
      </c>
      <c r="D1946" t="s">
        <v>6622</v>
      </c>
      <c r="E1946" t="s">
        <v>31627</v>
      </c>
      <c r="F1946">
        <v>5</v>
      </c>
      <c r="G1946" t="s">
        <v>1</v>
      </c>
      <c r="H1946" t="s">
        <v>6623</v>
      </c>
      <c r="I1946" t="s">
        <v>30540</v>
      </c>
    </row>
    <row r="1947" spans="1:9">
      <c r="A1947" s="1">
        <v>0.61538095830694117</v>
      </c>
      <c r="B1947" s="1"/>
      <c r="C1947">
        <v>11</v>
      </c>
      <c r="D1947" t="s">
        <v>6620</v>
      </c>
      <c r="E1947" t="s">
        <v>31627</v>
      </c>
      <c r="F1947">
        <v>5</v>
      </c>
      <c r="G1947" t="s">
        <v>15</v>
      </c>
      <c r="H1947" t="s">
        <v>6621</v>
      </c>
      <c r="I1947" t="s">
        <v>30540</v>
      </c>
    </row>
    <row r="1948" spans="1:9">
      <c r="A1948" s="1">
        <v>0.95667093079568011</v>
      </c>
      <c r="B1948" s="1"/>
      <c r="C1948">
        <v>10</v>
      </c>
      <c r="D1948" t="s">
        <v>6618</v>
      </c>
      <c r="E1948" t="s">
        <v>31627</v>
      </c>
      <c r="F1948">
        <v>5</v>
      </c>
      <c r="G1948" t="s">
        <v>14</v>
      </c>
      <c r="H1948" t="s">
        <v>6619</v>
      </c>
      <c r="I1948" t="s">
        <v>30540</v>
      </c>
    </row>
    <row r="1949" spans="1:9">
      <c r="A1949" s="1">
        <v>0.31270476855081897</v>
      </c>
      <c r="B1949" s="1"/>
      <c r="C1949">
        <v>5</v>
      </c>
      <c r="D1949" t="s">
        <v>6616</v>
      </c>
      <c r="E1949" t="s">
        <v>31627</v>
      </c>
      <c r="F1949">
        <v>4</v>
      </c>
      <c r="G1949" t="s">
        <v>1</v>
      </c>
      <c r="H1949" t="s">
        <v>6617</v>
      </c>
      <c r="I1949" t="s">
        <v>30540</v>
      </c>
    </row>
    <row r="1950" spans="1:9">
      <c r="A1950" s="1">
        <v>0.71057384799289935</v>
      </c>
      <c r="B1950" s="1"/>
      <c r="C1950">
        <v>18</v>
      </c>
      <c r="D1950" t="s">
        <v>6626</v>
      </c>
      <c r="E1950" t="s">
        <v>31627</v>
      </c>
      <c r="F1950">
        <v>4</v>
      </c>
      <c r="G1950" t="s">
        <v>0</v>
      </c>
      <c r="H1950" t="s">
        <v>6627</v>
      </c>
      <c r="I1950" t="s">
        <v>30540</v>
      </c>
    </row>
    <row r="1951" spans="1:9">
      <c r="A1951" s="1">
        <v>0.35600843337351018</v>
      </c>
      <c r="B1951" s="1"/>
      <c r="C1951">
        <v>1</v>
      </c>
      <c r="D1951" t="s">
        <v>6608</v>
      </c>
      <c r="E1951" t="s">
        <v>31628</v>
      </c>
      <c r="F1951">
        <v>4</v>
      </c>
      <c r="G1951" t="s">
        <v>9</v>
      </c>
      <c r="H1951" t="s">
        <v>6609</v>
      </c>
      <c r="I1951" t="s">
        <v>30540</v>
      </c>
    </row>
    <row r="1952" spans="1:9">
      <c r="A1952" s="1">
        <v>0.56485934265319926</v>
      </c>
      <c r="B1952" s="1"/>
      <c r="C1952">
        <v>14</v>
      </c>
      <c r="D1952" t="s">
        <v>6612</v>
      </c>
      <c r="E1952" t="s">
        <v>31628</v>
      </c>
      <c r="F1952">
        <v>4</v>
      </c>
      <c r="G1952" t="s">
        <v>13</v>
      </c>
      <c r="H1952" t="s">
        <v>6613</v>
      </c>
      <c r="I1952" t="s">
        <v>30540</v>
      </c>
    </row>
    <row r="1953" spans="1:9">
      <c r="A1953" s="1">
        <v>1.1454561910364758E-2</v>
      </c>
      <c r="B1953" s="1"/>
      <c r="C1953">
        <v>2</v>
      </c>
      <c r="D1953" t="s">
        <v>6610</v>
      </c>
      <c r="E1953" t="s">
        <v>31628</v>
      </c>
      <c r="F1953">
        <v>4</v>
      </c>
      <c r="G1953" t="s">
        <v>0</v>
      </c>
      <c r="H1953" t="s">
        <v>6611</v>
      </c>
      <c r="I1953" t="s">
        <v>30540</v>
      </c>
    </row>
    <row r="1954" spans="1:9">
      <c r="A1954" s="1">
        <v>0.64085963049385719</v>
      </c>
      <c r="B1954" s="1"/>
      <c r="C1954">
        <v>15</v>
      </c>
      <c r="D1954" t="s">
        <v>6614</v>
      </c>
      <c r="E1954" t="s">
        <v>31628</v>
      </c>
      <c r="F1954">
        <v>4</v>
      </c>
      <c r="G1954" t="s">
        <v>13</v>
      </c>
      <c r="H1954" t="s">
        <v>6615</v>
      </c>
      <c r="I1954" t="s">
        <v>30540</v>
      </c>
    </row>
    <row r="1955" spans="1:9">
      <c r="A1955" s="1">
        <v>0.83428734447748309</v>
      </c>
      <c r="B1955" s="1"/>
      <c r="C1955">
        <v>12</v>
      </c>
      <c r="D1955" t="s">
        <v>6606</v>
      </c>
      <c r="E1955" t="s">
        <v>31629</v>
      </c>
      <c r="F1955">
        <v>5</v>
      </c>
      <c r="G1955" t="s">
        <v>0</v>
      </c>
      <c r="H1955" t="s">
        <v>6607</v>
      </c>
      <c r="I1955" t="s">
        <v>30540</v>
      </c>
    </row>
    <row r="1956" spans="1:9">
      <c r="A1956" s="1">
        <v>0.27241087588010948</v>
      </c>
      <c r="B1956" s="1"/>
      <c r="C1956">
        <v>11</v>
      </c>
      <c r="D1956" t="s">
        <v>6604</v>
      </c>
      <c r="E1956" t="s">
        <v>31629</v>
      </c>
      <c r="F1956">
        <v>5</v>
      </c>
      <c r="G1956" t="s">
        <v>13</v>
      </c>
      <c r="H1956" t="s">
        <v>6605</v>
      </c>
      <c r="I1956" t="s">
        <v>30540</v>
      </c>
    </row>
    <row r="1957" spans="1:9">
      <c r="A1957" s="1">
        <v>3.4924605259716746E-2</v>
      </c>
      <c r="B1957" s="1"/>
      <c r="C1957">
        <v>10</v>
      </c>
      <c r="D1957" t="s">
        <v>6602</v>
      </c>
      <c r="E1957" t="s">
        <v>31629</v>
      </c>
      <c r="F1957">
        <v>4</v>
      </c>
      <c r="G1957" t="s">
        <v>1</v>
      </c>
      <c r="H1957" t="s">
        <v>6603</v>
      </c>
      <c r="I1957" t="s">
        <v>30540</v>
      </c>
    </row>
    <row r="1958" spans="1:9">
      <c r="A1958" s="1">
        <v>0.90372094132033287</v>
      </c>
      <c r="B1958" s="1"/>
      <c r="C1958">
        <v>8</v>
      </c>
      <c r="D1958" t="s">
        <v>6600</v>
      </c>
      <c r="E1958" t="s">
        <v>31629</v>
      </c>
      <c r="F1958">
        <v>4</v>
      </c>
      <c r="G1958" t="s">
        <v>0</v>
      </c>
      <c r="H1958" t="s">
        <v>6601</v>
      </c>
      <c r="I1958" t="s">
        <v>30540</v>
      </c>
    </row>
    <row r="1959" spans="1:9">
      <c r="A1959" s="1">
        <v>0.73906119357647904</v>
      </c>
      <c r="B1959" s="1"/>
      <c r="C1959">
        <v>12</v>
      </c>
      <c r="D1959" t="s">
        <v>6596</v>
      </c>
      <c r="E1959" t="s">
        <v>31630</v>
      </c>
      <c r="F1959">
        <v>5</v>
      </c>
      <c r="G1959" t="s">
        <v>0</v>
      </c>
      <c r="H1959" t="s">
        <v>6597</v>
      </c>
      <c r="I1959" t="s">
        <v>30540</v>
      </c>
    </row>
    <row r="1960" spans="1:9">
      <c r="A1960" s="1">
        <v>4.0921161412079243E-2</v>
      </c>
      <c r="B1960" s="1"/>
      <c r="C1960">
        <v>5</v>
      </c>
      <c r="D1960" t="s">
        <v>6592</v>
      </c>
      <c r="E1960" t="s">
        <v>31630</v>
      </c>
      <c r="F1960">
        <v>4</v>
      </c>
      <c r="G1960" t="s">
        <v>13</v>
      </c>
      <c r="H1960" t="s">
        <v>6593</v>
      </c>
      <c r="I1960" t="s">
        <v>30540</v>
      </c>
    </row>
    <row r="1961" spans="1:9">
      <c r="A1961" s="1">
        <v>0.58366120335041238</v>
      </c>
      <c r="B1961" s="1"/>
      <c r="C1961">
        <v>18</v>
      </c>
      <c r="D1961" t="s">
        <v>6598</v>
      </c>
      <c r="E1961" t="s">
        <v>31630</v>
      </c>
      <c r="F1961">
        <v>4</v>
      </c>
      <c r="G1961" t="s">
        <v>1</v>
      </c>
      <c r="H1961" t="s">
        <v>6599</v>
      </c>
      <c r="I1961" t="s">
        <v>30540</v>
      </c>
    </row>
    <row r="1962" spans="1:9">
      <c r="A1962" s="1">
        <v>0.24853575249334958</v>
      </c>
      <c r="B1962" s="1"/>
      <c r="C1962">
        <v>4</v>
      </c>
      <c r="D1962" t="s">
        <v>6590</v>
      </c>
      <c r="E1962" t="s">
        <v>31630</v>
      </c>
      <c r="F1962">
        <v>4</v>
      </c>
      <c r="G1962" t="s">
        <v>2</v>
      </c>
      <c r="H1962" t="s">
        <v>6591</v>
      </c>
      <c r="I1962" t="s">
        <v>30540</v>
      </c>
    </row>
    <row r="1963" spans="1:9">
      <c r="A1963" s="1">
        <v>0.78869313287425935</v>
      </c>
      <c r="B1963" s="1"/>
      <c r="C1963">
        <v>1</v>
      </c>
      <c r="D1963" t="s">
        <v>6588</v>
      </c>
      <c r="E1963" t="s">
        <v>31630</v>
      </c>
      <c r="F1963">
        <v>4</v>
      </c>
      <c r="G1963" t="s">
        <v>10</v>
      </c>
      <c r="H1963" t="s">
        <v>6589</v>
      </c>
      <c r="I1963" t="s">
        <v>30540</v>
      </c>
    </row>
    <row r="1964" spans="1:9">
      <c r="A1964" s="1">
        <v>0.74501378097762982</v>
      </c>
      <c r="B1964" s="1"/>
      <c r="C1964">
        <v>7</v>
      </c>
      <c r="D1964" t="s">
        <v>6580</v>
      </c>
      <c r="E1964" t="s">
        <v>31631</v>
      </c>
      <c r="F1964">
        <v>5</v>
      </c>
      <c r="G1964" t="s">
        <v>13</v>
      </c>
      <c r="H1964" t="s">
        <v>6581</v>
      </c>
      <c r="I1964" t="s">
        <v>30540</v>
      </c>
    </row>
    <row r="1965" spans="1:9">
      <c r="A1965" s="1">
        <v>0.79204462414494592</v>
      </c>
      <c r="B1965" s="1"/>
      <c r="C1965">
        <v>10</v>
      </c>
      <c r="D1965" t="s">
        <v>6582</v>
      </c>
      <c r="E1965" t="s">
        <v>31631</v>
      </c>
      <c r="F1965">
        <v>5</v>
      </c>
      <c r="G1965" t="s">
        <v>0</v>
      </c>
      <c r="H1965" t="s">
        <v>6583</v>
      </c>
      <c r="I1965" t="s">
        <v>30540</v>
      </c>
    </row>
    <row r="1966" spans="1:9">
      <c r="A1966" s="1">
        <v>0.48384808242533872</v>
      </c>
      <c r="B1966" s="1"/>
      <c r="C1966">
        <v>5</v>
      </c>
      <c r="D1966" t="s">
        <v>6578</v>
      </c>
      <c r="E1966" t="s">
        <v>31631</v>
      </c>
      <c r="F1966">
        <v>4</v>
      </c>
      <c r="G1966" t="s">
        <v>15</v>
      </c>
      <c r="H1966" t="s">
        <v>6579</v>
      </c>
      <c r="I1966" t="s">
        <v>30540</v>
      </c>
    </row>
    <row r="1967" spans="1:9">
      <c r="A1967" s="1">
        <v>0.64106404794868743</v>
      </c>
      <c r="B1967" s="1"/>
      <c r="C1967">
        <v>14</v>
      </c>
      <c r="D1967" t="s">
        <v>6586</v>
      </c>
      <c r="E1967" t="s">
        <v>31631</v>
      </c>
      <c r="F1967">
        <v>4</v>
      </c>
      <c r="G1967" t="s">
        <v>13</v>
      </c>
      <c r="H1967" t="s">
        <v>6587</v>
      </c>
      <c r="I1967" t="s">
        <v>30540</v>
      </c>
    </row>
    <row r="1968" spans="1:9">
      <c r="A1968" s="1">
        <v>0.24066862511436082</v>
      </c>
      <c r="B1968" s="1"/>
      <c r="C1968">
        <v>11</v>
      </c>
      <c r="D1968" t="s">
        <v>6584</v>
      </c>
      <c r="E1968" t="s">
        <v>31631</v>
      </c>
      <c r="F1968">
        <v>3</v>
      </c>
      <c r="G1968" t="s">
        <v>10</v>
      </c>
      <c r="H1968" t="s">
        <v>6585</v>
      </c>
      <c r="I1968" t="s">
        <v>30540</v>
      </c>
    </row>
    <row r="1969" spans="1:9">
      <c r="A1969" s="1">
        <v>0.83500227016744666</v>
      </c>
      <c r="B1969" s="1"/>
      <c r="C1969">
        <v>20</v>
      </c>
      <c r="D1969" t="s">
        <v>6576</v>
      </c>
      <c r="E1969" t="s">
        <v>31632</v>
      </c>
      <c r="F1969">
        <v>4</v>
      </c>
      <c r="G1969" t="s">
        <v>770</v>
      </c>
      <c r="H1969" t="s">
        <v>6577</v>
      </c>
      <c r="I1969" t="s">
        <v>30540</v>
      </c>
    </row>
    <row r="1970" spans="1:9">
      <c r="A1970" s="1">
        <v>0.43021537774406671</v>
      </c>
      <c r="B1970" s="1"/>
      <c r="C1970">
        <v>7</v>
      </c>
      <c r="D1970" t="s">
        <v>6572</v>
      </c>
      <c r="E1970" t="s">
        <v>31632</v>
      </c>
      <c r="F1970">
        <v>4</v>
      </c>
      <c r="G1970" t="s">
        <v>2226</v>
      </c>
      <c r="H1970" t="s">
        <v>6573</v>
      </c>
      <c r="I1970" t="s">
        <v>30540</v>
      </c>
    </row>
    <row r="1971" spans="1:9">
      <c r="A1971" s="1">
        <v>0.87440641500067207</v>
      </c>
      <c r="B1971" s="1"/>
      <c r="C1971">
        <v>17</v>
      </c>
      <c r="D1971" t="s">
        <v>6574</v>
      </c>
      <c r="E1971" t="s">
        <v>31632</v>
      </c>
      <c r="F1971">
        <v>3</v>
      </c>
      <c r="G1971" t="s">
        <v>3107</v>
      </c>
      <c r="H1971" t="s">
        <v>6575</v>
      </c>
      <c r="I1971" t="s">
        <v>30540</v>
      </c>
    </row>
    <row r="1972" spans="1:9">
      <c r="A1972" s="1">
        <v>0.84655506644021938</v>
      </c>
      <c r="B1972" s="1"/>
      <c r="C1972">
        <v>8</v>
      </c>
      <c r="D1972" t="s">
        <v>6564</v>
      </c>
      <c r="E1972" t="s">
        <v>31633</v>
      </c>
      <c r="F1972">
        <v>5</v>
      </c>
      <c r="G1972" t="s">
        <v>0</v>
      </c>
      <c r="H1972" t="s">
        <v>6565</v>
      </c>
      <c r="I1972" t="s">
        <v>30540</v>
      </c>
    </row>
    <row r="1973" spans="1:9">
      <c r="A1973" s="1">
        <v>0.12754890473303482</v>
      </c>
      <c r="B1973" s="1"/>
      <c r="C1973">
        <v>9</v>
      </c>
      <c r="D1973" t="s">
        <v>6566</v>
      </c>
      <c r="E1973" t="s">
        <v>31633</v>
      </c>
      <c r="F1973">
        <v>5</v>
      </c>
      <c r="G1973" t="s">
        <v>0</v>
      </c>
      <c r="H1973" t="s">
        <v>6567</v>
      </c>
      <c r="I1973" t="s">
        <v>30540</v>
      </c>
    </row>
    <row r="1974" spans="1:9">
      <c r="A1974" s="1">
        <v>5.4245166689009472E-2</v>
      </c>
      <c r="B1974" s="1"/>
      <c r="C1974">
        <v>15</v>
      </c>
      <c r="D1974" t="s">
        <v>6570</v>
      </c>
      <c r="E1974" t="s">
        <v>31633</v>
      </c>
      <c r="F1974">
        <v>4</v>
      </c>
      <c r="G1974" t="s">
        <v>0</v>
      </c>
      <c r="H1974" t="s">
        <v>6571</v>
      </c>
      <c r="I1974" t="s">
        <v>30540</v>
      </c>
    </row>
    <row r="1975" spans="1:9">
      <c r="A1975" s="1">
        <v>0.2253440109954663</v>
      </c>
      <c r="B1975" s="1"/>
      <c r="C1975">
        <v>7</v>
      </c>
      <c r="D1975" t="s">
        <v>6562</v>
      </c>
      <c r="E1975" t="s">
        <v>31633</v>
      </c>
      <c r="F1975">
        <v>4</v>
      </c>
      <c r="G1975" t="s">
        <v>15</v>
      </c>
      <c r="H1975" t="s">
        <v>6563</v>
      </c>
      <c r="I1975" t="s">
        <v>30540</v>
      </c>
    </row>
    <row r="1976" spans="1:9">
      <c r="A1976" s="1">
        <v>0.9017974120909461</v>
      </c>
      <c r="B1976" s="1"/>
      <c r="C1976">
        <v>6</v>
      </c>
      <c r="D1976" t="s">
        <v>6560</v>
      </c>
      <c r="E1976" t="s">
        <v>31633</v>
      </c>
      <c r="F1976">
        <v>3</v>
      </c>
      <c r="G1976" t="s">
        <v>0</v>
      </c>
      <c r="H1976" t="s">
        <v>6561</v>
      </c>
      <c r="I1976" t="s">
        <v>30540</v>
      </c>
    </row>
    <row r="1977" spans="1:9">
      <c r="A1977" s="1">
        <v>0.85595195228779186</v>
      </c>
      <c r="B1977" s="1"/>
      <c r="C1977">
        <v>10</v>
      </c>
      <c r="D1977" t="s">
        <v>6556</v>
      </c>
      <c r="E1977" t="s">
        <v>31634</v>
      </c>
      <c r="F1977">
        <v>4</v>
      </c>
      <c r="G1977" t="s">
        <v>0</v>
      </c>
      <c r="H1977" t="s">
        <v>6557</v>
      </c>
      <c r="I1977" t="s">
        <v>30540</v>
      </c>
    </row>
    <row r="1978" spans="1:9">
      <c r="A1978" s="1">
        <v>0.74405988855585425</v>
      </c>
      <c r="B1978" s="1"/>
      <c r="C1978">
        <v>12</v>
      </c>
      <c r="D1978" t="s">
        <v>6558</v>
      </c>
      <c r="E1978" t="s">
        <v>31634</v>
      </c>
      <c r="F1978">
        <v>4</v>
      </c>
      <c r="G1978" t="s">
        <v>0</v>
      </c>
      <c r="H1978" t="s">
        <v>6559</v>
      </c>
      <c r="I1978" t="s">
        <v>30540</v>
      </c>
    </row>
    <row r="1979" spans="1:9">
      <c r="A1979" s="1">
        <v>0.27168636430893933</v>
      </c>
      <c r="B1979" s="1"/>
      <c r="C1979">
        <v>6</v>
      </c>
      <c r="D1979" t="s">
        <v>6542</v>
      </c>
      <c r="E1979" t="s">
        <v>31635</v>
      </c>
      <c r="F1979">
        <v>4</v>
      </c>
      <c r="G1979" t="s">
        <v>14</v>
      </c>
      <c r="H1979" t="s">
        <v>6543</v>
      </c>
      <c r="I1979" t="s">
        <v>30540</v>
      </c>
    </row>
    <row r="1980" spans="1:9">
      <c r="A1980" s="1">
        <v>0.14485417159517511</v>
      </c>
      <c r="B1980" s="1"/>
      <c r="C1980">
        <v>14</v>
      </c>
      <c r="D1980" t="s">
        <v>6548</v>
      </c>
      <c r="E1980" t="s">
        <v>31635</v>
      </c>
      <c r="F1980">
        <v>4</v>
      </c>
      <c r="G1980" t="s">
        <v>15</v>
      </c>
      <c r="H1980" t="s">
        <v>6549</v>
      </c>
      <c r="I1980" t="s">
        <v>30540</v>
      </c>
    </row>
    <row r="1981" spans="1:9">
      <c r="A1981" s="1">
        <v>0.96671697921557187</v>
      </c>
      <c r="B1981" s="1"/>
      <c r="C1981">
        <v>19</v>
      </c>
      <c r="D1981" t="s">
        <v>6552</v>
      </c>
      <c r="E1981" t="s">
        <v>31635</v>
      </c>
      <c r="F1981">
        <v>4</v>
      </c>
      <c r="G1981" t="s">
        <v>9</v>
      </c>
      <c r="H1981" t="s">
        <v>6553</v>
      </c>
      <c r="I1981" t="s">
        <v>30540</v>
      </c>
    </row>
    <row r="1982" spans="1:9">
      <c r="A1982" s="1">
        <v>0.37687128836031536</v>
      </c>
      <c r="B1982" s="1"/>
      <c r="C1982">
        <v>9</v>
      </c>
      <c r="D1982" t="s">
        <v>6546</v>
      </c>
      <c r="E1982" t="s">
        <v>31635</v>
      </c>
      <c r="F1982">
        <v>4</v>
      </c>
      <c r="G1982" t="s">
        <v>10</v>
      </c>
      <c r="H1982" t="s">
        <v>6547</v>
      </c>
      <c r="I1982" t="s">
        <v>30540</v>
      </c>
    </row>
    <row r="1983" spans="1:9">
      <c r="A1983" s="1">
        <v>1.4084793869544865E-2</v>
      </c>
      <c r="B1983" s="1"/>
      <c r="C1983">
        <v>17</v>
      </c>
      <c r="D1983" t="s">
        <v>6550</v>
      </c>
      <c r="E1983" t="s">
        <v>31635</v>
      </c>
      <c r="F1983">
        <v>4</v>
      </c>
      <c r="G1983" t="s">
        <v>0</v>
      </c>
      <c r="H1983" t="s">
        <v>6551</v>
      </c>
      <c r="I1983" t="s">
        <v>30540</v>
      </c>
    </row>
    <row r="1984" spans="1:9">
      <c r="A1984" s="1">
        <v>0.44069184825964136</v>
      </c>
      <c r="B1984" s="1"/>
      <c r="C1984">
        <v>9</v>
      </c>
      <c r="D1984" t="s">
        <v>6530</v>
      </c>
      <c r="E1984" t="s">
        <v>31636</v>
      </c>
      <c r="F1984">
        <v>5</v>
      </c>
      <c r="G1984" t="s">
        <v>0</v>
      </c>
      <c r="H1984" t="s">
        <v>6531</v>
      </c>
      <c r="I1984" t="s">
        <v>30540</v>
      </c>
    </row>
    <row r="1985" spans="1:9">
      <c r="A1985" s="1">
        <v>0.59401978658045296</v>
      </c>
      <c r="B1985" s="1"/>
      <c r="C1985">
        <v>6</v>
      </c>
      <c r="D1985" t="s">
        <v>6526</v>
      </c>
      <c r="E1985" t="s">
        <v>31636</v>
      </c>
      <c r="F1985">
        <v>5</v>
      </c>
      <c r="G1985" t="s">
        <v>2</v>
      </c>
      <c r="H1985" t="s">
        <v>6527</v>
      </c>
      <c r="I1985" t="s">
        <v>30540</v>
      </c>
    </row>
    <row r="1986" spans="1:9">
      <c r="A1986" s="1">
        <v>0.26673840610235811</v>
      </c>
      <c r="B1986" s="1"/>
      <c r="C1986">
        <v>13</v>
      </c>
      <c r="D1986" t="s">
        <v>6534</v>
      </c>
      <c r="E1986" t="s">
        <v>31636</v>
      </c>
      <c r="F1986">
        <v>4</v>
      </c>
      <c r="G1986" t="s">
        <v>0</v>
      </c>
      <c r="H1986" t="s">
        <v>6535</v>
      </c>
      <c r="I1986" t="s">
        <v>30540</v>
      </c>
    </row>
    <row r="1987" spans="1:9">
      <c r="A1987" s="1">
        <v>0.1645682411180921</v>
      </c>
      <c r="B1987" s="1"/>
      <c r="C1987">
        <v>11</v>
      </c>
      <c r="D1987" t="s">
        <v>6532</v>
      </c>
      <c r="E1987" t="s">
        <v>31636</v>
      </c>
      <c r="F1987">
        <v>4</v>
      </c>
      <c r="G1987" t="s">
        <v>10</v>
      </c>
      <c r="H1987" t="s">
        <v>6533</v>
      </c>
      <c r="I1987" t="s">
        <v>30540</v>
      </c>
    </row>
    <row r="1988" spans="1:9">
      <c r="A1988" s="1">
        <v>0.76012729434331838</v>
      </c>
      <c r="B1988" s="1"/>
      <c r="C1988">
        <v>17</v>
      </c>
      <c r="D1988" t="s">
        <v>6538</v>
      </c>
      <c r="E1988" t="s">
        <v>31636</v>
      </c>
      <c r="F1988">
        <v>4</v>
      </c>
      <c r="G1988" t="s">
        <v>13</v>
      </c>
      <c r="H1988" t="s">
        <v>6539</v>
      </c>
      <c r="I1988" t="s">
        <v>30540</v>
      </c>
    </row>
    <row r="1989" spans="1:9">
      <c r="A1989" s="1">
        <v>0.61165646897323533</v>
      </c>
      <c r="B1989" s="1"/>
      <c r="C1989">
        <v>7</v>
      </c>
      <c r="D1989" t="s">
        <v>6528</v>
      </c>
      <c r="E1989" t="s">
        <v>31636</v>
      </c>
      <c r="F1989">
        <v>4</v>
      </c>
      <c r="G1989" t="s">
        <v>9</v>
      </c>
      <c r="H1989" t="s">
        <v>6529</v>
      </c>
      <c r="I1989" t="s">
        <v>30540</v>
      </c>
    </row>
    <row r="1990" spans="1:9">
      <c r="A1990" s="1">
        <v>5.8101154995545468E-2</v>
      </c>
      <c r="B1990" s="1"/>
      <c r="C1990">
        <v>14</v>
      </c>
      <c r="D1990" t="s">
        <v>6536</v>
      </c>
      <c r="E1990" t="s">
        <v>31636</v>
      </c>
      <c r="F1990">
        <v>4</v>
      </c>
      <c r="G1990" t="s">
        <v>0</v>
      </c>
      <c r="H1990" t="s">
        <v>6537</v>
      </c>
      <c r="I1990" t="s">
        <v>30540</v>
      </c>
    </row>
    <row r="1991" spans="1:9">
      <c r="A1991" s="1">
        <v>0.24710906300104496</v>
      </c>
      <c r="B1991" s="1"/>
      <c r="C1991">
        <v>14</v>
      </c>
      <c r="D1991" t="s">
        <v>6518</v>
      </c>
      <c r="E1991" t="s">
        <v>31637</v>
      </c>
      <c r="F1991">
        <v>4</v>
      </c>
      <c r="G1991" t="s">
        <v>1</v>
      </c>
      <c r="H1991" t="s">
        <v>6519</v>
      </c>
      <c r="I1991" t="s">
        <v>30540</v>
      </c>
    </row>
    <row r="1992" spans="1:9">
      <c r="A1992" s="1">
        <v>0.76350296134843854</v>
      </c>
      <c r="B1992" s="1"/>
      <c r="C1992">
        <v>19</v>
      </c>
      <c r="D1992" t="s">
        <v>6524</v>
      </c>
      <c r="E1992" t="s">
        <v>31637</v>
      </c>
      <c r="F1992">
        <v>4</v>
      </c>
      <c r="G1992" t="s">
        <v>9</v>
      </c>
      <c r="H1992" t="s">
        <v>6525</v>
      </c>
      <c r="I1992" t="s">
        <v>30540</v>
      </c>
    </row>
    <row r="1993" spans="1:9">
      <c r="A1993" s="1">
        <v>0.2514537922057698</v>
      </c>
      <c r="B1993" s="1"/>
      <c r="C1993">
        <v>9</v>
      </c>
      <c r="D1993" t="s">
        <v>6516</v>
      </c>
      <c r="E1993" t="s">
        <v>31637</v>
      </c>
      <c r="F1993">
        <v>4</v>
      </c>
      <c r="G1993" t="s">
        <v>10</v>
      </c>
      <c r="H1993" t="s">
        <v>6517</v>
      </c>
      <c r="I1993" t="s">
        <v>30540</v>
      </c>
    </row>
    <row r="1994" spans="1:9">
      <c r="A1994" s="1">
        <v>0.48417876169365548</v>
      </c>
      <c r="B1994" s="1"/>
      <c r="C1994">
        <v>17</v>
      </c>
      <c r="D1994" t="s">
        <v>6520</v>
      </c>
      <c r="E1994" t="s">
        <v>31637</v>
      </c>
      <c r="F1994">
        <v>4</v>
      </c>
      <c r="G1994" t="s">
        <v>0</v>
      </c>
      <c r="H1994" t="s">
        <v>6521</v>
      </c>
      <c r="I1994" t="s">
        <v>30540</v>
      </c>
    </row>
    <row r="1995" spans="1:9">
      <c r="A1995" s="1">
        <v>0.8558813168209457</v>
      </c>
      <c r="B1995" s="1"/>
      <c r="C1995">
        <v>18</v>
      </c>
      <c r="D1995" t="s">
        <v>6522</v>
      </c>
      <c r="E1995" t="s">
        <v>31637</v>
      </c>
      <c r="F1995">
        <v>4</v>
      </c>
      <c r="G1995" t="s">
        <v>0</v>
      </c>
      <c r="H1995" t="s">
        <v>6523</v>
      </c>
      <c r="I1995" t="s">
        <v>30540</v>
      </c>
    </row>
    <row r="1996" spans="1:9">
      <c r="A1996" s="1">
        <v>0.75057841269283321</v>
      </c>
      <c r="B1996" s="1"/>
      <c r="C1996">
        <v>19</v>
      </c>
      <c r="D1996" t="s">
        <v>6514</v>
      </c>
      <c r="E1996" t="s">
        <v>31638</v>
      </c>
      <c r="F1996">
        <v>5</v>
      </c>
      <c r="G1996" t="s">
        <v>14</v>
      </c>
      <c r="H1996" t="s">
        <v>6515</v>
      </c>
      <c r="I1996" t="s">
        <v>30540</v>
      </c>
    </row>
    <row r="1997" spans="1:9">
      <c r="A1997" s="1">
        <v>0.16878107202453652</v>
      </c>
      <c r="B1997" s="1"/>
      <c r="C1997">
        <v>15</v>
      </c>
      <c r="D1997" t="s">
        <v>6512</v>
      </c>
      <c r="E1997" t="s">
        <v>31638</v>
      </c>
      <c r="F1997">
        <v>4</v>
      </c>
      <c r="G1997" t="s">
        <v>3107</v>
      </c>
      <c r="H1997" t="s">
        <v>6513</v>
      </c>
      <c r="I1997" t="s">
        <v>30540</v>
      </c>
    </row>
    <row r="1998" spans="1:9">
      <c r="A1998" s="1">
        <v>0.23185310932494685</v>
      </c>
      <c r="B1998" s="1"/>
      <c r="C1998">
        <v>7</v>
      </c>
      <c r="D1998" t="s">
        <v>6510</v>
      </c>
      <c r="E1998" t="s">
        <v>31638</v>
      </c>
      <c r="F1998">
        <v>4</v>
      </c>
      <c r="G1998" t="s">
        <v>3107</v>
      </c>
      <c r="H1998" t="s">
        <v>6511</v>
      </c>
      <c r="I1998" t="s">
        <v>30540</v>
      </c>
    </row>
    <row r="1999" spans="1:9">
      <c r="A1999" s="1">
        <v>0.70739184366828156</v>
      </c>
      <c r="B1999" s="1"/>
      <c r="C1999">
        <v>9</v>
      </c>
      <c r="D1999" t="s">
        <v>6504</v>
      </c>
      <c r="E1999" t="s">
        <v>31639</v>
      </c>
      <c r="F1999">
        <v>4</v>
      </c>
      <c r="G1999" t="s">
        <v>0</v>
      </c>
      <c r="H1999" t="s">
        <v>6505</v>
      </c>
      <c r="I1999" t="s">
        <v>30540</v>
      </c>
    </row>
    <row r="2000" spans="1:9">
      <c r="A2000" s="1">
        <v>0.46147031980249831</v>
      </c>
      <c r="B2000" s="1"/>
      <c r="C2000">
        <v>13</v>
      </c>
      <c r="D2000" t="s">
        <v>6506</v>
      </c>
      <c r="E2000" t="s">
        <v>31639</v>
      </c>
      <c r="F2000">
        <v>4</v>
      </c>
      <c r="G2000" t="s">
        <v>0</v>
      </c>
      <c r="H2000" t="s">
        <v>6507</v>
      </c>
      <c r="I2000" t="s">
        <v>30540</v>
      </c>
    </row>
    <row r="2001" spans="1:9">
      <c r="A2001" s="1">
        <v>0.39679952800049834</v>
      </c>
      <c r="B2001" s="1"/>
      <c r="C2001">
        <v>15</v>
      </c>
      <c r="D2001" t="s">
        <v>6500</v>
      </c>
      <c r="E2001" t="s">
        <v>31640</v>
      </c>
      <c r="F2001">
        <v>5</v>
      </c>
      <c r="G2001" t="s">
        <v>0</v>
      </c>
      <c r="H2001" t="s">
        <v>6501</v>
      </c>
      <c r="I2001" t="s">
        <v>30540</v>
      </c>
    </row>
    <row r="2002" spans="1:9">
      <c r="A2002" s="1">
        <v>0.87101583844531583</v>
      </c>
      <c r="B2002" s="1"/>
      <c r="C2002">
        <v>13</v>
      </c>
      <c r="D2002" t="s">
        <v>6498</v>
      </c>
      <c r="E2002" t="s">
        <v>31640</v>
      </c>
      <c r="F2002">
        <v>5</v>
      </c>
      <c r="G2002" t="s">
        <v>0</v>
      </c>
      <c r="H2002" t="s">
        <v>6499</v>
      </c>
      <c r="I2002" t="s">
        <v>30540</v>
      </c>
    </row>
    <row r="2003" spans="1:9">
      <c r="A2003" s="1">
        <v>5.4155952620366765E-2</v>
      </c>
      <c r="B2003" s="1"/>
      <c r="C2003">
        <v>5</v>
      </c>
      <c r="D2003" t="s">
        <v>6494</v>
      </c>
      <c r="E2003" t="s">
        <v>31640</v>
      </c>
      <c r="F2003">
        <v>4</v>
      </c>
      <c r="G2003" t="s">
        <v>2</v>
      </c>
      <c r="H2003" t="s">
        <v>6495</v>
      </c>
      <c r="I2003" t="s">
        <v>30540</v>
      </c>
    </row>
    <row r="2004" spans="1:9">
      <c r="A2004" s="1">
        <v>0.19213237371455105</v>
      </c>
      <c r="B2004" s="1"/>
      <c r="C2004">
        <v>18</v>
      </c>
      <c r="D2004" t="s">
        <v>6502</v>
      </c>
      <c r="E2004" t="s">
        <v>31640</v>
      </c>
      <c r="F2004">
        <v>4</v>
      </c>
      <c r="G2004" t="s">
        <v>2</v>
      </c>
      <c r="H2004" t="s">
        <v>6503</v>
      </c>
      <c r="I2004" t="s">
        <v>30540</v>
      </c>
    </row>
    <row r="2005" spans="1:9">
      <c r="A2005" s="1">
        <v>0.64696369290194722</v>
      </c>
      <c r="B2005" s="1"/>
      <c r="C2005">
        <v>16</v>
      </c>
      <c r="D2005" t="s">
        <v>6488</v>
      </c>
      <c r="E2005" t="s">
        <v>31641</v>
      </c>
      <c r="F2005">
        <v>5</v>
      </c>
      <c r="G2005" t="s">
        <v>0</v>
      </c>
      <c r="H2005" t="s">
        <v>6489</v>
      </c>
      <c r="I2005" t="s">
        <v>30540</v>
      </c>
    </row>
    <row r="2006" spans="1:9">
      <c r="A2006" s="1">
        <v>0.68655617659727863</v>
      </c>
      <c r="B2006" s="1"/>
      <c r="C2006">
        <v>4</v>
      </c>
      <c r="D2006" t="s">
        <v>6480</v>
      </c>
      <c r="E2006" t="s">
        <v>31641</v>
      </c>
      <c r="F2006">
        <v>4</v>
      </c>
      <c r="G2006" t="s">
        <v>9</v>
      </c>
      <c r="H2006" t="s">
        <v>6481</v>
      </c>
      <c r="I2006" t="s">
        <v>30540</v>
      </c>
    </row>
    <row r="2007" spans="1:9">
      <c r="A2007" s="1">
        <v>0.48131915493690025</v>
      </c>
      <c r="B2007" s="1"/>
      <c r="C2007">
        <v>13</v>
      </c>
      <c r="D2007" t="s">
        <v>6486</v>
      </c>
      <c r="E2007" t="s">
        <v>31641</v>
      </c>
      <c r="F2007">
        <v>4</v>
      </c>
      <c r="G2007" t="s">
        <v>9</v>
      </c>
      <c r="H2007" t="s">
        <v>6487</v>
      </c>
      <c r="I2007" t="s">
        <v>30540</v>
      </c>
    </row>
    <row r="2008" spans="1:9">
      <c r="A2008" s="1">
        <v>0.75121357709396708</v>
      </c>
      <c r="B2008" s="1"/>
      <c r="C2008">
        <v>18</v>
      </c>
      <c r="D2008" t="s">
        <v>6490</v>
      </c>
      <c r="E2008" t="s">
        <v>31641</v>
      </c>
      <c r="F2008">
        <v>4</v>
      </c>
      <c r="G2008" t="s">
        <v>0</v>
      </c>
      <c r="H2008" t="s">
        <v>6491</v>
      </c>
      <c r="I2008" t="s">
        <v>30540</v>
      </c>
    </row>
    <row r="2009" spans="1:9">
      <c r="A2009" s="1">
        <v>0.66368765289040721</v>
      </c>
      <c r="B2009" s="1"/>
      <c r="C2009">
        <v>5</v>
      </c>
      <c r="D2009" t="s">
        <v>6482</v>
      </c>
      <c r="E2009" t="s">
        <v>31641</v>
      </c>
      <c r="F2009">
        <v>4</v>
      </c>
      <c r="G2009" t="s">
        <v>14</v>
      </c>
      <c r="H2009" t="s">
        <v>6483</v>
      </c>
      <c r="I2009" t="s">
        <v>30540</v>
      </c>
    </row>
    <row r="2010" spans="1:9">
      <c r="A2010" s="1">
        <v>0.64549657359570245</v>
      </c>
      <c r="B2010" s="1"/>
      <c r="C2010">
        <v>6</v>
      </c>
      <c r="D2010" t="s">
        <v>6484</v>
      </c>
      <c r="E2010" t="s">
        <v>31641</v>
      </c>
      <c r="F2010">
        <v>4</v>
      </c>
      <c r="G2010" t="s">
        <v>0</v>
      </c>
      <c r="H2010" t="s">
        <v>6485</v>
      </c>
      <c r="I2010" t="s">
        <v>30540</v>
      </c>
    </row>
    <row r="2011" spans="1:9">
      <c r="A2011" s="1">
        <v>8.1817335321767937E-2</v>
      </c>
      <c r="B2011" s="1"/>
      <c r="C2011">
        <v>20</v>
      </c>
      <c r="D2011" t="s">
        <v>6492</v>
      </c>
      <c r="E2011" t="s">
        <v>31641</v>
      </c>
      <c r="F2011">
        <v>4</v>
      </c>
      <c r="G2011" t="s">
        <v>0</v>
      </c>
      <c r="H2011" t="s">
        <v>6493</v>
      </c>
      <c r="I2011" t="s">
        <v>30540</v>
      </c>
    </row>
    <row r="2012" spans="1:9">
      <c r="A2012" s="1">
        <v>0.81531477441884637</v>
      </c>
      <c r="B2012" s="1"/>
      <c r="C2012">
        <v>1</v>
      </c>
      <c r="D2012" t="s">
        <v>6478</v>
      </c>
      <c r="E2012" t="s">
        <v>31641</v>
      </c>
      <c r="F2012">
        <v>4</v>
      </c>
      <c r="G2012" t="s">
        <v>9</v>
      </c>
      <c r="H2012" t="s">
        <v>6479</v>
      </c>
      <c r="I2012" t="s">
        <v>30540</v>
      </c>
    </row>
    <row r="2013" spans="1:9">
      <c r="A2013" s="1">
        <v>0.10583730113460776</v>
      </c>
      <c r="B2013" s="1"/>
      <c r="C2013">
        <v>19</v>
      </c>
      <c r="D2013" t="s">
        <v>6476</v>
      </c>
      <c r="E2013" t="s">
        <v>31642</v>
      </c>
      <c r="F2013">
        <v>4</v>
      </c>
      <c r="G2013" t="s">
        <v>0</v>
      </c>
      <c r="H2013" t="s">
        <v>6477</v>
      </c>
      <c r="I2013" t="s">
        <v>30540</v>
      </c>
    </row>
    <row r="2014" spans="1:9">
      <c r="A2014" s="1">
        <v>0.17611248685547454</v>
      </c>
      <c r="B2014" s="1"/>
      <c r="C2014">
        <v>16</v>
      </c>
      <c r="D2014" t="s">
        <v>6472</v>
      </c>
      <c r="E2014" t="s">
        <v>31642</v>
      </c>
      <c r="F2014">
        <v>4</v>
      </c>
      <c r="G2014" t="s">
        <v>13</v>
      </c>
      <c r="H2014" t="s">
        <v>6473</v>
      </c>
      <c r="I2014" t="s">
        <v>30540</v>
      </c>
    </row>
    <row r="2015" spans="1:9">
      <c r="A2015" s="1">
        <v>0.67013175358319166</v>
      </c>
      <c r="B2015" s="1"/>
      <c r="C2015">
        <v>3</v>
      </c>
      <c r="D2015" t="s">
        <v>6468</v>
      </c>
      <c r="E2015" t="s">
        <v>31642</v>
      </c>
      <c r="F2015">
        <v>4</v>
      </c>
      <c r="G2015" t="s">
        <v>9</v>
      </c>
      <c r="H2015" t="s">
        <v>6469</v>
      </c>
      <c r="I2015" t="s">
        <v>30540</v>
      </c>
    </row>
    <row r="2016" spans="1:9">
      <c r="A2016" s="1">
        <v>0.1974787194055424</v>
      </c>
      <c r="B2016" s="1"/>
      <c r="C2016">
        <v>12</v>
      </c>
      <c r="D2016" t="s">
        <v>6470</v>
      </c>
      <c r="E2016" t="s">
        <v>31642</v>
      </c>
      <c r="F2016">
        <v>4</v>
      </c>
      <c r="G2016" t="s">
        <v>0</v>
      </c>
      <c r="H2016" t="s">
        <v>6471</v>
      </c>
      <c r="I2016" t="s">
        <v>30540</v>
      </c>
    </row>
    <row r="2017" spans="1:9">
      <c r="A2017" s="1">
        <v>0.82202719525565737</v>
      </c>
      <c r="B2017" s="1"/>
      <c r="C2017">
        <v>20</v>
      </c>
      <c r="D2017" t="s">
        <v>6466</v>
      </c>
      <c r="E2017" t="s">
        <v>31643</v>
      </c>
      <c r="F2017">
        <v>5</v>
      </c>
      <c r="G2017" t="s">
        <v>1431</v>
      </c>
      <c r="H2017" t="s">
        <v>6467</v>
      </c>
      <c r="I2017" t="s">
        <v>30540</v>
      </c>
    </row>
    <row r="2018" spans="1:9">
      <c r="A2018" s="1">
        <v>0.57358953035722626</v>
      </c>
      <c r="B2018" s="1"/>
      <c r="C2018">
        <v>1</v>
      </c>
      <c r="D2018" t="s">
        <v>6462</v>
      </c>
      <c r="E2018" t="s">
        <v>31643</v>
      </c>
      <c r="F2018">
        <v>4</v>
      </c>
      <c r="G2018" t="s">
        <v>1426</v>
      </c>
      <c r="H2018" t="s">
        <v>6463</v>
      </c>
      <c r="I2018" t="s">
        <v>30540</v>
      </c>
    </row>
    <row r="2019" spans="1:9">
      <c r="A2019" s="1">
        <v>4.9193043898019817E-2</v>
      </c>
      <c r="B2019" s="1"/>
      <c r="C2019">
        <v>10</v>
      </c>
      <c r="D2019" t="s">
        <v>6464</v>
      </c>
      <c r="E2019" t="s">
        <v>31643</v>
      </c>
      <c r="F2019">
        <v>4</v>
      </c>
      <c r="G2019" t="s">
        <v>1</v>
      </c>
      <c r="H2019" t="s">
        <v>6465</v>
      </c>
      <c r="I2019" t="s">
        <v>30540</v>
      </c>
    </row>
    <row r="2020" spans="1:9">
      <c r="A2020" s="1">
        <v>0.64399158790360689</v>
      </c>
      <c r="B2020" s="1"/>
      <c r="C2020">
        <v>18</v>
      </c>
      <c r="D2020" t="s">
        <v>6460</v>
      </c>
      <c r="E2020" t="s">
        <v>31644</v>
      </c>
      <c r="F2020">
        <v>5</v>
      </c>
      <c r="G2020" t="s">
        <v>1</v>
      </c>
      <c r="H2020" t="s">
        <v>6461</v>
      </c>
      <c r="I2020" t="s">
        <v>30540</v>
      </c>
    </row>
    <row r="2021" spans="1:9">
      <c r="A2021" s="1">
        <v>0.81492065519990742</v>
      </c>
      <c r="B2021" s="1"/>
      <c r="C2021">
        <v>11</v>
      </c>
      <c r="D2021" t="s">
        <v>6456</v>
      </c>
      <c r="E2021" t="s">
        <v>31644</v>
      </c>
      <c r="F2021">
        <v>4</v>
      </c>
      <c r="G2021" t="s">
        <v>14</v>
      </c>
      <c r="H2021" t="s">
        <v>6457</v>
      </c>
      <c r="I2021" t="s">
        <v>30540</v>
      </c>
    </row>
    <row r="2022" spans="1:9">
      <c r="A2022" s="1">
        <v>0.83171494173752214</v>
      </c>
      <c r="B2022" s="1"/>
      <c r="C2022">
        <v>16</v>
      </c>
      <c r="D2022" t="s">
        <v>6458</v>
      </c>
      <c r="E2022" t="s">
        <v>31644</v>
      </c>
      <c r="F2022">
        <v>4</v>
      </c>
      <c r="G2022" t="s">
        <v>2</v>
      </c>
      <c r="H2022" t="s">
        <v>6459</v>
      </c>
      <c r="I2022" t="s">
        <v>30540</v>
      </c>
    </row>
    <row r="2023" spans="1:9">
      <c r="A2023" s="1">
        <v>0.66338128532350438</v>
      </c>
      <c r="B2023" s="1"/>
      <c r="C2023">
        <v>2</v>
      </c>
      <c r="D2023" t="s">
        <v>6452</v>
      </c>
      <c r="E2023" t="s">
        <v>31644</v>
      </c>
      <c r="F2023">
        <v>4</v>
      </c>
      <c r="G2023" t="s">
        <v>0</v>
      </c>
      <c r="H2023" t="s">
        <v>6453</v>
      </c>
      <c r="I2023" t="s">
        <v>30540</v>
      </c>
    </row>
    <row r="2024" spans="1:9">
      <c r="A2024" s="1">
        <v>0.91324666326186876</v>
      </c>
      <c r="B2024" s="1"/>
      <c r="C2024">
        <v>5</v>
      </c>
      <c r="D2024" t="s">
        <v>6454</v>
      </c>
      <c r="E2024" t="s">
        <v>31644</v>
      </c>
      <c r="F2024">
        <v>4</v>
      </c>
      <c r="G2024" t="s">
        <v>0</v>
      </c>
      <c r="H2024" t="s">
        <v>6455</v>
      </c>
      <c r="I2024" t="s">
        <v>30540</v>
      </c>
    </row>
    <row r="2025" spans="1:9">
      <c r="A2025" s="1">
        <v>0.52508613971473872</v>
      </c>
      <c r="B2025" s="1"/>
      <c r="C2025">
        <v>13</v>
      </c>
      <c r="D2025" t="s">
        <v>6444</v>
      </c>
      <c r="E2025" t="s">
        <v>31645</v>
      </c>
      <c r="F2025">
        <v>5</v>
      </c>
      <c r="G2025" t="s">
        <v>0</v>
      </c>
      <c r="H2025" t="s">
        <v>6445</v>
      </c>
      <c r="I2025" t="s">
        <v>30540</v>
      </c>
    </row>
    <row r="2026" spans="1:9">
      <c r="A2026" s="1">
        <v>0.23889333241538546</v>
      </c>
      <c r="B2026" s="1"/>
      <c r="C2026">
        <v>16</v>
      </c>
      <c r="D2026" t="s">
        <v>6448</v>
      </c>
      <c r="E2026" t="s">
        <v>31645</v>
      </c>
      <c r="F2026">
        <v>4</v>
      </c>
      <c r="G2026" t="s">
        <v>0</v>
      </c>
      <c r="H2026" t="s">
        <v>6449</v>
      </c>
      <c r="I2026" t="s">
        <v>30540</v>
      </c>
    </row>
    <row r="2027" spans="1:9">
      <c r="A2027" s="1">
        <v>5.0528630397486562E-2</v>
      </c>
      <c r="B2027" s="1"/>
      <c r="C2027">
        <v>11</v>
      </c>
      <c r="D2027" t="s">
        <v>6442</v>
      </c>
      <c r="E2027" t="s">
        <v>31645</v>
      </c>
      <c r="F2027">
        <v>4</v>
      </c>
      <c r="G2027" t="s">
        <v>0</v>
      </c>
      <c r="H2027" t="s">
        <v>6443</v>
      </c>
      <c r="I2027" t="s">
        <v>30540</v>
      </c>
    </row>
    <row r="2028" spans="1:9">
      <c r="A2028" s="1">
        <v>0.85358762983313496</v>
      </c>
      <c r="B2028" s="1"/>
      <c r="C2028">
        <v>3</v>
      </c>
      <c r="D2028" t="s">
        <v>6438</v>
      </c>
      <c r="E2028" t="s">
        <v>31645</v>
      </c>
      <c r="F2028">
        <v>4</v>
      </c>
      <c r="G2028" t="s">
        <v>15</v>
      </c>
      <c r="H2028" t="s">
        <v>6439</v>
      </c>
      <c r="I2028" t="s">
        <v>30540</v>
      </c>
    </row>
    <row r="2029" spans="1:9">
      <c r="A2029" s="1">
        <v>8.4571518651652688E-3</v>
      </c>
      <c r="B2029" s="1"/>
      <c r="C2029">
        <v>10</v>
      </c>
      <c r="D2029" t="s">
        <v>6440</v>
      </c>
      <c r="E2029" t="s">
        <v>31645</v>
      </c>
      <c r="F2029">
        <v>4</v>
      </c>
      <c r="G2029" t="s">
        <v>0</v>
      </c>
      <c r="H2029" t="s">
        <v>6441</v>
      </c>
      <c r="I2029" t="s">
        <v>30540</v>
      </c>
    </row>
    <row r="2030" spans="1:9">
      <c r="A2030" s="1">
        <v>0.29405793147361081</v>
      </c>
      <c r="B2030" s="1"/>
      <c r="C2030">
        <v>13</v>
      </c>
      <c r="D2030" t="s">
        <v>6434</v>
      </c>
      <c r="E2030" t="s">
        <v>31646</v>
      </c>
      <c r="F2030">
        <v>5</v>
      </c>
      <c r="G2030" t="s">
        <v>0</v>
      </c>
      <c r="H2030" t="s">
        <v>6435</v>
      </c>
      <c r="I2030" t="s">
        <v>30540</v>
      </c>
    </row>
    <row r="2031" spans="1:9">
      <c r="A2031" s="1">
        <v>0.24440190503703341</v>
      </c>
      <c r="B2031" s="1"/>
      <c r="C2031">
        <v>11</v>
      </c>
      <c r="D2031" t="s">
        <v>6432</v>
      </c>
      <c r="E2031" t="s">
        <v>31646</v>
      </c>
      <c r="F2031">
        <v>5</v>
      </c>
      <c r="G2031" t="s">
        <v>9</v>
      </c>
      <c r="H2031" t="s">
        <v>6433</v>
      </c>
      <c r="I2031" t="s">
        <v>30540</v>
      </c>
    </row>
    <row r="2032" spans="1:9">
      <c r="A2032" s="1">
        <v>0.21442233869124794</v>
      </c>
      <c r="B2032" s="1"/>
      <c r="C2032">
        <v>4</v>
      </c>
      <c r="D2032" t="s">
        <v>6430</v>
      </c>
      <c r="E2032" t="s">
        <v>31646</v>
      </c>
      <c r="F2032">
        <v>5</v>
      </c>
      <c r="G2032" t="s">
        <v>0</v>
      </c>
      <c r="H2032" t="s">
        <v>6431</v>
      </c>
      <c r="I2032" t="s">
        <v>30540</v>
      </c>
    </row>
    <row r="2033" spans="1:9">
      <c r="A2033" s="1">
        <v>0.82193826408694104</v>
      </c>
      <c r="B2033" s="1"/>
      <c r="C2033">
        <v>2</v>
      </c>
      <c r="D2033" t="s">
        <v>6428</v>
      </c>
      <c r="E2033" t="s">
        <v>31646</v>
      </c>
      <c r="F2033">
        <v>4</v>
      </c>
      <c r="G2033" t="s">
        <v>9</v>
      </c>
      <c r="H2033" t="s">
        <v>6429</v>
      </c>
      <c r="I2033" t="s">
        <v>30540</v>
      </c>
    </row>
    <row r="2034" spans="1:9">
      <c r="A2034" s="1">
        <v>0.76590071053538167</v>
      </c>
      <c r="B2034" s="1"/>
      <c r="C2034">
        <v>18</v>
      </c>
      <c r="D2034" t="s">
        <v>6436</v>
      </c>
      <c r="E2034" t="s">
        <v>31646</v>
      </c>
      <c r="F2034">
        <v>3</v>
      </c>
      <c r="G2034" t="s">
        <v>10</v>
      </c>
      <c r="H2034" t="s">
        <v>6437</v>
      </c>
      <c r="I2034" t="s">
        <v>30540</v>
      </c>
    </row>
    <row r="2035" spans="1:9">
      <c r="A2035" s="1">
        <v>0.85628628285019437</v>
      </c>
      <c r="B2035" s="1"/>
      <c r="C2035">
        <v>10</v>
      </c>
      <c r="D2035" t="s">
        <v>6424</v>
      </c>
      <c r="E2035" t="s">
        <v>31647</v>
      </c>
      <c r="F2035">
        <v>5</v>
      </c>
      <c r="G2035" t="s">
        <v>0</v>
      </c>
      <c r="H2035" t="s">
        <v>6425</v>
      </c>
      <c r="I2035" t="s">
        <v>30540</v>
      </c>
    </row>
    <row r="2036" spans="1:9">
      <c r="A2036" s="1">
        <v>0.67751403988927983</v>
      </c>
      <c r="B2036" s="1"/>
      <c r="C2036">
        <v>12</v>
      </c>
      <c r="D2036" t="s">
        <v>6426</v>
      </c>
      <c r="E2036" t="s">
        <v>31647</v>
      </c>
      <c r="F2036">
        <v>5</v>
      </c>
      <c r="G2036" t="s">
        <v>0</v>
      </c>
      <c r="H2036" t="s">
        <v>6427</v>
      </c>
      <c r="I2036" t="s">
        <v>30540</v>
      </c>
    </row>
    <row r="2037" spans="1:9">
      <c r="A2037" s="1">
        <v>0.570545797058163</v>
      </c>
      <c r="B2037" s="1"/>
      <c r="C2037">
        <v>5</v>
      </c>
      <c r="D2037" t="s">
        <v>6420</v>
      </c>
      <c r="E2037" t="s">
        <v>31647</v>
      </c>
      <c r="F2037">
        <v>4</v>
      </c>
      <c r="G2037" t="s">
        <v>0</v>
      </c>
      <c r="H2037" t="s">
        <v>6421</v>
      </c>
      <c r="I2037" t="s">
        <v>30540</v>
      </c>
    </row>
    <row r="2038" spans="1:9">
      <c r="A2038" s="1">
        <v>0.9996671441416819</v>
      </c>
      <c r="B2038" s="1"/>
      <c r="C2038">
        <v>8</v>
      </c>
      <c r="D2038" t="s">
        <v>6422</v>
      </c>
      <c r="E2038" t="s">
        <v>31647</v>
      </c>
      <c r="F2038">
        <v>4</v>
      </c>
      <c r="G2038" t="s">
        <v>9</v>
      </c>
      <c r="H2038" t="s">
        <v>6423</v>
      </c>
      <c r="I2038" t="s">
        <v>30540</v>
      </c>
    </row>
    <row r="2039" spans="1:9">
      <c r="A2039" s="1">
        <v>0.17712218001847457</v>
      </c>
      <c r="B2039" s="1"/>
      <c r="C2039">
        <v>1</v>
      </c>
      <c r="D2039" t="s">
        <v>6418</v>
      </c>
      <c r="E2039" t="s">
        <v>31647</v>
      </c>
      <c r="F2039">
        <v>3</v>
      </c>
      <c r="G2039" t="s">
        <v>1</v>
      </c>
      <c r="H2039" t="s">
        <v>6419</v>
      </c>
      <c r="I2039" t="s">
        <v>30540</v>
      </c>
    </row>
    <row r="2040" spans="1:9">
      <c r="A2040" s="1">
        <v>0.40571695209935599</v>
      </c>
      <c r="B2040" s="1"/>
      <c r="C2040">
        <v>12</v>
      </c>
      <c r="D2040" t="s">
        <v>6412</v>
      </c>
      <c r="E2040" t="s">
        <v>31648</v>
      </c>
      <c r="F2040">
        <v>5</v>
      </c>
      <c r="G2040" t="s">
        <v>0</v>
      </c>
      <c r="H2040" t="s">
        <v>6413</v>
      </c>
      <c r="I2040" t="s">
        <v>30540</v>
      </c>
    </row>
    <row r="2041" spans="1:9">
      <c r="A2041" s="1">
        <v>0.60717583587813873</v>
      </c>
      <c r="B2041" s="1"/>
      <c r="C2041">
        <v>14</v>
      </c>
      <c r="D2041" t="s">
        <v>6416</v>
      </c>
      <c r="E2041" t="s">
        <v>31648</v>
      </c>
      <c r="F2041">
        <v>5</v>
      </c>
      <c r="G2041" t="s">
        <v>1</v>
      </c>
      <c r="H2041" t="s">
        <v>6417</v>
      </c>
      <c r="I2041" t="s">
        <v>30540</v>
      </c>
    </row>
    <row r="2042" spans="1:9">
      <c r="A2042" s="1">
        <v>0.98055432680506538</v>
      </c>
      <c r="B2042" s="1"/>
      <c r="C2042">
        <v>13</v>
      </c>
      <c r="D2042" t="s">
        <v>6414</v>
      </c>
      <c r="E2042" t="s">
        <v>31648</v>
      </c>
      <c r="F2042">
        <v>5</v>
      </c>
      <c r="G2042" t="s">
        <v>0</v>
      </c>
      <c r="H2042" t="s">
        <v>6415</v>
      </c>
      <c r="I2042" t="s">
        <v>30540</v>
      </c>
    </row>
    <row r="2043" spans="1:9">
      <c r="A2043" s="1">
        <v>0.70108398047118869</v>
      </c>
      <c r="B2043" s="1"/>
      <c r="C2043">
        <v>3</v>
      </c>
      <c r="D2043" t="s">
        <v>6406</v>
      </c>
      <c r="E2043" t="s">
        <v>31648</v>
      </c>
      <c r="F2043">
        <v>4</v>
      </c>
      <c r="G2043" t="s">
        <v>0</v>
      </c>
      <c r="H2043" t="s">
        <v>6407</v>
      </c>
      <c r="I2043" t="s">
        <v>30540</v>
      </c>
    </row>
    <row r="2044" spans="1:9">
      <c r="A2044" s="1">
        <v>0.30479034775481662</v>
      </c>
      <c r="B2044" s="1"/>
      <c r="C2044">
        <v>6</v>
      </c>
      <c r="D2044" t="s">
        <v>6408</v>
      </c>
      <c r="E2044" t="s">
        <v>31648</v>
      </c>
      <c r="F2044">
        <v>4</v>
      </c>
      <c r="G2044" t="s">
        <v>0</v>
      </c>
      <c r="H2044" t="s">
        <v>6409</v>
      </c>
      <c r="I2044" t="s">
        <v>30540</v>
      </c>
    </row>
    <row r="2045" spans="1:9">
      <c r="A2045" s="1">
        <v>0.30291505165504617</v>
      </c>
      <c r="B2045" s="1"/>
      <c r="C2045">
        <v>8</v>
      </c>
      <c r="D2045" t="s">
        <v>6410</v>
      </c>
      <c r="E2045" t="s">
        <v>31648</v>
      </c>
      <c r="F2045">
        <v>4</v>
      </c>
      <c r="G2045" t="s">
        <v>0</v>
      </c>
      <c r="H2045" t="s">
        <v>6411</v>
      </c>
      <c r="I2045" t="s">
        <v>30540</v>
      </c>
    </row>
    <row r="2046" spans="1:9">
      <c r="A2046" s="1">
        <v>0.78953391464122813</v>
      </c>
      <c r="B2046" s="1"/>
      <c r="C2046">
        <v>20</v>
      </c>
      <c r="D2046" t="s">
        <v>6404</v>
      </c>
      <c r="E2046" t="s">
        <v>31649</v>
      </c>
      <c r="F2046">
        <v>5</v>
      </c>
      <c r="G2046" t="s">
        <v>765</v>
      </c>
      <c r="H2046" t="s">
        <v>6405</v>
      </c>
      <c r="I2046" t="s">
        <v>30540</v>
      </c>
    </row>
    <row r="2047" spans="1:9">
      <c r="A2047" s="1">
        <v>0.46731780298288794</v>
      </c>
      <c r="B2047" s="1"/>
      <c r="C2047">
        <v>17</v>
      </c>
      <c r="D2047" t="s">
        <v>6402</v>
      </c>
      <c r="E2047" t="s">
        <v>31649</v>
      </c>
      <c r="F2047">
        <v>4</v>
      </c>
      <c r="G2047" t="s">
        <v>13</v>
      </c>
      <c r="H2047" t="s">
        <v>6403</v>
      </c>
      <c r="I2047" t="s">
        <v>30540</v>
      </c>
    </row>
    <row r="2048" spans="1:9">
      <c r="A2048" s="1">
        <v>0.57999490142903598</v>
      </c>
      <c r="B2048" s="1"/>
      <c r="C2048">
        <v>16</v>
      </c>
      <c r="D2048" t="s">
        <v>6400</v>
      </c>
      <c r="E2048" t="s">
        <v>31649</v>
      </c>
      <c r="F2048">
        <v>4</v>
      </c>
      <c r="G2048" t="s">
        <v>2738</v>
      </c>
      <c r="H2048" t="s">
        <v>6401</v>
      </c>
      <c r="I2048" t="s">
        <v>30540</v>
      </c>
    </row>
    <row r="2049" spans="1:9">
      <c r="A2049" s="1">
        <v>0.20555680212459093</v>
      </c>
      <c r="B2049" s="1"/>
      <c r="C2049">
        <v>9</v>
      </c>
      <c r="D2049" t="s">
        <v>6390</v>
      </c>
      <c r="E2049" t="s">
        <v>31650</v>
      </c>
      <c r="F2049">
        <v>5</v>
      </c>
      <c r="G2049" t="s">
        <v>0</v>
      </c>
      <c r="H2049" t="s">
        <v>6391</v>
      </c>
      <c r="I2049" t="s">
        <v>30540</v>
      </c>
    </row>
    <row r="2050" spans="1:9">
      <c r="A2050" s="1">
        <v>8.8561936466466817E-2</v>
      </c>
      <c r="B2050" s="1"/>
      <c r="C2050">
        <v>14</v>
      </c>
      <c r="D2050" t="s">
        <v>6394</v>
      </c>
      <c r="E2050" t="s">
        <v>31650</v>
      </c>
      <c r="F2050">
        <v>4</v>
      </c>
      <c r="G2050" t="s">
        <v>0</v>
      </c>
      <c r="H2050" t="s">
        <v>6395</v>
      </c>
      <c r="I2050" t="s">
        <v>30540</v>
      </c>
    </row>
    <row r="2051" spans="1:9">
      <c r="A2051" s="1">
        <v>0.51123171304493675</v>
      </c>
      <c r="B2051" s="1"/>
      <c r="C2051">
        <v>10</v>
      </c>
      <c r="D2051" t="s">
        <v>6392</v>
      </c>
      <c r="E2051" t="s">
        <v>31650</v>
      </c>
      <c r="F2051">
        <v>4</v>
      </c>
      <c r="G2051" t="s">
        <v>0</v>
      </c>
      <c r="H2051" t="s">
        <v>6393</v>
      </c>
      <c r="I2051" t="s">
        <v>30540</v>
      </c>
    </row>
    <row r="2052" spans="1:9">
      <c r="A2052" s="1">
        <v>0.2658451956569714</v>
      </c>
      <c r="B2052" s="1"/>
      <c r="C2052">
        <v>15</v>
      </c>
      <c r="D2052" t="s">
        <v>6396</v>
      </c>
      <c r="E2052" t="s">
        <v>31650</v>
      </c>
      <c r="F2052">
        <v>4</v>
      </c>
      <c r="G2052" t="s">
        <v>0</v>
      </c>
      <c r="H2052" t="s">
        <v>6397</v>
      </c>
      <c r="I2052" t="s">
        <v>30540</v>
      </c>
    </row>
    <row r="2053" spans="1:9">
      <c r="A2053" s="1">
        <v>0.19593556562101344</v>
      </c>
      <c r="B2053" s="1"/>
      <c r="C2053">
        <v>16</v>
      </c>
      <c r="D2053" t="s">
        <v>6398</v>
      </c>
      <c r="E2053" t="s">
        <v>31650</v>
      </c>
      <c r="F2053">
        <v>3</v>
      </c>
      <c r="G2053" t="s">
        <v>0</v>
      </c>
      <c r="H2053" t="s">
        <v>6399</v>
      </c>
      <c r="I2053" t="s">
        <v>30540</v>
      </c>
    </row>
    <row r="2054" spans="1:9">
      <c r="A2054" s="1">
        <v>0.40159886134740663</v>
      </c>
      <c r="B2054" s="1"/>
      <c r="C2054">
        <v>3</v>
      </c>
      <c r="D2054" t="s">
        <v>6380</v>
      </c>
      <c r="E2054" t="s">
        <v>31651</v>
      </c>
      <c r="F2054">
        <v>4</v>
      </c>
      <c r="G2054" t="s">
        <v>0</v>
      </c>
      <c r="H2054" t="s">
        <v>6381</v>
      </c>
      <c r="I2054" t="s">
        <v>30540</v>
      </c>
    </row>
    <row r="2055" spans="1:9">
      <c r="A2055" s="1">
        <v>2.113882370979403E-2</v>
      </c>
      <c r="B2055" s="1"/>
      <c r="C2055">
        <v>8</v>
      </c>
      <c r="D2055" t="s">
        <v>6382</v>
      </c>
      <c r="E2055" t="s">
        <v>31651</v>
      </c>
      <c r="F2055">
        <v>4</v>
      </c>
      <c r="G2055" t="s">
        <v>0</v>
      </c>
      <c r="H2055" t="s">
        <v>6383</v>
      </c>
      <c r="I2055" t="s">
        <v>30540</v>
      </c>
    </row>
    <row r="2056" spans="1:9">
      <c r="A2056" s="1">
        <v>0.30219417641049706</v>
      </c>
      <c r="B2056" s="1"/>
      <c r="C2056">
        <v>10</v>
      </c>
      <c r="D2056" t="s">
        <v>6384</v>
      </c>
      <c r="E2056" t="s">
        <v>31651</v>
      </c>
      <c r="F2056">
        <v>4</v>
      </c>
      <c r="G2056" t="s">
        <v>0</v>
      </c>
      <c r="H2056" t="s">
        <v>6385</v>
      </c>
      <c r="I2056" t="s">
        <v>30540</v>
      </c>
    </row>
    <row r="2057" spans="1:9">
      <c r="A2057" s="1">
        <v>0.94962536165912448</v>
      </c>
      <c r="B2057" s="1"/>
      <c r="C2057">
        <v>13</v>
      </c>
      <c r="D2057" t="s">
        <v>6386</v>
      </c>
      <c r="E2057" t="s">
        <v>31651</v>
      </c>
      <c r="F2057">
        <v>4</v>
      </c>
      <c r="G2057" t="s">
        <v>0</v>
      </c>
      <c r="H2057" t="s">
        <v>6387</v>
      </c>
      <c r="I2057" t="s">
        <v>30540</v>
      </c>
    </row>
    <row r="2058" spans="1:9">
      <c r="A2058" s="1">
        <v>0.10388918301124961</v>
      </c>
      <c r="B2058" s="1"/>
      <c r="C2058">
        <v>16</v>
      </c>
      <c r="D2058" t="s">
        <v>6388</v>
      </c>
      <c r="E2058" t="s">
        <v>31651</v>
      </c>
      <c r="F2058">
        <v>4</v>
      </c>
      <c r="G2058" t="s">
        <v>0</v>
      </c>
      <c r="H2058" t="s">
        <v>6389</v>
      </c>
      <c r="I2058" t="s">
        <v>30540</v>
      </c>
    </row>
    <row r="2059" spans="1:9">
      <c r="A2059" s="1">
        <v>0.84889317923946772</v>
      </c>
      <c r="B2059" s="1"/>
      <c r="C2059">
        <v>11</v>
      </c>
      <c r="D2059" t="s">
        <v>6370</v>
      </c>
      <c r="E2059" t="s">
        <v>31652</v>
      </c>
      <c r="F2059">
        <v>5</v>
      </c>
      <c r="G2059" t="s">
        <v>0</v>
      </c>
      <c r="H2059" t="s">
        <v>6371</v>
      </c>
      <c r="I2059" t="s">
        <v>30540</v>
      </c>
    </row>
    <row r="2060" spans="1:9">
      <c r="A2060" s="1">
        <v>0.53601609438607245</v>
      </c>
      <c r="B2060" s="1"/>
      <c r="C2060">
        <v>6</v>
      </c>
      <c r="D2060" t="s">
        <v>6366</v>
      </c>
      <c r="E2060" t="s">
        <v>31652</v>
      </c>
      <c r="F2060">
        <v>4</v>
      </c>
      <c r="G2060" t="s">
        <v>0</v>
      </c>
      <c r="H2060" t="s">
        <v>6367</v>
      </c>
      <c r="I2060" t="s">
        <v>30540</v>
      </c>
    </row>
    <row r="2061" spans="1:9">
      <c r="A2061" s="1">
        <v>0.94288514991856587</v>
      </c>
      <c r="B2061" s="1"/>
      <c r="C2061">
        <v>13</v>
      </c>
      <c r="D2061" t="s">
        <v>6374</v>
      </c>
      <c r="E2061" t="s">
        <v>31652</v>
      </c>
      <c r="F2061">
        <v>4</v>
      </c>
      <c r="G2061" t="s">
        <v>0</v>
      </c>
      <c r="H2061" t="s">
        <v>6375</v>
      </c>
      <c r="I2061" t="s">
        <v>30540</v>
      </c>
    </row>
    <row r="2062" spans="1:9">
      <c r="A2062" s="1">
        <v>0.4035482915562727</v>
      </c>
      <c r="B2062" s="1"/>
      <c r="C2062">
        <v>9</v>
      </c>
      <c r="D2062" t="s">
        <v>6368</v>
      </c>
      <c r="E2062" t="s">
        <v>31652</v>
      </c>
      <c r="F2062">
        <v>4</v>
      </c>
      <c r="G2062" t="s">
        <v>0</v>
      </c>
      <c r="H2062" t="s">
        <v>6369</v>
      </c>
      <c r="I2062" t="s">
        <v>30540</v>
      </c>
    </row>
    <row r="2063" spans="1:9">
      <c r="A2063" s="1">
        <v>0.72249146591289715</v>
      </c>
      <c r="B2063" s="1"/>
      <c r="C2063">
        <v>12</v>
      </c>
      <c r="D2063" t="s">
        <v>6372</v>
      </c>
      <c r="E2063" t="s">
        <v>31652</v>
      </c>
      <c r="F2063">
        <v>4</v>
      </c>
      <c r="G2063" t="s">
        <v>0</v>
      </c>
      <c r="H2063" t="s">
        <v>6373</v>
      </c>
      <c r="I2063" t="s">
        <v>30540</v>
      </c>
    </row>
    <row r="2064" spans="1:9">
      <c r="A2064" s="1">
        <v>0.22773879439610412</v>
      </c>
      <c r="B2064" s="1"/>
      <c r="C2064">
        <v>15</v>
      </c>
      <c r="D2064" t="s">
        <v>6376</v>
      </c>
      <c r="E2064" t="s">
        <v>31652</v>
      </c>
      <c r="F2064">
        <v>4</v>
      </c>
      <c r="G2064" t="s">
        <v>1</v>
      </c>
      <c r="H2064" t="s">
        <v>6377</v>
      </c>
      <c r="I2064" t="s">
        <v>30540</v>
      </c>
    </row>
    <row r="2065" spans="1:9">
      <c r="A2065" s="1">
        <v>6.4492741227047623E-2</v>
      </c>
      <c r="B2065" s="1"/>
      <c r="C2065">
        <v>20</v>
      </c>
      <c r="D2065" t="s">
        <v>6378</v>
      </c>
      <c r="E2065" t="s">
        <v>31652</v>
      </c>
      <c r="F2065">
        <v>4</v>
      </c>
      <c r="G2065" t="s">
        <v>0</v>
      </c>
      <c r="H2065" t="s">
        <v>6379</v>
      </c>
      <c r="I2065" t="s">
        <v>30540</v>
      </c>
    </row>
    <row r="2066" spans="1:9">
      <c r="A2066" s="1">
        <v>0.53236976503549915</v>
      </c>
      <c r="B2066" s="1"/>
      <c r="C2066">
        <v>2</v>
      </c>
      <c r="D2066" t="s">
        <v>6360</v>
      </c>
      <c r="E2066" t="s">
        <v>31653</v>
      </c>
      <c r="F2066">
        <v>4</v>
      </c>
      <c r="G2066" t="s">
        <v>15</v>
      </c>
      <c r="H2066" t="s">
        <v>6361</v>
      </c>
      <c r="I2066" t="s">
        <v>30540</v>
      </c>
    </row>
    <row r="2067" spans="1:9">
      <c r="A2067" s="1">
        <v>8.5843041624196204E-2</v>
      </c>
      <c r="B2067" s="1"/>
      <c r="C2067">
        <v>16</v>
      </c>
      <c r="D2067" t="s">
        <v>6362</v>
      </c>
      <c r="E2067" t="s">
        <v>31653</v>
      </c>
      <c r="F2067">
        <v>4</v>
      </c>
      <c r="G2067" t="s">
        <v>0</v>
      </c>
      <c r="H2067" t="s">
        <v>6363</v>
      </c>
      <c r="I2067" t="s">
        <v>30540</v>
      </c>
    </row>
    <row r="2068" spans="1:9">
      <c r="A2068" s="1">
        <v>0.58571452752021291</v>
      </c>
      <c r="B2068" s="1"/>
      <c r="C2068">
        <v>19</v>
      </c>
      <c r="D2068" t="s">
        <v>6364</v>
      </c>
      <c r="E2068" t="s">
        <v>31653</v>
      </c>
      <c r="F2068">
        <v>4</v>
      </c>
      <c r="G2068" t="s">
        <v>765</v>
      </c>
      <c r="H2068" t="s">
        <v>6365</v>
      </c>
      <c r="I2068" t="s">
        <v>30540</v>
      </c>
    </row>
    <row r="2069" spans="1:9">
      <c r="A2069" s="1">
        <v>0.5164790451117075</v>
      </c>
      <c r="B2069" s="1"/>
      <c r="C2069">
        <v>15</v>
      </c>
      <c r="D2069" t="s">
        <v>6356</v>
      </c>
      <c r="E2069" t="s">
        <v>31654</v>
      </c>
      <c r="F2069">
        <v>5</v>
      </c>
      <c r="G2069" t="s">
        <v>0</v>
      </c>
      <c r="H2069" t="s">
        <v>6357</v>
      </c>
      <c r="I2069" t="s">
        <v>30540</v>
      </c>
    </row>
    <row r="2070" spans="1:9">
      <c r="A2070" s="1">
        <v>0.41674228360204357</v>
      </c>
      <c r="B2070" s="1"/>
      <c r="C2070">
        <v>17</v>
      </c>
      <c r="D2070" t="s">
        <v>6358</v>
      </c>
      <c r="E2070" t="s">
        <v>31654</v>
      </c>
      <c r="F2070">
        <v>4</v>
      </c>
      <c r="G2070" t="s">
        <v>0</v>
      </c>
      <c r="H2070" t="s">
        <v>6359</v>
      </c>
      <c r="I2070" t="s">
        <v>30540</v>
      </c>
    </row>
    <row r="2071" spans="1:9">
      <c r="A2071" s="1">
        <v>0.38934415759897367</v>
      </c>
      <c r="B2071" s="1"/>
      <c r="C2071">
        <v>10</v>
      </c>
      <c r="D2071" t="s">
        <v>6348</v>
      </c>
      <c r="E2071" t="s">
        <v>31655</v>
      </c>
      <c r="F2071">
        <v>4</v>
      </c>
      <c r="G2071" t="s">
        <v>1295</v>
      </c>
      <c r="H2071" t="s">
        <v>6349</v>
      </c>
      <c r="I2071" t="s">
        <v>30540</v>
      </c>
    </row>
    <row r="2072" spans="1:9">
      <c r="A2072" s="1">
        <v>0.66638726622427225</v>
      </c>
      <c r="B2072" s="1"/>
      <c r="C2072">
        <v>17</v>
      </c>
      <c r="D2072" t="s">
        <v>6352</v>
      </c>
      <c r="E2072" t="s">
        <v>31655</v>
      </c>
      <c r="F2072">
        <v>4</v>
      </c>
      <c r="G2072" t="s">
        <v>765</v>
      </c>
      <c r="H2072" t="s">
        <v>6353</v>
      </c>
      <c r="I2072" t="s">
        <v>30540</v>
      </c>
    </row>
    <row r="2073" spans="1:9">
      <c r="A2073" s="1">
        <v>0.64726185526416913</v>
      </c>
      <c r="B2073" s="1"/>
      <c r="C2073">
        <v>20</v>
      </c>
      <c r="D2073" t="s">
        <v>6354</v>
      </c>
      <c r="E2073" t="s">
        <v>31655</v>
      </c>
      <c r="F2073">
        <v>3</v>
      </c>
      <c r="G2073" t="s">
        <v>1</v>
      </c>
      <c r="H2073" t="s">
        <v>6355</v>
      </c>
      <c r="I2073" t="s">
        <v>30540</v>
      </c>
    </row>
    <row r="2074" spans="1:9">
      <c r="A2074" s="1">
        <v>0.17934324476447283</v>
      </c>
      <c r="B2074" s="1"/>
      <c r="C2074">
        <v>19</v>
      </c>
      <c r="D2074" t="s">
        <v>6346</v>
      </c>
      <c r="E2074" t="s">
        <v>31656</v>
      </c>
      <c r="F2074">
        <v>4</v>
      </c>
      <c r="G2074" t="s">
        <v>0</v>
      </c>
      <c r="H2074" t="s">
        <v>6347</v>
      </c>
      <c r="I2074" t="s">
        <v>30540</v>
      </c>
    </row>
    <row r="2075" spans="1:9">
      <c r="A2075" s="1">
        <v>0.72453743144970673</v>
      </c>
      <c r="B2075" s="1"/>
      <c r="C2075">
        <v>1</v>
      </c>
      <c r="D2075" t="s">
        <v>6342</v>
      </c>
      <c r="E2075" t="s">
        <v>31656</v>
      </c>
      <c r="F2075">
        <v>4</v>
      </c>
      <c r="G2075" t="s">
        <v>14</v>
      </c>
      <c r="H2075" t="s">
        <v>6343</v>
      </c>
      <c r="I2075" t="s">
        <v>30540</v>
      </c>
    </row>
    <row r="2076" spans="1:9">
      <c r="A2076" s="1">
        <v>0.31790509459189531</v>
      </c>
      <c r="B2076" s="1"/>
      <c r="C2076">
        <v>16</v>
      </c>
      <c r="D2076" t="s">
        <v>6344</v>
      </c>
      <c r="E2076" t="s">
        <v>31656</v>
      </c>
      <c r="F2076">
        <v>4</v>
      </c>
      <c r="G2076" t="s">
        <v>0</v>
      </c>
      <c r="H2076" t="s">
        <v>6345</v>
      </c>
      <c r="I2076" t="s">
        <v>30540</v>
      </c>
    </row>
    <row r="2077" spans="1:9">
      <c r="A2077" s="1">
        <v>0.28313482762780473</v>
      </c>
      <c r="B2077" s="1"/>
      <c r="C2077">
        <v>18</v>
      </c>
      <c r="D2077" t="s">
        <v>6340</v>
      </c>
      <c r="E2077" t="s">
        <v>31657</v>
      </c>
      <c r="F2077">
        <v>5</v>
      </c>
      <c r="G2077" t="s">
        <v>0</v>
      </c>
      <c r="H2077" t="s">
        <v>6341</v>
      </c>
      <c r="I2077" t="s">
        <v>30540</v>
      </c>
    </row>
    <row r="2078" spans="1:9">
      <c r="A2078" s="1">
        <v>0.66250593594892893</v>
      </c>
      <c r="B2078" s="1"/>
      <c r="C2078">
        <v>1</v>
      </c>
      <c r="D2078" t="s">
        <v>6338</v>
      </c>
      <c r="E2078" t="s">
        <v>31657</v>
      </c>
      <c r="F2078">
        <v>4</v>
      </c>
      <c r="G2078" t="s">
        <v>14</v>
      </c>
      <c r="H2078" t="s">
        <v>6339</v>
      </c>
      <c r="I2078" t="s">
        <v>30540</v>
      </c>
    </row>
    <row r="2079" spans="1:9">
      <c r="A2079" s="1">
        <v>0.64997649932621537</v>
      </c>
      <c r="B2079" s="1"/>
      <c r="C2079">
        <v>15</v>
      </c>
      <c r="D2079" t="s">
        <v>6332</v>
      </c>
      <c r="E2079" t="s">
        <v>31658</v>
      </c>
      <c r="F2079">
        <v>5</v>
      </c>
      <c r="G2079" t="s">
        <v>0</v>
      </c>
      <c r="H2079" t="s">
        <v>6333</v>
      </c>
      <c r="I2079" t="s">
        <v>30540</v>
      </c>
    </row>
    <row r="2080" spans="1:9">
      <c r="A2080" s="1">
        <v>0.37807554107115604</v>
      </c>
      <c r="B2080" s="1"/>
      <c r="C2080">
        <v>20</v>
      </c>
      <c r="D2080" t="s">
        <v>6336</v>
      </c>
      <c r="E2080" t="s">
        <v>31658</v>
      </c>
      <c r="F2080">
        <v>4</v>
      </c>
      <c r="G2080" t="s">
        <v>13</v>
      </c>
      <c r="H2080" t="s">
        <v>6337</v>
      </c>
      <c r="I2080" t="s">
        <v>30540</v>
      </c>
    </row>
    <row r="2081" spans="1:9">
      <c r="A2081" s="1">
        <v>0.76142882468125894</v>
      </c>
      <c r="B2081" s="1"/>
      <c r="C2081">
        <v>16</v>
      </c>
      <c r="D2081" t="s">
        <v>6334</v>
      </c>
      <c r="E2081" t="s">
        <v>31658</v>
      </c>
      <c r="F2081">
        <v>4</v>
      </c>
      <c r="G2081" t="s">
        <v>0</v>
      </c>
      <c r="H2081" t="s">
        <v>6335</v>
      </c>
      <c r="I2081" t="s">
        <v>30540</v>
      </c>
    </row>
    <row r="2082" spans="1:9">
      <c r="A2082" s="1">
        <v>0.5342723049999224</v>
      </c>
      <c r="B2082" s="1"/>
      <c r="C2082">
        <v>9</v>
      </c>
      <c r="D2082" t="s">
        <v>6328</v>
      </c>
      <c r="E2082" t="s">
        <v>31658</v>
      </c>
      <c r="F2082">
        <v>4</v>
      </c>
      <c r="G2082" t="s">
        <v>766</v>
      </c>
      <c r="H2082" t="s">
        <v>6329</v>
      </c>
      <c r="I2082" t="s">
        <v>30540</v>
      </c>
    </row>
    <row r="2083" spans="1:9">
      <c r="A2083" s="1">
        <v>0.51067480785706565</v>
      </c>
      <c r="B2083" s="1"/>
      <c r="C2083">
        <v>13</v>
      </c>
      <c r="D2083" t="s">
        <v>6330</v>
      </c>
      <c r="E2083" t="s">
        <v>31658</v>
      </c>
      <c r="F2083">
        <v>4</v>
      </c>
      <c r="G2083" t="s">
        <v>765</v>
      </c>
      <c r="H2083" t="s">
        <v>6331</v>
      </c>
      <c r="I2083" t="s">
        <v>30540</v>
      </c>
    </row>
    <row r="2084" spans="1:9">
      <c r="A2084" s="1">
        <v>2.3249585379397031E-2</v>
      </c>
      <c r="B2084" s="1"/>
      <c r="C2084">
        <v>19</v>
      </c>
      <c r="D2084" t="s">
        <v>6322</v>
      </c>
      <c r="E2084" t="s">
        <v>31659</v>
      </c>
      <c r="F2084">
        <v>5</v>
      </c>
      <c r="G2084" t="s">
        <v>13</v>
      </c>
      <c r="H2084" t="s">
        <v>6323</v>
      </c>
      <c r="I2084" t="s">
        <v>30540</v>
      </c>
    </row>
    <row r="2085" spans="1:9">
      <c r="A2085" s="1">
        <v>0.65863647400764647</v>
      </c>
      <c r="B2085" s="1"/>
      <c r="C2085">
        <v>10</v>
      </c>
      <c r="D2085" t="s">
        <v>6318</v>
      </c>
      <c r="E2085" t="s">
        <v>31659</v>
      </c>
      <c r="F2085">
        <v>5</v>
      </c>
      <c r="G2085" t="s">
        <v>765</v>
      </c>
      <c r="H2085" t="s">
        <v>6319</v>
      </c>
      <c r="I2085" t="s">
        <v>30540</v>
      </c>
    </row>
    <row r="2086" spans="1:9">
      <c r="A2086" s="1">
        <v>0.71138532664019649</v>
      </c>
      <c r="B2086" s="1"/>
      <c r="C2086">
        <v>5</v>
      </c>
      <c r="D2086" t="s">
        <v>6316</v>
      </c>
      <c r="E2086" t="s">
        <v>31659</v>
      </c>
      <c r="F2086">
        <v>4</v>
      </c>
      <c r="G2086" t="s">
        <v>9</v>
      </c>
      <c r="H2086" t="s">
        <v>6317</v>
      </c>
      <c r="I2086" t="s">
        <v>30540</v>
      </c>
    </row>
    <row r="2087" spans="1:9">
      <c r="A2087" s="1">
        <v>0.31265445721711493</v>
      </c>
      <c r="B2087" s="1"/>
      <c r="C2087">
        <v>16</v>
      </c>
      <c r="D2087" t="s">
        <v>6320</v>
      </c>
      <c r="E2087" t="s">
        <v>31659</v>
      </c>
      <c r="F2087">
        <v>4</v>
      </c>
      <c r="G2087" t="s">
        <v>0</v>
      </c>
      <c r="H2087" t="s">
        <v>6321</v>
      </c>
      <c r="I2087" t="s">
        <v>30540</v>
      </c>
    </row>
    <row r="2088" spans="1:9">
      <c r="A2088" s="1">
        <v>0.1500787217138424</v>
      </c>
      <c r="B2088" s="1"/>
      <c r="C2088">
        <v>11</v>
      </c>
      <c r="D2088" t="s">
        <v>6310</v>
      </c>
      <c r="E2088" t="s">
        <v>31660</v>
      </c>
      <c r="F2088">
        <v>4</v>
      </c>
      <c r="G2088" t="s">
        <v>13</v>
      </c>
      <c r="H2088" t="s">
        <v>6311</v>
      </c>
      <c r="I2088" t="s">
        <v>30540</v>
      </c>
    </row>
    <row r="2089" spans="1:9">
      <c r="A2089" s="1">
        <v>0.30079497212509976</v>
      </c>
      <c r="B2089" s="1"/>
      <c r="C2089">
        <v>19</v>
      </c>
      <c r="D2089" t="s">
        <v>6314</v>
      </c>
      <c r="E2089" t="s">
        <v>31660</v>
      </c>
      <c r="F2089">
        <v>4</v>
      </c>
      <c r="G2089" t="s">
        <v>1</v>
      </c>
      <c r="H2089" t="s">
        <v>6315</v>
      </c>
      <c r="I2089" t="s">
        <v>30540</v>
      </c>
    </row>
    <row r="2090" spans="1:9">
      <c r="A2090" s="1">
        <v>0.18473602046279392</v>
      </c>
      <c r="B2090" s="1"/>
      <c r="C2090">
        <v>16</v>
      </c>
      <c r="D2090" t="s">
        <v>6312</v>
      </c>
      <c r="E2090" t="s">
        <v>31660</v>
      </c>
      <c r="F2090">
        <v>3</v>
      </c>
      <c r="G2090" t="s">
        <v>1</v>
      </c>
      <c r="H2090" t="s">
        <v>6313</v>
      </c>
      <c r="I2090" t="s">
        <v>30540</v>
      </c>
    </row>
    <row r="2091" spans="1:9">
      <c r="A2091" s="1">
        <v>0.78121437337774335</v>
      </c>
      <c r="B2091" s="1"/>
      <c r="C2091">
        <v>2</v>
      </c>
      <c r="D2091" t="s">
        <v>6306</v>
      </c>
      <c r="E2091" t="s">
        <v>31660</v>
      </c>
      <c r="F2091">
        <v>3</v>
      </c>
      <c r="G2091" t="s">
        <v>13</v>
      </c>
      <c r="H2091" t="s">
        <v>6307</v>
      </c>
      <c r="I2091" t="s">
        <v>30540</v>
      </c>
    </row>
    <row r="2092" spans="1:9">
      <c r="A2092" s="1">
        <v>0.4915080223449928</v>
      </c>
      <c r="B2092" s="1"/>
      <c r="C2092">
        <v>3</v>
      </c>
      <c r="D2092" t="s">
        <v>6308</v>
      </c>
      <c r="E2092" t="s">
        <v>31660</v>
      </c>
      <c r="F2092">
        <v>3</v>
      </c>
      <c r="G2092" t="s">
        <v>1431</v>
      </c>
      <c r="H2092" t="s">
        <v>6309</v>
      </c>
      <c r="I2092" t="s">
        <v>30540</v>
      </c>
    </row>
    <row r="2093" spans="1:9">
      <c r="A2093" s="1">
        <v>0.49536687683229275</v>
      </c>
      <c r="B2093" s="1"/>
      <c r="C2093">
        <v>15</v>
      </c>
      <c r="D2093" t="s">
        <v>6304</v>
      </c>
      <c r="E2093" t="s">
        <v>31661</v>
      </c>
      <c r="F2093">
        <v>5</v>
      </c>
      <c r="G2093" t="s">
        <v>0</v>
      </c>
      <c r="H2093" t="s">
        <v>6305</v>
      </c>
      <c r="I2093" t="s">
        <v>30540</v>
      </c>
    </row>
    <row r="2094" spans="1:9">
      <c r="A2094" s="1">
        <v>0.86625497892003844</v>
      </c>
      <c r="B2094" s="1"/>
      <c r="C2094">
        <v>16</v>
      </c>
      <c r="D2094" t="s">
        <v>6298</v>
      </c>
      <c r="E2094" t="s">
        <v>31662</v>
      </c>
      <c r="F2094">
        <v>4</v>
      </c>
      <c r="G2094" t="s">
        <v>0</v>
      </c>
      <c r="H2094" t="s">
        <v>6299</v>
      </c>
      <c r="I2094" t="s">
        <v>30540</v>
      </c>
    </row>
    <row r="2095" spans="1:9">
      <c r="A2095" s="1">
        <v>0.53723550531786979</v>
      </c>
      <c r="B2095" s="1"/>
      <c r="C2095">
        <v>15</v>
      </c>
      <c r="D2095" t="s">
        <v>6296</v>
      </c>
      <c r="E2095" t="s">
        <v>31662</v>
      </c>
      <c r="F2095">
        <v>4</v>
      </c>
      <c r="G2095" t="s">
        <v>0</v>
      </c>
      <c r="H2095" t="s">
        <v>6297</v>
      </c>
      <c r="I2095" t="s">
        <v>30540</v>
      </c>
    </row>
    <row r="2096" spans="1:9">
      <c r="A2096" s="1">
        <v>0.70680547902575341</v>
      </c>
      <c r="B2096" s="1"/>
      <c r="C2096">
        <v>8</v>
      </c>
      <c r="D2096" t="s">
        <v>6290</v>
      </c>
      <c r="E2096" t="s">
        <v>31662</v>
      </c>
      <c r="F2096">
        <v>4</v>
      </c>
      <c r="G2096" t="s">
        <v>0</v>
      </c>
      <c r="H2096" t="s">
        <v>6291</v>
      </c>
      <c r="I2096" t="s">
        <v>30540</v>
      </c>
    </row>
    <row r="2097" spans="1:9">
      <c r="A2097" s="1">
        <v>0.31984750616517577</v>
      </c>
      <c r="B2097" s="1"/>
      <c r="C2097">
        <v>3</v>
      </c>
      <c r="D2097" t="s">
        <v>6288</v>
      </c>
      <c r="E2097" t="s">
        <v>31662</v>
      </c>
      <c r="F2097">
        <v>3</v>
      </c>
      <c r="G2097" t="s">
        <v>15</v>
      </c>
      <c r="H2097" t="s">
        <v>6289</v>
      </c>
      <c r="I2097" t="s">
        <v>30540</v>
      </c>
    </row>
    <row r="2098" spans="1:9">
      <c r="A2098" s="1">
        <v>0.73122581461771319</v>
      </c>
      <c r="B2098" s="1"/>
      <c r="C2098">
        <v>11</v>
      </c>
      <c r="D2098" t="s">
        <v>6294</v>
      </c>
      <c r="E2098" t="s">
        <v>31662</v>
      </c>
      <c r="F2098">
        <v>3</v>
      </c>
      <c r="G2098" t="s">
        <v>0</v>
      </c>
      <c r="H2098" t="s">
        <v>6295</v>
      </c>
      <c r="I2098" t="s">
        <v>30540</v>
      </c>
    </row>
    <row r="2099" spans="1:9">
      <c r="A2099" s="1">
        <v>0.67331794381621446</v>
      </c>
      <c r="B2099" s="1"/>
      <c r="C2099">
        <v>4</v>
      </c>
      <c r="D2099" t="s">
        <v>6282</v>
      </c>
      <c r="E2099" t="s">
        <v>31663</v>
      </c>
      <c r="F2099">
        <v>4</v>
      </c>
      <c r="G2099" t="s">
        <v>2</v>
      </c>
      <c r="H2099" t="s">
        <v>6283</v>
      </c>
      <c r="I2099" t="s">
        <v>30540</v>
      </c>
    </row>
    <row r="2100" spans="1:9">
      <c r="A2100" s="1">
        <v>0.93789683059102169</v>
      </c>
      <c r="B2100" s="1"/>
      <c r="C2100">
        <v>14</v>
      </c>
      <c r="D2100" t="s">
        <v>6286</v>
      </c>
      <c r="E2100" t="s">
        <v>31663</v>
      </c>
      <c r="F2100">
        <v>4</v>
      </c>
      <c r="G2100" t="s">
        <v>10</v>
      </c>
      <c r="H2100" t="s">
        <v>6287</v>
      </c>
      <c r="I2100" t="s">
        <v>30540</v>
      </c>
    </row>
    <row r="2101" spans="1:9">
      <c r="A2101" s="1">
        <v>0.30601197273682101</v>
      </c>
      <c r="B2101" s="1"/>
      <c r="C2101">
        <v>9</v>
      </c>
      <c r="D2101" t="s">
        <v>6280</v>
      </c>
      <c r="E2101" t="s">
        <v>31664</v>
      </c>
      <c r="F2101">
        <v>4</v>
      </c>
      <c r="G2101" t="s">
        <v>0</v>
      </c>
      <c r="H2101" t="s">
        <v>6281</v>
      </c>
      <c r="I2101" t="s">
        <v>30540</v>
      </c>
    </row>
    <row r="2102" spans="1:9">
      <c r="A2102" s="1">
        <v>0.88840973441566551</v>
      </c>
      <c r="B2102" s="1"/>
      <c r="C2102">
        <v>5</v>
      </c>
      <c r="D2102" t="s">
        <v>6276</v>
      </c>
      <c r="E2102" t="s">
        <v>31664</v>
      </c>
      <c r="F2102">
        <v>4</v>
      </c>
      <c r="G2102" t="s">
        <v>0</v>
      </c>
      <c r="H2102" t="s">
        <v>6277</v>
      </c>
      <c r="I2102" t="s">
        <v>30540</v>
      </c>
    </row>
    <row r="2103" spans="1:9">
      <c r="A2103" s="1">
        <v>0.69672741023597717</v>
      </c>
      <c r="B2103" s="1"/>
      <c r="C2103">
        <v>6</v>
      </c>
      <c r="D2103" t="s">
        <v>6278</v>
      </c>
      <c r="E2103" t="s">
        <v>31664</v>
      </c>
      <c r="F2103">
        <v>4</v>
      </c>
      <c r="G2103" t="s">
        <v>0</v>
      </c>
      <c r="H2103" t="s">
        <v>6279</v>
      </c>
      <c r="I2103" t="s">
        <v>30540</v>
      </c>
    </row>
    <row r="2104" spans="1:9">
      <c r="A2104" s="1">
        <v>0.95597326905450186</v>
      </c>
      <c r="B2104" s="1"/>
      <c r="C2104">
        <v>2</v>
      </c>
      <c r="D2104" t="s">
        <v>6274</v>
      </c>
      <c r="E2104" t="s">
        <v>31664</v>
      </c>
      <c r="F2104">
        <v>4</v>
      </c>
      <c r="G2104" t="s">
        <v>0</v>
      </c>
      <c r="H2104" t="s">
        <v>6275</v>
      </c>
      <c r="I2104" t="s">
        <v>30540</v>
      </c>
    </row>
    <row r="2105" spans="1:9">
      <c r="A2105" s="1">
        <v>0.2449320861393055</v>
      </c>
      <c r="B2105" s="1"/>
      <c r="C2105">
        <v>18</v>
      </c>
      <c r="D2105" t="s">
        <v>6270</v>
      </c>
      <c r="E2105" t="s">
        <v>31665</v>
      </c>
      <c r="F2105">
        <v>4</v>
      </c>
      <c r="G2105" t="s">
        <v>0</v>
      </c>
      <c r="H2105" t="s">
        <v>6271</v>
      </c>
      <c r="I2105" t="s">
        <v>30540</v>
      </c>
    </row>
    <row r="2106" spans="1:9">
      <c r="A2106" s="1">
        <v>4.7573720208658132E-2</v>
      </c>
      <c r="B2106" s="1"/>
      <c r="C2106">
        <v>16</v>
      </c>
      <c r="D2106" t="s">
        <v>6268</v>
      </c>
      <c r="E2106" t="s">
        <v>31665</v>
      </c>
      <c r="F2106">
        <v>4</v>
      </c>
      <c r="G2106" t="s">
        <v>10</v>
      </c>
      <c r="H2106" t="s">
        <v>6269</v>
      </c>
      <c r="I2106" t="s">
        <v>30540</v>
      </c>
    </row>
    <row r="2107" spans="1:9">
      <c r="A2107" s="1">
        <v>8.5706661428296305E-2</v>
      </c>
      <c r="B2107" s="1"/>
      <c r="C2107">
        <v>13</v>
      </c>
      <c r="D2107" t="s">
        <v>6266</v>
      </c>
      <c r="E2107" t="s">
        <v>31665</v>
      </c>
      <c r="F2107">
        <v>3</v>
      </c>
      <c r="G2107" t="s">
        <v>9</v>
      </c>
      <c r="H2107" t="s">
        <v>6267</v>
      </c>
      <c r="I2107" t="s">
        <v>30540</v>
      </c>
    </row>
    <row r="2108" spans="1:9">
      <c r="A2108" s="1">
        <v>0.78033062360201511</v>
      </c>
      <c r="B2108" s="1"/>
      <c r="C2108">
        <v>11</v>
      </c>
      <c r="D2108" t="s">
        <v>6264</v>
      </c>
      <c r="E2108" t="s">
        <v>31665</v>
      </c>
      <c r="F2108">
        <v>3</v>
      </c>
      <c r="G2108" t="s">
        <v>9</v>
      </c>
      <c r="H2108" t="s">
        <v>6265</v>
      </c>
      <c r="I2108" t="s">
        <v>30540</v>
      </c>
    </row>
    <row r="2109" spans="1:9">
      <c r="A2109" s="1">
        <v>0.60180283672800339</v>
      </c>
      <c r="B2109" s="1"/>
      <c r="C2109">
        <v>10</v>
      </c>
      <c r="D2109" t="s">
        <v>6258</v>
      </c>
      <c r="E2109" t="s">
        <v>31666</v>
      </c>
      <c r="F2109">
        <v>5</v>
      </c>
      <c r="G2109" t="s">
        <v>13</v>
      </c>
      <c r="H2109" t="s">
        <v>6259</v>
      </c>
      <c r="I2109" t="s">
        <v>30540</v>
      </c>
    </row>
    <row r="2110" spans="1:9">
      <c r="A2110" s="1">
        <v>0.97077059858412784</v>
      </c>
      <c r="B2110" s="1"/>
      <c r="C2110">
        <v>9</v>
      </c>
      <c r="D2110" t="s">
        <v>6256</v>
      </c>
      <c r="E2110" t="s">
        <v>31666</v>
      </c>
      <c r="F2110">
        <v>4</v>
      </c>
      <c r="G2110" t="s">
        <v>2738</v>
      </c>
      <c r="H2110" t="s">
        <v>6257</v>
      </c>
      <c r="I2110" t="s">
        <v>30540</v>
      </c>
    </row>
    <row r="2111" spans="1:9">
      <c r="A2111" s="1">
        <v>0.27383802256228806</v>
      </c>
      <c r="B2111" s="1"/>
      <c r="C2111">
        <v>2</v>
      </c>
      <c r="D2111" t="s">
        <v>6252</v>
      </c>
      <c r="E2111" t="s">
        <v>31666</v>
      </c>
      <c r="F2111">
        <v>4</v>
      </c>
      <c r="G2111" t="s">
        <v>3107</v>
      </c>
      <c r="H2111" t="s">
        <v>6253</v>
      </c>
      <c r="I2111" t="s">
        <v>30540</v>
      </c>
    </row>
    <row r="2112" spans="1:9">
      <c r="A2112" s="1">
        <v>0.5552655688916649</v>
      </c>
      <c r="B2112" s="1"/>
      <c r="C2112">
        <v>19</v>
      </c>
      <c r="D2112" t="s">
        <v>6262</v>
      </c>
      <c r="E2112" t="s">
        <v>31666</v>
      </c>
      <c r="F2112">
        <v>4</v>
      </c>
      <c r="G2112" t="s">
        <v>1426</v>
      </c>
      <c r="H2112" t="s">
        <v>6263</v>
      </c>
      <c r="I2112" t="s">
        <v>30540</v>
      </c>
    </row>
    <row r="2113" spans="1:9">
      <c r="A2113" s="1">
        <v>0.11260863592707526</v>
      </c>
      <c r="B2113" s="1"/>
      <c r="C2113">
        <v>18</v>
      </c>
      <c r="D2113" t="s">
        <v>6260</v>
      </c>
      <c r="E2113" t="s">
        <v>31666</v>
      </c>
      <c r="F2113">
        <v>4</v>
      </c>
      <c r="G2113" t="s">
        <v>1426</v>
      </c>
      <c r="H2113" t="s">
        <v>6261</v>
      </c>
      <c r="I2113" t="s">
        <v>30540</v>
      </c>
    </row>
    <row r="2114" spans="1:9">
      <c r="A2114" s="1">
        <v>0.14241604851178558</v>
      </c>
      <c r="B2114" s="1"/>
      <c r="C2114">
        <v>19</v>
      </c>
      <c r="D2114" t="s">
        <v>6250</v>
      </c>
      <c r="E2114" t="s">
        <v>31667</v>
      </c>
      <c r="F2114">
        <v>5</v>
      </c>
      <c r="G2114" t="s">
        <v>0</v>
      </c>
      <c r="H2114" t="s">
        <v>6251</v>
      </c>
      <c r="I2114" t="s">
        <v>30540</v>
      </c>
    </row>
    <row r="2115" spans="1:9">
      <c r="A2115" s="1">
        <v>0.72065330063056365</v>
      </c>
      <c r="B2115" s="1"/>
      <c r="C2115">
        <v>10</v>
      </c>
      <c r="D2115" t="s">
        <v>6244</v>
      </c>
      <c r="E2115" t="s">
        <v>31667</v>
      </c>
      <c r="F2115">
        <v>4</v>
      </c>
      <c r="G2115" t="s">
        <v>0</v>
      </c>
      <c r="H2115" t="s">
        <v>6245</v>
      </c>
      <c r="I2115" t="s">
        <v>30540</v>
      </c>
    </row>
    <row r="2116" spans="1:9">
      <c r="A2116" s="1">
        <v>0.12854370394851189</v>
      </c>
      <c r="B2116" s="1"/>
      <c r="C2116">
        <v>9</v>
      </c>
      <c r="D2116" t="s">
        <v>6242</v>
      </c>
      <c r="E2116" t="s">
        <v>31667</v>
      </c>
      <c r="F2116">
        <v>4</v>
      </c>
      <c r="G2116" t="s">
        <v>0</v>
      </c>
      <c r="H2116" t="s">
        <v>6243</v>
      </c>
      <c r="I2116" t="s">
        <v>30540</v>
      </c>
    </row>
    <row r="2117" spans="1:9">
      <c r="A2117" s="1">
        <v>0.78806020791091258</v>
      </c>
      <c r="B2117" s="1"/>
      <c r="C2117">
        <v>11</v>
      </c>
      <c r="D2117" t="s">
        <v>6246</v>
      </c>
      <c r="E2117" t="s">
        <v>31667</v>
      </c>
      <c r="F2117">
        <v>4</v>
      </c>
      <c r="G2117" t="s">
        <v>0</v>
      </c>
      <c r="H2117" t="s">
        <v>6247</v>
      </c>
      <c r="I2117" t="s">
        <v>30540</v>
      </c>
    </row>
    <row r="2118" spans="1:9">
      <c r="A2118" s="1">
        <v>0.1313797841193276</v>
      </c>
      <c r="B2118" s="1"/>
      <c r="C2118">
        <v>15</v>
      </c>
      <c r="D2118" t="s">
        <v>6236</v>
      </c>
      <c r="E2118" t="s">
        <v>31668</v>
      </c>
      <c r="F2118">
        <v>5</v>
      </c>
      <c r="G2118" t="s">
        <v>0</v>
      </c>
      <c r="H2118" t="s">
        <v>6237</v>
      </c>
      <c r="I2118" t="s">
        <v>30540</v>
      </c>
    </row>
    <row r="2119" spans="1:9">
      <c r="A2119" s="1">
        <v>0.22184283432903029</v>
      </c>
      <c r="B2119" s="1"/>
      <c r="C2119">
        <v>14</v>
      </c>
      <c r="D2119" t="s">
        <v>6234</v>
      </c>
      <c r="E2119" t="s">
        <v>31668</v>
      </c>
      <c r="F2119">
        <v>5</v>
      </c>
      <c r="G2119" t="s">
        <v>0</v>
      </c>
      <c r="H2119" t="s">
        <v>6235</v>
      </c>
      <c r="I2119" t="s">
        <v>30540</v>
      </c>
    </row>
    <row r="2120" spans="1:9">
      <c r="A2120" s="1">
        <v>0.44426326152566242</v>
      </c>
      <c r="B2120" s="1"/>
      <c r="C2120">
        <v>8</v>
      </c>
      <c r="D2120" t="s">
        <v>6230</v>
      </c>
      <c r="E2120" t="s">
        <v>31668</v>
      </c>
      <c r="F2120">
        <v>4</v>
      </c>
      <c r="G2120" t="s">
        <v>14</v>
      </c>
      <c r="H2120" t="s">
        <v>6231</v>
      </c>
      <c r="I2120" t="s">
        <v>30540</v>
      </c>
    </row>
    <row r="2121" spans="1:9">
      <c r="A2121" s="1">
        <v>0.32581167121820231</v>
      </c>
      <c r="B2121" s="1"/>
      <c r="C2121">
        <v>7</v>
      </c>
      <c r="D2121" t="s">
        <v>6228</v>
      </c>
      <c r="E2121" t="s">
        <v>31668</v>
      </c>
      <c r="F2121">
        <v>4</v>
      </c>
      <c r="G2121" t="s">
        <v>1</v>
      </c>
      <c r="H2121" t="s">
        <v>6229</v>
      </c>
      <c r="I2121" t="s">
        <v>30540</v>
      </c>
    </row>
    <row r="2122" spans="1:9">
      <c r="A2122" s="1">
        <v>0.27995676074403952</v>
      </c>
      <c r="B2122" s="1"/>
      <c r="C2122">
        <v>19</v>
      </c>
      <c r="D2122" t="s">
        <v>6240</v>
      </c>
      <c r="E2122" t="s">
        <v>31668</v>
      </c>
      <c r="F2122">
        <v>4</v>
      </c>
      <c r="G2122" t="s">
        <v>0</v>
      </c>
      <c r="H2122" t="s">
        <v>6241</v>
      </c>
      <c r="I2122" t="s">
        <v>30540</v>
      </c>
    </row>
    <row r="2123" spans="1:9">
      <c r="A2123" s="1">
        <v>0.38634014647254045</v>
      </c>
      <c r="B2123" s="1"/>
      <c r="C2123">
        <v>6</v>
      </c>
      <c r="D2123" t="s">
        <v>6226</v>
      </c>
      <c r="E2123" t="s">
        <v>31668</v>
      </c>
      <c r="F2123">
        <v>4</v>
      </c>
      <c r="G2123" t="s">
        <v>9</v>
      </c>
      <c r="H2123" t="s">
        <v>6227</v>
      </c>
      <c r="I2123" t="s">
        <v>30540</v>
      </c>
    </row>
    <row r="2124" spans="1:9">
      <c r="A2124" s="1">
        <v>0.41706910051935864</v>
      </c>
      <c r="B2124" s="1"/>
      <c r="C2124">
        <v>16</v>
      </c>
      <c r="D2124" t="s">
        <v>6238</v>
      </c>
      <c r="E2124" t="s">
        <v>31668</v>
      </c>
      <c r="F2124">
        <v>3</v>
      </c>
      <c r="G2124" t="s">
        <v>0</v>
      </c>
      <c r="H2124" t="s">
        <v>6239</v>
      </c>
      <c r="I2124" t="s">
        <v>30540</v>
      </c>
    </row>
    <row r="2125" spans="1:9">
      <c r="A2125" s="1">
        <v>0.36400114166380271</v>
      </c>
      <c r="B2125" s="1"/>
      <c r="C2125">
        <v>13</v>
      </c>
      <c r="D2125" t="s">
        <v>6232</v>
      </c>
      <c r="E2125" t="s">
        <v>31668</v>
      </c>
      <c r="F2125">
        <v>3</v>
      </c>
      <c r="G2125" t="s">
        <v>1</v>
      </c>
      <c r="H2125" t="s">
        <v>6233</v>
      </c>
      <c r="I2125" t="s">
        <v>30540</v>
      </c>
    </row>
    <row r="2126" spans="1:9">
      <c r="A2126" s="1">
        <v>0.74811960223516472</v>
      </c>
      <c r="B2126" s="1"/>
      <c r="C2126">
        <v>12</v>
      </c>
      <c r="D2126" t="s">
        <v>6212</v>
      </c>
      <c r="E2126" t="s">
        <v>31669</v>
      </c>
      <c r="F2126">
        <v>5</v>
      </c>
      <c r="G2126" t="s">
        <v>0</v>
      </c>
      <c r="H2126" t="s">
        <v>6213</v>
      </c>
      <c r="I2126" t="s">
        <v>30540</v>
      </c>
    </row>
    <row r="2127" spans="1:9">
      <c r="A2127" s="1">
        <v>0.57305709220391743</v>
      </c>
      <c r="B2127" s="1"/>
      <c r="C2127">
        <v>13</v>
      </c>
      <c r="D2127" t="s">
        <v>6214</v>
      </c>
      <c r="E2127" t="s">
        <v>31669</v>
      </c>
      <c r="F2127">
        <v>5</v>
      </c>
      <c r="G2127" t="s">
        <v>2</v>
      </c>
      <c r="H2127" t="s">
        <v>6215</v>
      </c>
      <c r="I2127" t="s">
        <v>30540</v>
      </c>
    </row>
    <row r="2128" spans="1:9">
      <c r="A2128" s="1">
        <v>0.60022379957656946</v>
      </c>
      <c r="B2128" s="1"/>
      <c r="C2128">
        <v>17</v>
      </c>
      <c r="D2128" t="s">
        <v>6220</v>
      </c>
      <c r="E2128" t="s">
        <v>31669</v>
      </c>
      <c r="F2128">
        <v>5</v>
      </c>
      <c r="G2128" t="s">
        <v>0</v>
      </c>
      <c r="H2128" t="s">
        <v>6221</v>
      </c>
      <c r="I2128" t="s">
        <v>30540</v>
      </c>
    </row>
    <row r="2129" spans="1:9">
      <c r="A2129" s="1">
        <v>0.40323148787337137</v>
      </c>
      <c r="B2129" s="1"/>
      <c r="C2129">
        <v>14</v>
      </c>
      <c r="D2129" t="s">
        <v>6216</v>
      </c>
      <c r="E2129" t="s">
        <v>31669</v>
      </c>
      <c r="F2129">
        <v>4</v>
      </c>
      <c r="G2129" t="s">
        <v>1</v>
      </c>
      <c r="H2129" t="s">
        <v>6217</v>
      </c>
      <c r="I2129" t="s">
        <v>30540</v>
      </c>
    </row>
    <row r="2130" spans="1:9">
      <c r="A2130" s="1">
        <v>0.92925908124183565</v>
      </c>
      <c r="B2130" s="1"/>
      <c r="C2130">
        <v>11</v>
      </c>
      <c r="D2130" t="s">
        <v>6210</v>
      </c>
      <c r="E2130" t="s">
        <v>31669</v>
      </c>
      <c r="F2130">
        <v>4</v>
      </c>
      <c r="G2130" t="s">
        <v>0</v>
      </c>
      <c r="H2130" t="s">
        <v>6211</v>
      </c>
      <c r="I2130" t="s">
        <v>30540</v>
      </c>
    </row>
    <row r="2131" spans="1:9">
      <c r="A2131" s="1">
        <v>3.7858045241814575E-2</v>
      </c>
      <c r="B2131" s="1"/>
      <c r="C2131">
        <v>19</v>
      </c>
      <c r="D2131" t="s">
        <v>6222</v>
      </c>
      <c r="E2131" t="s">
        <v>31669</v>
      </c>
      <c r="F2131">
        <v>4</v>
      </c>
      <c r="G2131" t="s">
        <v>2</v>
      </c>
      <c r="H2131" t="s">
        <v>6223</v>
      </c>
      <c r="I2131" t="s">
        <v>30540</v>
      </c>
    </row>
    <row r="2132" spans="1:9">
      <c r="A2132" s="1">
        <v>0.62066143481414882</v>
      </c>
      <c r="B2132" s="1"/>
      <c r="C2132">
        <v>5</v>
      </c>
      <c r="D2132" t="s">
        <v>6206</v>
      </c>
      <c r="E2132" t="s">
        <v>31669</v>
      </c>
      <c r="F2132">
        <v>4</v>
      </c>
      <c r="G2132" t="s">
        <v>0</v>
      </c>
      <c r="H2132" t="s">
        <v>6207</v>
      </c>
      <c r="I2132" t="s">
        <v>30540</v>
      </c>
    </row>
    <row r="2133" spans="1:9">
      <c r="A2133" s="1">
        <v>4.9617444092984186E-3</v>
      </c>
      <c r="B2133" s="1"/>
      <c r="C2133">
        <v>15</v>
      </c>
      <c r="D2133" t="s">
        <v>6218</v>
      </c>
      <c r="E2133" t="s">
        <v>31669</v>
      </c>
      <c r="F2133">
        <v>4</v>
      </c>
      <c r="G2133" t="s">
        <v>13</v>
      </c>
      <c r="H2133" t="s">
        <v>6219</v>
      </c>
      <c r="I2133" t="s">
        <v>30540</v>
      </c>
    </row>
    <row r="2134" spans="1:9">
      <c r="A2134" s="1">
        <v>3.1223721132766058E-2</v>
      </c>
      <c r="B2134" s="1"/>
      <c r="C2134">
        <v>11</v>
      </c>
      <c r="D2134" t="s">
        <v>6198</v>
      </c>
      <c r="E2134" t="s">
        <v>31670</v>
      </c>
      <c r="F2134">
        <v>5</v>
      </c>
      <c r="G2134" t="s">
        <v>0</v>
      </c>
      <c r="H2134" t="s">
        <v>6199</v>
      </c>
      <c r="I2134" t="s">
        <v>30540</v>
      </c>
    </row>
    <row r="2135" spans="1:9">
      <c r="A2135" s="1">
        <v>0.34490823069737464</v>
      </c>
      <c r="B2135" s="1"/>
      <c r="C2135">
        <v>10</v>
      </c>
      <c r="D2135" t="s">
        <v>6196</v>
      </c>
      <c r="E2135" t="s">
        <v>31670</v>
      </c>
      <c r="F2135">
        <v>5</v>
      </c>
      <c r="G2135" t="s">
        <v>15</v>
      </c>
      <c r="H2135" t="s">
        <v>6197</v>
      </c>
      <c r="I2135" t="s">
        <v>30540</v>
      </c>
    </row>
    <row r="2136" spans="1:9">
      <c r="A2136" s="1">
        <v>1.516358996965339E-3</v>
      </c>
      <c r="B2136" s="1"/>
      <c r="C2136">
        <v>17</v>
      </c>
      <c r="D2136" t="s">
        <v>6204</v>
      </c>
      <c r="E2136" t="s">
        <v>31670</v>
      </c>
      <c r="F2136">
        <v>5</v>
      </c>
      <c r="G2136" t="s">
        <v>1</v>
      </c>
      <c r="H2136" t="s">
        <v>6205</v>
      </c>
      <c r="I2136" t="s">
        <v>30540</v>
      </c>
    </row>
    <row r="2137" spans="1:9">
      <c r="A2137" s="1">
        <v>0.24994501160013893</v>
      </c>
      <c r="B2137" s="1"/>
      <c r="C2137">
        <v>14</v>
      </c>
      <c r="D2137" t="s">
        <v>6202</v>
      </c>
      <c r="E2137" t="s">
        <v>31670</v>
      </c>
      <c r="F2137">
        <v>4</v>
      </c>
      <c r="G2137" t="s">
        <v>0</v>
      </c>
      <c r="H2137" t="s">
        <v>6203</v>
      </c>
      <c r="I2137" t="s">
        <v>30540</v>
      </c>
    </row>
    <row r="2138" spans="1:9">
      <c r="A2138" s="1">
        <v>6.8496801349126613E-2</v>
      </c>
      <c r="B2138" s="1"/>
      <c r="C2138">
        <v>5</v>
      </c>
      <c r="D2138" t="s">
        <v>6194</v>
      </c>
      <c r="E2138" t="s">
        <v>31670</v>
      </c>
      <c r="F2138">
        <v>4</v>
      </c>
      <c r="G2138" t="s">
        <v>0</v>
      </c>
      <c r="H2138" t="s">
        <v>6195</v>
      </c>
      <c r="I2138" t="s">
        <v>30540</v>
      </c>
    </row>
    <row r="2139" spans="1:9">
      <c r="A2139" s="1">
        <v>0.275508833452208</v>
      </c>
      <c r="B2139" s="1"/>
      <c r="C2139">
        <v>13</v>
      </c>
      <c r="D2139" t="s">
        <v>6200</v>
      </c>
      <c r="E2139" t="s">
        <v>31670</v>
      </c>
      <c r="F2139">
        <v>4</v>
      </c>
      <c r="G2139" t="s">
        <v>0</v>
      </c>
      <c r="H2139" t="s">
        <v>6201</v>
      </c>
      <c r="I2139" t="s">
        <v>30540</v>
      </c>
    </row>
    <row r="2140" spans="1:9">
      <c r="A2140" s="1">
        <v>0.70722572918635629</v>
      </c>
      <c r="B2140" s="1"/>
      <c r="C2140">
        <v>8</v>
      </c>
      <c r="D2140" t="s">
        <v>6186</v>
      </c>
      <c r="E2140" t="s">
        <v>31671</v>
      </c>
      <c r="F2140">
        <v>5</v>
      </c>
      <c r="G2140" t="s">
        <v>14</v>
      </c>
      <c r="H2140" t="s">
        <v>6187</v>
      </c>
      <c r="I2140" t="s">
        <v>30540</v>
      </c>
    </row>
    <row r="2141" spans="1:9">
      <c r="A2141" s="1">
        <v>0.45437152281190019</v>
      </c>
      <c r="B2141" s="1"/>
      <c r="C2141">
        <v>13</v>
      </c>
      <c r="D2141" t="s">
        <v>6188</v>
      </c>
      <c r="E2141" t="s">
        <v>31671</v>
      </c>
      <c r="F2141">
        <v>4</v>
      </c>
      <c r="G2141" t="s">
        <v>0</v>
      </c>
      <c r="H2141" t="s">
        <v>6189</v>
      </c>
      <c r="I2141" t="s">
        <v>30540</v>
      </c>
    </row>
    <row r="2142" spans="1:9">
      <c r="A2142" s="1">
        <v>0.87826643026477458</v>
      </c>
      <c r="B2142" s="1"/>
      <c r="C2142">
        <v>17</v>
      </c>
      <c r="D2142" t="s">
        <v>6190</v>
      </c>
      <c r="E2142" t="s">
        <v>31671</v>
      </c>
      <c r="F2142">
        <v>4</v>
      </c>
      <c r="G2142" t="s">
        <v>0</v>
      </c>
      <c r="H2142" t="s">
        <v>6191</v>
      </c>
      <c r="I2142" t="s">
        <v>30540</v>
      </c>
    </row>
    <row r="2143" spans="1:9">
      <c r="A2143" s="1">
        <v>5.5240285849871285E-2</v>
      </c>
      <c r="B2143" s="1"/>
      <c r="C2143">
        <v>18</v>
      </c>
      <c r="D2143" t="s">
        <v>6192</v>
      </c>
      <c r="E2143" t="s">
        <v>31671</v>
      </c>
      <c r="F2143">
        <v>4</v>
      </c>
      <c r="G2143" t="s">
        <v>0</v>
      </c>
      <c r="H2143" t="s">
        <v>6193</v>
      </c>
      <c r="I2143" t="s">
        <v>30540</v>
      </c>
    </row>
    <row r="2144" spans="1:9">
      <c r="A2144" s="1">
        <v>0.54514287276390072</v>
      </c>
      <c r="B2144" s="1"/>
      <c r="C2144">
        <v>6</v>
      </c>
      <c r="D2144" t="s">
        <v>6184</v>
      </c>
      <c r="E2144" t="s">
        <v>31671</v>
      </c>
      <c r="F2144">
        <v>3</v>
      </c>
      <c r="G2144" t="s">
        <v>0</v>
      </c>
      <c r="H2144" t="s">
        <v>6185</v>
      </c>
      <c r="I2144" t="s">
        <v>30540</v>
      </c>
    </row>
    <row r="2145" spans="1:9">
      <c r="A2145" s="1">
        <v>0.18249343684126307</v>
      </c>
      <c r="B2145" s="1"/>
      <c r="C2145">
        <v>5</v>
      </c>
      <c r="D2145" t="s">
        <v>6180</v>
      </c>
      <c r="E2145" t="s">
        <v>31672</v>
      </c>
      <c r="F2145">
        <v>4</v>
      </c>
      <c r="G2145" t="s">
        <v>13</v>
      </c>
      <c r="H2145" t="s">
        <v>6181</v>
      </c>
      <c r="I2145" t="s">
        <v>30540</v>
      </c>
    </row>
    <row r="2146" spans="1:9">
      <c r="A2146" s="1">
        <v>0.34216690942280636</v>
      </c>
      <c r="B2146" s="1"/>
      <c r="C2146">
        <v>17</v>
      </c>
      <c r="D2146" t="s">
        <v>6176</v>
      </c>
      <c r="E2146" t="s">
        <v>31673</v>
      </c>
      <c r="F2146">
        <v>5</v>
      </c>
      <c r="G2146" t="s">
        <v>0</v>
      </c>
      <c r="H2146" t="s">
        <v>6177</v>
      </c>
      <c r="I2146" t="s">
        <v>30540</v>
      </c>
    </row>
    <row r="2147" spans="1:9">
      <c r="A2147" s="1">
        <v>0.53234136767142559</v>
      </c>
      <c r="B2147" s="1"/>
      <c r="C2147">
        <v>5</v>
      </c>
      <c r="D2147" t="s">
        <v>6168</v>
      </c>
      <c r="E2147" t="s">
        <v>31673</v>
      </c>
      <c r="F2147">
        <v>5</v>
      </c>
      <c r="G2147" t="s">
        <v>13</v>
      </c>
      <c r="H2147" t="s">
        <v>6169</v>
      </c>
      <c r="I2147" t="s">
        <v>30540</v>
      </c>
    </row>
    <row r="2148" spans="1:9">
      <c r="A2148" s="1">
        <v>0.19288294182609034</v>
      </c>
      <c r="B2148" s="1"/>
      <c r="C2148">
        <v>12</v>
      </c>
      <c r="D2148" t="s">
        <v>6172</v>
      </c>
      <c r="E2148" t="s">
        <v>31673</v>
      </c>
      <c r="F2148">
        <v>4</v>
      </c>
      <c r="G2148" t="s">
        <v>0</v>
      </c>
      <c r="H2148" t="s">
        <v>6173</v>
      </c>
      <c r="I2148" t="s">
        <v>30540</v>
      </c>
    </row>
    <row r="2149" spans="1:9">
      <c r="A2149" s="1">
        <v>0.99818528532420747</v>
      </c>
      <c r="B2149" s="1"/>
      <c r="C2149">
        <v>13</v>
      </c>
      <c r="D2149" t="s">
        <v>6174</v>
      </c>
      <c r="E2149" t="s">
        <v>31673</v>
      </c>
      <c r="F2149">
        <v>4</v>
      </c>
      <c r="G2149" t="s">
        <v>0</v>
      </c>
      <c r="H2149" t="s">
        <v>6175</v>
      </c>
      <c r="I2149" t="s">
        <v>30540</v>
      </c>
    </row>
    <row r="2150" spans="1:9">
      <c r="A2150" s="1">
        <v>0.82908343295570319</v>
      </c>
      <c r="B2150" s="1"/>
      <c r="C2150">
        <v>9</v>
      </c>
      <c r="D2150" t="s">
        <v>6170</v>
      </c>
      <c r="E2150" t="s">
        <v>31673</v>
      </c>
      <c r="F2150">
        <v>4</v>
      </c>
      <c r="G2150" t="s">
        <v>0</v>
      </c>
      <c r="H2150" t="s">
        <v>6171</v>
      </c>
      <c r="I2150" t="s">
        <v>30540</v>
      </c>
    </row>
    <row r="2151" spans="1:9">
      <c r="A2151" s="1">
        <v>0.4943395960121918</v>
      </c>
      <c r="B2151" s="1"/>
      <c r="C2151">
        <v>18</v>
      </c>
      <c r="D2151" t="s">
        <v>6178</v>
      </c>
      <c r="E2151" t="s">
        <v>31673</v>
      </c>
      <c r="F2151">
        <v>4</v>
      </c>
      <c r="G2151" t="s">
        <v>0</v>
      </c>
      <c r="H2151" t="s">
        <v>6179</v>
      </c>
      <c r="I2151" t="s">
        <v>30540</v>
      </c>
    </row>
    <row r="2152" spans="1:9">
      <c r="A2152" s="1">
        <v>0.72596688685026445</v>
      </c>
      <c r="B2152" s="1"/>
      <c r="C2152">
        <v>4</v>
      </c>
      <c r="D2152" t="s">
        <v>6153</v>
      </c>
      <c r="E2152" t="s">
        <v>31674</v>
      </c>
      <c r="F2152">
        <v>5</v>
      </c>
      <c r="G2152" t="s">
        <v>10</v>
      </c>
      <c r="H2152" t="s">
        <v>6154</v>
      </c>
      <c r="I2152" t="s">
        <v>30540</v>
      </c>
    </row>
    <row r="2153" spans="1:9">
      <c r="A2153" s="1">
        <v>0.1204501231088646</v>
      </c>
      <c r="B2153" s="1"/>
      <c r="C2153">
        <v>14</v>
      </c>
      <c r="D2153" t="s">
        <v>6159</v>
      </c>
      <c r="E2153" t="s">
        <v>31674</v>
      </c>
      <c r="F2153">
        <v>4</v>
      </c>
      <c r="G2153" t="s">
        <v>2</v>
      </c>
      <c r="H2153" t="s">
        <v>6160</v>
      </c>
      <c r="I2153" t="s">
        <v>30540</v>
      </c>
    </row>
    <row r="2154" spans="1:9">
      <c r="A2154" s="1">
        <v>8.0988814084097749E-2</v>
      </c>
      <c r="B2154" s="1"/>
      <c r="C2154">
        <v>19</v>
      </c>
      <c r="D2154" t="s">
        <v>6166</v>
      </c>
      <c r="E2154" t="s">
        <v>31674</v>
      </c>
      <c r="F2154">
        <v>4</v>
      </c>
      <c r="G2154" t="s">
        <v>0</v>
      </c>
      <c r="H2154" t="s">
        <v>6167</v>
      </c>
      <c r="I2154" t="s">
        <v>30540</v>
      </c>
    </row>
    <row r="2155" spans="1:9">
      <c r="A2155" s="1">
        <v>0.96237097395255333</v>
      </c>
      <c r="B2155" s="1"/>
      <c r="C2155">
        <v>3</v>
      </c>
      <c r="D2155" t="s">
        <v>6151</v>
      </c>
      <c r="E2155" t="s">
        <v>31674</v>
      </c>
      <c r="F2155">
        <v>4</v>
      </c>
      <c r="G2155" t="s">
        <v>13</v>
      </c>
      <c r="H2155" t="s">
        <v>6152</v>
      </c>
      <c r="I2155" t="s">
        <v>30540</v>
      </c>
    </row>
    <row r="2156" spans="1:9">
      <c r="A2156" s="1">
        <v>0.94786435250246481</v>
      </c>
      <c r="B2156" s="1"/>
      <c r="C2156">
        <v>1</v>
      </c>
      <c r="D2156" t="s">
        <v>6149</v>
      </c>
      <c r="E2156" t="s">
        <v>31674</v>
      </c>
      <c r="F2156">
        <v>4</v>
      </c>
      <c r="G2156" t="s">
        <v>0</v>
      </c>
      <c r="H2156" t="s">
        <v>6150</v>
      </c>
      <c r="I2156" t="s">
        <v>30540</v>
      </c>
    </row>
    <row r="2157" spans="1:9">
      <c r="A2157" s="1">
        <v>0.90101813306256229</v>
      </c>
      <c r="B2157" s="1"/>
      <c r="C2157">
        <v>10</v>
      </c>
      <c r="D2157" t="s">
        <v>6157</v>
      </c>
      <c r="E2157" t="s">
        <v>31674</v>
      </c>
      <c r="F2157">
        <v>4</v>
      </c>
      <c r="G2157" t="s">
        <v>2</v>
      </c>
      <c r="H2157" t="s">
        <v>6158</v>
      </c>
      <c r="I2157" t="s">
        <v>30540</v>
      </c>
    </row>
    <row r="2158" spans="1:9">
      <c r="A2158" s="1">
        <v>0.34168054091484701</v>
      </c>
      <c r="B2158" s="1"/>
      <c r="C2158">
        <v>17</v>
      </c>
      <c r="D2158" t="s">
        <v>6162</v>
      </c>
      <c r="E2158" t="s">
        <v>31674</v>
      </c>
      <c r="F2158">
        <v>4</v>
      </c>
      <c r="G2158" t="s">
        <v>0</v>
      </c>
      <c r="H2158" t="s">
        <v>6163</v>
      </c>
      <c r="I2158" t="s">
        <v>30540</v>
      </c>
    </row>
    <row r="2159" spans="1:9">
      <c r="A2159" s="1">
        <v>0.53636698832893304</v>
      </c>
      <c r="B2159" s="1"/>
      <c r="C2159">
        <v>9</v>
      </c>
      <c r="D2159" t="s">
        <v>6155</v>
      </c>
      <c r="E2159" t="s">
        <v>31674</v>
      </c>
      <c r="F2159">
        <v>4</v>
      </c>
      <c r="G2159" t="s">
        <v>2</v>
      </c>
      <c r="H2159" t="s">
        <v>6156</v>
      </c>
      <c r="I2159" t="s">
        <v>30540</v>
      </c>
    </row>
    <row r="2160" spans="1:9">
      <c r="A2160" s="1">
        <v>1.2302880042779352E-2</v>
      </c>
      <c r="B2160" s="1"/>
      <c r="C2160">
        <v>14</v>
      </c>
      <c r="D2160" t="s">
        <v>6145</v>
      </c>
      <c r="E2160" t="s">
        <v>31675</v>
      </c>
      <c r="F2160">
        <v>5</v>
      </c>
      <c r="G2160" t="s">
        <v>0</v>
      </c>
      <c r="H2160" t="s">
        <v>6146</v>
      </c>
      <c r="I2160" t="s">
        <v>30540</v>
      </c>
    </row>
    <row r="2161" spans="1:9">
      <c r="A2161" s="1">
        <v>0.86268662861290868</v>
      </c>
      <c r="B2161" s="1"/>
      <c r="C2161">
        <v>17</v>
      </c>
      <c r="D2161" t="s">
        <v>6147</v>
      </c>
      <c r="E2161" t="s">
        <v>31675</v>
      </c>
      <c r="F2161">
        <v>5</v>
      </c>
      <c r="G2161" t="s">
        <v>0</v>
      </c>
      <c r="H2161" t="s">
        <v>6148</v>
      </c>
      <c r="I2161" t="s">
        <v>30540</v>
      </c>
    </row>
    <row r="2162" spans="1:9">
      <c r="A2162" s="1">
        <v>0.48463437076749882</v>
      </c>
      <c r="B2162" s="1"/>
      <c r="C2162">
        <v>11</v>
      </c>
      <c r="D2162" t="s">
        <v>6141</v>
      </c>
      <c r="E2162" t="s">
        <v>31675</v>
      </c>
      <c r="F2162">
        <v>4</v>
      </c>
      <c r="G2162" t="s">
        <v>15</v>
      </c>
      <c r="H2162" t="s">
        <v>6142</v>
      </c>
      <c r="I2162" t="s">
        <v>30540</v>
      </c>
    </row>
    <row r="2163" spans="1:9">
      <c r="A2163" s="1">
        <v>0.50793972630102602</v>
      </c>
      <c r="B2163" s="1"/>
      <c r="C2163">
        <v>8</v>
      </c>
      <c r="D2163" t="s">
        <v>6139</v>
      </c>
      <c r="E2163" t="s">
        <v>31675</v>
      </c>
      <c r="F2163">
        <v>4</v>
      </c>
      <c r="G2163" t="s">
        <v>0</v>
      </c>
      <c r="H2163" t="s">
        <v>6140</v>
      </c>
      <c r="I2163" t="s">
        <v>30540</v>
      </c>
    </row>
    <row r="2164" spans="1:9">
      <c r="A2164" s="1">
        <v>0.17833873458580962</v>
      </c>
      <c r="B2164" s="1"/>
      <c r="C2164">
        <v>7</v>
      </c>
      <c r="D2164" t="s">
        <v>6137</v>
      </c>
      <c r="E2164" t="s">
        <v>31675</v>
      </c>
      <c r="F2164">
        <v>4</v>
      </c>
      <c r="G2164" t="s">
        <v>0</v>
      </c>
      <c r="H2164" t="s">
        <v>6138</v>
      </c>
      <c r="I2164" t="s">
        <v>30540</v>
      </c>
    </row>
    <row r="2165" spans="1:9">
      <c r="A2165" s="1">
        <v>4.5492427505772537E-2</v>
      </c>
      <c r="B2165" s="1"/>
      <c r="C2165">
        <v>6</v>
      </c>
      <c r="D2165" t="s">
        <v>6135</v>
      </c>
      <c r="E2165" t="s">
        <v>31675</v>
      </c>
      <c r="F2165">
        <v>4</v>
      </c>
      <c r="G2165" t="s">
        <v>10</v>
      </c>
      <c r="H2165" t="s">
        <v>6136</v>
      </c>
      <c r="I2165" t="s">
        <v>30540</v>
      </c>
    </row>
    <row r="2166" spans="1:9">
      <c r="A2166" s="1">
        <v>0.80887288025627124</v>
      </c>
      <c r="B2166" s="1"/>
      <c r="C2166">
        <v>12</v>
      </c>
      <c r="D2166" t="s">
        <v>6143</v>
      </c>
      <c r="E2166" t="s">
        <v>31675</v>
      </c>
      <c r="F2166">
        <v>4</v>
      </c>
      <c r="G2166" t="s">
        <v>1</v>
      </c>
      <c r="H2166" t="s">
        <v>6144</v>
      </c>
      <c r="I2166" t="s">
        <v>30540</v>
      </c>
    </row>
    <row r="2167" spans="1:9">
      <c r="A2167" s="1">
        <v>0.44316814737697308</v>
      </c>
      <c r="B2167" s="1"/>
      <c r="C2167">
        <v>5</v>
      </c>
      <c r="D2167" t="s">
        <v>6127</v>
      </c>
      <c r="E2167" t="s">
        <v>31676</v>
      </c>
      <c r="F2167">
        <v>5</v>
      </c>
      <c r="G2167" t="s">
        <v>9</v>
      </c>
      <c r="H2167" t="s">
        <v>6128</v>
      </c>
      <c r="I2167" t="s">
        <v>30540</v>
      </c>
    </row>
    <row r="2168" spans="1:9">
      <c r="A2168" s="1">
        <v>0.72917338328318049</v>
      </c>
      <c r="B2168" s="1"/>
      <c r="C2168">
        <v>20</v>
      </c>
      <c r="D2168" t="s">
        <v>6133</v>
      </c>
      <c r="E2168" t="s">
        <v>31676</v>
      </c>
      <c r="F2168">
        <v>5</v>
      </c>
      <c r="G2168" t="s">
        <v>1</v>
      </c>
      <c r="H2168" t="s">
        <v>6134</v>
      </c>
      <c r="I2168" t="s">
        <v>30540</v>
      </c>
    </row>
    <row r="2169" spans="1:9">
      <c r="A2169" s="1">
        <v>0.21854100864849013</v>
      </c>
      <c r="B2169" s="1"/>
      <c r="C2169">
        <v>18</v>
      </c>
      <c r="D2169" t="s">
        <v>6131</v>
      </c>
      <c r="E2169" t="s">
        <v>31676</v>
      </c>
      <c r="F2169">
        <v>4</v>
      </c>
      <c r="G2169" t="s">
        <v>0</v>
      </c>
      <c r="H2169" t="s">
        <v>6132</v>
      </c>
      <c r="I2169" t="s">
        <v>30540</v>
      </c>
    </row>
    <row r="2170" spans="1:9">
      <c r="A2170" s="1">
        <v>0.70903570149457829</v>
      </c>
      <c r="B2170" s="1"/>
      <c r="C2170">
        <v>11</v>
      </c>
      <c r="D2170" t="s">
        <v>6117</v>
      </c>
      <c r="E2170" t="s">
        <v>31677</v>
      </c>
      <c r="F2170">
        <v>5</v>
      </c>
      <c r="G2170" t="s">
        <v>0</v>
      </c>
      <c r="H2170" t="s">
        <v>6118</v>
      </c>
      <c r="I2170" t="s">
        <v>30540</v>
      </c>
    </row>
    <row r="2171" spans="1:9">
      <c r="A2171" s="1">
        <v>0.16628406976724186</v>
      </c>
      <c r="B2171" s="1"/>
      <c r="C2171">
        <v>15</v>
      </c>
      <c r="D2171" t="s">
        <v>6121</v>
      </c>
      <c r="E2171" t="s">
        <v>31677</v>
      </c>
      <c r="F2171">
        <v>4</v>
      </c>
      <c r="G2171" t="s">
        <v>0</v>
      </c>
      <c r="H2171" t="s">
        <v>6122</v>
      </c>
      <c r="I2171" t="s">
        <v>30540</v>
      </c>
    </row>
    <row r="2172" spans="1:9">
      <c r="A2172" s="1">
        <v>0.5064172529123977</v>
      </c>
      <c r="B2172" s="1"/>
      <c r="C2172">
        <v>12</v>
      </c>
      <c r="D2172" t="s">
        <v>6119</v>
      </c>
      <c r="E2172" t="s">
        <v>31677</v>
      </c>
      <c r="F2172">
        <v>4</v>
      </c>
      <c r="G2172" t="s">
        <v>0</v>
      </c>
      <c r="H2172" t="s">
        <v>6120</v>
      </c>
      <c r="I2172" t="s">
        <v>30540</v>
      </c>
    </row>
    <row r="2173" spans="1:9">
      <c r="A2173" s="1">
        <v>0.26829922175344223</v>
      </c>
      <c r="B2173" s="1"/>
      <c r="C2173">
        <v>17</v>
      </c>
      <c r="D2173" t="s">
        <v>6125</v>
      </c>
      <c r="E2173" t="s">
        <v>31677</v>
      </c>
      <c r="F2173">
        <v>3</v>
      </c>
      <c r="G2173" t="s">
        <v>0</v>
      </c>
      <c r="H2173" t="s">
        <v>6126</v>
      </c>
      <c r="I2173" t="s">
        <v>30540</v>
      </c>
    </row>
    <row r="2174" spans="1:9">
      <c r="A2174" s="1">
        <v>0.95213003922574768</v>
      </c>
      <c r="B2174" s="1"/>
      <c r="C2174">
        <v>11</v>
      </c>
      <c r="D2174" t="s">
        <v>6105</v>
      </c>
      <c r="E2174" t="s">
        <v>31678</v>
      </c>
      <c r="F2174">
        <v>5</v>
      </c>
      <c r="G2174" t="s">
        <v>775</v>
      </c>
      <c r="H2174" t="s">
        <v>6106</v>
      </c>
      <c r="I2174" t="s">
        <v>30540</v>
      </c>
    </row>
    <row r="2175" spans="1:9">
      <c r="A2175" s="1">
        <v>0.43182079016625052</v>
      </c>
      <c r="B2175" s="1"/>
      <c r="C2175">
        <v>20</v>
      </c>
      <c r="D2175" t="s">
        <v>6113</v>
      </c>
      <c r="E2175" t="s">
        <v>31678</v>
      </c>
      <c r="F2175">
        <v>5</v>
      </c>
      <c r="G2175" t="s">
        <v>2226</v>
      </c>
      <c r="H2175" t="s">
        <v>6114</v>
      </c>
      <c r="I2175" t="s">
        <v>30540</v>
      </c>
    </row>
    <row r="2176" spans="1:9">
      <c r="A2176" s="1">
        <v>0.75476465142952276</v>
      </c>
      <c r="B2176" s="1"/>
      <c r="C2176">
        <v>19</v>
      </c>
      <c r="D2176" t="s">
        <v>6111</v>
      </c>
      <c r="E2176" t="s">
        <v>31678</v>
      </c>
      <c r="F2176">
        <v>4</v>
      </c>
      <c r="G2176" t="s">
        <v>770</v>
      </c>
      <c r="H2176" t="s">
        <v>6112</v>
      </c>
      <c r="I2176" t="s">
        <v>30540</v>
      </c>
    </row>
    <row r="2177" spans="1:9">
      <c r="A2177" s="1">
        <v>0.86023934015412362</v>
      </c>
      <c r="B2177" s="1"/>
      <c r="C2177">
        <v>13</v>
      </c>
      <c r="D2177" t="s">
        <v>6109</v>
      </c>
      <c r="E2177" t="s">
        <v>31678</v>
      </c>
      <c r="F2177">
        <v>4</v>
      </c>
      <c r="G2177" t="s">
        <v>1</v>
      </c>
      <c r="H2177" t="s">
        <v>6110</v>
      </c>
      <c r="I2177" t="s">
        <v>30540</v>
      </c>
    </row>
    <row r="2178" spans="1:9">
      <c r="A2178" s="1">
        <v>0.97731955856658748</v>
      </c>
      <c r="B2178" s="1"/>
      <c r="C2178">
        <v>12</v>
      </c>
      <c r="D2178" t="s">
        <v>6107</v>
      </c>
      <c r="E2178" t="s">
        <v>31678</v>
      </c>
      <c r="F2178">
        <v>4</v>
      </c>
      <c r="G2178" t="s">
        <v>2229</v>
      </c>
      <c r="H2178" t="s">
        <v>6108</v>
      </c>
      <c r="I2178" t="s">
        <v>30540</v>
      </c>
    </row>
    <row r="2179" spans="1:9">
      <c r="A2179" s="1">
        <v>0.39356906233881472</v>
      </c>
      <c r="B2179" s="1"/>
      <c r="C2179">
        <v>15</v>
      </c>
      <c r="D2179" t="s">
        <v>6099</v>
      </c>
      <c r="E2179" t="s">
        <v>31679</v>
      </c>
      <c r="F2179">
        <v>5</v>
      </c>
      <c r="G2179" t="s">
        <v>0</v>
      </c>
      <c r="H2179" t="s">
        <v>6100</v>
      </c>
      <c r="I2179" t="s">
        <v>30540</v>
      </c>
    </row>
    <row r="2180" spans="1:9">
      <c r="A2180" s="1">
        <v>0.67390192422662798</v>
      </c>
      <c r="B2180" s="1"/>
      <c r="C2180">
        <v>3</v>
      </c>
      <c r="D2180" t="s">
        <v>6089</v>
      </c>
      <c r="E2180" t="s">
        <v>31679</v>
      </c>
      <c r="F2180">
        <v>5</v>
      </c>
      <c r="G2180" t="s">
        <v>9</v>
      </c>
      <c r="H2180" t="s">
        <v>6090</v>
      </c>
      <c r="I2180" t="s">
        <v>30540</v>
      </c>
    </row>
    <row r="2181" spans="1:9">
      <c r="A2181" s="1">
        <v>0.42513767857079665</v>
      </c>
      <c r="B2181" s="1"/>
      <c r="C2181">
        <v>9</v>
      </c>
      <c r="D2181" t="s">
        <v>6093</v>
      </c>
      <c r="E2181" t="s">
        <v>31679</v>
      </c>
      <c r="F2181">
        <v>4</v>
      </c>
      <c r="G2181" t="s">
        <v>0</v>
      </c>
      <c r="H2181" t="s">
        <v>6094</v>
      </c>
      <c r="I2181" t="s">
        <v>30540</v>
      </c>
    </row>
    <row r="2182" spans="1:9">
      <c r="A2182" s="1">
        <v>0.39561978742765669</v>
      </c>
      <c r="B2182" s="1"/>
      <c r="C2182">
        <v>16</v>
      </c>
      <c r="D2182" t="s">
        <v>6101</v>
      </c>
      <c r="E2182" t="s">
        <v>31679</v>
      </c>
      <c r="F2182">
        <v>4</v>
      </c>
      <c r="G2182" t="s">
        <v>0</v>
      </c>
      <c r="H2182" t="s">
        <v>6102</v>
      </c>
      <c r="I2182" t="s">
        <v>30540</v>
      </c>
    </row>
    <row r="2183" spans="1:9">
      <c r="A2183" s="1">
        <v>7.5961873249668299E-2</v>
      </c>
      <c r="B2183" s="1"/>
      <c r="C2183">
        <v>13</v>
      </c>
      <c r="D2183" t="s">
        <v>6097</v>
      </c>
      <c r="E2183" t="s">
        <v>31679</v>
      </c>
      <c r="F2183">
        <v>4</v>
      </c>
      <c r="G2183" t="s">
        <v>0</v>
      </c>
      <c r="H2183" t="s">
        <v>6098</v>
      </c>
      <c r="I2183" t="s">
        <v>30540</v>
      </c>
    </row>
    <row r="2184" spans="1:9">
      <c r="A2184" s="1">
        <v>0.51104110941933112</v>
      </c>
      <c r="B2184" s="1"/>
      <c r="C2184">
        <v>10</v>
      </c>
      <c r="D2184" t="s">
        <v>6095</v>
      </c>
      <c r="E2184" t="s">
        <v>31679</v>
      </c>
      <c r="F2184">
        <v>4</v>
      </c>
      <c r="G2184" t="s">
        <v>0</v>
      </c>
      <c r="H2184" t="s">
        <v>6096</v>
      </c>
      <c r="I2184" t="s">
        <v>30540</v>
      </c>
    </row>
    <row r="2185" spans="1:9">
      <c r="A2185" s="1">
        <v>0.16017204074157154</v>
      </c>
      <c r="B2185" s="1"/>
      <c r="C2185">
        <v>5</v>
      </c>
      <c r="D2185" t="s">
        <v>6091</v>
      </c>
      <c r="E2185" t="s">
        <v>31679</v>
      </c>
      <c r="F2185">
        <v>4</v>
      </c>
      <c r="G2185" t="s">
        <v>2</v>
      </c>
      <c r="H2185" t="s">
        <v>6092</v>
      </c>
      <c r="I2185" t="s">
        <v>30540</v>
      </c>
    </row>
    <row r="2186" spans="1:9">
      <c r="A2186" s="1">
        <v>0.26989020875148262</v>
      </c>
      <c r="B2186" s="1"/>
      <c r="C2186">
        <v>14</v>
      </c>
      <c r="D2186" t="s">
        <v>6083</v>
      </c>
      <c r="E2186" t="s">
        <v>31680</v>
      </c>
      <c r="F2186">
        <v>5</v>
      </c>
      <c r="G2186" t="s">
        <v>0</v>
      </c>
      <c r="H2186" t="s">
        <v>6084</v>
      </c>
      <c r="I2186" t="s">
        <v>30540</v>
      </c>
    </row>
    <row r="2187" spans="1:9">
      <c r="A2187" s="1">
        <v>8.5668441407367291E-2</v>
      </c>
      <c r="B2187" s="1"/>
      <c r="C2187">
        <v>15</v>
      </c>
      <c r="D2187" t="s">
        <v>6085</v>
      </c>
      <c r="E2187" t="s">
        <v>31680</v>
      </c>
      <c r="F2187">
        <v>4</v>
      </c>
      <c r="G2187" t="s">
        <v>2</v>
      </c>
      <c r="H2187" t="s">
        <v>6086</v>
      </c>
      <c r="I2187" t="s">
        <v>30540</v>
      </c>
    </row>
    <row r="2188" spans="1:9">
      <c r="A2188" s="1">
        <v>0.33852730865292646</v>
      </c>
      <c r="B2188" s="1"/>
      <c r="C2188">
        <v>11</v>
      </c>
      <c r="D2188" t="s">
        <v>6079</v>
      </c>
      <c r="E2188" t="s">
        <v>31681</v>
      </c>
      <c r="F2188">
        <v>5</v>
      </c>
      <c r="G2188" t="s">
        <v>15</v>
      </c>
      <c r="H2188" t="s">
        <v>6080</v>
      </c>
      <c r="I2188" t="s">
        <v>30540</v>
      </c>
    </row>
    <row r="2189" spans="1:9">
      <c r="A2189" s="1">
        <v>0.46020165927326362</v>
      </c>
      <c r="B2189" s="1"/>
      <c r="C2189">
        <v>15</v>
      </c>
      <c r="D2189" t="s">
        <v>6081</v>
      </c>
      <c r="E2189" t="s">
        <v>31681</v>
      </c>
      <c r="F2189">
        <v>4</v>
      </c>
      <c r="G2189" t="s">
        <v>10</v>
      </c>
      <c r="H2189" t="s">
        <v>6082</v>
      </c>
      <c r="I2189" t="s">
        <v>30540</v>
      </c>
    </row>
    <row r="2190" spans="1:9">
      <c r="A2190" s="1">
        <v>0.21323090834838176</v>
      </c>
      <c r="B2190" s="1"/>
      <c r="C2190">
        <v>7</v>
      </c>
      <c r="D2190" t="s">
        <v>6073</v>
      </c>
      <c r="E2190" t="s">
        <v>31681</v>
      </c>
      <c r="F2190">
        <v>4</v>
      </c>
      <c r="G2190" t="s">
        <v>2</v>
      </c>
      <c r="H2190" t="s">
        <v>6074</v>
      </c>
      <c r="I2190" t="s">
        <v>30540</v>
      </c>
    </row>
    <row r="2191" spans="1:9">
      <c r="A2191" s="1">
        <v>0.55427825023557376</v>
      </c>
      <c r="B2191" s="1"/>
      <c r="C2191">
        <v>10</v>
      </c>
      <c r="D2191" t="s">
        <v>6077</v>
      </c>
      <c r="E2191" t="s">
        <v>31681</v>
      </c>
      <c r="F2191">
        <v>4</v>
      </c>
      <c r="G2191" t="s">
        <v>0</v>
      </c>
      <c r="H2191" t="s">
        <v>6078</v>
      </c>
      <c r="I2191" t="s">
        <v>30540</v>
      </c>
    </row>
    <row r="2192" spans="1:9">
      <c r="A2192" s="1">
        <v>0.63234776710824614</v>
      </c>
      <c r="B2192" s="1"/>
      <c r="C2192">
        <v>9</v>
      </c>
      <c r="D2192" t="s">
        <v>6075</v>
      </c>
      <c r="E2192" t="s">
        <v>31681</v>
      </c>
      <c r="F2192">
        <v>4</v>
      </c>
      <c r="G2192" t="s">
        <v>1</v>
      </c>
      <c r="H2192" t="s">
        <v>6076</v>
      </c>
      <c r="I2192" t="s">
        <v>30540</v>
      </c>
    </row>
    <row r="2193" spans="1:9">
      <c r="A2193" s="1">
        <v>1.2034726699310716E-2</v>
      </c>
      <c r="B2193" s="1"/>
      <c r="C2193">
        <v>2</v>
      </c>
      <c r="D2193" t="s">
        <v>6063</v>
      </c>
      <c r="E2193" t="s">
        <v>31682</v>
      </c>
      <c r="F2193">
        <v>5</v>
      </c>
      <c r="G2193" t="s">
        <v>1</v>
      </c>
      <c r="H2193" t="s">
        <v>6064</v>
      </c>
      <c r="I2193" t="s">
        <v>30540</v>
      </c>
    </row>
    <row r="2194" spans="1:9">
      <c r="A2194" s="1">
        <v>0.8632034184449453</v>
      </c>
      <c r="B2194" s="1"/>
      <c r="C2194">
        <v>16</v>
      </c>
      <c r="D2194" t="s">
        <v>6067</v>
      </c>
      <c r="E2194" t="s">
        <v>31682</v>
      </c>
      <c r="F2194">
        <v>4</v>
      </c>
      <c r="G2194" t="s">
        <v>0</v>
      </c>
      <c r="H2194" t="s">
        <v>6068</v>
      </c>
      <c r="I2194" t="s">
        <v>30540</v>
      </c>
    </row>
    <row r="2195" spans="1:9">
      <c r="A2195" s="1">
        <v>0.28862720270013453</v>
      </c>
      <c r="B2195" s="1"/>
      <c r="C2195">
        <v>19</v>
      </c>
      <c r="D2195" t="s">
        <v>6071</v>
      </c>
      <c r="E2195" t="s">
        <v>31682</v>
      </c>
      <c r="F2195">
        <v>4</v>
      </c>
      <c r="G2195" t="s">
        <v>10</v>
      </c>
      <c r="H2195" t="s">
        <v>6072</v>
      </c>
      <c r="I2195" t="s">
        <v>30540</v>
      </c>
    </row>
    <row r="2196" spans="1:9">
      <c r="A2196" s="1">
        <v>0.39819510078086351</v>
      </c>
      <c r="B2196" s="1"/>
      <c r="C2196">
        <v>18</v>
      </c>
      <c r="D2196" t="s">
        <v>6069</v>
      </c>
      <c r="E2196" t="s">
        <v>31682</v>
      </c>
      <c r="F2196">
        <v>4</v>
      </c>
      <c r="G2196" t="s">
        <v>0</v>
      </c>
      <c r="H2196" t="s">
        <v>6070</v>
      </c>
      <c r="I2196" t="s">
        <v>30540</v>
      </c>
    </row>
    <row r="2197" spans="1:9">
      <c r="A2197" s="1">
        <v>0.7117835526733638</v>
      </c>
      <c r="B2197" s="1"/>
      <c r="C2197">
        <v>7</v>
      </c>
      <c r="D2197" t="s">
        <v>6065</v>
      </c>
      <c r="E2197" t="s">
        <v>31682</v>
      </c>
      <c r="F2197">
        <v>4</v>
      </c>
      <c r="G2197" t="s">
        <v>9</v>
      </c>
      <c r="H2197" t="s">
        <v>6066</v>
      </c>
      <c r="I2197" t="s">
        <v>30540</v>
      </c>
    </row>
    <row r="2198" spans="1:9">
      <c r="A2198" s="1">
        <v>0.44433241524901257</v>
      </c>
      <c r="B2198" s="1"/>
      <c r="C2198">
        <v>16</v>
      </c>
      <c r="D2198" t="s">
        <v>6059</v>
      </c>
      <c r="E2198" t="s">
        <v>31683</v>
      </c>
      <c r="F2198">
        <v>5</v>
      </c>
      <c r="G2198" t="s">
        <v>0</v>
      </c>
      <c r="H2198" t="s">
        <v>6060</v>
      </c>
      <c r="I2198" t="s">
        <v>30540</v>
      </c>
    </row>
    <row r="2199" spans="1:9">
      <c r="A2199" s="1">
        <v>0.71369504963724573</v>
      </c>
      <c r="B2199" s="1"/>
      <c r="C2199">
        <v>17</v>
      </c>
      <c r="D2199" t="s">
        <v>6061</v>
      </c>
      <c r="E2199" t="s">
        <v>31683</v>
      </c>
      <c r="F2199">
        <v>4</v>
      </c>
      <c r="G2199" t="s">
        <v>0</v>
      </c>
      <c r="H2199" t="s">
        <v>6062</v>
      </c>
      <c r="I2199" t="s">
        <v>30540</v>
      </c>
    </row>
    <row r="2200" spans="1:9">
      <c r="A2200" s="1">
        <v>0.70672165813971033</v>
      </c>
      <c r="B2200" s="1"/>
      <c r="C2200">
        <v>6</v>
      </c>
      <c r="D2200" t="s">
        <v>6057</v>
      </c>
      <c r="E2200" t="s">
        <v>31683</v>
      </c>
      <c r="F2200">
        <v>4</v>
      </c>
      <c r="G2200" t="s">
        <v>15</v>
      </c>
      <c r="H2200" t="s">
        <v>6058</v>
      </c>
      <c r="I2200" t="s">
        <v>30540</v>
      </c>
    </row>
    <row r="2201" spans="1:9">
      <c r="A2201" s="1">
        <v>0.77646377189737592</v>
      </c>
      <c r="B2201" s="1"/>
      <c r="C2201">
        <v>3</v>
      </c>
      <c r="D2201" t="s">
        <v>6043</v>
      </c>
      <c r="E2201" t="s">
        <v>31684</v>
      </c>
      <c r="F2201">
        <v>5</v>
      </c>
      <c r="G2201" t="s">
        <v>2229</v>
      </c>
      <c r="H2201" t="s">
        <v>6044</v>
      </c>
      <c r="I2201" t="s">
        <v>30540</v>
      </c>
    </row>
    <row r="2202" spans="1:9">
      <c r="A2202" s="1">
        <v>0.36296414531353083</v>
      </c>
      <c r="B2202" s="1"/>
      <c r="C2202">
        <v>8</v>
      </c>
      <c r="D2202" t="s">
        <v>6047</v>
      </c>
      <c r="E2202" t="s">
        <v>31684</v>
      </c>
      <c r="F2202">
        <v>4</v>
      </c>
      <c r="G2202" t="s">
        <v>775</v>
      </c>
      <c r="H2202" t="s">
        <v>6048</v>
      </c>
      <c r="I2202" t="s">
        <v>30540</v>
      </c>
    </row>
    <row r="2203" spans="1:9">
      <c r="A2203" s="1">
        <v>0.90909113815316356</v>
      </c>
      <c r="B2203" s="1"/>
      <c r="C2203">
        <v>15</v>
      </c>
      <c r="D2203" t="s">
        <v>6055</v>
      </c>
      <c r="E2203" t="s">
        <v>31684</v>
      </c>
      <c r="F2203">
        <v>4</v>
      </c>
      <c r="G2203" t="s">
        <v>14</v>
      </c>
      <c r="H2203" t="s">
        <v>6056</v>
      </c>
      <c r="I2203" t="s">
        <v>30540</v>
      </c>
    </row>
    <row r="2204" spans="1:9">
      <c r="A2204" s="1">
        <v>0.89465022689727036</v>
      </c>
      <c r="B2204" s="1"/>
      <c r="C2204">
        <v>10</v>
      </c>
      <c r="D2204" t="s">
        <v>6051</v>
      </c>
      <c r="E2204" t="s">
        <v>31684</v>
      </c>
      <c r="F2204">
        <v>4</v>
      </c>
      <c r="G2204" t="s">
        <v>770</v>
      </c>
      <c r="H2204" t="s">
        <v>6052</v>
      </c>
      <c r="I2204" t="s">
        <v>30540</v>
      </c>
    </row>
    <row r="2205" spans="1:9">
      <c r="A2205" s="1">
        <v>0.21020122438381961</v>
      </c>
      <c r="B2205" s="1"/>
      <c r="C2205">
        <v>9</v>
      </c>
      <c r="D2205" t="s">
        <v>6049</v>
      </c>
      <c r="E2205" t="s">
        <v>31684</v>
      </c>
      <c r="F2205">
        <v>4</v>
      </c>
      <c r="G2205" t="s">
        <v>13</v>
      </c>
      <c r="H2205" t="s">
        <v>6050</v>
      </c>
      <c r="I2205" t="s">
        <v>30540</v>
      </c>
    </row>
    <row r="2206" spans="1:9">
      <c r="A2206" s="1">
        <v>0.88949111430340844</v>
      </c>
      <c r="B2206" s="1"/>
      <c r="C2206">
        <v>4</v>
      </c>
      <c r="D2206" t="s">
        <v>6045</v>
      </c>
      <c r="E2206" t="s">
        <v>31684</v>
      </c>
      <c r="F2206">
        <v>4</v>
      </c>
      <c r="G2206" t="s">
        <v>2738</v>
      </c>
      <c r="H2206" t="s">
        <v>6046</v>
      </c>
      <c r="I2206" t="s">
        <v>30540</v>
      </c>
    </row>
    <row r="2207" spans="1:9">
      <c r="A2207" s="1">
        <v>0.77113930083632143</v>
      </c>
      <c r="B2207" s="1"/>
      <c r="C2207">
        <v>14</v>
      </c>
      <c r="D2207" t="s">
        <v>6053</v>
      </c>
      <c r="E2207" t="s">
        <v>31684</v>
      </c>
      <c r="F2207">
        <v>3</v>
      </c>
      <c r="G2207" t="s">
        <v>13</v>
      </c>
      <c r="H2207" t="s">
        <v>6054</v>
      </c>
      <c r="I2207" t="s">
        <v>30540</v>
      </c>
    </row>
    <row r="2208" spans="1:9">
      <c r="A2208" s="1">
        <v>6.5379594179873046E-2</v>
      </c>
      <c r="B2208" s="1"/>
      <c r="C2208">
        <v>17</v>
      </c>
      <c r="D2208" t="s">
        <v>6041</v>
      </c>
      <c r="E2208" t="s">
        <v>31685</v>
      </c>
      <c r="F2208">
        <v>4</v>
      </c>
      <c r="G2208" t="s">
        <v>0</v>
      </c>
      <c r="H2208" t="s">
        <v>6042</v>
      </c>
      <c r="I2208" t="s">
        <v>30540</v>
      </c>
    </row>
    <row r="2209" spans="1:9">
      <c r="A2209" s="1">
        <v>0.49553323948854566</v>
      </c>
      <c r="B2209" s="1"/>
      <c r="C2209">
        <v>10</v>
      </c>
      <c r="D2209" t="s">
        <v>6037</v>
      </c>
      <c r="E2209" t="s">
        <v>31685</v>
      </c>
      <c r="F2209">
        <v>4</v>
      </c>
      <c r="G2209" t="s">
        <v>0</v>
      </c>
      <c r="H2209" t="s">
        <v>6038</v>
      </c>
      <c r="I2209" t="s">
        <v>30540</v>
      </c>
    </row>
    <row r="2210" spans="1:9">
      <c r="A2210" s="1">
        <v>0.26175611041577329</v>
      </c>
      <c r="B2210" s="1"/>
      <c r="C2210">
        <v>11</v>
      </c>
      <c r="D2210" t="s">
        <v>6039</v>
      </c>
      <c r="E2210" t="s">
        <v>31685</v>
      </c>
      <c r="F2210">
        <v>4</v>
      </c>
      <c r="G2210" t="s">
        <v>0</v>
      </c>
      <c r="H2210" t="s">
        <v>6040</v>
      </c>
      <c r="I2210" t="s">
        <v>30540</v>
      </c>
    </row>
    <row r="2211" spans="1:9">
      <c r="A2211" s="1">
        <v>0.80579451775064503</v>
      </c>
      <c r="B2211" s="1"/>
      <c r="C2211">
        <v>1</v>
      </c>
      <c r="D2211" t="s">
        <v>6033</v>
      </c>
      <c r="E2211" t="s">
        <v>31685</v>
      </c>
      <c r="F2211">
        <v>4</v>
      </c>
      <c r="G2211" t="s">
        <v>15</v>
      </c>
      <c r="H2211" t="s">
        <v>6034</v>
      </c>
      <c r="I2211" t="s">
        <v>30540</v>
      </c>
    </row>
    <row r="2212" spans="1:9">
      <c r="A2212" s="1">
        <v>0.70377230061116081</v>
      </c>
      <c r="B2212" s="1"/>
      <c r="C2212">
        <v>4</v>
      </c>
      <c r="D2212" t="s">
        <v>6035</v>
      </c>
      <c r="E2212" t="s">
        <v>31685</v>
      </c>
      <c r="F2212">
        <v>4</v>
      </c>
      <c r="G2212" t="s">
        <v>0</v>
      </c>
      <c r="H2212" t="s">
        <v>6036</v>
      </c>
      <c r="I2212" t="s">
        <v>30540</v>
      </c>
    </row>
    <row r="2213" spans="1:9">
      <c r="A2213" s="1">
        <v>0.37630089793881649</v>
      </c>
      <c r="B2213" s="1"/>
      <c r="C2213">
        <v>15</v>
      </c>
      <c r="D2213" t="s">
        <v>6029</v>
      </c>
      <c r="E2213" t="s">
        <v>31686</v>
      </c>
      <c r="F2213">
        <v>4</v>
      </c>
      <c r="G2213" t="s">
        <v>10</v>
      </c>
      <c r="H2213" t="s">
        <v>6030</v>
      </c>
      <c r="I2213" t="s">
        <v>30540</v>
      </c>
    </row>
    <row r="2214" spans="1:9">
      <c r="A2214" s="1">
        <v>0.5554214923431553</v>
      </c>
      <c r="B2214" s="1"/>
      <c r="C2214">
        <v>13</v>
      </c>
      <c r="D2214" t="s">
        <v>6027</v>
      </c>
      <c r="E2214" t="s">
        <v>31686</v>
      </c>
      <c r="F2214">
        <v>4</v>
      </c>
      <c r="G2214" t="s">
        <v>0</v>
      </c>
      <c r="H2214" t="s">
        <v>6028</v>
      </c>
      <c r="I2214" t="s">
        <v>30540</v>
      </c>
    </row>
    <row r="2215" spans="1:9">
      <c r="A2215" s="1">
        <v>0.49902889171927456</v>
      </c>
      <c r="B2215" s="1"/>
      <c r="C2215">
        <v>18</v>
      </c>
      <c r="D2215" t="s">
        <v>6031</v>
      </c>
      <c r="E2215" t="s">
        <v>31686</v>
      </c>
      <c r="F2215">
        <v>4</v>
      </c>
      <c r="G2215" t="s">
        <v>0</v>
      </c>
      <c r="H2215" t="s">
        <v>6032</v>
      </c>
      <c r="I2215" t="s">
        <v>30540</v>
      </c>
    </row>
    <row r="2216" spans="1:9">
      <c r="A2216" s="1">
        <v>0.17130030715377076</v>
      </c>
      <c r="B2216" s="1"/>
      <c r="C2216">
        <v>11</v>
      </c>
      <c r="D2216" t="s">
        <v>6017</v>
      </c>
      <c r="E2216" t="s">
        <v>31687</v>
      </c>
      <c r="F2216">
        <v>5</v>
      </c>
      <c r="G2216" t="s">
        <v>0</v>
      </c>
      <c r="H2216" t="s">
        <v>6018</v>
      </c>
      <c r="I2216" t="s">
        <v>30540</v>
      </c>
    </row>
    <row r="2217" spans="1:9">
      <c r="A2217" s="1">
        <v>0.91825917110886857</v>
      </c>
      <c r="B2217" s="1"/>
      <c r="C2217">
        <v>3</v>
      </c>
      <c r="D2217" t="s">
        <v>6015</v>
      </c>
      <c r="E2217" t="s">
        <v>31687</v>
      </c>
      <c r="F2217">
        <v>4</v>
      </c>
      <c r="G2217" t="s">
        <v>10</v>
      </c>
      <c r="H2217" t="s">
        <v>6016</v>
      </c>
      <c r="I2217" t="s">
        <v>30540</v>
      </c>
    </row>
    <row r="2218" spans="1:9">
      <c r="A2218" s="1">
        <v>0.13227081692242482</v>
      </c>
      <c r="B2218" s="1"/>
      <c r="C2218">
        <v>12</v>
      </c>
      <c r="D2218" t="s">
        <v>6019</v>
      </c>
      <c r="E2218" t="s">
        <v>31687</v>
      </c>
      <c r="F2218">
        <v>4</v>
      </c>
      <c r="G2218" t="s">
        <v>1</v>
      </c>
      <c r="H2218" t="s">
        <v>6020</v>
      </c>
      <c r="I2218" t="s">
        <v>30540</v>
      </c>
    </row>
    <row r="2219" spans="1:9">
      <c r="A2219" s="1">
        <v>0.46982934798576326</v>
      </c>
      <c r="B2219" s="1"/>
      <c r="C2219">
        <v>16</v>
      </c>
      <c r="D2219" t="s">
        <v>6021</v>
      </c>
      <c r="E2219" t="s">
        <v>31687</v>
      </c>
      <c r="F2219">
        <v>4</v>
      </c>
      <c r="G2219" t="s">
        <v>0</v>
      </c>
      <c r="H2219" t="s">
        <v>6022</v>
      </c>
      <c r="I2219" t="s">
        <v>30540</v>
      </c>
    </row>
    <row r="2220" spans="1:9">
      <c r="A2220" s="1">
        <v>0.42495766019809478</v>
      </c>
      <c r="B2220" s="1"/>
      <c r="C2220">
        <v>10</v>
      </c>
      <c r="D2220" t="s">
        <v>6005</v>
      </c>
      <c r="E2220" t="s">
        <v>31688</v>
      </c>
      <c r="F2220">
        <v>4</v>
      </c>
      <c r="G2220" t="s">
        <v>0</v>
      </c>
      <c r="H2220" t="s">
        <v>6006</v>
      </c>
      <c r="I2220" t="s">
        <v>30540</v>
      </c>
    </row>
    <row r="2221" spans="1:9">
      <c r="A2221" s="1">
        <v>0.63296908796613771</v>
      </c>
      <c r="B2221" s="1"/>
      <c r="C2221">
        <v>18</v>
      </c>
      <c r="D2221" t="s">
        <v>6011</v>
      </c>
      <c r="E2221" t="s">
        <v>31688</v>
      </c>
      <c r="F2221">
        <v>4</v>
      </c>
      <c r="G2221" t="s">
        <v>0</v>
      </c>
      <c r="H2221" t="s">
        <v>6012</v>
      </c>
      <c r="I2221" t="s">
        <v>30540</v>
      </c>
    </row>
    <row r="2222" spans="1:9">
      <c r="A2222" s="1">
        <v>0.19291260706476721</v>
      </c>
      <c r="B2222" s="1"/>
      <c r="C2222">
        <v>8</v>
      </c>
      <c r="D2222" t="s">
        <v>6003</v>
      </c>
      <c r="E2222" t="s">
        <v>31688</v>
      </c>
      <c r="F2222">
        <v>4</v>
      </c>
      <c r="G2222" t="s">
        <v>15</v>
      </c>
      <c r="H2222" t="s">
        <v>6004</v>
      </c>
      <c r="I2222" t="s">
        <v>30540</v>
      </c>
    </row>
    <row r="2223" spans="1:9">
      <c r="A2223" s="1">
        <v>0.70993396696251487</v>
      </c>
      <c r="B2223" s="1"/>
      <c r="C2223">
        <v>15</v>
      </c>
      <c r="D2223" t="s">
        <v>6009</v>
      </c>
      <c r="E2223" t="s">
        <v>31688</v>
      </c>
      <c r="F2223">
        <v>4</v>
      </c>
      <c r="G2223" t="s">
        <v>15</v>
      </c>
      <c r="H2223" t="s">
        <v>6010</v>
      </c>
      <c r="I2223" t="s">
        <v>30540</v>
      </c>
    </row>
    <row r="2224" spans="1:9">
      <c r="A2224" s="1">
        <v>0.70341352765983867</v>
      </c>
      <c r="B2224" s="1"/>
      <c r="C2224">
        <v>19</v>
      </c>
      <c r="D2224" t="s">
        <v>6013</v>
      </c>
      <c r="E2224" t="s">
        <v>31688</v>
      </c>
      <c r="F2224">
        <v>4</v>
      </c>
      <c r="G2224" t="s">
        <v>0</v>
      </c>
      <c r="H2224" t="s">
        <v>6014</v>
      </c>
      <c r="I2224" t="s">
        <v>30540</v>
      </c>
    </row>
    <row r="2225" spans="1:9">
      <c r="A2225" s="1">
        <v>0.15854260362386929</v>
      </c>
      <c r="B2225" s="1"/>
      <c r="C2225">
        <v>12</v>
      </c>
      <c r="D2225" t="s">
        <v>6007</v>
      </c>
      <c r="E2225" t="s">
        <v>31688</v>
      </c>
      <c r="F2225">
        <v>4</v>
      </c>
      <c r="G2225" t="s">
        <v>1</v>
      </c>
      <c r="H2225" t="s">
        <v>6008</v>
      </c>
      <c r="I2225" t="s">
        <v>30540</v>
      </c>
    </row>
    <row r="2226" spans="1:9">
      <c r="A2226" s="1">
        <v>0.40349444017382619</v>
      </c>
      <c r="B2226" s="1"/>
      <c r="C2226">
        <v>14</v>
      </c>
      <c r="D2226" t="s">
        <v>5995</v>
      </c>
      <c r="E2226" t="s">
        <v>31689</v>
      </c>
      <c r="F2226">
        <v>5</v>
      </c>
      <c r="G2226" t="s">
        <v>10</v>
      </c>
      <c r="H2226" t="s">
        <v>5996</v>
      </c>
      <c r="I2226" t="s">
        <v>30540</v>
      </c>
    </row>
    <row r="2227" spans="1:9">
      <c r="A2227" s="1">
        <v>0.67019715332223373</v>
      </c>
      <c r="B2227" s="1"/>
      <c r="C2227">
        <v>17</v>
      </c>
      <c r="D2227" t="s">
        <v>5997</v>
      </c>
      <c r="E2227" t="s">
        <v>31689</v>
      </c>
      <c r="F2227">
        <v>5</v>
      </c>
      <c r="G2227" t="s">
        <v>0</v>
      </c>
      <c r="H2227" t="s">
        <v>5998</v>
      </c>
      <c r="I2227" t="s">
        <v>30540</v>
      </c>
    </row>
    <row r="2228" spans="1:9">
      <c r="A2228" s="1">
        <v>0.71726535904060273</v>
      </c>
      <c r="B2228" s="1"/>
      <c r="C2228">
        <v>10</v>
      </c>
      <c r="D2228" t="s">
        <v>5991</v>
      </c>
      <c r="E2228" t="s">
        <v>31689</v>
      </c>
      <c r="F2228">
        <v>5</v>
      </c>
      <c r="G2228" t="s">
        <v>0</v>
      </c>
      <c r="H2228" t="s">
        <v>5992</v>
      </c>
      <c r="I2228" t="s">
        <v>30540</v>
      </c>
    </row>
    <row r="2229" spans="1:9">
      <c r="A2229" s="1">
        <v>0.77240519207888858</v>
      </c>
      <c r="B2229" s="1"/>
      <c r="C2229">
        <v>13</v>
      </c>
      <c r="D2229" t="s">
        <v>5993</v>
      </c>
      <c r="E2229" t="s">
        <v>31689</v>
      </c>
      <c r="F2229">
        <v>4</v>
      </c>
      <c r="G2229" t="s">
        <v>0</v>
      </c>
      <c r="H2229" t="s">
        <v>5994</v>
      </c>
      <c r="I2229" t="s">
        <v>30540</v>
      </c>
    </row>
    <row r="2230" spans="1:9">
      <c r="A2230" s="1">
        <v>0.86268163294597933</v>
      </c>
      <c r="B2230" s="1"/>
      <c r="C2230">
        <v>1</v>
      </c>
      <c r="D2230" t="s">
        <v>5985</v>
      </c>
      <c r="E2230" t="s">
        <v>31689</v>
      </c>
      <c r="F2230">
        <v>4</v>
      </c>
      <c r="G2230" t="s">
        <v>15</v>
      </c>
      <c r="H2230" t="s">
        <v>5986</v>
      </c>
      <c r="I2230" t="s">
        <v>30540</v>
      </c>
    </row>
    <row r="2231" spans="1:9">
      <c r="A2231" s="1">
        <v>0.41123714683512869</v>
      </c>
      <c r="B2231" s="1"/>
      <c r="C2231">
        <v>7</v>
      </c>
      <c r="D2231" t="s">
        <v>5989</v>
      </c>
      <c r="E2231" t="s">
        <v>31689</v>
      </c>
      <c r="F2231">
        <v>4</v>
      </c>
      <c r="G2231" t="s">
        <v>2</v>
      </c>
      <c r="H2231" t="s">
        <v>5990</v>
      </c>
      <c r="I2231" t="s">
        <v>30540</v>
      </c>
    </row>
    <row r="2232" spans="1:9">
      <c r="A2232" s="1">
        <v>0.31974655855905665</v>
      </c>
      <c r="B2232" s="1"/>
      <c r="C2232">
        <v>18</v>
      </c>
      <c r="D2232" t="s">
        <v>5999</v>
      </c>
      <c r="E2232" t="s">
        <v>31689</v>
      </c>
      <c r="F2232">
        <v>4</v>
      </c>
      <c r="G2232" t="s">
        <v>13</v>
      </c>
      <c r="H2232" t="s">
        <v>6000</v>
      </c>
      <c r="I2232" t="s">
        <v>30540</v>
      </c>
    </row>
    <row r="2233" spans="1:9">
      <c r="A2233" s="1">
        <v>0.75535070711543195</v>
      </c>
      <c r="B2233" s="1"/>
      <c r="C2233">
        <v>5</v>
      </c>
      <c r="D2233" t="s">
        <v>5987</v>
      </c>
      <c r="E2233" t="s">
        <v>31689</v>
      </c>
      <c r="F2233">
        <v>3</v>
      </c>
      <c r="G2233" t="s">
        <v>9</v>
      </c>
      <c r="H2233" t="s">
        <v>5988</v>
      </c>
      <c r="I2233" t="s">
        <v>30540</v>
      </c>
    </row>
    <row r="2234" spans="1:9">
      <c r="A2234" s="1">
        <v>0.69638789634023568</v>
      </c>
      <c r="B2234" s="1"/>
      <c r="C2234">
        <v>7</v>
      </c>
      <c r="D2234" t="s">
        <v>5981</v>
      </c>
      <c r="E2234" t="s">
        <v>31690</v>
      </c>
      <c r="F2234">
        <v>4</v>
      </c>
      <c r="G2234" t="s">
        <v>770</v>
      </c>
      <c r="H2234" t="s">
        <v>5982</v>
      </c>
      <c r="I2234" t="s">
        <v>30540</v>
      </c>
    </row>
    <row r="2235" spans="1:9">
      <c r="A2235" s="1">
        <v>5.295683546072294E-2</v>
      </c>
      <c r="B2235" s="1"/>
      <c r="C2235">
        <v>14</v>
      </c>
      <c r="D2235" t="s">
        <v>5983</v>
      </c>
      <c r="E2235" t="s">
        <v>31690</v>
      </c>
      <c r="F2235">
        <v>4</v>
      </c>
      <c r="G2235" t="s">
        <v>2738</v>
      </c>
      <c r="H2235" t="s">
        <v>5984</v>
      </c>
      <c r="I2235" t="s">
        <v>30540</v>
      </c>
    </row>
    <row r="2236" spans="1:9">
      <c r="A2236" s="1">
        <v>0.46670415268424581</v>
      </c>
      <c r="B2236" s="1"/>
      <c r="C2236">
        <v>8</v>
      </c>
      <c r="D2236" t="s">
        <v>5971</v>
      </c>
      <c r="E2236" t="s">
        <v>31691</v>
      </c>
      <c r="F2236">
        <v>5</v>
      </c>
      <c r="G2236" t="s">
        <v>9</v>
      </c>
      <c r="H2236" t="s">
        <v>5972</v>
      </c>
      <c r="I2236" t="s">
        <v>30540</v>
      </c>
    </row>
    <row r="2237" spans="1:9">
      <c r="A2237" s="1">
        <v>0.79575738010258545</v>
      </c>
      <c r="B2237" s="1"/>
      <c r="C2237">
        <v>18</v>
      </c>
      <c r="D2237" t="s">
        <v>5979</v>
      </c>
      <c r="E2237" t="s">
        <v>31691</v>
      </c>
      <c r="F2237">
        <v>4</v>
      </c>
      <c r="G2237" t="s">
        <v>0</v>
      </c>
      <c r="H2237" t="s">
        <v>5980</v>
      </c>
      <c r="I2237" t="s">
        <v>30540</v>
      </c>
    </row>
    <row r="2238" spans="1:9">
      <c r="A2238" s="1">
        <v>0.80319741438568115</v>
      </c>
      <c r="B2238" s="1"/>
      <c r="C2238">
        <v>4</v>
      </c>
      <c r="D2238" t="s">
        <v>5969</v>
      </c>
      <c r="E2238" t="s">
        <v>31691</v>
      </c>
      <c r="F2238">
        <v>4</v>
      </c>
      <c r="G2238" t="s">
        <v>0</v>
      </c>
      <c r="H2238" t="s">
        <v>5970</v>
      </c>
      <c r="I2238" t="s">
        <v>30540</v>
      </c>
    </row>
    <row r="2239" spans="1:9">
      <c r="A2239" s="1">
        <v>0.91358710548893296</v>
      </c>
      <c r="B2239" s="1"/>
      <c r="C2239">
        <v>15</v>
      </c>
      <c r="D2239" t="s">
        <v>5975</v>
      </c>
      <c r="E2239" t="s">
        <v>31691</v>
      </c>
      <c r="F2239">
        <v>4</v>
      </c>
      <c r="G2239" t="s">
        <v>2</v>
      </c>
      <c r="H2239" t="s">
        <v>5976</v>
      </c>
      <c r="I2239" t="s">
        <v>30540</v>
      </c>
    </row>
    <row r="2240" spans="1:9">
      <c r="A2240" s="1">
        <v>0.83691556032027892</v>
      </c>
      <c r="B2240" s="1"/>
      <c r="C2240">
        <v>16</v>
      </c>
      <c r="D2240" t="s">
        <v>5977</v>
      </c>
      <c r="E2240" t="s">
        <v>31691</v>
      </c>
      <c r="F2240">
        <v>4</v>
      </c>
      <c r="G2240" t="s">
        <v>15</v>
      </c>
      <c r="H2240" t="s">
        <v>5978</v>
      </c>
      <c r="I2240" t="s">
        <v>30540</v>
      </c>
    </row>
    <row r="2241" spans="1:9">
      <c r="A2241" s="1">
        <v>4.0784677030004657E-3</v>
      </c>
      <c r="B2241" s="1"/>
      <c r="C2241">
        <v>11</v>
      </c>
      <c r="D2241" t="s">
        <v>5963</v>
      </c>
      <c r="E2241" t="s">
        <v>31692</v>
      </c>
      <c r="F2241">
        <v>5</v>
      </c>
      <c r="G2241" t="s">
        <v>1</v>
      </c>
      <c r="H2241" t="s">
        <v>5964</v>
      </c>
      <c r="I2241" t="s">
        <v>30540</v>
      </c>
    </row>
    <row r="2242" spans="1:9">
      <c r="A2242" s="1">
        <v>0.89858002216365762</v>
      </c>
      <c r="B2242" s="1"/>
      <c r="C2242">
        <v>4</v>
      </c>
      <c r="D2242" t="s">
        <v>5957</v>
      </c>
      <c r="E2242" t="s">
        <v>31692</v>
      </c>
      <c r="F2242">
        <v>4</v>
      </c>
      <c r="G2242" t="s">
        <v>2</v>
      </c>
      <c r="H2242" t="s">
        <v>5958</v>
      </c>
      <c r="I2242" t="s">
        <v>30540</v>
      </c>
    </row>
    <row r="2243" spans="1:9">
      <c r="A2243" s="1">
        <v>0.85734966192884476</v>
      </c>
      <c r="B2243" s="1"/>
      <c r="C2243">
        <v>17</v>
      </c>
      <c r="D2243" t="s">
        <v>5967</v>
      </c>
      <c r="E2243" t="s">
        <v>31692</v>
      </c>
      <c r="F2243">
        <v>4</v>
      </c>
      <c r="G2243" t="s">
        <v>1</v>
      </c>
      <c r="H2243" t="s">
        <v>5968</v>
      </c>
      <c r="I2243" t="s">
        <v>30540</v>
      </c>
    </row>
    <row r="2244" spans="1:9">
      <c r="A2244" s="1">
        <v>0.70270565810899877</v>
      </c>
      <c r="B2244" s="1"/>
      <c r="C2244">
        <v>7</v>
      </c>
      <c r="D2244" t="s">
        <v>5959</v>
      </c>
      <c r="E2244" t="s">
        <v>31692</v>
      </c>
      <c r="F2244">
        <v>4</v>
      </c>
      <c r="G2244" t="s">
        <v>0</v>
      </c>
      <c r="H2244" t="s">
        <v>5960</v>
      </c>
      <c r="I2244" t="s">
        <v>30540</v>
      </c>
    </row>
    <row r="2245" spans="1:9">
      <c r="A2245" s="1">
        <v>0.2314236093687122</v>
      </c>
      <c r="B2245" s="1"/>
      <c r="C2245">
        <v>8</v>
      </c>
      <c r="D2245" t="s">
        <v>5961</v>
      </c>
      <c r="E2245" t="s">
        <v>31692</v>
      </c>
      <c r="F2245">
        <v>4</v>
      </c>
      <c r="G2245" t="s">
        <v>0</v>
      </c>
      <c r="H2245" t="s">
        <v>5962</v>
      </c>
      <c r="I2245" t="s">
        <v>30540</v>
      </c>
    </row>
    <row r="2246" spans="1:9">
      <c r="A2246" s="1">
        <v>0.50612851984774609</v>
      </c>
      <c r="B2246" s="1"/>
      <c r="C2246">
        <v>16</v>
      </c>
      <c r="D2246" t="s">
        <v>5965</v>
      </c>
      <c r="E2246" t="s">
        <v>31692</v>
      </c>
      <c r="F2246">
        <v>4</v>
      </c>
      <c r="G2246" t="s">
        <v>0</v>
      </c>
      <c r="H2246" t="s">
        <v>5966</v>
      </c>
      <c r="I2246" t="s">
        <v>30540</v>
      </c>
    </row>
    <row r="2247" spans="1:9">
      <c r="A2247" s="1">
        <v>0.2191891357794914</v>
      </c>
      <c r="B2247" s="1"/>
      <c r="C2247">
        <v>10</v>
      </c>
      <c r="D2247" t="s">
        <v>5947</v>
      </c>
      <c r="E2247" t="s">
        <v>31693</v>
      </c>
      <c r="F2247">
        <v>5</v>
      </c>
      <c r="G2247" t="s">
        <v>0</v>
      </c>
      <c r="H2247" t="s">
        <v>5948</v>
      </c>
      <c r="I2247" t="s">
        <v>30540</v>
      </c>
    </row>
    <row r="2248" spans="1:9">
      <c r="A2248" s="1">
        <v>5.4155445279665204E-2</v>
      </c>
      <c r="B2248" s="1"/>
      <c r="C2248">
        <v>20</v>
      </c>
      <c r="D2248" t="s">
        <v>5955</v>
      </c>
      <c r="E2248" t="s">
        <v>31693</v>
      </c>
      <c r="F2248">
        <v>5</v>
      </c>
      <c r="G2248" t="s">
        <v>0</v>
      </c>
      <c r="H2248" t="s">
        <v>5956</v>
      </c>
      <c r="I2248" t="s">
        <v>30540</v>
      </c>
    </row>
    <row r="2249" spans="1:9">
      <c r="A2249" s="1">
        <v>0.34727703859293302</v>
      </c>
      <c r="B2249" s="1"/>
      <c r="C2249">
        <v>18</v>
      </c>
      <c r="D2249" t="s">
        <v>5953</v>
      </c>
      <c r="E2249" t="s">
        <v>31693</v>
      </c>
      <c r="F2249">
        <v>5</v>
      </c>
      <c r="G2249" t="s">
        <v>0</v>
      </c>
      <c r="H2249" t="s">
        <v>5954</v>
      </c>
      <c r="I2249" t="s">
        <v>30540</v>
      </c>
    </row>
    <row r="2250" spans="1:9">
      <c r="A2250" s="1">
        <v>2.3932753704331233E-2</v>
      </c>
      <c r="B2250" s="1"/>
      <c r="C2250">
        <v>17</v>
      </c>
      <c r="D2250" t="s">
        <v>5951</v>
      </c>
      <c r="E2250" t="s">
        <v>31693</v>
      </c>
      <c r="F2250">
        <v>5</v>
      </c>
      <c r="G2250" t="s">
        <v>0</v>
      </c>
      <c r="H2250" t="s">
        <v>5952</v>
      </c>
      <c r="I2250" t="s">
        <v>30540</v>
      </c>
    </row>
    <row r="2251" spans="1:9">
      <c r="A2251" s="1">
        <v>0.83087285956652734</v>
      </c>
      <c r="B2251" s="1"/>
      <c r="C2251">
        <v>5</v>
      </c>
      <c r="D2251" t="s">
        <v>5943</v>
      </c>
      <c r="E2251" t="s">
        <v>31693</v>
      </c>
      <c r="F2251">
        <v>5</v>
      </c>
      <c r="G2251" t="s">
        <v>2</v>
      </c>
      <c r="H2251" t="s">
        <v>5944</v>
      </c>
      <c r="I2251" t="s">
        <v>30540</v>
      </c>
    </row>
    <row r="2252" spans="1:9">
      <c r="A2252" s="1">
        <v>0.23432738436023581</v>
      </c>
      <c r="B2252" s="1"/>
      <c r="C2252">
        <v>7</v>
      </c>
      <c r="D2252" t="s">
        <v>5945</v>
      </c>
      <c r="E2252" t="s">
        <v>31693</v>
      </c>
      <c r="F2252">
        <v>4</v>
      </c>
      <c r="G2252" t="s">
        <v>15</v>
      </c>
      <c r="H2252" t="s">
        <v>5946</v>
      </c>
      <c r="I2252" t="s">
        <v>30540</v>
      </c>
    </row>
    <row r="2253" spans="1:9">
      <c r="A2253" s="1">
        <v>0.19533484137362278</v>
      </c>
      <c r="B2253" s="1"/>
      <c r="C2253">
        <v>16</v>
      </c>
      <c r="D2253" t="s">
        <v>5949</v>
      </c>
      <c r="E2253" t="s">
        <v>31693</v>
      </c>
      <c r="F2253">
        <v>4</v>
      </c>
      <c r="G2253" t="s">
        <v>0</v>
      </c>
      <c r="H2253" t="s">
        <v>5950</v>
      </c>
      <c r="I2253" t="s">
        <v>30540</v>
      </c>
    </row>
    <row r="2254" spans="1:9">
      <c r="A2254" s="1">
        <v>0.23746246770355639</v>
      </c>
      <c r="B2254" s="1"/>
      <c r="C2254">
        <v>11</v>
      </c>
      <c r="D2254" t="s">
        <v>5939</v>
      </c>
      <c r="E2254" t="s">
        <v>31694</v>
      </c>
      <c r="F2254">
        <v>5</v>
      </c>
      <c r="G2254" t="s">
        <v>10</v>
      </c>
      <c r="H2254" t="s">
        <v>5940</v>
      </c>
      <c r="I2254" t="s">
        <v>30540</v>
      </c>
    </row>
    <row r="2255" spans="1:9">
      <c r="A2255" s="1">
        <v>0.17172698142589327</v>
      </c>
      <c r="B2255" s="1"/>
      <c r="C2255">
        <v>4</v>
      </c>
      <c r="D2255" t="s">
        <v>5935</v>
      </c>
      <c r="E2255" t="s">
        <v>31694</v>
      </c>
      <c r="F2255">
        <v>5</v>
      </c>
      <c r="G2255" t="s">
        <v>0</v>
      </c>
      <c r="H2255" t="s">
        <v>5936</v>
      </c>
      <c r="I2255" t="s">
        <v>30540</v>
      </c>
    </row>
    <row r="2256" spans="1:9">
      <c r="A2256" s="1">
        <v>0.82723168085955945</v>
      </c>
      <c r="B2256" s="1"/>
      <c r="C2256">
        <v>18</v>
      </c>
      <c r="D2256" t="s">
        <v>5941</v>
      </c>
      <c r="E2256" t="s">
        <v>31694</v>
      </c>
      <c r="F2256">
        <v>4</v>
      </c>
      <c r="G2256" t="s">
        <v>0</v>
      </c>
      <c r="H2256" t="s">
        <v>5942</v>
      </c>
      <c r="I2256" t="s">
        <v>30540</v>
      </c>
    </row>
    <row r="2257" spans="1:9">
      <c r="A2257" s="1">
        <v>0.14088246008944272</v>
      </c>
      <c r="B2257" s="1"/>
      <c r="C2257">
        <v>8</v>
      </c>
      <c r="D2257" t="s">
        <v>5937</v>
      </c>
      <c r="E2257" t="s">
        <v>31694</v>
      </c>
      <c r="F2257">
        <v>4</v>
      </c>
      <c r="G2257" t="s">
        <v>0</v>
      </c>
      <c r="H2257" t="s">
        <v>5938</v>
      </c>
      <c r="I2257" t="s">
        <v>30540</v>
      </c>
    </row>
    <row r="2258" spans="1:9">
      <c r="A2258" s="1">
        <v>0.59978396535855172</v>
      </c>
      <c r="B2258" s="1"/>
      <c r="C2258">
        <v>2</v>
      </c>
      <c r="D2258" t="s">
        <v>5933</v>
      </c>
      <c r="E2258" t="s">
        <v>31694</v>
      </c>
      <c r="F2258">
        <v>3</v>
      </c>
      <c r="G2258" t="s">
        <v>0</v>
      </c>
      <c r="H2258" t="s">
        <v>5934</v>
      </c>
      <c r="I2258" t="s">
        <v>30540</v>
      </c>
    </row>
    <row r="2259" spans="1:9">
      <c r="A2259" s="1">
        <v>0.43526274291560496</v>
      </c>
      <c r="B2259" s="1"/>
      <c r="C2259">
        <v>18</v>
      </c>
      <c r="D2259" t="s">
        <v>5929</v>
      </c>
      <c r="E2259" t="s">
        <v>31695</v>
      </c>
      <c r="F2259">
        <v>5</v>
      </c>
      <c r="G2259" t="s">
        <v>0</v>
      </c>
      <c r="H2259" t="s">
        <v>5930</v>
      </c>
      <c r="I2259" t="s">
        <v>30540</v>
      </c>
    </row>
    <row r="2260" spans="1:9">
      <c r="A2260" s="1">
        <v>0.81654538701169876</v>
      </c>
      <c r="B2260" s="1"/>
      <c r="C2260">
        <v>20</v>
      </c>
      <c r="D2260" t="s">
        <v>5931</v>
      </c>
      <c r="E2260" t="s">
        <v>31695</v>
      </c>
      <c r="F2260">
        <v>5</v>
      </c>
      <c r="G2260" t="s">
        <v>0</v>
      </c>
      <c r="H2260" t="s">
        <v>5932</v>
      </c>
      <c r="I2260" t="s">
        <v>30540</v>
      </c>
    </row>
    <row r="2261" spans="1:9">
      <c r="A2261" s="1">
        <v>0.30188953208517555</v>
      </c>
      <c r="B2261" s="1"/>
      <c r="C2261">
        <v>17</v>
      </c>
      <c r="D2261" t="s">
        <v>5927</v>
      </c>
      <c r="E2261" t="s">
        <v>31695</v>
      </c>
      <c r="F2261">
        <v>5</v>
      </c>
      <c r="G2261" t="s">
        <v>10</v>
      </c>
      <c r="H2261" t="s">
        <v>5928</v>
      </c>
      <c r="I2261" t="s">
        <v>30540</v>
      </c>
    </row>
    <row r="2262" spans="1:9">
      <c r="A2262" s="1">
        <v>0.16905930641171052</v>
      </c>
      <c r="B2262" s="1"/>
      <c r="C2262">
        <v>2</v>
      </c>
      <c r="D2262" t="s">
        <v>5921</v>
      </c>
      <c r="E2262" t="s">
        <v>31695</v>
      </c>
      <c r="F2262">
        <v>4</v>
      </c>
      <c r="G2262" t="s">
        <v>0</v>
      </c>
      <c r="H2262" t="s">
        <v>5922</v>
      </c>
      <c r="I2262" t="s">
        <v>30540</v>
      </c>
    </row>
    <row r="2263" spans="1:9">
      <c r="A2263" s="1">
        <v>0.15733262796339087</v>
      </c>
      <c r="B2263" s="1"/>
      <c r="C2263">
        <v>15</v>
      </c>
      <c r="D2263" t="s">
        <v>5925</v>
      </c>
      <c r="E2263" t="s">
        <v>31695</v>
      </c>
      <c r="F2263">
        <v>4</v>
      </c>
      <c r="G2263" t="s">
        <v>0</v>
      </c>
      <c r="H2263" t="s">
        <v>5926</v>
      </c>
      <c r="I2263" t="s">
        <v>30540</v>
      </c>
    </row>
    <row r="2264" spans="1:9">
      <c r="A2264" s="1">
        <v>0.56820883489275831</v>
      </c>
      <c r="B2264" s="1"/>
      <c r="C2264">
        <v>6</v>
      </c>
      <c r="D2264" t="s">
        <v>5923</v>
      </c>
      <c r="E2264" t="s">
        <v>31695</v>
      </c>
      <c r="F2264">
        <v>3</v>
      </c>
      <c r="G2264" t="s">
        <v>2</v>
      </c>
      <c r="H2264" t="s">
        <v>5924</v>
      </c>
      <c r="I2264" t="s">
        <v>30540</v>
      </c>
    </row>
    <row r="2265" spans="1:9">
      <c r="A2265" s="1">
        <v>0.23426468361324726</v>
      </c>
      <c r="B2265" s="1"/>
      <c r="C2265">
        <v>13</v>
      </c>
      <c r="D2265" t="s">
        <v>5917</v>
      </c>
      <c r="E2265" t="s">
        <v>31696</v>
      </c>
      <c r="F2265">
        <v>5</v>
      </c>
      <c r="G2265" t="s">
        <v>762</v>
      </c>
      <c r="H2265" t="s">
        <v>5918</v>
      </c>
      <c r="I2265" t="s">
        <v>30540</v>
      </c>
    </row>
    <row r="2266" spans="1:9">
      <c r="A2266" s="1">
        <v>0.50896478054835215</v>
      </c>
      <c r="B2266" s="1"/>
      <c r="C2266">
        <v>11</v>
      </c>
      <c r="D2266" t="s">
        <v>5915</v>
      </c>
      <c r="E2266" t="s">
        <v>31696</v>
      </c>
      <c r="F2266">
        <v>5</v>
      </c>
      <c r="G2266" t="s">
        <v>1426</v>
      </c>
      <c r="H2266" t="s">
        <v>5916</v>
      </c>
      <c r="I2266" t="s">
        <v>30540</v>
      </c>
    </row>
    <row r="2267" spans="1:9">
      <c r="A2267" s="1">
        <v>0.63383820010585301</v>
      </c>
      <c r="B2267" s="1"/>
      <c r="C2267">
        <v>9</v>
      </c>
      <c r="D2267" t="s">
        <v>5911</v>
      </c>
      <c r="E2267" t="s">
        <v>31696</v>
      </c>
      <c r="F2267">
        <v>5</v>
      </c>
      <c r="G2267" t="s">
        <v>13</v>
      </c>
      <c r="H2267" t="s">
        <v>5912</v>
      </c>
      <c r="I2267" t="s">
        <v>30540</v>
      </c>
    </row>
    <row r="2268" spans="1:9">
      <c r="A2268" s="1">
        <v>0.65258458493757099</v>
      </c>
      <c r="B2268" s="1"/>
      <c r="C2268">
        <v>10</v>
      </c>
      <c r="D2268" t="s">
        <v>5913</v>
      </c>
      <c r="E2268" t="s">
        <v>31696</v>
      </c>
      <c r="F2268">
        <v>5</v>
      </c>
      <c r="G2268" t="s">
        <v>13</v>
      </c>
      <c r="H2268" t="s">
        <v>5914</v>
      </c>
      <c r="I2268" t="s">
        <v>30540</v>
      </c>
    </row>
    <row r="2269" spans="1:9">
      <c r="A2269" s="1">
        <v>0.38006944840476498</v>
      </c>
      <c r="B2269" s="1"/>
      <c r="C2269">
        <v>8</v>
      </c>
      <c r="D2269" t="s">
        <v>5909</v>
      </c>
      <c r="E2269" t="s">
        <v>31696</v>
      </c>
      <c r="F2269">
        <v>4</v>
      </c>
      <c r="G2269" t="s">
        <v>1431</v>
      </c>
      <c r="H2269" t="s">
        <v>5910</v>
      </c>
      <c r="I2269" t="s">
        <v>30540</v>
      </c>
    </row>
    <row r="2270" spans="1:9">
      <c r="A2270" s="1">
        <v>0.1623050872011137</v>
      </c>
      <c r="B2270" s="1"/>
      <c r="C2270">
        <v>19</v>
      </c>
      <c r="D2270" t="s">
        <v>5919</v>
      </c>
      <c r="E2270" t="s">
        <v>31696</v>
      </c>
      <c r="F2270">
        <v>3</v>
      </c>
      <c r="G2270" t="s">
        <v>2229</v>
      </c>
      <c r="H2270" t="s">
        <v>5920</v>
      </c>
      <c r="I2270" t="s">
        <v>30540</v>
      </c>
    </row>
    <row r="2271" spans="1:9">
      <c r="A2271" s="1">
        <v>0.39068286274872543</v>
      </c>
      <c r="B2271" s="1"/>
      <c r="C2271">
        <v>10</v>
      </c>
      <c r="D2271" t="s">
        <v>5901</v>
      </c>
      <c r="E2271" t="s">
        <v>31697</v>
      </c>
      <c r="F2271">
        <v>5</v>
      </c>
      <c r="G2271" t="s">
        <v>0</v>
      </c>
      <c r="H2271" t="s">
        <v>5902</v>
      </c>
      <c r="I2271" t="s">
        <v>30540</v>
      </c>
    </row>
    <row r="2272" spans="1:9">
      <c r="A2272" s="1">
        <v>0.51892976327728502</v>
      </c>
      <c r="B2272" s="1"/>
      <c r="C2272">
        <v>19</v>
      </c>
      <c r="D2272" t="s">
        <v>5907</v>
      </c>
      <c r="E2272" t="s">
        <v>31697</v>
      </c>
      <c r="F2272">
        <v>4</v>
      </c>
      <c r="G2272" t="s">
        <v>15</v>
      </c>
      <c r="H2272" t="s">
        <v>5908</v>
      </c>
      <c r="I2272" t="s">
        <v>30540</v>
      </c>
    </row>
    <row r="2273" spans="1:9">
      <c r="A2273" s="1">
        <v>0.55460365842053783</v>
      </c>
      <c r="B2273" s="1"/>
      <c r="C2273">
        <v>5</v>
      </c>
      <c r="D2273" t="s">
        <v>5899</v>
      </c>
      <c r="E2273" t="s">
        <v>31697</v>
      </c>
      <c r="F2273">
        <v>4</v>
      </c>
      <c r="G2273" t="s">
        <v>1</v>
      </c>
      <c r="H2273" t="s">
        <v>5900</v>
      </c>
      <c r="I2273" t="s">
        <v>30540</v>
      </c>
    </row>
    <row r="2274" spans="1:9">
      <c r="A2274" s="1">
        <v>0.73559978529788383</v>
      </c>
      <c r="B2274" s="1"/>
      <c r="C2274">
        <v>2</v>
      </c>
      <c r="D2274" t="s">
        <v>5895</v>
      </c>
      <c r="E2274" t="s">
        <v>31697</v>
      </c>
      <c r="F2274">
        <v>4</v>
      </c>
      <c r="G2274" t="s">
        <v>2</v>
      </c>
      <c r="H2274" t="s">
        <v>5896</v>
      </c>
      <c r="I2274" t="s">
        <v>30540</v>
      </c>
    </row>
    <row r="2275" spans="1:9">
      <c r="A2275" s="1">
        <v>3.2706476645888549E-2</v>
      </c>
      <c r="B2275" s="1"/>
      <c r="C2275">
        <v>1</v>
      </c>
      <c r="D2275" t="s">
        <v>5893</v>
      </c>
      <c r="E2275" t="s">
        <v>31697</v>
      </c>
      <c r="F2275">
        <v>4</v>
      </c>
      <c r="G2275" t="s">
        <v>15</v>
      </c>
      <c r="H2275" t="s">
        <v>5894</v>
      </c>
      <c r="I2275" t="s">
        <v>30540</v>
      </c>
    </row>
    <row r="2276" spans="1:9">
      <c r="A2276" s="1">
        <v>0.18392053366409744</v>
      </c>
      <c r="B2276" s="1"/>
      <c r="C2276">
        <v>15</v>
      </c>
      <c r="D2276" t="s">
        <v>5903</v>
      </c>
      <c r="E2276" t="s">
        <v>31697</v>
      </c>
      <c r="F2276">
        <v>4</v>
      </c>
      <c r="G2276" t="s">
        <v>0</v>
      </c>
      <c r="H2276" t="s">
        <v>5904</v>
      </c>
      <c r="I2276" t="s">
        <v>30540</v>
      </c>
    </row>
    <row r="2277" spans="1:9">
      <c r="A2277" s="1">
        <v>0.19275241209283289</v>
      </c>
      <c r="B2277" s="1"/>
      <c r="C2277">
        <v>4</v>
      </c>
      <c r="D2277" t="s">
        <v>5897</v>
      </c>
      <c r="E2277" t="s">
        <v>31697</v>
      </c>
      <c r="F2277">
        <v>3</v>
      </c>
      <c r="G2277" t="s">
        <v>0</v>
      </c>
      <c r="H2277" t="s">
        <v>5898</v>
      </c>
      <c r="I2277" t="s">
        <v>30540</v>
      </c>
    </row>
    <row r="2278" spans="1:9">
      <c r="A2278" s="1">
        <v>0.6615007741998058</v>
      </c>
      <c r="B2278" s="1"/>
      <c r="C2278">
        <v>4</v>
      </c>
      <c r="D2278" t="s">
        <v>5881</v>
      </c>
      <c r="E2278" t="s">
        <v>31698</v>
      </c>
      <c r="F2278">
        <v>4</v>
      </c>
      <c r="G2278" t="s">
        <v>13</v>
      </c>
      <c r="H2278" t="s">
        <v>5882</v>
      </c>
      <c r="I2278" t="s">
        <v>30540</v>
      </c>
    </row>
    <row r="2279" spans="1:9">
      <c r="A2279" s="1">
        <v>0.70122277401128652</v>
      </c>
      <c r="B2279" s="1"/>
      <c r="C2279">
        <v>18</v>
      </c>
      <c r="D2279" t="s">
        <v>5889</v>
      </c>
      <c r="E2279" t="s">
        <v>31698</v>
      </c>
      <c r="F2279">
        <v>4</v>
      </c>
      <c r="G2279" t="s">
        <v>1</v>
      </c>
      <c r="H2279" t="s">
        <v>5890</v>
      </c>
      <c r="I2279" t="s">
        <v>30540</v>
      </c>
    </row>
    <row r="2280" spans="1:9">
      <c r="A2280" s="1">
        <v>0.747026315634993</v>
      </c>
      <c r="B2280" s="1"/>
      <c r="C2280">
        <v>16</v>
      </c>
      <c r="D2280" t="s">
        <v>5887</v>
      </c>
      <c r="E2280" t="s">
        <v>31698</v>
      </c>
      <c r="F2280">
        <v>4</v>
      </c>
      <c r="G2280" t="s">
        <v>0</v>
      </c>
      <c r="H2280" t="s">
        <v>5888</v>
      </c>
      <c r="I2280" t="s">
        <v>30540</v>
      </c>
    </row>
    <row r="2281" spans="1:9">
      <c r="A2281" s="1">
        <v>0.30185820883558212</v>
      </c>
      <c r="B2281" s="1"/>
      <c r="C2281">
        <v>20</v>
      </c>
      <c r="D2281" t="s">
        <v>5891</v>
      </c>
      <c r="E2281" t="s">
        <v>31698</v>
      </c>
      <c r="F2281">
        <v>4</v>
      </c>
      <c r="G2281" t="s">
        <v>0</v>
      </c>
      <c r="H2281" t="s">
        <v>5892</v>
      </c>
      <c r="I2281" t="s">
        <v>30540</v>
      </c>
    </row>
    <row r="2282" spans="1:9">
      <c r="A2282" s="1">
        <v>0.59631908973989733</v>
      </c>
      <c r="B2282" s="1"/>
      <c r="C2282">
        <v>2</v>
      </c>
      <c r="D2282" t="s">
        <v>5879</v>
      </c>
      <c r="E2282" t="s">
        <v>31698</v>
      </c>
      <c r="F2282">
        <v>4</v>
      </c>
      <c r="G2282" t="s">
        <v>1</v>
      </c>
      <c r="H2282" t="s">
        <v>5880</v>
      </c>
      <c r="I2282" t="s">
        <v>30540</v>
      </c>
    </row>
    <row r="2283" spans="1:9">
      <c r="A2283" s="1">
        <v>0.86489862521801841</v>
      </c>
      <c r="B2283" s="1"/>
      <c r="C2283">
        <v>6</v>
      </c>
      <c r="D2283" t="s">
        <v>5869</v>
      </c>
      <c r="E2283" t="s">
        <v>31699</v>
      </c>
      <c r="F2283">
        <v>5</v>
      </c>
      <c r="G2283" t="s">
        <v>0</v>
      </c>
      <c r="H2283" t="s">
        <v>5870</v>
      </c>
      <c r="I2283" t="s">
        <v>30540</v>
      </c>
    </row>
    <row r="2284" spans="1:9">
      <c r="A2284" s="1">
        <v>0.69027919014519623</v>
      </c>
      <c r="B2284" s="1"/>
      <c r="C2284">
        <v>7</v>
      </c>
      <c r="D2284" t="s">
        <v>5871</v>
      </c>
      <c r="E2284" t="s">
        <v>31699</v>
      </c>
      <c r="F2284">
        <v>5</v>
      </c>
      <c r="G2284" t="s">
        <v>0</v>
      </c>
      <c r="H2284" t="s">
        <v>5872</v>
      </c>
      <c r="I2284" t="s">
        <v>30540</v>
      </c>
    </row>
    <row r="2285" spans="1:9">
      <c r="A2285" s="1">
        <v>0.4835079850204167</v>
      </c>
      <c r="B2285" s="1"/>
      <c r="C2285">
        <v>12</v>
      </c>
      <c r="D2285" t="s">
        <v>5873</v>
      </c>
      <c r="E2285" t="s">
        <v>31699</v>
      </c>
      <c r="F2285">
        <v>4</v>
      </c>
      <c r="G2285" t="s">
        <v>1</v>
      </c>
      <c r="H2285" t="s">
        <v>5874</v>
      </c>
      <c r="I2285" t="s">
        <v>30540</v>
      </c>
    </row>
    <row r="2286" spans="1:9">
      <c r="A2286" s="1">
        <v>7.5384129223743157E-2</v>
      </c>
      <c r="B2286" s="1"/>
      <c r="C2286">
        <v>18</v>
      </c>
      <c r="D2286" t="s">
        <v>5877</v>
      </c>
      <c r="E2286" t="s">
        <v>31699</v>
      </c>
      <c r="F2286">
        <v>4</v>
      </c>
      <c r="G2286" t="s">
        <v>9</v>
      </c>
      <c r="H2286" t="s">
        <v>5878</v>
      </c>
      <c r="I2286" t="s">
        <v>30540</v>
      </c>
    </row>
    <row r="2287" spans="1:9">
      <c r="A2287" s="1">
        <v>0.11728091034361787</v>
      </c>
      <c r="B2287" s="1"/>
      <c r="C2287">
        <v>17</v>
      </c>
      <c r="D2287" t="s">
        <v>5875</v>
      </c>
      <c r="E2287" t="s">
        <v>31699</v>
      </c>
      <c r="F2287">
        <v>4</v>
      </c>
      <c r="G2287" t="s">
        <v>10</v>
      </c>
      <c r="H2287" t="s">
        <v>5876</v>
      </c>
      <c r="I2287" t="s">
        <v>30540</v>
      </c>
    </row>
    <row r="2288" spans="1:9">
      <c r="A2288" s="1">
        <v>0.5268548726842639</v>
      </c>
      <c r="B2288" s="1"/>
      <c r="C2288">
        <v>11</v>
      </c>
      <c r="D2288" t="s">
        <v>5859</v>
      </c>
      <c r="E2288" t="s">
        <v>31700</v>
      </c>
      <c r="F2288">
        <v>4</v>
      </c>
      <c r="G2288" t="s">
        <v>0</v>
      </c>
      <c r="H2288" t="s">
        <v>5860</v>
      </c>
      <c r="I2288" t="s">
        <v>30540</v>
      </c>
    </row>
    <row r="2289" spans="1:9">
      <c r="A2289" s="1">
        <v>0.59587140509824155</v>
      </c>
      <c r="B2289" s="1"/>
      <c r="C2289">
        <v>2</v>
      </c>
      <c r="D2289" t="s">
        <v>5855</v>
      </c>
      <c r="E2289" t="s">
        <v>31700</v>
      </c>
      <c r="F2289">
        <v>4</v>
      </c>
      <c r="G2289" t="s">
        <v>2</v>
      </c>
      <c r="H2289" t="s">
        <v>5856</v>
      </c>
      <c r="I2289" t="s">
        <v>30540</v>
      </c>
    </row>
    <row r="2290" spans="1:9">
      <c r="A2290" s="1">
        <v>0.24405423407784599</v>
      </c>
      <c r="B2290" s="1"/>
      <c r="C2290">
        <v>19</v>
      </c>
      <c r="D2290" t="s">
        <v>5865</v>
      </c>
      <c r="E2290" t="s">
        <v>31700</v>
      </c>
      <c r="F2290">
        <v>4</v>
      </c>
      <c r="G2290" t="s">
        <v>0</v>
      </c>
      <c r="H2290" t="s">
        <v>5866</v>
      </c>
      <c r="I2290" t="s">
        <v>30540</v>
      </c>
    </row>
    <row r="2291" spans="1:9">
      <c r="A2291" s="1">
        <v>0.40413044248227625</v>
      </c>
      <c r="B2291" s="1"/>
      <c r="C2291">
        <v>5</v>
      </c>
      <c r="D2291" t="s">
        <v>5857</v>
      </c>
      <c r="E2291" t="s">
        <v>31700</v>
      </c>
      <c r="F2291">
        <v>4</v>
      </c>
      <c r="G2291" t="s">
        <v>15</v>
      </c>
      <c r="H2291" t="s">
        <v>5858</v>
      </c>
      <c r="I2291" t="s">
        <v>30540</v>
      </c>
    </row>
    <row r="2292" spans="1:9">
      <c r="A2292" s="1">
        <v>0.23344113475790895</v>
      </c>
      <c r="B2292" s="1"/>
      <c r="C2292">
        <v>16</v>
      </c>
      <c r="D2292" t="s">
        <v>5863</v>
      </c>
      <c r="E2292" t="s">
        <v>31700</v>
      </c>
      <c r="F2292">
        <v>4</v>
      </c>
      <c r="G2292" t="s">
        <v>1</v>
      </c>
      <c r="H2292" t="s">
        <v>5864</v>
      </c>
      <c r="I2292" t="s">
        <v>30540</v>
      </c>
    </row>
    <row r="2293" spans="1:9">
      <c r="A2293" s="1">
        <v>0.39684838749427043</v>
      </c>
      <c r="B2293" s="1"/>
      <c r="C2293">
        <v>16</v>
      </c>
      <c r="D2293" t="s">
        <v>5853</v>
      </c>
      <c r="E2293" t="s">
        <v>31701</v>
      </c>
      <c r="F2293">
        <v>4</v>
      </c>
      <c r="G2293" t="s">
        <v>0</v>
      </c>
      <c r="H2293" t="s">
        <v>5854</v>
      </c>
      <c r="I2293" t="s">
        <v>30540</v>
      </c>
    </row>
    <row r="2294" spans="1:9">
      <c r="A2294" s="1">
        <v>0.34870095620298847</v>
      </c>
      <c r="B2294" s="1"/>
      <c r="C2294">
        <v>15</v>
      </c>
      <c r="D2294" t="s">
        <v>5851</v>
      </c>
      <c r="E2294" t="s">
        <v>31701</v>
      </c>
      <c r="F2294">
        <v>4</v>
      </c>
      <c r="G2294" t="s">
        <v>0</v>
      </c>
      <c r="H2294" t="s">
        <v>5852</v>
      </c>
      <c r="I2294" t="s">
        <v>30540</v>
      </c>
    </row>
    <row r="2295" spans="1:9">
      <c r="A2295" s="1">
        <v>0.69526266749079468</v>
      </c>
      <c r="B2295" s="1"/>
      <c r="C2295">
        <v>10</v>
      </c>
      <c r="D2295" t="s">
        <v>5849</v>
      </c>
      <c r="E2295" t="s">
        <v>31701</v>
      </c>
      <c r="F2295">
        <v>3</v>
      </c>
      <c r="G2295" t="s">
        <v>0</v>
      </c>
      <c r="H2295" t="s">
        <v>5850</v>
      </c>
      <c r="I2295" t="s">
        <v>30540</v>
      </c>
    </row>
    <row r="2296" spans="1:9">
      <c r="A2296" s="1">
        <v>0.85107619327794648</v>
      </c>
      <c r="B2296" s="1"/>
      <c r="C2296">
        <v>6</v>
      </c>
      <c r="D2296" t="s">
        <v>5843</v>
      </c>
      <c r="E2296" t="s">
        <v>31702</v>
      </c>
      <c r="F2296">
        <v>4</v>
      </c>
      <c r="G2296" t="s">
        <v>2738</v>
      </c>
      <c r="H2296" t="s">
        <v>5844</v>
      </c>
      <c r="I2296" t="s">
        <v>30540</v>
      </c>
    </row>
    <row r="2297" spans="1:9">
      <c r="A2297" s="1">
        <v>0.7196960343564236</v>
      </c>
      <c r="B2297" s="1"/>
      <c r="C2297">
        <v>20</v>
      </c>
      <c r="D2297" t="s">
        <v>5847</v>
      </c>
      <c r="E2297" t="s">
        <v>31702</v>
      </c>
      <c r="F2297">
        <v>4</v>
      </c>
      <c r="G2297" t="s">
        <v>2226</v>
      </c>
      <c r="H2297" t="s">
        <v>5848</v>
      </c>
      <c r="I2297" t="s">
        <v>30540</v>
      </c>
    </row>
    <row r="2298" spans="1:9">
      <c r="A2298" s="1">
        <v>0.1676085997234289</v>
      </c>
      <c r="B2298" s="1"/>
      <c r="C2298">
        <v>4</v>
      </c>
      <c r="D2298" t="s">
        <v>5841</v>
      </c>
      <c r="E2298" t="s">
        <v>31702</v>
      </c>
      <c r="F2298">
        <v>4</v>
      </c>
      <c r="G2298" t="s">
        <v>1431</v>
      </c>
      <c r="H2298" t="s">
        <v>5842</v>
      </c>
      <c r="I2298" t="s">
        <v>30540</v>
      </c>
    </row>
    <row r="2299" spans="1:9">
      <c r="A2299" s="1">
        <v>0.54863320777360092</v>
      </c>
      <c r="B2299" s="1"/>
      <c r="C2299">
        <v>19</v>
      </c>
      <c r="D2299" t="s">
        <v>5845</v>
      </c>
      <c r="E2299" t="s">
        <v>31702</v>
      </c>
      <c r="F2299">
        <v>4</v>
      </c>
      <c r="G2299" t="s">
        <v>1295</v>
      </c>
      <c r="H2299" t="s">
        <v>5846</v>
      </c>
      <c r="I2299" t="s">
        <v>30540</v>
      </c>
    </row>
    <row r="2300" spans="1:9">
      <c r="A2300" s="1">
        <v>0.59851908429227796</v>
      </c>
      <c r="B2300" s="1"/>
      <c r="C2300">
        <v>13</v>
      </c>
      <c r="D2300" t="s">
        <v>5833</v>
      </c>
      <c r="E2300" t="s">
        <v>31703</v>
      </c>
      <c r="F2300">
        <v>4</v>
      </c>
      <c r="G2300" t="s">
        <v>0</v>
      </c>
      <c r="H2300" t="s">
        <v>5834</v>
      </c>
      <c r="I2300" t="s">
        <v>30540</v>
      </c>
    </row>
    <row r="2301" spans="1:9">
      <c r="A2301" s="1">
        <v>0.38984462079447946</v>
      </c>
      <c r="B2301" s="1"/>
      <c r="C2301">
        <v>5</v>
      </c>
      <c r="D2301" t="s">
        <v>5827</v>
      </c>
      <c r="E2301" t="s">
        <v>31703</v>
      </c>
      <c r="F2301">
        <v>4</v>
      </c>
      <c r="G2301" t="s">
        <v>9</v>
      </c>
      <c r="H2301" t="s">
        <v>5828</v>
      </c>
      <c r="I2301" t="s">
        <v>30540</v>
      </c>
    </row>
    <row r="2302" spans="1:9">
      <c r="A2302" s="1">
        <v>0.97673574040211697</v>
      </c>
      <c r="B2302" s="1"/>
      <c r="C2302">
        <v>10</v>
      </c>
      <c r="D2302" t="s">
        <v>5829</v>
      </c>
      <c r="E2302" t="s">
        <v>31703</v>
      </c>
      <c r="F2302">
        <v>4</v>
      </c>
      <c r="G2302" t="s">
        <v>1</v>
      </c>
      <c r="H2302" t="s">
        <v>5830</v>
      </c>
      <c r="I2302" t="s">
        <v>30540</v>
      </c>
    </row>
    <row r="2303" spans="1:9">
      <c r="A2303" s="1">
        <v>0.39912661180193787</v>
      </c>
      <c r="B2303" s="1"/>
      <c r="C2303">
        <v>19</v>
      </c>
      <c r="D2303" t="s">
        <v>5835</v>
      </c>
      <c r="E2303" t="s">
        <v>31703</v>
      </c>
      <c r="F2303">
        <v>4</v>
      </c>
      <c r="G2303" t="s">
        <v>0</v>
      </c>
      <c r="H2303" t="s">
        <v>5836</v>
      </c>
      <c r="I2303" t="s">
        <v>30540</v>
      </c>
    </row>
    <row r="2304" spans="1:9">
      <c r="A2304" s="1">
        <v>0.39229229226264017</v>
      </c>
      <c r="B2304" s="1"/>
      <c r="C2304">
        <v>11</v>
      </c>
      <c r="D2304" t="s">
        <v>5831</v>
      </c>
      <c r="E2304" t="s">
        <v>31703</v>
      </c>
      <c r="F2304">
        <v>4</v>
      </c>
      <c r="G2304" t="s">
        <v>0</v>
      </c>
      <c r="H2304" t="s">
        <v>5832</v>
      </c>
      <c r="I2304" t="s">
        <v>30540</v>
      </c>
    </row>
    <row r="2305" spans="1:9">
      <c r="A2305" s="1">
        <v>0.43111644995819776</v>
      </c>
      <c r="B2305" s="1"/>
      <c r="C2305">
        <v>20</v>
      </c>
      <c r="D2305" t="s">
        <v>5837</v>
      </c>
      <c r="E2305" t="s">
        <v>31703</v>
      </c>
      <c r="F2305">
        <v>3</v>
      </c>
      <c r="G2305" t="s">
        <v>0</v>
      </c>
      <c r="H2305" t="s">
        <v>5838</v>
      </c>
      <c r="I2305" t="s">
        <v>30540</v>
      </c>
    </row>
    <row r="2306" spans="1:9">
      <c r="A2306" s="1">
        <v>2.0364743125081075E-2</v>
      </c>
      <c r="B2306" s="1"/>
      <c r="C2306">
        <v>18</v>
      </c>
      <c r="D2306" t="s">
        <v>5825</v>
      </c>
      <c r="E2306" t="s">
        <v>31704</v>
      </c>
      <c r="F2306">
        <v>5</v>
      </c>
      <c r="G2306" t="s">
        <v>0</v>
      </c>
      <c r="H2306" t="s">
        <v>5826</v>
      </c>
      <c r="I2306" t="s">
        <v>30540</v>
      </c>
    </row>
    <row r="2307" spans="1:9">
      <c r="A2307" s="1">
        <v>0.82153915761428498</v>
      </c>
      <c r="B2307" s="1"/>
      <c r="C2307">
        <v>1</v>
      </c>
      <c r="D2307" t="s">
        <v>5815</v>
      </c>
      <c r="E2307" t="s">
        <v>31704</v>
      </c>
      <c r="F2307">
        <v>4</v>
      </c>
      <c r="G2307" t="s">
        <v>14</v>
      </c>
      <c r="H2307" t="s">
        <v>5816</v>
      </c>
      <c r="I2307" t="s">
        <v>30540</v>
      </c>
    </row>
    <row r="2308" spans="1:9">
      <c r="A2308" s="1">
        <v>0.14594877854938038</v>
      </c>
      <c r="B2308" s="1"/>
      <c r="C2308">
        <v>12</v>
      </c>
      <c r="D2308" t="s">
        <v>5819</v>
      </c>
      <c r="E2308" t="s">
        <v>31704</v>
      </c>
      <c r="F2308">
        <v>4</v>
      </c>
      <c r="G2308" t="s">
        <v>0</v>
      </c>
      <c r="H2308" t="s">
        <v>5820</v>
      </c>
      <c r="I2308" t="s">
        <v>30540</v>
      </c>
    </row>
    <row r="2309" spans="1:9">
      <c r="A2309" s="1">
        <v>0.96443924418568927</v>
      </c>
      <c r="B2309" s="1"/>
      <c r="C2309">
        <v>14</v>
      </c>
      <c r="D2309" t="s">
        <v>5821</v>
      </c>
      <c r="E2309" t="s">
        <v>31704</v>
      </c>
      <c r="F2309">
        <v>4</v>
      </c>
      <c r="G2309" t="s">
        <v>0</v>
      </c>
      <c r="H2309" t="s">
        <v>5822</v>
      </c>
      <c r="I2309" t="s">
        <v>30540</v>
      </c>
    </row>
    <row r="2310" spans="1:9">
      <c r="A2310" s="1">
        <v>0.62854714198676676</v>
      </c>
      <c r="B2310" s="1"/>
      <c r="C2310">
        <v>3</v>
      </c>
      <c r="D2310" t="s">
        <v>5817</v>
      </c>
      <c r="E2310" t="s">
        <v>31704</v>
      </c>
      <c r="F2310">
        <v>4</v>
      </c>
      <c r="G2310" t="s">
        <v>14</v>
      </c>
      <c r="H2310" t="s">
        <v>5818</v>
      </c>
      <c r="I2310" t="s">
        <v>30540</v>
      </c>
    </row>
    <row r="2311" spans="1:9">
      <c r="A2311" s="1">
        <v>0.45764130924709612</v>
      </c>
      <c r="B2311" s="1"/>
      <c r="C2311">
        <v>14</v>
      </c>
      <c r="D2311" t="s">
        <v>5813</v>
      </c>
      <c r="E2311" t="s">
        <v>31705</v>
      </c>
      <c r="F2311">
        <v>4</v>
      </c>
      <c r="G2311" t="s">
        <v>15</v>
      </c>
      <c r="H2311" t="s">
        <v>5814</v>
      </c>
      <c r="I2311" t="s">
        <v>30540</v>
      </c>
    </row>
    <row r="2312" spans="1:9">
      <c r="A2312" s="1">
        <v>0.29121601843205325</v>
      </c>
      <c r="B2312" s="1"/>
      <c r="C2312">
        <v>11</v>
      </c>
      <c r="D2312" t="s">
        <v>5811</v>
      </c>
      <c r="E2312" t="s">
        <v>31705</v>
      </c>
      <c r="F2312">
        <v>4</v>
      </c>
      <c r="G2312" t="s">
        <v>0</v>
      </c>
      <c r="H2312" t="s">
        <v>5812</v>
      </c>
      <c r="I2312" t="s">
        <v>30540</v>
      </c>
    </row>
    <row r="2313" spans="1:9">
      <c r="A2313" s="1">
        <v>1.9173934844793017E-2</v>
      </c>
      <c r="B2313" s="1"/>
      <c r="C2313">
        <v>7</v>
      </c>
      <c r="D2313" t="s">
        <v>5807</v>
      </c>
      <c r="E2313" t="s">
        <v>31705</v>
      </c>
      <c r="F2313">
        <v>4</v>
      </c>
      <c r="G2313" t="s">
        <v>13</v>
      </c>
      <c r="H2313" t="s">
        <v>5808</v>
      </c>
      <c r="I2313" t="s">
        <v>30540</v>
      </c>
    </row>
    <row r="2314" spans="1:9">
      <c r="A2314" s="1">
        <v>9.9090832352701552E-2</v>
      </c>
      <c r="B2314" s="1"/>
      <c r="C2314">
        <v>5</v>
      </c>
      <c r="D2314" t="s">
        <v>5803</v>
      </c>
      <c r="E2314" t="s">
        <v>31706</v>
      </c>
      <c r="F2314">
        <v>4</v>
      </c>
      <c r="G2314" t="s">
        <v>0</v>
      </c>
      <c r="H2314" t="s">
        <v>5804</v>
      </c>
      <c r="I2314" t="s">
        <v>30540</v>
      </c>
    </row>
    <row r="2315" spans="1:9">
      <c r="A2315" s="1">
        <v>0.61415819321225795</v>
      </c>
      <c r="B2315" s="1"/>
      <c r="C2315">
        <v>4</v>
      </c>
      <c r="D2315" t="s">
        <v>5801</v>
      </c>
      <c r="E2315" t="s">
        <v>31706</v>
      </c>
      <c r="F2315">
        <v>4</v>
      </c>
      <c r="G2315" t="s">
        <v>0</v>
      </c>
      <c r="H2315" t="s">
        <v>5802</v>
      </c>
      <c r="I2315" t="s">
        <v>30540</v>
      </c>
    </row>
    <row r="2316" spans="1:9">
      <c r="A2316" s="1">
        <v>0.15270071260993112</v>
      </c>
      <c r="B2316" s="1"/>
      <c r="C2316">
        <v>11</v>
      </c>
      <c r="D2316" t="s">
        <v>5805</v>
      </c>
      <c r="E2316" t="s">
        <v>31706</v>
      </c>
      <c r="F2316">
        <v>4</v>
      </c>
      <c r="G2316" t="s">
        <v>9</v>
      </c>
      <c r="H2316" t="s">
        <v>5806</v>
      </c>
      <c r="I2316" t="s">
        <v>30540</v>
      </c>
    </row>
    <row r="2317" spans="1:9">
      <c r="A2317" s="1">
        <v>0.41694700478093372</v>
      </c>
      <c r="B2317" s="1"/>
      <c r="C2317">
        <v>2</v>
      </c>
      <c r="D2317" t="s">
        <v>5799</v>
      </c>
      <c r="E2317" t="s">
        <v>31706</v>
      </c>
      <c r="F2317">
        <v>4</v>
      </c>
      <c r="G2317" t="s">
        <v>15</v>
      </c>
      <c r="H2317" t="s">
        <v>5800</v>
      </c>
      <c r="I2317" t="s">
        <v>30540</v>
      </c>
    </row>
    <row r="2318" spans="1:9">
      <c r="A2318" s="1">
        <v>6.4162810338598164E-2</v>
      </c>
      <c r="B2318" s="1"/>
      <c r="C2318">
        <v>12</v>
      </c>
      <c r="D2318" t="s">
        <v>5791</v>
      </c>
      <c r="E2318" t="s">
        <v>31707</v>
      </c>
      <c r="F2318">
        <v>5</v>
      </c>
      <c r="G2318" t="s">
        <v>0</v>
      </c>
      <c r="H2318" t="s">
        <v>5792</v>
      </c>
      <c r="I2318" t="s">
        <v>30540</v>
      </c>
    </row>
    <row r="2319" spans="1:9">
      <c r="A2319" s="1">
        <v>0.44765002549312449</v>
      </c>
      <c r="B2319" s="1"/>
      <c r="C2319">
        <v>9</v>
      </c>
      <c r="D2319" t="s">
        <v>5787</v>
      </c>
      <c r="E2319" t="s">
        <v>31707</v>
      </c>
      <c r="F2319">
        <v>5</v>
      </c>
      <c r="G2319" t="s">
        <v>10</v>
      </c>
      <c r="H2319" t="s">
        <v>5788</v>
      </c>
      <c r="I2319" t="s">
        <v>30540</v>
      </c>
    </row>
    <row r="2320" spans="1:9">
      <c r="A2320" s="1">
        <v>0.60579603014586469</v>
      </c>
      <c r="B2320" s="1"/>
      <c r="C2320">
        <v>15</v>
      </c>
      <c r="D2320" t="s">
        <v>5795</v>
      </c>
      <c r="E2320" t="s">
        <v>31707</v>
      </c>
      <c r="F2320">
        <v>4</v>
      </c>
      <c r="G2320" t="s">
        <v>0</v>
      </c>
      <c r="H2320" t="s">
        <v>5796</v>
      </c>
      <c r="I2320" t="s">
        <v>30540</v>
      </c>
    </row>
    <row r="2321" spans="1:9">
      <c r="A2321" s="1">
        <v>0.31041914976072482</v>
      </c>
      <c r="B2321" s="1"/>
      <c r="C2321">
        <v>11</v>
      </c>
      <c r="D2321" t="s">
        <v>5789</v>
      </c>
      <c r="E2321" t="s">
        <v>31707</v>
      </c>
      <c r="F2321">
        <v>3</v>
      </c>
      <c r="G2321" t="s">
        <v>14</v>
      </c>
      <c r="H2321" t="s">
        <v>5790</v>
      </c>
      <c r="I2321" t="s">
        <v>30540</v>
      </c>
    </row>
    <row r="2322" spans="1:9">
      <c r="A2322" s="1">
        <v>0.28992349343161528</v>
      </c>
      <c r="B2322" s="1"/>
      <c r="C2322">
        <v>15</v>
      </c>
      <c r="D2322" t="s">
        <v>5785</v>
      </c>
      <c r="E2322" t="s">
        <v>31708</v>
      </c>
      <c r="F2322">
        <v>5</v>
      </c>
      <c r="G2322" t="s">
        <v>1431</v>
      </c>
      <c r="H2322" t="s">
        <v>5786</v>
      </c>
      <c r="I2322" t="s">
        <v>30540</v>
      </c>
    </row>
    <row r="2323" spans="1:9">
      <c r="A2323" s="1">
        <v>0.69583271708085737</v>
      </c>
      <c r="B2323" s="1"/>
      <c r="C2323">
        <v>1</v>
      </c>
      <c r="D2323" t="s">
        <v>5773</v>
      </c>
      <c r="E2323" t="s">
        <v>31708</v>
      </c>
      <c r="F2323">
        <v>5</v>
      </c>
      <c r="G2323" t="s">
        <v>2738</v>
      </c>
      <c r="H2323" t="s">
        <v>5774</v>
      </c>
      <c r="I2323" t="s">
        <v>30540</v>
      </c>
    </row>
    <row r="2324" spans="1:9">
      <c r="A2324" s="1">
        <v>0.11778869634280653</v>
      </c>
      <c r="B2324" s="1"/>
      <c r="C2324">
        <v>8</v>
      </c>
      <c r="D2324" t="s">
        <v>5781</v>
      </c>
      <c r="E2324" t="s">
        <v>31708</v>
      </c>
      <c r="F2324">
        <v>5</v>
      </c>
      <c r="G2324" t="s">
        <v>13</v>
      </c>
      <c r="H2324" t="s">
        <v>5782</v>
      </c>
      <c r="I2324" t="s">
        <v>30540</v>
      </c>
    </row>
    <row r="2325" spans="1:9">
      <c r="A2325" s="1">
        <v>0.80204596596934885</v>
      </c>
      <c r="B2325" s="1"/>
      <c r="C2325">
        <v>3</v>
      </c>
      <c r="D2325" t="s">
        <v>5777</v>
      </c>
      <c r="E2325" t="s">
        <v>31708</v>
      </c>
      <c r="F2325">
        <v>4</v>
      </c>
      <c r="G2325" t="s">
        <v>2738</v>
      </c>
      <c r="H2325" t="s">
        <v>5778</v>
      </c>
      <c r="I2325" t="s">
        <v>30540</v>
      </c>
    </row>
    <row r="2326" spans="1:9">
      <c r="A2326" s="1">
        <v>5.3402884119867489E-2</v>
      </c>
      <c r="B2326" s="1"/>
      <c r="C2326">
        <v>2</v>
      </c>
      <c r="D2326" t="s">
        <v>5775</v>
      </c>
      <c r="E2326" t="s">
        <v>31708</v>
      </c>
      <c r="F2326">
        <v>4</v>
      </c>
      <c r="G2326" t="s">
        <v>2226</v>
      </c>
      <c r="H2326" t="s">
        <v>5776</v>
      </c>
      <c r="I2326" t="s">
        <v>30540</v>
      </c>
    </row>
    <row r="2327" spans="1:9">
      <c r="A2327" s="1">
        <v>0.4657106798456947</v>
      </c>
      <c r="B2327" s="1"/>
      <c r="C2327">
        <v>6</v>
      </c>
      <c r="D2327" t="s">
        <v>5779</v>
      </c>
      <c r="E2327" t="s">
        <v>31708</v>
      </c>
      <c r="F2327">
        <v>4</v>
      </c>
      <c r="G2327" t="s">
        <v>3107</v>
      </c>
      <c r="H2327" t="s">
        <v>5780</v>
      </c>
      <c r="I2327" t="s">
        <v>30540</v>
      </c>
    </row>
    <row r="2328" spans="1:9">
      <c r="A2328" s="1">
        <v>0.42617705304529541</v>
      </c>
      <c r="B2328" s="1"/>
      <c r="C2328">
        <v>12</v>
      </c>
      <c r="D2328" t="s">
        <v>5783</v>
      </c>
      <c r="E2328" t="s">
        <v>31708</v>
      </c>
      <c r="F2328">
        <v>4</v>
      </c>
      <c r="G2328" t="s">
        <v>10</v>
      </c>
      <c r="H2328" t="s">
        <v>5784</v>
      </c>
      <c r="I2328" t="s">
        <v>30540</v>
      </c>
    </row>
    <row r="2329" spans="1:9">
      <c r="A2329" s="1">
        <v>0.4250229841264358</v>
      </c>
      <c r="B2329" s="1"/>
      <c r="C2329">
        <v>18</v>
      </c>
      <c r="D2329" t="s">
        <v>5769</v>
      </c>
      <c r="E2329" t="s">
        <v>31709</v>
      </c>
      <c r="F2329">
        <v>5</v>
      </c>
      <c r="G2329" t="s">
        <v>0</v>
      </c>
      <c r="H2329" t="s">
        <v>5770</v>
      </c>
      <c r="I2329" t="s">
        <v>30540</v>
      </c>
    </row>
    <row r="2330" spans="1:9">
      <c r="A2330" s="1">
        <v>1.9985028033591812E-2</v>
      </c>
      <c r="B2330" s="1"/>
      <c r="C2330">
        <v>14</v>
      </c>
      <c r="D2330" t="s">
        <v>5767</v>
      </c>
      <c r="E2330" t="s">
        <v>31709</v>
      </c>
      <c r="F2330">
        <v>5</v>
      </c>
      <c r="G2330" t="s">
        <v>0</v>
      </c>
      <c r="H2330" t="s">
        <v>5768</v>
      </c>
      <c r="I2330" t="s">
        <v>30540</v>
      </c>
    </row>
    <row r="2331" spans="1:9">
      <c r="A2331" s="1">
        <v>0.17186074173145227</v>
      </c>
      <c r="B2331" s="1"/>
      <c r="C2331">
        <v>6</v>
      </c>
      <c r="D2331" t="s">
        <v>5761</v>
      </c>
      <c r="E2331" t="s">
        <v>31709</v>
      </c>
      <c r="F2331">
        <v>4</v>
      </c>
      <c r="G2331" t="s">
        <v>1</v>
      </c>
      <c r="H2331" t="s">
        <v>5762</v>
      </c>
      <c r="I2331" t="s">
        <v>30540</v>
      </c>
    </row>
    <row r="2332" spans="1:9">
      <c r="A2332" s="1">
        <v>0.78058530388848935</v>
      </c>
      <c r="B2332" s="1"/>
      <c r="C2332">
        <v>8</v>
      </c>
      <c r="D2332" t="s">
        <v>5763</v>
      </c>
      <c r="E2332" t="s">
        <v>31709</v>
      </c>
      <c r="F2332">
        <v>4</v>
      </c>
      <c r="G2332" t="s">
        <v>0</v>
      </c>
      <c r="H2332" t="s">
        <v>5764</v>
      </c>
      <c r="I2332" t="s">
        <v>30540</v>
      </c>
    </row>
    <row r="2333" spans="1:9">
      <c r="A2333" s="1">
        <v>0.87039976594802715</v>
      </c>
      <c r="B2333" s="1"/>
      <c r="C2333">
        <v>13</v>
      </c>
      <c r="D2333" t="s">
        <v>5765</v>
      </c>
      <c r="E2333" t="s">
        <v>31709</v>
      </c>
      <c r="F2333">
        <v>4</v>
      </c>
      <c r="G2333" t="s">
        <v>2</v>
      </c>
      <c r="H2333" t="s">
        <v>5766</v>
      </c>
      <c r="I2333" t="s">
        <v>30540</v>
      </c>
    </row>
    <row r="2334" spans="1:9">
      <c r="A2334" s="1">
        <v>0.61295604036262108</v>
      </c>
      <c r="B2334" s="1"/>
      <c r="C2334">
        <v>19</v>
      </c>
      <c r="D2334" t="s">
        <v>5771</v>
      </c>
      <c r="E2334" t="s">
        <v>31709</v>
      </c>
      <c r="F2334">
        <v>3</v>
      </c>
      <c r="G2334" t="s">
        <v>0</v>
      </c>
      <c r="H2334" t="s">
        <v>5772</v>
      </c>
      <c r="I2334" t="s">
        <v>30540</v>
      </c>
    </row>
    <row r="2335" spans="1:9">
      <c r="A2335" s="1">
        <v>0.4103813761026146</v>
      </c>
      <c r="B2335" s="1"/>
      <c r="C2335">
        <v>11</v>
      </c>
      <c r="D2335" t="s">
        <v>5751</v>
      </c>
      <c r="E2335" t="s">
        <v>31710</v>
      </c>
      <c r="F2335">
        <v>4</v>
      </c>
      <c r="G2335" t="s">
        <v>10</v>
      </c>
      <c r="H2335" t="s">
        <v>5752</v>
      </c>
      <c r="I2335" t="s">
        <v>30540</v>
      </c>
    </row>
    <row r="2336" spans="1:9">
      <c r="A2336" s="1">
        <v>0.68663931786941268</v>
      </c>
      <c r="B2336" s="1"/>
      <c r="C2336">
        <v>15</v>
      </c>
      <c r="D2336" t="s">
        <v>5753</v>
      </c>
      <c r="E2336" t="s">
        <v>31710</v>
      </c>
      <c r="F2336">
        <v>4</v>
      </c>
      <c r="G2336" t="s">
        <v>0</v>
      </c>
      <c r="H2336" t="s">
        <v>5754</v>
      </c>
      <c r="I2336" t="s">
        <v>30540</v>
      </c>
    </row>
    <row r="2337" spans="1:9">
      <c r="A2337" s="1">
        <v>0.79589638861734813</v>
      </c>
      <c r="B2337" s="1"/>
      <c r="C2337">
        <v>20</v>
      </c>
      <c r="D2337" t="s">
        <v>5759</v>
      </c>
      <c r="E2337" t="s">
        <v>31710</v>
      </c>
      <c r="F2337">
        <v>4</v>
      </c>
      <c r="G2337" t="s">
        <v>0</v>
      </c>
      <c r="H2337" t="s">
        <v>5760</v>
      </c>
      <c r="I2337" t="s">
        <v>30540</v>
      </c>
    </row>
    <row r="2338" spans="1:9">
      <c r="A2338" s="1">
        <v>0.57967943845109526</v>
      </c>
      <c r="B2338" s="1"/>
      <c r="C2338">
        <v>16</v>
      </c>
      <c r="D2338" t="s">
        <v>5755</v>
      </c>
      <c r="E2338" t="s">
        <v>31710</v>
      </c>
      <c r="F2338">
        <v>4</v>
      </c>
      <c r="G2338" t="s">
        <v>10</v>
      </c>
      <c r="H2338" t="s">
        <v>5756</v>
      </c>
      <c r="I2338" t="s">
        <v>30540</v>
      </c>
    </row>
    <row r="2339" spans="1:9">
      <c r="A2339" s="1">
        <v>0.12549392552105942</v>
      </c>
      <c r="B2339" s="1"/>
      <c r="C2339">
        <v>5</v>
      </c>
      <c r="D2339" t="s">
        <v>5745</v>
      </c>
      <c r="E2339" t="s">
        <v>31710</v>
      </c>
      <c r="F2339">
        <v>4</v>
      </c>
      <c r="G2339" t="s">
        <v>2</v>
      </c>
      <c r="H2339" t="s">
        <v>5746</v>
      </c>
      <c r="I2339" t="s">
        <v>30540</v>
      </c>
    </row>
    <row r="2340" spans="1:9">
      <c r="A2340" s="1">
        <v>0.92687361009525338</v>
      </c>
      <c r="B2340" s="1"/>
      <c r="C2340">
        <v>7</v>
      </c>
      <c r="D2340" t="s">
        <v>5749</v>
      </c>
      <c r="E2340" t="s">
        <v>31710</v>
      </c>
      <c r="F2340">
        <v>4</v>
      </c>
      <c r="G2340" t="s">
        <v>0</v>
      </c>
      <c r="H2340" t="s">
        <v>5750</v>
      </c>
      <c r="I2340" t="s">
        <v>30540</v>
      </c>
    </row>
    <row r="2341" spans="1:9">
      <c r="A2341" s="1">
        <v>0.78595024234463162</v>
      </c>
      <c r="B2341" s="1"/>
      <c r="C2341">
        <v>6</v>
      </c>
      <c r="D2341" t="s">
        <v>5747</v>
      </c>
      <c r="E2341" t="s">
        <v>31710</v>
      </c>
      <c r="F2341">
        <v>4</v>
      </c>
      <c r="G2341" t="s">
        <v>1</v>
      </c>
      <c r="H2341" t="s">
        <v>5748</v>
      </c>
      <c r="I2341" t="s">
        <v>30540</v>
      </c>
    </row>
    <row r="2342" spans="1:9">
      <c r="A2342" s="1">
        <v>0.58853734669140356</v>
      </c>
      <c r="B2342" s="1"/>
      <c r="C2342">
        <v>6</v>
      </c>
      <c r="D2342" t="s">
        <v>5735</v>
      </c>
      <c r="E2342" t="s">
        <v>31711</v>
      </c>
      <c r="F2342">
        <v>4</v>
      </c>
      <c r="G2342" t="s">
        <v>10</v>
      </c>
      <c r="H2342" t="s">
        <v>5736</v>
      </c>
      <c r="I2342" t="s">
        <v>30540</v>
      </c>
    </row>
    <row r="2343" spans="1:9">
      <c r="A2343" s="1">
        <v>6.8241276209151325E-2</v>
      </c>
      <c r="B2343" s="1"/>
      <c r="C2343">
        <v>16</v>
      </c>
      <c r="D2343" t="s">
        <v>5741</v>
      </c>
      <c r="E2343" t="s">
        <v>31711</v>
      </c>
      <c r="F2343">
        <v>4</v>
      </c>
      <c r="G2343" t="s">
        <v>0</v>
      </c>
      <c r="H2343" t="s">
        <v>5742</v>
      </c>
      <c r="I2343" t="s">
        <v>30540</v>
      </c>
    </row>
    <row r="2344" spans="1:9">
      <c r="A2344" s="1">
        <v>0.35096827219568572</v>
      </c>
      <c r="B2344" s="1"/>
      <c r="C2344">
        <v>15</v>
      </c>
      <c r="D2344" t="s">
        <v>5739</v>
      </c>
      <c r="E2344" t="s">
        <v>31711</v>
      </c>
      <c r="F2344">
        <v>4</v>
      </c>
      <c r="G2344" t="s">
        <v>0</v>
      </c>
      <c r="H2344" t="s">
        <v>5740</v>
      </c>
      <c r="I2344" t="s">
        <v>30540</v>
      </c>
    </row>
    <row r="2345" spans="1:9">
      <c r="A2345" s="1">
        <v>0.87210325232189501</v>
      </c>
      <c r="B2345" s="1"/>
      <c r="C2345">
        <v>11</v>
      </c>
      <c r="D2345" t="s">
        <v>5737</v>
      </c>
      <c r="E2345" t="s">
        <v>31711</v>
      </c>
      <c r="F2345">
        <v>4</v>
      </c>
      <c r="G2345" t="s">
        <v>0</v>
      </c>
      <c r="H2345" t="s">
        <v>5738</v>
      </c>
      <c r="I2345" t="s">
        <v>30540</v>
      </c>
    </row>
    <row r="2346" spans="1:9">
      <c r="A2346" s="1">
        <v>0.17341239849986101</v>
      </c>
      <c r="B2346" s="1"/>
      <c r="C2346">
        <v>17</v>
      </c>
      <c r="D2346" t="s">
        <v>5743</v>
      </c>
      <c r="E2346" t="s">
        <v>31711</v>
      </c>
      <c r="F2346">
        <v>3</v>
      </c>
      <c r="G2346" t="s">
        <v>15</v>
      </c>
      <c r="H2346" t="s">
        <v>5744</v>
      </c>
      <c r="I2346" t="s">
        <v>30540</v>
      </c>
    </row>
    <row r="2347" spans="1:9">
      <c r="A2347" s="1">
        <v>0.6048436485223877</v>
      </c>
      <c r="B2347" s="1"/>
      <c r="C2347">
        <v>2</v>
      </c>
      <c r="D2347" t="s">
        <v>5727</v>
      </c>
      <c r="E2347" t="s">
        <v>31712</v>
      </c>
      <c r="F2347">
        <v>4</v>
      </c>
      <c r="G2347" t="s">
        <v>9</v>
      </c>
      <c r="H2347" t="s">
        <v>5728</v>
      </c>
      <c r="I2347" t="s">
        <v>30540</v>
      </c>
    </row>
    <row r="2348" spans="1:9">
      <c r="A2348" s="1">
        <v>0.72574116720619331</v>
      </c>
      <c r="B2348" s="1"/>
      <c r="C2348">
        <v>20</v>
      </c>
      <c r="D2348" t="s">
        <v>5733</v>
      </c>
      <c r="E2348" t="s">
        <v>31712</v>
      </c>
      <c r="F2348">
        <v>3</v>
      </c>
      <c r="G2348" t="s">
        <v>0</v>
      </c>
      <c r="H2348" t="s">
        <v>5734</v>
      </c>
      <c r="I2348" t="s">
        <v>30540</v>
      </c>
    </row>
    <row r="2349" spans="1:9">
      <c r="A2349" s="1">
        <v>0.66579539179013136</v>
      </c>
      <c r="B2349" s="1"/>
      <c r="C2349">
        <v>2</v>
      </c>
      <c r="D2349" t="s">
        <v>5721</v>
      </c>
      <c r="E2349" t="s">
        <v>31713</v>
      </c>
      <c r="F2349">
        <v>4</v>
      </c>
      <c r="G2349" t="s">
        <v>15</v>
      </c>
      <c r="H2349" t="s">
        <v>5722</v>
      </c>
      <c r="I2349" t="s">
        <v>30540</v>
      </c>
    </row>
    <row r="2350" spans="1:9">
      <c r="A2350" s="1">
        <v>0.58061986143711053</v>
      </c>
      <c r="B2350" s="1"/>
      <c r="C2350">
        <v>11</v>
      </c>
      <c r="D2350" t="s">
        <v>5723</v>
      </c>
      <c r="E2350" t="s">
        <v>31713</v>
      </c>
      <c r="F2350">
        <v>4</v>
      </c>
      <c r="G2350" t="s">
        <v>0</v>
      </c>
      <c r="H2350" t="s">
        <v>5724</v>
      </c>
      <c r="I2350" t="s">
        <v>30540</v>
      </c>
    </row>
    <row r="2351" spans="1:9">
      <c r="A2351" s="1">
        <v>0.65181333711564349</v>
      </c>
      <c r="B2351" s="1"/>
      <c r="C2351">
        <v>18</v>
      </c>
      <c r="D2351" t="s">
        <v>5719</v>
      </c>
      <c r="E2351" t="s">
        <v>31714</v>
      </c>
      <c r="F2351">
        <v>5</v>
      </c>
      <c r="G2351" t="s">
        <v>10</v>
      </c>
      <c r="H2351" t="s">
        <v>5720</v>
      </c>
      <c r="I2351" t="s">
        <v>30540</v>
      </c>
    </row>
    <row r="2352" spans="1:9">
      <c r="A2352" s="1">
        <v>0.64981344353906756</v>
      </c>
      <c r="B2352" s="1"/>
      <c r="C2352">
        <v>6</v>
      </c>
      <c r="D2352" t="s">
        <v>5715</v>
      </c>
      <c r="E2352" t="s">
        <v>31714</v>
      </c>
      <c r="F2352">
        <v>5</v>
      </c>
      <c r="G2352" t="s">
        <v>775</v>
      </c>
      <c r="H2352" t="s">
        <v>5716</v>
      </c>
      <c r="I2352" t="s">
        <v>30540</v>
      </c>
    </row>
    <row r="2353" spans="1:9">
      <c r="A2353" s="1">
        <v>0.80789365524414647</v>
      </c>
      <c r="B2353" s="1"/>
      <c r="C2353">
        <v>13</v>
      </c>
      <c r="D2353" t="s">
        <v>5717</v>
      </c>
      <c r="E2353" t="s">
        <v>31714</v>
      </c>
      <c r="F2353">
        <v>4</v>
      </c>
      <c r="G2353" t="s">
        <v>770</v>
      </c>
      <c r="H2353" t="s">
        <v>5718</v>
      </c>
      <c r="I2353" t="s">
        <v>30540</v>
      </c>
    </row>
    <row r="2354" spans="1:9">
      <c r="A2354" s="1">
        <v>0.50570202285357524</v>
      </c>
      <c r="B2354" s="1"/>
      <c r="C2354">
        <v>6</v>
      </c>
      <c r="D2354" t="s">
        <v>5707</v>
      </c>
      <c r="E2354" t="s">
        <v>31715</v>
      </c>
      <c r="F2354">
        <v>4</v>
      </c>
      <c r="G2354" t="s">
        <v>2</v>
      </c>
      <c r="H2354" t="s">
        <v>5708</v>
      </c>
      <c r="I2354" t="s">
        <v>30540</v>
      </c>
    </row>
    <row r="2355" spans="1:9">
      <c r="A2355" s="1">
        <v>0.76863816698799436</v>
      </c>
      <c r="B2355" s="1"/>
      <c r="C2355">
        <v>2</v>
      </c>
      <c r="D2355" t="s">
        <v>5703</v>
      </c>
      <c r="E2355" t="s">
        <v>31715</v>
      </c>
      <c r="F2355">
        <v>4</v>
      </c>
      <c r="G2355" t="s">
        <v>2</v>
      </c>
      <c r="H2355" t="s">
        <v>5704</v>
      </c>
      <c r="I2355" t="s">
        <v>30540</v>
      </c>
    </row>
    <row r="2356" spans="1:9">
      <c r="A2356" s="1">
        <v>8.1674983130016421E-2</v>
      </c>
      <c r="B2356" s="1"/>
      <c r="C2356">
        <v>14</v>
      </c>
      <c r="D2356" t="s">
        <v>5713</v>
      </c>
      <c r="E2356" t="s">
        <v>31715</v>
      </c>
      <c r="F2356">
        <v>4</v>
      </c>
      <c r="G2356" t="s">
        <v>10</v>
      </c>
      <c r="H2356" t="s">
        <v>5714</v>
      </c>
      <c r="I2356" t="s">
        <v>30540</v>
      </c>
    </row>
    <row r="2357" spans="1:9">
      <c r="A2357" s="1">
        <v>0.85521048302389424</v>
      </c>
      <c r="B2357" s="1"/>
      <c r="C2357">
        <v>14</v>
      </c>
      <c r="D2357" t="s">
        <v>5697</v>
      </c>
      <c r="E2357" t="s">
        <v>31716</v>
      </c>
      <c r="F2357">
        <v>5</v>
      </c>
      <c r="G2357" t="s">
        <v>0</v>
      </c>
      <c r="H2357" t="s">
        <v>5698</v>
      </c>
      <c r="I2357" t="s">
        <v>30540</v>
      </c>
    </row>
    <row r="2358" spans="1:9">
      <c r="A2358" s="1">
        <v>0.95547223626479438</v>
      </c>
      <c r="B2358" s="1"/>
      <c r="C2358">
        <v>15</v>
      </c>
      <c r="D2358" t="s">
        <v>5699</v>
      </c>
      <c r="E2358" t="s">
        <v>31716</v>
      </c>
      <c r="F2358">
        <v>4</v>
      </c>
      <c r="G2358" t="s">
        <v>0</v>
      </c>
      <c r="H2358" t="s">
        <v>5700</v>
      </c>
      <c r="I2358" t="s">
        <v>30540</v>
      </c>
    </row>
    <row r="2359" spans="1:9">
      <c r="A2359" s="1">
        <v>0.21890332482133767</v>
      </c>
      <c r="B2359" s="1"/>
      <c r="C2359">
        <v>20</v>
      </c>
      <c r="D2359" t="s">
        <v>5701</v>
      </c>
      <c r="E2359" t="s">
        <v>31716</v>
      </c>
      <c r="F2359">
        <v>4</v>
      </c>
      <c r="G2359" t="s">
        <v>0</v>
      </c>
      <c r="H2359" t="s">
        <v>5702</v>
      </c>
      <c r="I2359" t="s">
        <v>30540</v>
      </c>
    </row>
    <row r="2360" spans="1:9">
      <c r="A2360" s="1">
        <v>0.19051567365643429</v>
      </c>
      <c r="B2360" s="1"/>
      <c r="C2360">
        <v>2</v>
      </c>
      <c r="D2360" t="s">
        <v>5693</v>
      </c>
      <c r="E2360" t="s">
        <v>31716</v>
      </c>
      <c r="F2360">
        <v>4</v>
      </c>
      <c r="G2360" t="s">
        <v>9</v>
      </c>
      <c r="H2360" t="s">
        <v>5694</v>
      </c>
      <c r="I2360" t="s">
        <v>30540</v>
      </c>
    </row>
    <row r="2361" spans="1:9">
      <c r="A2361" s="1">
        <v>0.62994617919619555</v>
      </c>
      <c r="B2361" s="1"/>
      <c r="C2361">
        <v>4</v>
      </c>
      <c r="D2361" t="s">
        <v>5695</v>
      </c>
      <c r="E2361" t="s">
        <v>31716</v>
      </c>
      <c r="F2361">
        <v>4</v>
      </c>
      <c r="G2361" t="s">
        <v>0</v>
      </c>
      <c r="H2361" t="s">
        <v>5696</v>
      </c>
      <c r="I2361" t="s">
        <v>30540</v>
      </c>
    </row>
    <row r="2362" spans="1:9">
      <c r="A2362" s="1">
        <v>0.12015081703095765</v>
      </c>
      <c r="B2362" s="1"/>
      <c r="C2362">
        <v>4</v>
      </c>
      <c r="D2362" t="s">
        <v>5677</v>
      </c>
      <c r="E2362" t="s">
        <v>31717</v>
      </c>
      <c r="F2362">
        <v>5</v>
      </c>
      <c r="G2362" t="s">
        <v>9</v>
      </c>
      <c r="H2362" t="s">
        <v>5678</v>
      </c>
      <c r="I2362" t="s">
        <v>30540</v>
      </c>
    </row>
    <row r="2363" spans="1:9">
      <c r="A2363" s="1">
        <v>0.39916244125658973</v>
      </c>
      <c r="B2363" s="1"/>
      <c r="C2363">
        <v>10</v>
      </c>
      <c r="D2363" t="s">
        <v>5683</v>
      </c>
      <c r="E2363" t="s">
        <v>31717</v>
      </c>
      <c r="F2363">
        <v>5</v>
      </c>
      <c r="G2363" t="s">
        <v>15</v>
      </c>
      <c r="H2363" t="s">
        <v>5684</v>
      </c>
      <c r="I2363" t="s">
        <v>30540</v>
      </c>
    </row>
    <row r="2364" spans="1:9">
      <c r="A2364" s="1">
        <v>0.10628053835309503</v>
      </c>
      <c r="B2364" s="1"/>
      <c r="C2364">
        <v>11</v>
      </c>
      <c r="D2364" t="s">
        <v>5685</v>
      </c>
      <c r="E2364" t="s">
        <v>31717</v>
      </c>
      <c r="F2364">
        <v>5</v>
      </c>
      <c r="G2364" t="s">
        <v>1</v>
      </c>
      <c r="H2364" t="s">
        <v>5686</v>
      </c>
      <c r="I2364" t="s">
        <v>30540</v>
      </c>
    </row>
    <row r="2365" spans="1:9">
      <c r="A2365" s="1">
        <v>0.2923135454937934</v>
      </c>
      <c r="B2365" s="1"/>
      <c r="C2365">
        <v>15</v>
      </c>
      <c r="D2365" t="s">
        <v>5689</v>
      </c>
      <c r="E2365" t="s">
        <v>31717</v>
      </c>
      <c r="F2365">
        <v>4</v>
      </c>
      <c r="G2365" t="s">
        <v>0</v>
      </c>
      <c r="H2365" t="s">
        <v>5690</v>
      </c>
      <c r="I2365" t="s">
        <v>30540</v>
      </c>
    </row>
    <row r="2366" spans="1:9">
      <c r="A2366" s="1">
        <v>0.11100168513668496</v>
      </c>
      <c r="B2366" s="1"/>
      <c r="C2366">
        <v>13</v>
      </c>
      <c r="D2366" t="s">
        <v>5687</v>
      </c>
      <c r="E2366" t="s">
        <v>31717</v>
      </c>
      <c r="F2366">
        <v>4</v>
      </c>
      <c r="G2366" t="s">
        <v>0</v>
      </c>
      <c r="H2366" t="s">
        <v>5688</v>
      </c>
      <c r="I2366" t="s">
        <v>30540</v>
      </c>
    </row>
    <row r="2367" spans="1:9">
      <c r="A2367" s="1">
        <v>0.56861624154678025</v>
      </c>
      <c r="B2367" s="1"/>
      <c r="C2367">
        <v>16</v>
      </c>
      <c r="D2367" t="s">
        <v>5691</v>
      </c>
      <c r="E2367" t="s">
        <v>31717</v>
      </c>
      <c r="F2367">
        <v>4</v>
      </c>
      <c r="G2367" t="s">
        <v>0</v>
      </c>
      <c r="H2367" t="s">
        <v>5692</v>
      </c>
      <c r="I2367" t="s">
        <v>30540</v>
      </c>
    </row>
    <row r="2368" spans="1:9">
      <c r="A2368" s="1">
        <v>6.2998390246314928E-3</v>
      </c>
      <c r="B2368" s="1"/>
      <c r="C2368">
        <v>8</v>
      </c>
      <c r="D2368" t="s">
        <v>5681</v>
      </c>
      <c r="E2368" t="s">
        <v>31717</v>
      </c>
      <c r="F2368">
        <v>3</v>
      </c>
      <c r="G2368" t="s">
        <v>0</v>
      </c>
      <c r="H2368" t="s">
        <v>5682</v>
      </c>
      <c r="I2368" t="s">
        <v>30540</v>
      </c>
    </row>
    <row r="2369" spans="1:9">
      <c r="A2369" s="1">
        <v>0.29914635537508194</v>
      </c>
      <c r="B2369" s="1"/>
      <c r="C2369">
        <v>7</v>
      </c>
      <c r="D2369" t="s">
        <v>5679</v>
      </c>
      <c r="E2369" t="s">
        <v>31717</v>
      </c>
      <c r="F2369">
        <v>3</v>
      </c>
      <c r="G2369" t="s">
        <v>15</v>
      </c>
      <c r="H2369" t="s">
        <v>5680</v>
      </c>
      <c r="I2369" t="s">
        <v>30540</v>
      </c>
    </row>
    <row r="2370" spans="1:9">
      <c r="A2370" s="1">
        <v>0.12112580726131406</v>
      </c>
      <c r="B2370" s="1"/>
      <c r="C2370">
        <v>14</v>
      </c>
      <c r="D2370" t="s">
        <v>5669</v>
      </c>
      <c r="E2370" t="s">
        <v>31718</v>
      </c>
      <c r="F2370">
        <v>5</v>
      </c>
      <c r="G2370" t="s">
        <v>10</v>
      </c>
      <c r="H2370" t="s">
        <v>5670</v>
      </c>
      <c r="I2370" t="s">
        <v>30540</v>
      </c>
    </row>
    <row r="2371" spans="1:9">
      <c r="A2371" s="1">
        <v>0.92967720023041567</v>
      </c>
      <c r="B2371" s="1"/>
      <c r="C2371">
        <v>13</v>
      </c>
      <c r="D2371" t="s">
        <v>5667</v>
      </c>
      <c r="E2371" t="s">
        <v>31718</v>
      </c>
      <c r="F2371">
        <v>5</v>
      </c>
      <c r="G2371" t="s">
        <v>0</v>
      </c>
      <c r="H2371" t="s">
        <v>5668</v>
      </c>
      <c r="I2371" t="s">
        <v>30540</v>
      </c>
    </row>
    <row r="2372" spans="1:9">
      <c r="A2372" s="1">
        <v>0.16296463554721485</v>
      </c>
      <c r="B2372" s="1"/>
      <c r="C2372">
        <v>12</v>
      </c>
      <c r="D2372" t="s">
        <v>5665</v>
      </c>
      <c r="E2372" t="s">
        <v>31718</v>
      </c>
      <c r="F2372">
        <v>5</v>
      </c>
      <c r="G2372" t="s">
        <v>0</v>
      </c>
      <c r="H2372" t="s">
        <v>5666</v>
      </c>
      <c r="I2372" t="s">
        <v>30540</v>
      </c>
    </row>
    <row r="2373" spans="1:9">
      <c r="A2373" s="1">
        <v>0.53116206065157512</v>
      </c>
      <c r="B2373" s="1"/>
      <c r="C2373">
        <v>19</v>
      </c>
      <c r="D2373" t="s">
        <v>5673</v>
      </c>
      <c r="E2373" t="s">
        <v>31718</v>
      </c>
      <c r="F2373">
        <v>4</v>
      </c>
      <c r="G2373" t="s">
        <v>0</v>
      </c>
      <c r="H2373" t="s">
        <v>5674</v>
      </c>
      <c r="I2373" t="s">
        <v>30540</v>
      </c>
    </row>
    <row r="2374" spans="1:9">
      <c r="A2374" s="1">
        <v>0.12819607211124706</v>
      </c>
      <c r="B2374" s="1"/>
      <c r="C2374">
        <v>20</v>
      </c>
      <c r="D2374" t="s">
        <v>5675</v>
      </c>
      <c r="E2374" t="s">
        <v>31718</v>
      </c>
      <c r="F2374">
        <v>4</v>
      </c>
      <c r="G2374" t="s">
        <v>0</v>
      </c>
      <c r="H2374" t="s">
        <v>5676</v>
      </c>
      <c r="I2374" t="s">
        <v>30540</v>
      </c>
    </row>
    <row r="2375" spans="1:9">
      <c r="A2375" s="1">
        <v>0.23652467180534598</v>
      </c>
      <c r="B2375" s="1"/>
      <c r="C2375">
        <v>18</v>
      </c>
      <c r="D2375" t="s">
        <v>5671</v>
      </c>
      <c r="E2375" t="s">
        <v>31718</v>
      </c>
      <c r="F2375">
        <v>4</v>
      </c>
      <c r="G2375" t="s">
        <v>0</v>
      </c>
      <c r="H2375" t="s">
        <v>5672</v>
      </c>
      <c r="I2375" t="s">
        <v>30540</v>
      </c>
    </row>
    <row r="2376" spans="1:9">
      <c r="A2376" s="1">
        <v>0.74860746884462614</v>
      </c>
      <c r="B2376" s="1"/>
      <c r="C2376">
        <v>6</v>
      </c>
      <c r="D2376" t="s">
        <v>5661</v>
      </c>
      <c r="E2376" t="s">
        <v>31718</v>
      </c>
      <c r="F2376">
        <v>4</v>
      </c>
      <c r="G2376" t="s">
        <v>10</v>
      </c>
      <c r="H2376" t="s">
        <v>5662</v>
      </c>
      <c r="I2376" t="s">
        <v>30540</v>
      </c>
    </row>
    <row r="2377" spans="1:9">
      <c r="A2377" s="1">
        <v>0.74793742529115748</v>
      </c>
      <c r="B2377" s="1"/>
      <c r="C2377">
        <v>10</v>
      </c>
      <c r="D2377" t="s">
        <v>5663</v>
      </c>
      <c r="E2377" t="s">
        <v>31718</v>
      </c>
      <c r="F2377">
        <v>4</v>
      </c>
      <c r="G2377" t="s">
        <v>0</v>
      </c>
      <c r="H2377" t="s">
        <v>5664</v>
      </c>
      <c r="I2377" t="s">
        <v>30540</v>
      </c>
    </row>
    <row r="2378" spans="1:9">
      <c r="A2378" s="1">
        <v>0.41185962047323121</v>
      </c>
      <c r="B2378" s="1"/>
      <c r="C2378">
        <v>11</v>
      </c>
      <c r="D2378" t="s">
        <v>5657</v>
      </c>
      <c r="E2378" t="s">
        <v>31719</v>
      </c>
      <c r="F2378">
        <v>4</v>
      </c>
      <c r="G2378" t="s">
        <v>0</v>
      </c>
      <c r="H2378" t="s">
        <v>5658</v>
      </c>
      <c r="I2378" t="s">
        <v>30540</v>
      </c>
    </row>
    <row r="2379" spans="1:9">
      <c r="A2379" s="1">
        <v>0.40354975270017901</v>
      </c>
      <c r="B2379" s="1"/>
      <c r="C2379">
        <v>6</v>
      </c>
      <c r="D2379" t="s">
        <v>5655</v>
      </c>
      <c r="E2379" t="s">
        <v>31719</v>
      </c>
      <c r="F2379">
        <v>4</v>
      </c>
      <c r="G2379" t="s">
        <v>0</v>
      </c>
      <c r="H2379" t="s">
        <v>5656</v>
      </c>
      <c r="I2379" t="s">
        <v>30540</v>
      </c>
    </row>
    <row r="2380" spans="1:9">
      <c r="A2380" s="1">
        <v>0.32870685238713315</v>
      </c>
      <c r="B2380" s="1"/>
      <c r="C2380">
        <v>16</v>
      </c>
      <c r="D2380" t="s">
        <v>5653</v>
      </c>
      <c r="E2380" t="s">
        <v>31720</v>
      </c>
      <c r="F2380">
        <v>5</v>
      </c>
      <c r="G2380" t="s">
        <v>3107</v>
      </c>
      <c r="H2380" t="s">
        <v>5654</v>
      </c>
      <c r="I2380" t="s">
        <v>30540</v>
      </c>
    </row>
    <row r="2381" spans="1:9">
      <c r="A2381" s="1">
        <v>0.41974067504114598</v>
      </c>
      <c r="B2381" s="1"/>
      <c r="C2381">
        <v>5</v>
      </c>
      <c r="D2381" t="s">
        <v>5647</v>
      </c>
      <c r="E2381" t="s">
        <v>31720</v>
      </c>
      <c r="F2381">
        <v>5</v>
      </c>
      <c r="G2381" t="s">
        <v>2229</v>
      </c>
      <c r="H2381" t="s">
        <v>5648</v>
      </c>
      <c r="I2381" t="s">
        <v>30540</v>
      </c>
    </row>
    <row r="2382" spans="1:9">
      <c r="A2382" s="1">
        <v>0.95575743591010964</v>
      </c>
      <c r="B2382" s="1"/>
      <c r="C2382">
        <v>7</v>
      </c>
      <c r="D2382" t="s">
        <v>5649</v>
      </c>
      <c r="E2382" t="s">
        <v>31720</v>
      </c>
      <c r="F2382">
        <v>4</v>
      </c>
      <c r="G2382" t="s">
        <v>762</v>
      </c>
      <c r="H2382" t="s">
        <v>5650</v>
      </c>
      <c r="I2382" t="s">
        <v>30540</v>
      </c>
    </row>
    <row r="2383" spans="1:9">
      <c r="A2383" s="1">
        <v>0.67469186329069575</v>
      </c>
      <c r="B2383" s="1"/>
      <c r="C2383">
        <v>1</v>
      </c>
      <c r="D2383" t="s">
        <v>5643</v>
      </c>
      <c r="E2383" t="s">
        <v>31720</v>
      </c>
      <c r="F2383">
        <v>4</v>
      </c>
      <c r="G2383" t="s">
        <v>2738</v>
      </c>
      <c r="H2383" t="s">
        <v>5644</v>
      </c>
      <c r="I2383" t="s">
        <v>30540</v>
      </c>
    </row>
    <row r="2384" spans="1:9">
      <c r="A2384" s="1">
        <v>0.45248803615475786</v>
      </c>
      <c r="B2384" s="1"/>
      <c r="C2384">
        <v>2</v>
      </c>
      <c r="D2384" t="s">
        <v>5645</v>
      </c>
      <c r="E2384" t="s">
        <v>31720</v>
      </c>
      <c r="F2384">
        <v>4</v>
      </c>
      <c r="G2384" t="s">
        <v>13</v>
      </c>
      <c r="H2384" t="s">
        <v>5646</v>
      </c>
      <c r="I2384" t="s">
        <v>30540</v>
      </c>
    </row>
    <row r="2385" spans="1:9">
      <c r="A2385" s="1">
        <v>0.11804127914074536</v>
      </c>
      <c r="B2385" s="1"/>
      <c r="C2385">
        <v>12</v>
      </c>
      <c r="D2385" t="s">
        <v>5651</v>
      </c>
      <c r="E2385" t="s">
        <v>31720</v>
      </c>
      <c r="F2385">
        <v>3</v>
      </c>
      <c r="G2385" t="s">
        <v>1431</v>
      </c>
      <c r="H2385" t="s">
        <v>5652</v>
      </c>
      <c r="I2385" t="s">
        <v>30540</v>
      </c>
    </row>
    <row r="2386" spans="1:9">
      <c r="A2386" s="1">
        <v>0.72948902289398865</v>
      </c>
      <c r="B2386" s="1"/>
      <c r="C2386">
        <v>13</v>
      </c>
      <c r="D2386" t="s">
        <v>5639</v>
      </c>
      <c r="E2386" t="s">
        <v>31721</v>
      </c>
      <c r="F2386">
        <v>4</v>
      </c>
      <c r="G2386" t="s">
        <v>1</v>
      </c>
      <c r="H2386" t="s">
        <v>5640</v>
      </c>
      <c r="I2386" t="s">
        <v>30540</v>
      </c>
    </row>
    <row r="2387" spans="1:9">
      <c r="A2387" s="1">
        <v>0.83328896064583358</v>
      </c>
      <c r="B2387" s="1"/>
      <c r="C2387">
        <v>9</v>
      </c>
      <c r="D2387" t="s">
        <v>5633</v>
      </c>
      <c r="E2387" t="s">
        <v>31721</v>
      </c>
      <c r="F2387">
        <v>4</v>
      </c>
      <c r="G2387" t="s">
        <v>15</v>
      </c>
      <c r="H2387" t="s">
        <v>5634</v>
      </c>
      <c r="I2387" t="s">
        <v>30540</v>
      </c>
    </row>
    <row r="2388" spans="1:9">
      <c r="A2388" s="1">
        <v>0.21099066779179942</v>
      </c>
      <c r="B2388" s="1"/>
      <c r="C2388">
        <v>11</v>
      </c>
      <c r="D2388" t="s">
        <v>5635</v>
      </c>
      <c r="E2388" t="s">
        <v>31721</v>
      </c>
      <c r="F2388">
        <v>4</v>
      </c>
      <c r="G2388" t="s">
        <v>0</v>
      </c>
      <c r="H2388" t="s">
        <v>5636</v>
      </c>
      <c r="I2388" t="s">
        <v>30540</v>
      </c>
    </row>
    <row r="2389" spans="1:9">
      <c r="A2389" s="1">
        <v>0.59666519797094375</v>
      </c>
      <c r="B2389" s="1"/>
      <c r="C2389">
        <v>12</v>
      </c>
      <c r="D2389" t="s">
        <v>5637</v>
      </c>
      <c r="E2389" t="s">
        <v>31721</v>
      </c>
      <c r="F2389">
        <v>4</v>
      </c>
      <c r="G2389" t="s">
        <v>0</v>
      </c>
      <c r="H2389" t="s">
        <v>5638</v>
      </c>
      <c r="I2389" t="s">
        <v>30540</v>
      </c>
    </row>
    <row r="2390" spans="1:9">
      <c r="A2390" s="1">
        <v>0.63656037289124867</v>
      </c>
      <c r="B2390" s="1"/>
      <c r="C2390">
        <v>19</v>
      </c>
      <c r="D2390" t="s">
        <v>5641</v>
      </c>
      <c r="E2390" t="s">
        <v>31721</v>
      </c>
      <c r="F2390">
        <v>4</v>
      </c>
      <c r="G2390" t="s">
        <v>2</v>
      </c>
      <c r="H2390" t="s">
        <v>5642</v>
      </c>
      <c r="I2390" t="s">
        <v>30540</v>
      </c>
    </row>
    <row r="2391" spans="1:9">
      <c r="A2391" s="1">
        <v>0.97044049192206017</v>
      </c>
      <c r="B2391" s="1"/>
      <c r="C2391">
        <v>8</v>
      </c>
      <c r="D2391" t="s">
        <v>5631</v>
      </c>
      <c r="E2391" t="s">
        <v>31721</v>
      </c>
      <c r="F2391">
        <v>4</v>
      </c>
      <c r="G2391" t="s">
        <v>13</v>
      </c>
      <c r="H2391" t="s">
        <v>5632</v>
      </c>
      <c r="I2391" t="s">
        <v>30540</v>
      </c>
    </row>
    <row r="2392" spans="1:9">
      <c r="A2392" s="1">
        <v>0.13813555835361957</v>
      </c>
      <c r="B2392" s="1"/>
      <c r="C2392">
        <v>11</v>
      </c>
      <c r="D2392" t="s">
        <v>5623</v>
      </c>
      <c r="E2392" t="s">
        <v>31722</v>
      </c>
      <c r="F2392">
        <v>5</v>
      </c>
      <c r="G2392" t="s">
        <v>0</v>
      </c>
      <c r="H2392" t="s">
        <v>5624</v>
      </c>
      <c r="I2392" t="s">
        <v>30540</v>
      </c>
    </row>
    <row r="2393" spans="1:9">
      <c r="A2393" s="1">
        <v>0.72081124208111458</v>
      </c>
      <c r="B2393" s="1"/>
      <c r="C2393">
        <v>10</v>
      </c>
      <c r="D2393" t="s">
        <v>5621</v>
      </c>
      <c r="E2393" t="s">
        <v>31722</v>
      </c>
      <c r="F2393">
        <v>4</v>
      </c>
      <c r="G2393" t="s">
        <v>0</v>
      </c>
      <c r="H2393" t="s">
        <v>5622</v>
      </c>
      <c r="I2393" t="s">
        <v>30540</v>
      </c>
    </row>
    <row r="2394" spans="1:9">
      <c r="A2394" s="1">
        <v>0.3159186471537736</v>
      </c>
      <c r="B2394" s="1"/>
      <c r="C2394">
        <v>12</v>
      </c>
      <c r="D2394" t="s">
        <v>5625</v>
      </c>
      <c r="E2394" t="s">
        <v>31722</v>
      </c>
      <c r="F2394">
        <v>4</v>
      </c>
      <c r="G2394" t="s">
        <v>0</v>
      </c>
      <c r="H2394" t="s">
        <v>5626</v>
      </c>
      <c r="I2394" t="s">
        <v>30540</v>
      </c>
    </row>
    <row r="2395" spans="1:9">
      <c r="A2395" s="1">
        <v>0.80951162123328668</v>
      </c>
      <c r="B2395" s="1"/>
      <c r="C2395">
        <v>16</v>
      </c>
      <c r="D2395" t="s">
        <v>5627</v>
      </c>
      <c r="E2395" t="s">
        <v>31722</v>
      </c>
      <c r="F2395">
        <v>3</v>
      </c>
      <c r="G2395" t="s">
        <v>0</v>
      </c>
      <c r="H2395" t="s">
        <v>5628</v>
      </c>
      <c r="I2395" t="s">
        <v>30540</v>
      </c>
    </row>
    <row r="2396" spans="1:9">
      <c r="A2396" s="1">
        <v>0.72637789225420391</v>
      </c>
      <c r="B2396" s="1"/>
      <c r="C2396">
        <v>13</v>
      </c>
      <c r="D2396" t="s">
        <v>5617</v>
      </c>
      <c r="E2396" t="s">
        <v>31723</v>
      </c>
      <c r="F2396">
        <v>5</v>
      </c>
      <c r="G2396" t="s">
        <v>0</v>
      </c>
      <c r="H2396" t="s">
        <v>5618</v>
      </c>
      <c r="I2396" t="s">
        <v>30540</v>
      </c>
    </row>
    <row r="2397" spans="1:9">
      <c r="A2397" s="1">
        <v>0.43113134267359954</v>
      </c>
      <c r="B2397" s="1"/>
      <c r="C2397">
        <v>12</v>
      </c>
      <c r="D2397" t="s">
        <v>5615</v>
      </c>
      <c r="E2397" t="s">
        <v>31723</v>
      </c>
      <c r="F2397">
        <v>5</v>
      </c>
      <c r="G2397" t="s">
        <v>0</v>
      </c>
      <c r="H2397" t="s">
        <v>5616</v>
      </c>
      <c r="I2397" t="s">
        <v>30540</v>
      </c>
    </row>
    <row r="2398" spans="1:9">
      <c r="A2398" s="1">
        <v>0.88556023746934842</v>
      </c>
      <c r="B2398" s="1"/>
      <c r="C2398">
        <v>16</v>
      </c>
      <c r="D2398" t="s">
        <v>5619</v>
      </c>
      <c r="E2398" t="s">
        <v>31723</v>
      </c>
      <c r="F2398">
        <v>4</v>
      </c>
      <c r="G2398" t="s">
        <v>9</v>
      </c>
      <c r="H2398" t="s">
        <v>5620</v>
      </c>
      <c r="I2398" t="s">
        <v>30540</v>
      </c>
    </row>
    <row r="2399" spans="1:9">
      <c r="A2399" s="1">
        <v>0.1941784609554309</v>
      </c>
      <c r="B2399" s="1"/>
      <c r="C2399">
        <v>11</v>
      </c>
      <c r="D2399" t="s">
        <v>5613</v>
      </c>
      <c r="E2399" t="s">
        <v>31723</v>
      </c>
      <c r="F2399">
        <v>4</v>
      </c>
      <c r="G2399" t="s">
        <v>0</v>
      </c>
      <c r="H2399" t="s">
        <v>5614</v>
      </c>
      <c r="I2399" t="s">
        <v>30540</v>
      </c>
    </row>
    <row r="2400" spans="1:9">
      <c r="A2400" s="1">
        <v>0.7694127692619922</v>
      </c>
      <c r="B2400" s="1"/>
      <c r="C2400">
        <v>14</v>
      </c>
      <c r="D2400" t="s">
        <v>5605</v>
      </c>
      <c r="E2400" t="s">
        <v>31724</v>
      </c>
      <c r="F2400">
        <v>4</v>
      </c>
      <c r="G2400" t="s">
        <v>0</v>
      </c>
      <c r="H2400" t="s">
        <v>5606</v>
      </c>
      <c r="I2400" t="s">
        <v>30540</v>
      </c>
    </row>
    <row r="2401" spans="1:9">
      <c r="A2401" s="1">
        <v>0.63833347425629849</v>
      </c>
      <c r="B2401" s="1"/>
      <c r="C2401">
        <v>4</v>
      </c>
      <c r="D2401" t="s">
        <v>5601</v>
      </c>
      <c r="E2401" t="s">
        <v>31724</v>
      </c>
      <c r="F2401">
        <v>4</v>
      </c>
      <c r="G2401" t="s">
        <v>2</v>
      </c>
      <c r="H2401" t="s">
        <v>5602</v>
      </c>
      <c r="I2401" t="s">
        <v>30540</v>
      </c>
    </row>
    <row r="2402" spans="1:9">
      <c r="A2402" s="1">
        <v>9.8113887784724185E-2</v>
      </c>
      <c r="B2402" s="1"/>
      <c r="C2402">
        <v>20</v>
      </c>
      <c r="D2402" t="s">
        <v>5599</v>
      </c>
      <c r="E2402" t="s">
        <v>31725</v>
      </c>
      <c r="F2402">
        <v>5</v>
      </c>
      <c r="G2402" t="s">
        <v>0</v>
      </c>
      <c r="H2402" t="s">
        <v>5600</v>
      </c>
      <c r="I2402" t="s">
        <v>30540</v>
      </c>
    </row>
    <row r="2403" spans="1:9">
      <c r="A2403" s="1">
        <v>1.7475424151182306E-2</v>
      </c>
      <c r="B2403" s="1"/>
      <c r="C2403">
        <v>15</v>
      </c>
      <c r="D2403" t="s">
        <v>5597</v>
      </c>
      <c r="E2403" t="s">
        <v>31725</v>
      </c>
      <c r="F2403">
        <v>5</v>
      </c>
      <c r="G2403" t="s">
        <v>0</v>
      </c>
      <c r="H2403" t="s">
        <v>5598</v>
      </c>
      <c r="I2403" t="s">
        <v>30540</v>
      </c>
    </row>
    <row r="2404" spans="1:9">
      <c r="A2404" s="1">
        <v>0.16345627565725174</v>
      </c>
      <c r="B2404" s="1"/>
      <c r="C2404">
        <v>7</v>
      </c>
      <c r="D2404" t="s">
        <v>5591</v>
      </c>
      <c r="E2404" t="s">
        <v>31725</v>
      </c>
      <c r="F2404">
        <v>4</v>
      </c>
      <c r="G2404" t="s">
        <v>10</v>
      </c>
      <c r="H2404" t="s">
        <v>5592</v>
      </c>
      <c r="I2404" t="s">
        <v>30540</v>
      </c>
    </row>
    <row r="2405" spans="1:9">
      <c r="A2405" s="1">
        <v>0.45275922968396332</v>
      </c>
      <c r="B2405" s="1"/>
      <c r="C2405">
        <v>14</v>
      </c>
      <c r="D2405" t="s">
        <v>5595</v>
      </c>
      <c r="E2405" t="s">
        <v>31725</v>
      </c>
      <c r="F2405">
        <v>4</v>
      </c>
      <c r="G2405" t="s">
        <v>0</v>
      </c>
      <c r="H2405" t="s">
        <v>5596</v>
      </c>
      <c r="I2405" t="s">
        <v>30540</v>
      </c>
    </row>
    <row r="2406" spans="1:9">
      <c r="A2406" s="1">
        <v>0.1182139158575819</v>
      </c>
      <c r="B2406" s="1"/>
      <c r="C2406">
        <v>9</v>
      </c>
      <c r="D2406" t="s">
        <v>5593</v>
      </c>
      <c r="E2406" t="s">
        <v>31725</v>
      </c>
      <c r="F2406">
        <v>4</v>
      </c>
      <c r="G2406" t="s">
        <v>13</v>
      </c>
      <c r="H2406" t="s">
        <v>5594</v>
      </c>
      <c r="I2406" t="s">
        <v>30540</v>
      </c>
    </row>
    <row r="2407" spans="1:9">
      <c r="A2407" s="1">
        <v>0.83117370586884642</v>
      </c>
      <c r="B2407" s="1"/>
      <c r="C2407">
        <v>10</v>
      </c>
      <c r="D2407" t="s">
        <v>5585</v>
      </c>
      <c r="E2407" t="s">
        <v>31726</v>
      </c>
      <c r="F2407">
        <v>5</v>
      </c>
      <c r="G2407" t="s">
        <v>14</v>
      </c>
      <c r="H2407" t="s">
        <v>5586</v>
      </c>
      <c r="I2407" t="s">
        <v>30540</v>
      </c>
    </row>
    <row r="2408" spans="1:9">
      <c r="A2408" s="1">
        <v>0.95083739599103312</v>
      </c>
      <c r="B2408" s="1"/>
      <c r="C2408">
        <v>8</v>
      </c>
      <c r="D2408" t="s">
        <v>5583</v>
      </c>
      <c r="E2408" t="s">
        <v>31726</v>
      </c>
      <c r="F2408">
        <v>5</v>
      </c>
      <c r="G2408" t="s">
        <v>3107</v>
      </c>
      <c r="H2408" t="s">
        <v>5584</v>
      </c>
      <c r="I2408" t="s">
        <v>30540</v>
      </c>
    </row>
    <row r="2409" spans="1:9">
      <c r="A2409" s="1">
        <v>0.74446358000347224</v>
      </c>
      <c r="B2409" s="1"/>
      <c r="C2409">
        <v>2</v>
      </c>
      <c r="D2409" t="s">
        <v>5581</v>
      </c>
      <c r="E2409" t="s">
        <v>31726</v>
      </c>
      <c r="F2409">
        <v>4</v>
      </c>
      <c r="G2409" t="s">
        <v>2738</v>
      </c>
      <c r="H2409" t="s">
        <v>5582</v>
      </c>
      <c r="I2409" t="s">
        <v>30540</v>
      </c>
    </row>
    <row r="2410" spans="1:9">
      <c r="A2410" s="1">
        <v>0.70830552531554569</v>
      </c>
      <c r="B2410" s="1"/>
      <c r="C2410">
        <v>12</v>
      </c>
      <c r="D2410" t="s">
        <v>5587</v>
      </c>
      <c r="E2410" t="s">
        <v>31726</v>
      </c>
      <c r="F2410">
        <v>4</v>
      </c>
      <c r="G2410" t="s">
        <v>762</v>
      </c>
      <c r="H2410" t="s">
        <v>5588</v>
      </c>
      <c r="I2410" t="s">
        <v>30540</v>
      </c>
    </row>
    <row r="2411" spans="1:9">
      <c r="A2411" s="1">
        <v>0.75332402503238538</v>
      </c>
      <c r="B2411" s="1"/>
      <c r="C2411">
        <v>11</v>
      </c>
      <c r="D2411" t="s">
        <v>5577</v>
      </c>
      <c r="E2411" t="s">
        <v>31727</v>
      </c>
      <c r="F2411">
        <v>4</v>
      </c>
      <c r="G2411" t="s">
        <v>0</v>
      </c>
      <c r="H2411" t="s">
        <v>5578</v>
      </c>
      <c r="I2411" t="s">
        <v>30540</v>
      </c>
    </row>
    <row r="2412" spans="1:9">
      <c r="A2412" s="1">
        <v>0.63851772952177399</v>
      </c>
      <c r="B2412" s="1"/>
      <c r="C2412">
        <v>15</v>
      </c>
      <c r="D2412" t="s">
        <v>5579</v>
      </c>
      <c r="E2412" t="s">
        <v>31727</v>
      </c>
      <c r="F2412">
        <v>4</v>
      </c>
      <c r="G2412" t="s">
        <v>0</v>
      </c>
      <c r="H2412" t="s">
        <v>5580</v>
      </c>
      <c r="I2412" t="s">
        <v>30540</v>
      </c>
    </row>
    <row r="2413" spans="1:9">
      <c r="A2413" s="1">
        <v>0.37352418972816537</v>
      </c>
      <c r="B2413" s="1"/>
      <c r="C2413">
        <v>10</v>
      </c>
      <c r="D2413" t="s">
        <v>5575</v>
      </c>
      <c r="E2413" t="s">
        <v>31727</v>
      </c>
      <c r="F2413">
        <v>4</v>
      </c>
      <c r="G2413" t="s">
        <v>0</v>
      </c>
      <c r="H2413" t="s">
        <v>5576</v>
      </c>
      <c r="I2413" t="s">
        <v>30540</v>
      </c>
    </row>
    <row r="2414" spans="1:9">
      <c r="A2414" s="1">
        <v>0.31574378323067365</v>
      </c>
      <c r="B2414" s="1"/>
      <c r="C2414">
        <v>2</v>
      </c>
      <c r="D2414" t="s">
        <v>5565</v>
      </c>
      <c r="E2414" t="s">
        <v>31728</v>
      </c>
      <c r="F2414">
        <v>5</v>
      </c>
      <c r="G2414" t="s">
        <v>15</v>
      </c>
      <c r="H2414" t="s">
        <v>5566</v>
      </c>
      <c r="I2414" t="s">
        <v>30540</v>
      </c>
    </row>
    <row r="2415" spans="1:9">
      <c r="A2415" s="1">
        <v>6.5936545849996642E-2</v>
      </c>
      <c r="B2415" s="1"/>
      <c r="C2415">
        <v>7</v>
      </c>
      <c r="D2415" t="s">
        <v>5567</v>
      </c>
      <c r="E2415" t="s">
        <v>31728</v>
      </c>
      <c r="F2415">
        <v>5</v>
      </c>
      <c r="G2415" t="s">
        <v>10</v>
      </c>
      <c r="H2415" t="s">
        <v>5568</v>
      </c>
      <c r="I2415" t="s">
        <v>30540</v>
      </c>
    </row>
    <row r="2416" spans="1:9">
      <c r="A2416" s="1">
        <v>0.20845822844891537</v>
      </c>
      <c r="B2416" s="1"/>
      <c r="C2416">
        <v>19</v>
      </c>
      <c r="D2416" t="s">
        <v>5571</v>
      </c>
      <c r="E2416" t="s">
        <v>31728</v>
      </c>
      <c r="F2416">
        <v>4</v>
      </c>
      <c r="G2416" t="s">
        <v>0</v>
      </c>
      <c r="H2416" t="s">
        <v>5572</v>
      </c>
      <c r="I2416" t="s">
        <v>30540</v>
      </c>
    </row>
    <row r="2417" spans="1:9">
      <c r="A2417" s="1">
        <v>0.37985097506977594</v>
      </c>
      <c r="B2417" s="1"/>
      <c r="C2417">
        <v>10</v>
      </c>
      <c r="D2417" t="s">
        <v>5569</v>
      </c>
      <c r="E2417" t="s">
        <v>31728</v>
      </c>
      <c r="F2417">
        <v>4</v>
      </c>
      <c r="G2417" t="s">
        <v>0</v>
      </c>
      <c r="H2417" t="s">
        <v>5570</v>
      </c>
      <c r="I2417" t="s">
        <v>30540</v>
      </c>
    </row>
    <row r="2418" spans="1:9">
      <c r="A2418" s="1">
        <v>0.22957588702283549</v>
      </c>
      <c r="B2418" s="1"/>
      <c r="C2418">
        <v>2</v>
      </c>
      <c r="D2418" t="s">
        <v>5559</v>
      </c>
      <c r="E2418" t="s">
        <v>31729</v>
      </c>
      <c r="F2418">
        <v>4</v>
      </c>
      <c r="G2418" t="s">
        <v>0</v>
      </c>
      <c r="H2418" t="s">
        <v>5560</v>
      </c>
      <c r="I2418" t="s">
        <v>30540</v>
      </c>
    </row>
    <row r="2419" spans="1:9">
      <c r="A2419" s="1">
        <v>0.24863084058539098</v>
      </c>
      <c r="B2419" s="1"/>
      <c r="C2419">
        <v>17</v>
      </c>
      <c r="D2419" t="s">
        <v>5563</v>
      </c>
      <c r="E2419" t="s">
        <v>31729</v>
      </c>
      <c r="F2419">
        <v>4</v>
      </c>
      <c r="G2419" t="s">
        <v>0</v>
      </c>
      <c r="H2419" t="s">
        <v>5564</v>
      </c>
      <c r="I2419" t="s">
        <v>30540</v>
      </c>
    </row>
    <row r="2420" spans="1:9">
      <c r="A2420" s="1">
        <v>0.74874905942514947</v>
      </c>
      <c r="B2420" s="1"/>
      <c r="C2420">
        <v>12</v>
      </c>
      <c r="D2420" t="s">
        <v>5561</v>
      </c>
      <c r="E2420" t="s">
        <v>31729</v>
      </c>
      <c r="F2420">
        <v>4</v>
      </c>
      <c r="G2420" t="s">
        <v>0</v>
      </c>
      <c r="H2420" t="s">
        <v>5562</v>
      </c>
      <c r="I2420" t="s">
        <v>30540</v>
      </c>
    </row>
    <row r="2421" spans="1:9">
      <c r="A2421" s="1">
        <v>0.85925173364983842</v>
      </c>
      <c r="B2421" s="1"/>
      <c r="C2421">
        <v>20</v>
      </c>
      <c r="D2421" t="s">
        <v>5557</v>
      </c>
      <c r="E2421" t="s">
        <v>31730</v>
      </c>
      <c r="F2421">
        <v>5</v>
      </c>
      <c r="G2421" t="s">
        <v>13</v>
      </c>
      <c r="H2421" t="s">
        <v>5558</v>
      </c>
      <c r="I2421" t="s">
        <v>30540</v>
      </c>
    </row>
    <row r="2422" spans="1:9">
      <c r="A2422" s="1">
        <v>0.92320194962723212</v>
      </c>
      <c r="B2422" s="1"/>
      <c r="C2422">
        <v>1</v>
      </c>
      <c r="D2422" t="s">
        <v>5545</v>
      </c>
      <c r="E2422" t="s">
        <v>31730</v>
      </c>
      <c r="F2422">
        <v>5</v>
      </c>
      <c r="G2422" t="s">
        <v>1</v>
      </c>
      <c r="H2422" t="s">
        <v>5546</v>
      </c>
      <c r="I2422" t="s">
        <v>30540</v>
      </c>
    </row>
    <row r="2423" spans="1:9">
      <c r="A2423" s="1">
        <v>0.97339410416291761</v>
      </c>
      <c r="B2423" s="1"/>
      <c r="C2423">
        <v>11</v>
      </c>
      <c r="D2423" t="s">
        <v>5547</v>
      </c>
      <c r="E2423" t="s">
        <v>31730</v>
      </c>
      <c r="F2423">
        <v>4</v>
      </c>
      <c r="G2423" t="s">
        <v>0</v>
      </c>
      <c r="H2423" t="s">
        <v>5548</v>
      </c>
      <c r="I2423" t="s">
        <v>30540</v>
      </c>
    </row>
    <row r="2424" spans="1:9">
      <c r="A2424" s="1">
        <v>0.47256367317561598</v>
      </c>
      <c r="B2424" s="1"/>
      <c r="C2424">
        <v>12</v>
      </c>
      <c r="D2424" t="s">
        <v>5549</v>
      </c>
      <c r="E2424" t="s">
        <v>31730</v>
      </c>
      <c r="F2424">
        <v>4</v>
      </c>
      <c r="G2424" t="s">
        <v>1</v>
      </c>
      <c r="H2424" t="s">
        <v>5550</v>
      </c>
      <c r="I2424" t="s">
        <v>30540</v>
      </c>
    </row>
    <row r="2425" spans="1:9">
      <c r="A2425" s="1">
        <v>0.77218859609681045</v>
      </c>
      <c r="B2425" s="1"/>
      <c r="C2425">
        <v>9</v>
      </c>
      <c r="D2425" t="s">
        <v>5537</v>
      </c>
      <c r="E2425" t="s">
        <v>31731</v>
      </c>
      <c r="F2425">
        <v>5</v>
      </c>
      <c r="G2425" t="s">
        <v>0</v>
      </c>
      <c r="H2425" t="s">
        <v>5538</v>
      </c>
      <c r="I2425" t="s">
        <v>30540</v>
      </c>
    </row>
    <row r="2426" spans="1:9">
      <c r="A2426" s="1">
        <v>0.29140034720828345</v>
      </c>
      <c r="B2426" s="1"/>
      <c r="C2426">
        <v>18</v>
      </c>
      <c r="D2426" t="s">
        <v>5543</v>
      </c>
      <c r="E2426" t="s">
        <v>31731</v>
      </c>
      <c r="F2426">
        <v>5</v>
      </c>
      <c r="G2426" t="s">
        <v>10</v>
      </c>
      <c r="H2426" t="s">
        <v>5544</v>
      </c>
      <c r="I2426" t="s">
        <v>30540</v>
      </c>
    </row>
    <row r="2427" spans="1:9">
      <c r="A2427" s="1">
        <v>0.97285612792226217</v>
      </c>
      <c r="B2427" s="1"/>
      <c r="C2427">
        <v>8</v>
      </c>
      <c r="D2427" t="s">
        <v>5535</v>
      </c>
      <c r="E2427" t="s">
        <v>31731</v>
      </c>
      <c r="F2427">
        <v>4</v>
      </c>
      <c r="G2427" t="s">
        <v>0</v>
      </c>
      <c r="H2427" t="s">
        <v>5536</v>
      </c>
      <c r="I2427" t="s">
        <v>30540</v>
      </c>
    </row>
    <row r="2428" spans="1:9">
      <c r="A2428" s="1">
        <v>0.90061321706664144</v>
      </c>
      <c r="B2428" s="1"/>
      <c r="C2428">
        <v>17</v>
      </c>
      <c r="D2428" t="s">
        <v>5541</v>
      </c>
      <c r="E2428" t="s">
        <v>31731</v>
      </c>
      <c r="F2428">
        <v>4</v>
      </c>
      <c r="G2428" t="s">
        <v>0</v>
      </c>
      <c r="H2428" t="s">
        <v>5542</v>
      </c>
      <c r="I2428" t="s">
        <v>30540</v>
      </c>
    </row>
    <row r="2429" spans="1:9">
      <c r="A2429" s="1">
        <v>5.9970449380586821E-2</v>
      </c>
      <c r="B2429" s="1"/>
      <c r="C2429">
        <v>16</v>
      </c>
      <c r="D2429" t="s">
        <v>5539</v>
      </c>
      <c r="E2429" t="s">
        <v>31731</v>
      </c>
      <c r="F2429">
        <v>4</v>
      </c>
      <c r="G2429" t="s">
        <v>0</v>
      </c>
      <c r="H2429" t="s">
        <v>5540</v>
      </c>
      <c r="I2429" t="s">
        <v>30540</v>
      </c>
    </row>
    <row r="2430" spans="1:9">
      <c r="A2430" s="1">
        <v>2.5505862561656434E-2</v>
      </c>
      <c r="B2430" s="1"/>
      <c r="C2430">
        <v>3</v>
      </c>
      <c r="D2430" t="s">
        <v>5533</v>
      </c>
      <c r="E2430" t="s">
        <v>31731</v>
      </c>
      <c r="F2430">
        <v>4</v>
      </c>
      <c r="G2430" t="s">
        <v>15</v>
      </c>
      <c r="H2430" t="s">
        <v>5534</v>
      </c>
      <c r="I2430" t="s">
        <v>30540</v>
      </c>
    </row>
    <row r="2431" spans="1:9">
      <c r="A2431" s="1">
        <v>0.49964775963704877</v>
      </c>
      <c r="B2431" s="1"/>
      <c r="C2431">
        <v>9</v>
      </c>
      <c r="D2431" t="s">
        <v>5527</v>
      </c>
      <c r="E2431" t="s">
        <v>31732</v>
      </c>
      <c r="F2431">
        <v>5</v>
      </c>
      <c r="G2431" t="s">
        <v>775</v>
      </c>
      <c r="H2431" t="s">
        <v>5528</v>
      </c>
      <c r="I2431" t="s">
        <v>30540</v>
      </c>
    </row>
    <row r="2432" spans="1:9">
      <c r="A2432" s="1">
        <v>4.8151280692376397E-2</v>
      </c>
      <c r="B2432" s="1"/>
      <c r="C2432">
        <v>10</v>
      </c>
      <c r="D2432" t="s">
        <v>5529</v>
      </c>
      <c r="E2432" t="s">
        <v>31732</v>
      </c>
      <c r="F2432">
        <v>3</v>
      </c>
      <c r="G2432" t="s">
        <v>2738</v>
      </c>
      <c r="H2432" t="s">
        <v>5530</v>
      </c>
      <c r="I2432" t="s">
        <v>30540</v>
      </c>
    </row>
    <row r="2433" spans="1:9">
      <c r="A2433" s="1">
        <v>0.87191648387773812</v>
      </c>
      <c r="B2433" s="1"/>
      <c r="C2433">
        <v>3</v>
      </c>
      <c r="D2433" t="s">
        <v>5525</v>
      </c>
      <c r="E2433" t="s">
        <v>31732</v>
      </c>
      <c r="F2433">
        <v>3</v>
      </c>
      <c r="G2433" t="s">
        <v>2738</v>
      </c>
      <c r="H2433" t="s">
        <v>5526</v>
      </c>
      <c r="I2433" t="s">
        <v>30540</v>
      </c>
    </row>
    <row r="2434" spans="1:9">
      <c r="A2434" s="1">
        <v>0.58842720217875388</v>
      </c>
      <c r="B2434" s="1"/>
      <c r="C2434">
        <v>11</v>
      </c>
      <c r="D2434" t="s">
        <v>5519</v>
      </c>
      <c r="E2434" t="s">
        <v>31733</v>
      </c>
      <c r="F2434">
        <v>5</v>
      </c>
      <c r="G2434" t="s">
        <v>0</v>
      </c>
      <c r="H2434" t="s">
        <v>5520</v>
      </c>
      <c r="I2434" t="s">
        <v>30540</v>
      </c>
    </row>
    <row r="2435" spans="1:9">
      <c r="A2435" s="1">
        <v>0.99710499164324728</v>
      </c>
      <c r="B2435" s="1"/>
      <c r="C2435">
        <v>17</v>
      </c>
      <c r="D2435" t="s">
        <v>5523</v>
      </c>
      <c r="E2435" t="s">
        <v>31733</v>
      </c>
      <c r="F2435">
        <v>4</v>
      </c>
      <c r="G2435" t="s">
        <v>0</v>
      </c>
      <c r="H2435" t="s">
        <v>5524</v>
      </c>
      <c r="I2435" t="s">
        <v>30540</v>
      </c>
    </row>
    <row r="2436" spans="1:9">
      <c r="A2436" s="1">
        <v>0.41887527039154093</v>
      </c>
      <c r="B2436" s="1"/>
      <c r="C2436">
        <v>13</v>
      </c>
      <c r="D2436" t="s">
        <v>5521</v>
      </c>
      <c r="E2436" t="s">
        <v>31733</v>
      </c>
      <c r="F2436">
        <v>4</v>
      </c>
      <c r="G2436" t="s">
        <v>0</v>
      </c>
      <c r="H2436" t="s">
        <v>5522</v>
      </c>
      <c r="I2436" t="s">
        <v>30540</v>
      </c>
    </row>
    <row r="2437" spans="1:9">
      <c r="A2437" s="1">
        <v>7.4210640235197856E-2</v>
      </c>
      <c r="B2437" s="1"/>
      <c r="C2437">
        <v>7</v>
      </c>
      <c r="D2437" t="s">
        <v>5517</v>
      </c>
      <c r="E2437" t="s">
        <v>31733</v>
      </c>
      <c r="F2437">
        <v>4</v>
      </c>
      <c r="G2437" t="s">
        <v>1</v>
      </c>
      <c r="H2437" t="s">
        <v>5518</v>
      </c>
      <c r="I2437" t="s">
        <v>30540</v>
      </c>
    </row>
    <row r="2438" spans="1:9">
      <c r="A2438" s="1">
        <v>0.53210858327533528</v>
      </c>
      <c r="B2438" s="1"/>
      <c r="C2438">
        <v>20</v>
      </c>
      <c r="D2438" t="s">
        <v>5515</v>
      </c>
      <c r="E2438" t="s">
        <v>31734</v>
      </c>
      <c r="F2438">
        <v>5</v>
      </c>
      <c r="G2438" t="s">
        <v>0</v>
      </c>
      <c r="H2438" t="s">
        <v>5516</v>
      </c>
      <c r="I2438" t="s">
        <v>30540</v>
      </c>
    </row>
    <row r="2439" spans="1:9">
      <c r="A2439" s="1">
        <v>0.79653738273849739</v>
      </c>
      <c r="B2439" s="1"/>
      <c r="C2439">
        <v>19</v>
      </c>
      <c r="D2439" t="s">
        <v>5513</v>
      </c>
      <c r="E2439" t="s">
        <v>31734</v>
      </c>
      <c r="F2439">
        <v>4</v>
      </c>
      <c r="G2439" t="s">
        <v>0</v>
      </c>
      <c r="H2439" t="s">
        <v>5514</v>
      </c>
      <c r="I2439" t="s">
        <v>30540</v>
      </c>
    </row>
    <row r="2440" spans="1:9">
      <c r="A2440" s="1">
        <v>0.99708624502676224</v>
      </c>
      <c r="B2440" s="1"/>
      <c r="C2440">
        <v>15</v>
      </c>
      <c r="D2440" t="s">
        <v>5509</v>
      </c>
      <c r="E2440" t="s">
        <v>31734</v>
      </c>
      <c r="F2440">
        <v>4</v>
      </c>
      <c r="G2440" t="s">
        <v>0</v>
      </c>
      <c r="H2440" t="s">
        <v>5510</v>
      </c>
      <c r="I2440" t="s">
        <v>30540</v>
      </c>
    </row>
    <row r="2441" spans="1:9">
      <c r="A2441" s="1">
        <v>0.38941428453102522</v>
      </c>
      <c r="B2441" s="1"/>
      <c r="C2441">
        <v>17</v>
      </c>
      <c r="D2441" t="s">
        <v>5511</v>
      </c>
      <c r="E2441" t="s">
        <v>31734</v>
      </c>
      <c r="F2441">
        <v>4</v>
      </c>
      <c r="G2441" t="s">
        <v>1</v>
      </c>
      <c r="H2441" t="s">
        <v>5512</v>
      </c>
      <c r="I2441" t="s">
        <v>30540</v>
      </c>
    </row>
    <row r="2442" spans="1:9">
      <c r="A2442" s="1">
        <v>0.97134457481990144</v>
      </c>
      <c r="B2442" s="1"/>
      <c r="C2442">
        <v>1</v>
      </c>
      <c r="D2442" t="s">
        <v>5505</v>
      </c>
      <c r="E2442" t="s">
        <v>31734</v>
      </c>
      <c r="F2442">
        <v>4</v>
      </c>
      <c r="G2442" t="s">
        <v>9</v>
      </c>
      <c r="H2442" t="s">
        <v>5506</v>
      </c>
      <c r="I2442" t="s">
        <v>30540</v>
      </c>
    </row>
    <row r="2443" spans="1:9">
      <c r="A2443" s="1">
        <v>0.71694277543150375</v>
      </c>
      <c r="B2443" s="1"/>
      <c r="C2443">
        <v>3</v>
      </c>
      <c r="D2443" t="s">
        <v>5493</v>
      </c>
      <c r="E2443" t="s">
        <v>31735</v>
      </c>
      <c r="F2443">
        <v>5</v>
      </c>
      <c r="G2443" t="s">
        <v>9</v>
      </c>
      <c r="H2443" t="s">
        <v>5494</v>
      </c>
      <c r="I2443" t="s">
        <v>30540</v>
      </c>
    </row>
    <row r="2444" spans="1:9">
      <c r="A2444" s="1">
        <v>0.59319567137720064</v>
      </c>
      <c r="B2444" s="1"/>
      <c r="C2444">
        <v>16</v>
      </c>
      <c r="D2444" t="s">
        <v>5501</v>
      </c>
      <c r="E2444" t="s">
        <v>31735</v>
      </c>
      <c r="F2444">
        <v>5</v>
      </c>
      <c r="G2444" t="s">
        <v>0</v>
      </c>
      <c r="H2444" t="s">
        <v>5502</v>
      </c>
      <c r="I2444" t="s">
        <v>30540</v>
      </c>
    </row>
    <row r="2445" spans="1:9">
      <c r="A2445" s="1">
        <v>0.60217112517150084</v>
      </c>
      <c r="B2445" s="1"/>
      <c r="C2445">
        <v>17</v>
      </c>
      <c r="D2445" t="s">
        <v>5503</v>
      </c>
      <c r="E2445" t="s">
        <v>31735</v>
      </c>
      <c r="F2445">
        <v>4</v>
      </c>
      <c r="G2445" t="s">
        <v>0</v>
      </c>
      <c r="H2445" t="s">
        <v>5504</v>
      </c>
      <c r="I2445" t="s">
        <v>30540</v>
      </c>
    </row>
    <row r="2446" spans="1:9">
      <c r="A2446" s="1">
        <v>0.13965465304657232</v>
      </c>
      <c r="B2446" s="1"/>
      <c r="C2446">
        <v>9</v>
      </c>
      <c r="D2446" t="s">
        <v>5497</v>
      </c>
      <c r="E2446" t="s">
        <v>31735</v>
      </c>
      <c r="F2446">
        <v>4</v>
      </c>
      <c r="G2446" t="s">
        <v>1</v>
      </c>
      <c r="H2446" t="s">
        <v>5498</v>
      </c>
      <c r="I2446" t="s">
        <v>30540</v>
      </c>
    </row>
    <row r="2447" spans="1:9">
      <c r="A2447" s="1">
        <v>0.91199702553907913</v>
      </c>
      <c r="B2447" s="1"/>
      <c r="C2447">
        <v>8</v>
      </c>
      <c r="D2447" t="s">
        <v>5495</v>
      </c>
      <c r="E2447" t="s">
        <v>31735</v>
      </c>
      <c r="F2447">
        <v>4</v>
      </c>
      <c r="G2447" t="s">
        <v>0</v>
      </c>
      <c r="H2447" t="s">
        <v>5496</v>
      </c>
      <c r="I2447" t="s">
        <v>30540</v>
      </c>
    </row>
    <row r="2448" spans="1:9">
      <c r="A2448" s="1">
        <v>0.81610552722664176</v>
      </c>
      <c r="B2448" s="1"/>
      <c r="C2448">
        <v>10</v>
      </c>
      <c r="D2448" t="s">
        <v>5499</v>
      </c>
      <c r="E2448" t="s">
        <v>31735</v>
      </c>
      <c r="F2448">
        <v>4</v>
      </c>
      <c r="G2448" t="s">
        <v>0</v>
      </c>
      <c r="H2448" t="s">
        <v>5500</v>
      </c>
      <c r="I2448" t="s">
        <v>30540</v>
      </c>
    </row>
    <row r="2449" spans="1:9">
      <c r="A2449" s="1">
        <v>0.70566189734232188</v>
      </c>
      <c r="B2449" s="1"/>
      <c r="C2449">
        <v>17</v>
      </c>
      <c r="D2449" t="s">
        <v>5489</v>
      </c>
      <c r="E2449" t="s">
        <v>31736</v>
      </c>
      <c r="F2449">
        <v>5</v>
      </c>
      <c r="G2449" t="s">
        <v>0</v>
      </c>
      <c r="H2449" t="s">
        <v>5490</v>
      </c>
      <c r="I2449" t="s">
        <v>30540</v>
      </c>
    </row>
    <row r="2450" spans="1:9">
      <c r="A2450" s="1">
        <v>0.68727612260211779</v>
      </c>
      <c r="B2450" s="1"/>
      <c r="C2450">
        <v>15</v>
      </c>
      <c r="D2450" t="s">
        <v>5487</v>
      </c>
      <c r="E2450" t="s">
        <v>31736</v>
      </c>
      <c r="F2450">
        <v>5</v>
      </c>
      <c r="G2450" t="s">
        <v>10</v>
      </c>
      <c r="H2450" t="s">
        <v>5488</v>
      </c>
      <c r="I2450" t="s">
        <v>30540</v>
      </c>
    </row>
    <row r="2451" spans="1:9">
      <c r="A2451" s="1">
        <v>0.84011263913040635</v>
      </c>
      <c r="B2451" s="1"/>
      <c r="C2451">
        <v>20</v>
      </c>
      <c r="D2451" t="s">
        <v>5491</v>
      </c>
      <c r="E2451" t="s">
        <v>31736</v>
      </c>
      <c r="F2451">
        <v>4</v>
      </c>
      <c r="G2451" t="s">
        <v>0</v>
      </c>
      <c r="H2451" t="s">
        <v>5492</v>
      </c>
      <c r="I2451" t="s">
        <v>30540</v>
      </c>
    </row>
    <row r="2452" spans="1:9">
      <c r="A2452" s="1">
        <v>0.95426892944800079</v>
      </c>
      <c r="B2452" s="1"/>
      <c r="C2452">
        <v>10</v>
      </c>
      <c r="D2452" t="s">
        <v>5481</v>
      </c>
      <c r="E2452" t="s">
        <v>31736</v>
      </c>
      <c r="F2452">
        <v>4</v>
      </c>
      <c r="G2452" t="s">
        <v>15</v>
      </c>
      <c r="H2452" t="s">
        <v>5482</v>
      </c>
      <c r="I2452" t="s">
        <v>30540</v>
      </c>
    </row>
    <row r="2453" spans="1:9">
      <c r="A2453" s="1">
        <v>0.12046122128916814</v>
      </c>
      <c r="B2453" s="1"/>
      <c r="C2453">
        <v>12</v>
      </c>
      <c r="D2453" t="s">
        <v>5483</v>
      </c>
      <c r="E2453" t="s">
        <v>31736</v>
      </c>
      <c r="F2453">
        <v>4</v>
      </c>
      <c r="G2453" t="s">
        <v>2</v>
      </c>
      <c r="H2453" t="s">
        <v>5484</v>
      </c>
      <c r="I2453" t="s">
        <v>30540</v>
      </c>
    </row>
    <row r="2454" spans="1:9">
      <c r="A2454" s="1">
        <v>0.10084163135452529</v>
      </c>
      <c r="B2454" s="1"/>
      <c r="C2454">
        <v>1</v>
      </c>
      <c r="D2454" t="s">
        <v>5477</v>
      </c>
      <c r="E2454" t="s">
        <v>31736</v>
      </c>
      <c r="F2454">
        <v>4</v>
      </c>
      <c r="G2454" t="s">
        <v>10</v>
      </c>
      <c r="H2454" t="s">
        <v>5478</v>
      </c>
      <c r="I2454" t="s">
        <v>30540</v>
      </c>
    </row>
    <row r="2455" spans="1:9">
      <c r="A2455" s="1">
        <v>0.85223842507669723</v>
      </c>
      <c r="B2455" s="1"/>
      <c r="C2455">
        <v>13</v>
      </c>
      <c r="D2455" t="s">
        <v>5485</v>
      </c>
      <c r="E2455" t="s">
        <v>31736</v>
      </c>
      <c r="F2455">
        <v>3</v>
      </c>
      <c r="G2455" t="s">
        <v>0</v>
      </c>
      <c r="H2455" t="s">
        <v>5486</v>
      </c>
      <c r="I2455" t="s">
        <v>30540</v>
      </c>
    </row>
    <row r="2456" spans="1:9">
      <c r="A2456" s="1">
        <v>0.39197433337251175</v>
      </c>
      <c r="B2456" s="1"/>
      <c r="C2456">
        <v>6</v>
      </c>
      <c r="D2456" t="s">
        <v>5479</v>
      </c>
      <c r="E2456" t="s">
        <v>31736</v>
      </c>
      <c r="F2456">
        <v>3</v>
      </c>
      <c r="G2456" t="s">
        <v>2</v>
      </c>
      <c r="H2456" t="s">
        <v>5480</v>
      </c>
      <c r="I2456" t="s">
        <v>30540</v>
      </c>
    </row>
    <row r="2457" spans="1:9">
      <c r="A2457" s="1">
        <v>0.31098952547109282</v>
      </c>
      <c r="B2457" s="1"/>
      <c r="C2457">
        <v>10</v>
      </c>
      <c r="D2457" t="s">
        <v>5469</v>
      </c>
      <c r="E2457" t="s">
        <v>31737</v>
      </c>
      <c r="F2457">
        <v>5</v>
      </c>
      <c r="G2457" t="s">
        <v>0</v>
      </c>
      <c r="H2457" t="s">
        <v>5470</v>
      </c>
      <c r="I2457" t="s">
        <v>30540</v>
      </c>
    </row>
    <row r="2458" spans="1:9">
      <c r="A2458" s="1">
        <v>0.9236654948084505</v>
      </c>
      <c r="B2458" s="1"/>
      <c r="C2458">
        <v>18</v>
      </c>
      <c r="D2458" t="s">
        <v>5473</v>
      </c>
      <c r="E2458" t="s">
        <v>31737</v>
      </c>
      <c r="F2458">
        <v>5</v>
      </c>
      <c r="G2458" t="s">
        <v>13</v>
      </c>
      <c r="H2458" t="s">
        <v>5474</v>
      </c>
      <c r="I2458" t="s">
        <v>30540</v>
      </c>
    </row>
    <row r="2459" spans="1:9">
      <c r="A2459" s="1">
        <v>0.59975933157803163</v>
      </c>
      <c r="B2459" s="1"/>
      <c r="C2459">
        <v>20</v>
      </c>
      <c r="D2459" t="s">
        <v>5475</v>
      </c>
      <c r="E2459" t="s">
        <v>31737</v>
      </c>
      <c r="F2459">
        <v>4</v>
      </c>
      <c r="G2459" t="s">
        <v>0</v>
      </c>
      <c r="H2459" t="s">
        <v>5476</v>
      </c>
      <c r="I2459" t="s">
        <v>30540</v>
      </c>
    </row>
    <row r="2460" spans="1:9">
      <c r="A2460" s="1">
        <v>0.78055337107349843</v>
      </c>
      <c r="B2460" s="1"/>
      <c r="C2460">
        <v>9</v>
      </c>
      <c r="D2460" t="s">
        <v>5467</v>
      </c>
      <c r="E2460" t="s">
        <v>31737</v>
      </c>
      <c r="F2460">
        <v>4</v>
      </c>
      <c r="G2460" t="s">
        <v>0</v>
      </c>
      <c r="H2460" t="s">
        <v>5468</v>
      </c>
      <c r="I2460" t="s">
        <v>30540</v>
      </c>
    </row>
    <row r="2461" spans="1:9">
      <c r="A2461" s="1">
        <v>0.40732673868505387</v>
      </c>
      <c r="B2461" s="1"/>
      <c r="C2461">
        <v>2</v>
      </c>
      <c r="D2461" t="s">
        <v>5461</v>
      </c>
      <c r="E2461" t="s">
        <v>31738</v>
      </c>
      <c r="F2461">
        <v>5</v>
      </c>
      <c r="G2461" t="s">
        <v>3107</v>
      </c>
      <c r="H2461" t="s">
        <v>5462</v>
      </c>
      <c r="I2461" t="s">
        <v>30540</v>
      </c>
    </row>
    <row r="2462" spans="1:9">
      <c r="A2462" s="1">
        <v>0.86556799244734095</v>
      </c>
      <c r="B2462" s="1"/>
      <c r="C2462">
        <v>1</v>
      </c>
      <c r="D2462" t="s">
        <v>5459</v>
      </c>
      <c r="E2462" t="s">
        <v>31738</v>
      </c>
      <c r="F2462">
        <v>5</v>
      </c>
      <c r="G2462" t="s">
        <v>2738</v>
      </c>
      <c r="H2462" t="s">
        <v>5460</v>
      </c>
      <c r="I2462" t="s">
        <v>30540</v>
      </c>
    </row>
    <row r="2463" spans="1:9">
      <c r="A2463" s="1">
        <v>0.52661003062762302</v>
      </c>
      <c r="B2463" s="1"/>
      <c r="C2463">
        <v>11</v>
      </c>
      <c r="D2463" t="s">
        <v>5465</v>
      </c>
      <c r="E2463" t="s">
        <v>31738</v>
      </c>
      <c r="F2463">
        <v>4</v>
      </c>
      <c r="G2463" t="s">
        <v>775</v>
      </c>
      <c r="H2463" t="s">
        <v>5466</v>
      </c>
      <c r="I2463" t="s">
        <v>30540</v>
      </c>
    </row>
    <row r="2464" spans="1:9">
      <c r="A2464" s="1">
        <v>0.94390831607588965</v>
      </c>
      <c r="B2464" s="1"/>
      <c r="C2464">
        <v>10</v>
      </c>
      <c r="D2464" t="s">
        <v>5463</v>
      </c>
      <c r="E2464" t="s">
        <v>31738</v>
      </c>
      <c r="F2464">
        <v>4</v>
      </c>
      <c r="G2464" t="s">
        <v>2738</v>
      </c>
      <c r="H2464" t="s">
        <v>5464</v>
      </c>
      <c r="I2464" t="s">
        <v>30540</v>
      </c>
    </row>
    <row r="2465" spans="1:9">
      <c r="A2465" s="1">
        <v>0.6392544481575303</v>
      </c>
      <c r="B2465" s="1"/>
      <c r="C2465">
        <v>9</v>
      </c>
      <c r="D2465" t="s">
        <v>5451</v>
      </c>
      <c r="E2465" t="s">
        <v>31739</v>
      </c>
      <c r="F2465">
        <v>5</v>
      </c>
      <c r="G2465" t="s">
        <v>0</v>
      </c>
      <c r="H2465" t="s">
        <v>5452</v>
      </c>
      <c r="I2465" t="s">
        <v>30540</v>
      </c>
    </row>
    <row r="2466" spans="1:9">
      <c r="A2466" s="1">
        <v>0.80888337707527502</v>
      </c>
      <c r="B2466" s="1"/>
      <c r="C2466">
        <v>7</v>
      </c>
      <c r="D2466" t="s">
        <v>5449</v>
      </c>
      <c r="E2466" t="s">
        <v>31739</v>
      </c>
      <c r="F2466">
        <v>5</v>
      </c>
      <c r="G2466" t="s">
        <v>15</v>
      </c>
      <c r="H2466" t="s">
        <v>5450</v>
      </c>
      <c r="I2466" t="s">
        <v>30540</v>
      </c>
    </row>
    <row r="2467" spans="1:9">
      <c r="A2467" s="1">
        <v>0.2992375295005254</v>
      </c>
      <c r="B2467" s="1"/>
      <c r="C2467">
        <v>15</v>
      </c>
      <c r="D2467" t="s">
        <v>5455</v>
      </c>
      <c r="E2467" t="s">
        <v>31739</v>
      </c>
      <c r="F2467">
        <v>4</v>
      </c>
      <c r="G2467" t="s">
        <v>10</v>
      </c>
      <c r="H2467" t="s">
        <v>5456</v>
      </c>
      <c r="I2467" t="s">
        <v>30540</v>
      </c>
    </row>
    <row r="2468" spans="1:9">
      <c r="A2468" s="1">
        <v>0.12170261288851114</v>
      </c>
      <c r="B2468" s="1"/>
      <c r="C2468">
        <v>14</v>
      </c>
      <c r="D2468" t="s">
        <v>5453</v>
      </c>
      <c r="E2468" t="s">
        <v>31739</v>
      </c>
      <c r="F2468">
        <v>4</v>
      </c>
      <c r="G2468" t="s">
        <v>0</v>
      </c>
      <c r="H2468" t="s">
        <v>5454</v>
      </c>
      <c r="I2468" t="s">
        <v>30540</v>
      </c>
    </row>
    <row r="2469" spans="1:9">
      <c r="A2469" s="1">
        <v>0.68642207884259587</v>
      </c>
      <c r="B2469" s="1"/>
      <c r="C2469">
        <v>17</v>
      </c>
      <c r="D2469" t="s">
        <v>5457</v>
      </c>
      <c r="E2469" t="s">
        <v>31739</v>
      </c>
      <c r="F2469">
        <v>3</v>
      </c>
      <c r="G2469" t="s">
        <v>0</v>
      </c>
      <c r="H2469" t="s">
        <v>5458</v>
      </c>
      <c r="I2469" t="s">
        <v>30540</v>
      </c>
    </row>
    <row r="2470" spans="1:9">
      <c r="A2470" s="1">
        <v>0.42391078260689685</v>
      </c>
      <c r="B2470" s="1"/>
      <c r="C2470">
        <v>1</v>
      </c>
      <c r="D2470" t="s">
        <v>5437</v>
      </c>
      <c r="E2470" t="s">
        <v>31740</v>
      </c>
      <c r="F2470">
        <v>5</v>
      </c>
      <c r="G2470" t="s">
        <v>2</v>
      </c>
      <c r="H2470" t="s">
        <v>5438</v>
      </c>
      <c r="I2470" t="s">
        <v>30540</v>
      </c>
    </row>
    <row r="2471" spans="1:9">
      <c r="A2471" s="1">
        <v>0.82472107551513774</v>
      </c>
      <c r="B2471" s="1"/>
      <c r="C2471">
        <v>15</v>
      </c>
      <c r="D2471" t="s">
        <v>5441</v>
      </c>
      <c r="E2471" t="s">
        <v>31740</v>
      </c>
      <c r="F2471">
        <v>4</v>
      </c>
      <c r="G2471" t="s">
        <v>0</v>
      </c>
      <c r="H2471" t="s">
        <v>5442</v>
      </c>
      <c r="I2471" t="s">
        <v>30540</v>
      </c>
    </row>
    <row r="2472" spans="1:9">
      <c r="A2472" s="1">
        <v>0.58723100488160962</v>
      </c>
      <c r="B2472" s="1"/>
      <c r="C2472">
        <v>17</v>
      </c>
      <c r="D2472" t="s">
        <v>5445</v>
      </c>
      <c r="E2472" t="s">
        <v>31740</v>
      </c>
      <c r="F2472">
        <v>4</v>
      </c>
      <c r="G2472" t="s">
        <v>0</v>
      </c>
      <c r="H2472" t="s">
        <v>5446</v>
      </c>
      <c r="I2472" t="s">
        <v>30540</v>
      </c>
    </row>
    <row r="2473" spans="1:9">
      <c r="A2473" s="1">
        <v>0.97774994456084074</v>
      </c>
      <c r="B2473" s="1"/>
      <c r="C2473">
        <v>14</v>
      </c>
      <c r="D2473" t="s">
        <v>5439</v>
      </c>
      <c r="E2473" t="s">
        <v>31740</v>
      </c>
      <c r="F2473">
        <v>4</v>
      </c>
      <c r="G2473" t="s">
        <v>0</v>
      </c>
      <c r="H2473" t="s">
        <v>5440</v>
      </c>
      <c r="I2473" t="s">
        <v>30540</v>
      </c>
    </row>
    <row r="2474" spans="1:9">
      <c r="A2474" s="1">
        <v>0.51249559292905644</v>
      </c>
      <c r="B2474" s="1"/>
      <c r="C2474">
        <v>16</v>
      </c>
      <c r="D2474" t="s">
        <v>5443</v>
      </c>
      <c r="E2474" t="s">
        <v>31740</v>
      </c>
      <c r="F2474">
        <v>3</v>
      </c>
      <c r="G2474" t="s">
        <v>1</v>
      </c>
      <c r="H2474" t="s">
        <v>5444</v>
      </c>
      <c r="I2474" t="s">
        <v>30540</v>
      </c>
    </row>
    <row r="2475" spans="1:9">
      <c r="A2475" s="1">
        <v>0.495739190357672</v>
      </c>
      <c r="B2475" s="1"/>
      <c r="C2475">
        <v>3</v>
      </c>
      <c r="D2475" t="s">
        <v>5423</v>
      </c>
      <c r="E2475" t="s">
        <v>31741</v>
      </c>
      <c r="F2475">
        <v>5</v>
      </c>
      <c r="G2475" t="s">
        <v>9</v>
      </c>
      <c r="H2475" t="s">
        <v>5424</v>
      </c>
      <c r="I2475" t="s">
        <v>30540</v>
      </c>
    </row>
    <row r="2476" spans="1:9">
      <c r="A2476" s="1">
        <v>9.4718005109727055E-2</v>
      </c>
      <c r="B2476" s="1"/>
      <c r="C2476">
        <v>8</v>
      </c>
      <c r="D2476" t="s">
        <v>5425</v>
      </c>
      <c r="E2476" t="s">
        <v>31741</v>
      </c>
      <c r="F2476">
        <v>5</v>
      </c>
      <c r="G2476" t="s">
        <v>13</v>
      </c>
      <c r="H2476" t="s">
        <v>5426</v>
      </c>
      <c r="I2476" t="s">
        <v>30540</v>
      </c>
    </row>
    <row r="2477" spans="1:9">
      <c r="A2477" s="1">
        <v>0.71120127720097071</v>
      </c>
      <c r="B2477" s="1"/>
      <c r="C2477">
        <v>9</v>
      </c>
      <c r="D2477" t="s">
        <v>5427</v>
      </c>
      <c r="E2477" t="s">
        <v>31741</v>
      </c>
      <c r="F2477">
        <v>5</v>
      </c>
      <c r="G2477" t="s">
        <v>0</v>
      </c>
      <c r="H2477" t="s">
        <v>5428</v>
      </c>
      <c r="I2477" t="s">
        <v>30540</v>
      </c>
    </row>
    <row r="2478" spans="1:9">
      <c r="A2478" s="1">
        <v>0.3951829202542011</v>
      </c>
      <c r="B2478" s="1"/>
      <c r="C2478">
        <v>13</v>
      </c>
      <c r="D2478" t="s">
        <v>5429</v>
      </c>
      <c r="E2478" t="s">
        <v>31741</v>
      </c>
      <c r="F2478">
        <v>5</v>
      </c>
      <c r="G2478" t="s">
        <v>0</v>
      </c>
      <c r="H2478" t="s">
        <v>5430</v>
      </c>
      <c r="I2478" t="s">
        <v>30540</v>
      </c>
    </row>
    <row r="2479" spans="1:9">
      <c r="A2479" s="1">
        <v>0.30229319188670756</v>
      </c>
      <c r="B2479" s="1"/>
      <c r="C2479">
        <v>18</v>
      </c>
      <c r="D2479" t="s">
        <v>5435</v>
      </c>
      <c r="E2479" t="s">
        <v>31741</v>
      </c>
      <c r="F2479">
        <v>4</v>
      </c>
      <c r="G2479" t="s">
        <v>15</v>
      </c>
      <c r="H2479" t="s">
        <v>5436</v>
      </c>
      <c r="I2479" t="s">
        <v>30540</v>
      </c>
    </row>
    <row r="2480" spans="1:9">
      <c r="A2480" s="1">
        <v>0.41692712526456421</v>
      </c>
      <c r="B2480" s="1"/>
      <c r="C2480">
        <v>14</v>
      </c>
      <c r="D2480" t="s">
        <v>5417</v>
      </c>
      <c r="E2480" t="s">
        <v>31742</v>
      </c>
      <c r="F2480">
        <v>4</v>
      </c>
      <c r="G2480" t="s">
        <v>0</v>
      </c>
      <c r="H2480" t="s">
        <v>5418</v>
      </c>
      <c r="I2480" t="s">
        <v>30540</v>
      </c>
    </row>
    <row r="2481" spans="1:9">
      <c r="A2481" s="1">
        <v>0.75649907432451868</v>
      </c>
      <c r="B2481" s="1"/>
      <c r="C2481">
        <v>15</v>
      </c>
      <c r="D2481" t="s">
        <v>5419</v>
      </c>
      <c r="E2481" t="s">
        <v>31742</v>
      </c>
      <c r="F2481">
        <v>4</v>
      </c>
      <c r="G2481" t="s">
        <v>0</v>
      </c>
      <c r="H2481" t="s">
        <v>5420</v>
      </c>
      <c r="I2481" t="s">
        <v>30540</v>
      </c>
    </row>
    <row r="2482" spans="1:9">
      <c r="A2482" s="1">
        <v>0.38208834175219264</v>
      </c>
      <c r="B2482" s="1"/>
      <c r="C2482">
        <v>16</v>
      </c>
      <c r="D2482" t="s">
        <v>5421</v>
      </c>
      <c r="E2482" t="s">
        <v>31742</v>
      </c>
      <c r="F2482">
        <v>3</v>
      </c>
      <c r="G2482" t="s">
        <v>13</v>
      </c>
      <c r="H2482" t="s">
        <v>5422</v>
      </c>
      <c r="I2482" t="s">
        <v>30540</v>
      </c>
    </row>
    <row r="2483" spans="1:9">
      <c r="A2483" s="1">
        <v>0.52755246013504564</v>
      </c>
      <c r="B2483" s="1"/>
      <c r="C2483">
        <v>10</v>
      </c>
      <c r="D2483" t="s">
        <v>5413</v>
      </c>
      <c r="E2483" t="s">
        <v>31742</v>
      </c>
      <c r="F2483">
        <v>3</v>
      </c>
      <c r="G2483" t="s">
        <v>15</v>
      </c>
      <c r="H2483" t="s">
        <v>5414</v>
      </c>
      <c r="I2483" t="s">
        <v>30540</v>
      </c>
    </row>
    <row r="2484" spans="1:9">
      <c r="A2484" s="1">
        <v>0.79508594639497909</v>
      </c>
      <c r="B2484" s="1"/>
      <c r="C2484">
        <v>19</v>
      </c>
      <c r="D2484" t="s">
        <v>5411</v>
      </c>
      <c r="E2484" t="s">
        <v>31743</v>
      </c>
      <c r="F2484">
        <v>4</v>
      </c>
      <c r="G2484" t="s">
        <v>0</v>
      </c>
      <c r="H2484" t="s">
        <v>5412</v>
      </c>
      <c r="I2484" t="s">
        <v>30540</v>
      </c>
    </row>
    <row r="2485" spans="1:9">
      <c r="A2485" s="1">
        <v>0.60547526109120209</v>
      </c>
      <c r="B2485" s="1"/>
      <c r="C2485">
        <v>12</v>
      </c>
      <c r="D2485" t="s">
        <v>5403</v>
      </c>
      <c r="E2485" t="s">
        <v>31743</v>
      </c>
      <c r="F2485">
        <v>4</v>
      </c>
      <c r="G2485" t="s">
        <v>13</v>
      </c>
      <c r="H2485" t="s">
        <v>5404</v>
      </c>
      <c r="I2485" t="s">
        <v>30540</v>
      </c>
    </row>
    <row r="2486" spans="1:9">
      <c r="A2486" s="1">
        <v>0.92625035547146217</v>
      </c>
      <c r="B2486" s="1"/>
      <c r="C2486">
        <v>14</v>
      </c>
      <c r="D2486" t="s">
        <v>5407</v>
      </c>
      <c r="E2486" t="s">
        <v>31743</v>
      </c>
      <c r="F2486">
        <v>4</v>
      </c>
      <c r="G2486" t="s">
        <v>10</v>
      </c>
      <c r="H2486" t="s">
        <v>5408</v>
      </c>
      <c r="I2486" t="s">
        <v>30540</v>
      </c>
    </row>
    <row r="2487" spans="1:9">
      <c r="A2487" s="1">
        <v>0.86418320835835094</v>
      </c>
      <c r="B2487" s="1"/>
      <c r="C2487">
        <v>15</v>
      </c>
      <c r="D2487" t="s">
        <v>5409</v>
      </c>
      <c r="E2487" t="s">
        <v>31743</v>
      </c>
      <c r="F2487">
        <v>4</v>
      </c>
      <c r="G2487" t="s">
        <v>0</v>
      </c>
      <c r="H2487" t="s">
        <v>5410</v>
      </c>
      <c r="I2487" t="s">
        <v>30540</v>
      </c>
    </row>
    <row r="2488" spans="1:9">
      <c r="A2488" s="1">
        <v>0.50841326846709767</v>
      </c>
      <c r="B2488" s="1"/>
      <c r="C2488">
        <v>13</v>
      </c>
      <c r="D2488" t="s">
        <v>5405</v>
      </c>
      <c r="E2488" t="s">
        <v>31743</v>
      </c>
      <c r="F2488">
        <v>4</v>
      </c>
      <c r="G2488" t="s">
        <v>0</v>
      </c>
      <c r="H2488" t="s">
        <v>5406</v>
      </c>
      <c r="I2488" t="s">
        <v>30540</v>
      </c>
    </row>
    <row r="2489" spans="1:9">
      <c r="A2489" s="1">
        <v>0.55969055061459871</v>
      </c>
      <c r="B2489" s="1"/>
      <c r="C2489">
        <v>13</v>
      </c>
      <c r="D2489" t="s">
        <v>5397</v>
      </c>
      <c r="E2489" t="s">
        <v>31744</v>
      </c>
      <c r="F2489">
        <v>4</v>
      </c>
      <c r="G2489" t="s">
        <v>1426</v>
      </c>
      <c r="H2489" t="s">
        <v>5398</v>
      </c>
      <c r="I2489" t="s">
        <v>30540</v>
      </c>
    </row>
    <row r="2490" spans="1:9">
      <c r="A2490" s="1">
        <v>0.6780480957561511</v>
      </c>
      <c r="B2490" s="1"/>
      <c r="C2490">
        <v>20</v>
      </c>
      <c r="D2490" t="s">
        <v>5399</v>
      </c>
      <c r="E2490" t="s">
        <v>31744</v>
      </c>
      <c r="F2490">
        <v>4</v>
      </c>
      <c r="G2490" t="s">
        <v>766</v>
      </c>
      <c r="H2490" t="s">
        <v>5400</v>
      </c>
      <c r="I2490" t="s">
        <v>30540</v>
      </c>
    </row>
    <row r="2491" spans="1:9">
      <c r="A2491" s="1">
        <v>0.11822401848229747</v>
      </c>
      <c r="B2491" s="1"/>
      <c r="C2491">
        <v>5</v>
      </c>
      <c r="D2491" t="s">
        <v>5393</v>
      </c>
      <c r="E2491" t="s">
        <v>31744</v>
      </c>
      <c r="F2491">
        <v>4</v>
      </c>
      <c r="G2491" t="s">
        <v>775</v>
      </c>
      <c r="H2491" t="s">
        <v>5394</v>
      </c>
      <c r="I2491" t="s">
        <v>30540</v>
      </c>
    </row>
    <row r="2492" spans="1:9">
      <c r="A2492" s="1">
        <v>0.28731873907655281</v>
      </c>
      <c r="B2492" s="1"/>
      <c r="C2492">
        <v>6</v>
      </c>
      <c r="D2492" t="s">
        <v>5395</v>
      </c>
      <c r="E2492" t="s">
        <v>31744</v>
      </c>
      <c r="F2492">
        <v>3</v>
      </c>
      <c r="G2492" t="s">
        <v>1426</v>
      </c>
      <c r="H2492" t="s">
        <v>5396</v>
      </c>
      <c r="I2492" t="s">
        <v>30540</v>
      </c>
    </row>
    <row r="2493" spans="1:9">
      <c r="A2493" s="1">
        <v>0.61183510230564797</v>
      </c>
      <c r="B2493" s="1"/>
      <c r="C2493">
        <v>18</v>
      </c>
      <c r="D2493" t="s">
        <v>5387</v>
      </c>
      <c r="E2493" t="s">
        <v>31745</v>
      </c>
      <c r="F2493">
        <v>4</v>
      </c>
      <c r="G2493" t="s">
        <v>0</v>
      </c>
      <c r="H2493" t="s">
        <v>5388</v>
      </c>
      <c r="I2493" t="s">
        <v>30540</v>
      </c>
    </row>
    <row r="2494" spans="1:9">
      <c r="A2494" s="1">
        <v>0.42601001123169191</v>
      </c>
      <c r="B2494" s="1"/>
      <c r="C2494">
        <v>15</v>
      </c>
      <c r="D2494" t="s">
        <v>5383</v>
      </c>
      <c r="E2494" t="s">
        <v>31745</v>
      </c>
      <c r="F2494">
        <v>4</v>
      </c>
      <c r="G2494" t="s">
        <v>10</v>
      </c>
      <c r="H2494" t="s">
        <v>5384</v>
      </c>
      <c r="I2494" t="s">
        <v>30540</v>
      </c>
    </row>
    <row r="2495" spans="1:9">
      <c r="A2495" s="1">
        <v>0.56525299985944544</v>
      </c>
      <c r="B2495" s="1"/>
      <c r="C2495">
        <v>10</v>
      </c>
      <c r="D2495" t="s">
        <v>5377</v>
      </c>
      <c r="E2495" t="s">
        <v>31745</v>
      </c>
      <c r="F2495">
        <v>4</v>
      </c>
      <c r="G2495" t="s">
        <v>0</v>
      </c>
      <c r="H2495" t="s">
        <v>5378</v>
      </c>
      <c r="I2495" t="s">
        <v>30540</v>
      </c>
    </row>
    <row r="2496" spans="1:9">
      <c r="A2496" s="1">
        <v>0.97024773605980541</v>
      </c>
      <c r="B2496" s="1"/>
      <c r="C2496">
        <v>11</v>
      </c>
      <c r="D2496" t="s">
        <v>5379</v>
      </c>
      <c r="E2496" t="s">
        <v>31745</v>
      </c>
      <c r="F2496">
        <v>4</v>
      </c>
      <c r="G2496" t="s">
        <v>0</v>
      </c>
      <c r="H2496" t="s">
        <v>5380</v>
      </c>
      <c r="I2496" t="s">
        <v>30540</v>
      </c>
    </row>
    <row r="2497" spans="1:9">
      <c r="A2497" s="1">
        <v>0.12929666502840353</v>
      </c>
      <c r="B2497" s="1"/>
      <c r="C2497">
        <v>7</v>
      </c>
      <c r="D2497" t="s">
        <v>5375</v>
      </c>
      <c r="E2497" t="s">
        <v>31745</v>
      </c>
      <c r="F2497">
        <v>3</v>
      </c>
      <c r="G2497" t="s">
        <v>2</v>
      </c>
      <c r="H2497" t="s">
        <v>5376</v>
      </c>
      <c r="I2497" t="s">
        <v>30540</v>
      </c>
    </row>
    <row r="2498" spans="1:9">
      <c r="A2498" s="1">
        <v>0.18777964618094134</v>
      </c>
      <c r="B2498" s="1"/>
      <c r="C2498">
        <v>16</v>
      </c>
      <c r="D2498" t="s">
        <v>5385</v>
      </c>
      <c r="E2498" t="s">
        <v>31745</v>
      </c>
      <c r="F2498">
        <v>3</v>
      </c>
      <c r="G2498" t="s">
        <v>2</v>
      </c>
      <c r="H2498" t="s">
        <v>5386</v>
      </c>
      <c r="I2498" t="s">
        <v>30540</v>
      </c>
    </row>
    <row r="2499" spans="1:9">
      <c r="A2499" s="1">
        <v>0.55114475382123629</v>
      </c>
      <c r="B2499" s="1"/>
      <c r="C2499">
        <v>19</v>
      </c>
      <c r="D2499" t="s">
        <v>5389</v>
      </c>
      <c r="E2499" t="s">
        <v>31745</v>
      </c>
      <c r="F2499">
        <v>3</v>
      </c>
      <c r="G2499" t="s">
        <v>0</v>
      </c>
      <c r="H2499" t="s">
        <v>5390</v>
      </c>
      <c r="I2499" t="s">
        <v>30540</v>
      </c>
    </row>
    <row r="2500" spans="1:9">
      <c r="A2500" s="1">
        <v>0.99010171347886</v>
      </c>
      <c r="B2500" s="1"/>
      <c r="C2500">
        <v>14</v>
      </c>
      <c r="D2500" t="s">
        <v>5381</v>
      </c>
      <c r="E2500" t="s">
        <v>31745</v>
      </c>
      <c r="F2500">
        <v>3</v>
      </c>
      <c r="G2500" t="s">
        <v>0</v>
      </c>
      <c r="H2500" t="s">
        <v>5382</v>
      </c>
      <c r="I2500" t="s">
        <v>30540</v>
      </c>
    </row>
    <row r="2501" spans="1:9">
      <c r="A2501" s="1">
        <v>0.4257708106966438</v>
      </c>
      <c r="B2501" s="1"/>
      <c r="C2501">
        <v>17</v>
      </c>
      <c r="D2501" t="s">
        <v>5371</v>
      </c>
      <c r="E2501" t="s">
        <v>31746</v>
      </c>
      <c r="F2501">
        <v>4</v>
      </c>
      <c r="G2501" t="s">
        <v>2</v>
      </c>
      <c r="H2501" t="s">
        <v>5372</v>
      </c>
      <c r="I2501" t="s">
        <v>30540</v>
      </c>
    </row>
    <row r="2502" spans="1:9">
      <c r="A2502" s="1">
        <v>0.39937076288038798</v>
      </c>
      <c r="B2502" s="1"/>
      <c r="C2502">
        <v>20</v>
      </c>
      <c r="D2502" t="s">
        <v>5373</v>
      </c>
      <c r="E2502" t="s">
        <v>31746</v>
      </c>
      <c r="F2502">
        <v>4</v>
      </c>
      <c r="G2502" t="s">
        <v>0</v>
      </c>
      <c r="H2502" t="s">
        <v>5374</v>
      </c>
      <c r="I2502" t="s">
        <v>30540</v>
      </c>
    </row>
    <row r="2503" spans="1:9">
      <c r="A2503" s="1">
        <v>2.7071016941930259E-2</v>
      </c>
      <c r="B2503" s="1"/>
      <c r="C2503">
        <v>15</v>
      </c>
      <c r="D2503" t="s">
        <v>5367</v>
      </c>
      <c r="E2503" t="s">
        <v>31746</v>
      </c>
      <c r="F2503">
        <v>4</v>
      </c>
      <c r="G2503" t="s">
        <v>0</v>
      </c>
      <c r="H2503" t="s">
        <v>5368</v>
      </c>
      <c r="I2503" t="s">
        <v>30540</v>
      </c>
    </row>
    <row r="2504" spans="1:9">
      <c r="A2504" s="1">
        <v>0.27375610143044238</v>
      </c>
      <c r="B2504" s="1"/>
      <c r="C2504">
        <v>13</v>
      </c>
      <c r="D2504" t="s">
        <v>5363</v>
      </c>
      <c r="E2504" t="s">
        <v>31746</v>
      </c>
      <c r="F2504">
        <v>4</v>
      </c>
      <c r="G2504" t="s">
        <v>0</v>
      </c>
      <c r="H2504" t="s">
        <v>5364</v>
      </c>
      <c r="I2504" t="s">
        <v>30540</v>
      </c>
    </row>
    <row r="2505" spans="1:9">
      <c r="A2505" s="1">
        <v>0.14182415305860019</v>
      </c>
      <c r="B2505" s="1"/>
      <c r="C2505">
        <v>16</v>
      </c>
      <c r="D2505" t="s">
        <v>5369</v>
      </c>
      <c r="E2505" t="s">
        <v>31746</v>
      </c>
      <c r="F2505">
        <v>3</v>
      </c>
      <c r="G2505" t="s">
        <v>10</v>
      </c>
      <c r="H2505" t="s">
        <v>5370</v>
      </c>
      <c r="I2505" t="s">
        <v>30540</v>
      </c>
    </row>
    <row r="2506" spans="1:9">
      <c r="A2506" s="1">
        <v>0.3849673416317142</v>
      </c>
      <c r="B2506" s="1"/>
      <c r="C2506">
        <v>14</v>
      </c>
      <c r="D2506" t="s">
        <v>5365</v>
      </c>
      <c r="E2506" t="s">
        <v>31746</v>
      </c>
      <c r="F2506">
        <v>3</v>
      </c>
      <c r="G2506" t="s">
        <v>0</v>
      </c>
      <c r="H2506" t="s">
        <v>5366</v>
      </c>
      <c r="I2506" t="s">
        <v>30540</v>
      </c>
    </row>
    <row r="2507" spans="1:9">
      <c r="A2507" s="1">
        <v>0.81609860859374994</v>
      </c>
      <c r="B2507" s="1"/>
      <c r="C2507">
        <v>4</v>
      </c>
      <c r="D2507" t="s">
        <v>5349</v>
      </c>
      <c r="E2507" t="s">
        <v>31747</v>
      </c>
      <c r="F2507">
        <v>5</v>
      </c>
      <c r="G2507" t="s">
        <v>9</v>
      </c>
      <c r="H2507" t="s">
        <v>5350</v>
      </c>
      <c r="I2507" t="s">
        <v>30540</v>
      </c>
    </row>
    <row r="2508" spans="1:9">
      <c r="A2508" s="1">
        <v>0.72349444787523709</v>
      </c>
      <c r="B2508" s="1"/>
      <c r="C2508">
        <v>5</v>
      </c>
      <c r="D2508" t="s">
        <v>5351</v>
      </c>
      <c r="E2508" t="s">
        <v>31747</v>
      </c>
      <c r="F2508">
        <v>5</v>
      </c>
      <c r="G2508" t="s">
        <v>2</v>
      </c>
      <c r="H2508" t="s">
        <v>5352</v>
      </c>
      <c r="I2508" t="s">
        <v>30540</v>
      </c>
    </row>
    <row r="2509" spans="1:9">
      <c r="A2509" s="1">
        <v>0.20817095579823897</v>
      </c>
      <c r="B2509" s="1"/>
      <c r="C2509">
        <v>8</v>
      </c>
      <c r="D2509" t="s">
        <v>5355</v>
      </c>
      <c r="E2509" t="s">
        <v>31747</v>
      </c>
      <c r="F2509">
        <v>4</v>
      </c>
      <c r="G2509" t="s">
        <v>0</v>
      </c>
      <c r="H2509" t="s">
        <v>5356</v>
      </c>
      <c r="I2509" t="s">
        <v>30540</v>
      </c>
    </row>
    <row r="2510" spans="1:9">
      <c r="A2510" s="1">
        <v>0.90203487223790302</v>
      </c>
      <c r="B2510" s="1"/>
      <c r="C2510">
        <v>13</v>
      </c>
      <c r="D2510" t="s">
        <v>5357</v>
      </c>
      <c r="E2510" t="s">
        <v>31747</v>
      </c>
      <c r="F2510">
        <v>4</v>
      </c>
      <c r="G2510" t="s">
        <v>0</v>
      </c>
      <c r="H2510" t="s">
        <v>5358</v>
      </c>
      <c r="I2510" t="s">
        <v>30540</v>
      </c>
    </row>
    <row r="2511" spans="1:9">
      <c r="A2511" s="1">
        <v>8.8622060446644779E-2</v>
      </c>
      <c r="B2511" s="1"/>
      <c r="C2511">
        <v>15</v>
      </c>
      <c r="D2511" t="s">
        <v>5359</v>
      </c>
      <c r="E2511" t="s">
        <v>31747</v>
      </c>
      <c r="F2511">
        <v>4</v>
      </c>
      <c r="G2511" t="s">
        <v>10</v>
      </c>
      <c r="H2511" t="s">
        <v>5360</v>
      </c>
      <c r="I2511" t="s">
        <v>30540</v>
      </c>
    </row>
    <row r="2512" spans="1:9">
      <c r="A2512" s="1">
        <v>0.71673307741073133</v>
      </c>
      <c r="B2512" s="1"/>
      <c r="C2512">
        <v>2</v>
      </c>
      <c r="D2512" t="s">
        <v>5347</v>
      </c>
      <c r="E2512" t="s">
        <v>31747</v>
      </c>
      <c r="F2512">
        <v>4</v>
      </c>
      <c r="G2512" t="s">
        <v>10</v>
      </c>
      <c r="H2512" t="s">
        <v>5348</v>
      </c>
      <c r="I2512" t="s">
        <v>30540</v>
      </c>
    </row>
    <row r="2513" spans="1:9">
      <c r="A2513" s="1">
        <v>0.80381297547169184</v>
      </c>
      <c r="B2513" s="1"/>
      <c r="C2513">
        <v>6</v>
      </c>
      <c r="D2513" t="s">
        <v>5353</v>
      </c>
      <c r="E2513" t="s">
        <v>31747</v>
      </c>
      <c r="F2513">
        <v>4</v>
      </c>
      <c r="G2513" t="s">
        <v>0</v>
      </c>
      <c r="H2513" t="s">
        <v>5354</v>
      </c>
      <c r="I2513" t="s">
        <v>30540</v>
      </c>
    </row>
    <row r="2514" spans="1:9">
      <c r="A2514" s="1">
        <v>0.47546032089121415</v>
      </c>
      <c r="B2514" s="1"/>
      <c r="C2514">
        <v>8</v>
      </c>
      <c r="D2514" t="s">
        <v>5339</v>
      </c>
      <c r="E2514" t="s">
        <v>31748</v>
      </c>
      <c r="F2514">
        <v>5</v>
      </c>
      <c r="G2514" t="s">
        <v>14</v>
      </c>
      <c r="H2514" t="s">
        <v>5340</v>
      </c>
      <c r="I2514" t="s">
        <v>30540</v>
      </c>
    </row>
    <row r="2515" spans="1:9">
      <c r="A2515" s="1">
        <v>0.23712667346668326</v>
      </c>
      <c r="B2515" s="1"/>
      <c r="C2515">
        <v>5</v>
      </c>
      <c r="D2515" t="s">
        <v>5337</v>
      </c>
      <c r="E2515" t="s">
        <v>31748</v>
      </c>
      <c r="F2515">
        <v>5</v>
      </c>
      <c r="G2515" t="s">
        <v>2</v>
      </c>
      <c r="H2515" t="s">
        <v>5338</v>
      </c>
      <c r="I2515" t="s">
        <v>30540</v>
      </c>
    </row>
    <row r="2516" spans="1:9">
      <c r="A2516" s="1">
        <v>0.91735582729717635</v>
      </c>
      <c r="B2516" s="1"/>
      <c r="C2516">
        <v>13</v>
      </c>
      <c r="D2516" t="s">
        <v>5343</v>
      </c>
      <c r="E2516" t="s">
        <v>31748</v>
      </c>
      <c r="F2516">
        <v>4</v>
      </c>
      <c r="G2516" t="s">
        <v>0</v>
      </c>
      <c r="H2516" t="s">
        <v>5344</v>
      </c>
      <c r="I2516" t="s">
        <v>30540</v>
      </c>
    </row>
    <row r="2517" spans="1:9">
      <c r="A2517" s="1">
        <v>0.96436256806215326</v>
      </c>
      <c r="B2517" s="1"/>
      <c r="C2517">
        <v>12</v>
      </c>
      <c r="D2517" t="s">
        <v>5341</v>
      </c>
      <c r="E2517" t="s">
        <v>31748</v>
      </c>
      <c r="F2517">
        <v>4</v>
      </c>
      <c r="G2517" t="s">
        <v>13</v>
      </c>
      <c r="H2517" t="s">
        <v>5342</v>
      </c>
      <c r="I2517" t="s">
        <v>30540</v>
      </c>
    </row>
    <row r="2518" spans="1:9">
      <c r="A2518" s="1">
        <v>0.64157248792928723</v>
      </c>
      <c r="B2518" s="1"/>
      <c r="C2518">
        <v>19</v>
      </c>
      <c r="D2518" t="s">
        <v>5333</v>
      </c>
      <c r="E2518" t="s">
        <v>31749</v>
      </c>
      <c r="F2518">
        <v>5</v>
      </c>
      <c r="G2518" t="s">
        <v>10</v>
      </c>
      <c r="H2518" t="s">
        <v>5334</v>
      </c>
      <c r="I2518" t="s">
        <v>30540</v>
      </c>
    </row>
    <row r="2519" spans="1:9">
      <c r="A2519" s="1">
        <v>0.17706937445305027</v>
      </c>
      <c r="B2519" s="1"/>
      <c r="C2519">
        <v>20</v>
      </c>
      <c r="D2519" t="s">
        <v>5335</v>
      </c>
      <c r="E2519" t="s">
        <v>31749</v>
      </c>
      <c r="F2519">
        <v>4</v>
      </c>
      <c r="G2519" t="s">
        <v>9</v>
      </c>
      <c r="H2519" t="s">
        <v>5336</v>
      </c>
      <c r="I2519" t="s">
        <v>30540</v>
      </c>
    </row>
    <row r="2520" spans="1:9">
      <c r="A2520" s="1">
        <v>0.34694050923000164</v>
      </c>
      <c r="B2520" s="1"/>
      <c r="C2520">
        <v>15</v>
      </c>
      <c r="D2520" t="s">
        <v>5329</v>
      </c>
      <c r="E2520" t="s">
        <v>31749</v>
      </c>
      <c r="F2520">
        <v>4</v>
      </c>
      <c r="G2520" t="s">
        <v>10</v>
      </c>
      <c r="H2520" t="s">
        <v>5330</v>
      </c>
      <c r="I2520" t="s">
        <v>30540</v>
      </c>
    </row>
    <row r="2521" spans="1:9">
      <c r="A2521" s="1">
        <v>0.41479598815821228</v>
      </c>
      <c r="B2521" s="1"/>
      <c r="C2521">
        <v>16</v>
      </c>
      <c r="D2521" t="s">
        <v>5331</v>
      </c>
      <c r="E2521" t="s">
        <v>31749</v>
      </c>
      <c r="F2521">
        <v>4</v>
      </c>
      <c r="G2521" t="s">
        <v>13</v>
      </c>
      <c r="H2521" t="s">
        <v>5332</v>
      </c>
      <c r="I2521" t="s">
        <v>30540</v>
      </c>
    </row>
    <row r="2522" spans="1:9">
      <c r="A2522" s="1">
        <v>0.99880005237126246</v>
      </c>
      <c r="B2522" s="1"/>
      <c r="C2522">
        <v>1</v>
      </c>
      <c r="D2522" t="s">
        <v>5325</v>
      </c>
      <c r="E2522" t="s">
        <v>31749</v>
      </c>
      <c r="F2522">
        <v>4</v>
      </c>
      <c r="G2522" t="s">
        <v>774</v>
      </c>
      <c r="H2522" t="s">
        <v>5326</v>
      </c>
      <c r="I2522" t="s">
        <v>30540</v>
      </c>
    </row>
    <row r="2523" spans="1:9">
      <c r="A2523" s="1">
        <v>0.42001537788487042</v>
      </c>
      <c r="B2523" s="1"/>
      <c r="C2523">
        <v>7</v>
      </c>
      <c r="D2523" t="s">
        <v>5327</v>
      </c>
      <c r="E2523" t="s">
        <v>31749</v>
      </c>
      <c r="F2523">
        <v>4</v>
      </c>
      <c r="G2523" t="s">
        <v>770</v>
      </c>
      <c r="H2523" t="s">
        <v>5328</v>
      </c>
      <c r="I2523" t="s">
        <v>30540</v>
      </c>
    </row>
    <row r="2524" spans="1:9">
      <c r="A2524" s="1">
        <v>0.68870871388201249</v>
      </c>
      <c r="B2524" s="1"/>
      <c r="C2524">
        <v>7</v>
      </c>
      <c r="D2524" t="s">
        <v>5313</v>
      </c>
      <c r="E2524" t="s">
        <v>31750</v>
      </c>
      <c r="F2524">
        <v>5</v>
      </c>
      <c r="G2524" t="s">
        <v>10</v>
      </c>
      <c r="H2524" t="s">
        <v>5314</v>
      </c>
      <c r="I2524" t="s">
        <v>30540</v>
      </c>
    </row>
    <row r="2525" spans="1:9">
      <c r="A2525" s="1">
        <v>0.54415309371590037</v>
      </c>
      <c r="B2525" s="1"/>
      <c r="C2525">
        <v>13</v>
      </c>
      <c r="D2525" t="s">
        <v>5315</v>
      </c>
      <c r="E2525" t="s">
        <v>31750</v>
      </c>
      <c r="F2525">
        <v>5</v>
      </c>
      <c r="G2525" t="s">
        <v>10</v>
      </c>
      <c r="H2525" t="s">
        <v>5316</v>
      </c>
      <c r="I2525" t="s">
        <v>30540</v>
      </c>
    </row>
    <row r="2526" spans="1:9">
      <c r="A2526" s="1">
        <v>0.90042365047599537</v>
      </c>
      <c r="B2526" s="1"/>
      <c r="C2526">
        <v>20</v>
      </c>
      <c r="D2526" t="s">
        <v>5323</v>
      </c>
      <c r="E2526" t="s">
        <v>31750</v>
      </c>
      <c r="F2526">
        <v>4</v>
      </c>
      <c r="G2526" t="s">
        <v>2</v>
      </c>
      <c r="H2526" t="s">
        <v>5324</v>
      </c>
      <c r="I2526" t="s">
        <v>30540</v>
      </c>
    </row>
    <row r="2527" spans="1:9">
      <c r="A2527" s="1">
        <v>0.25976452367624769</v>
      </c>
      <c r="B2527" s="1"/>
      <c r="C2527">
        <v>17</v>
      </c>
      <c r="D2527" t="s">
        <v>5319</v>
      </c>
      <c r="E2527" t="s">
        <v>31750</v>
      </c>
      <c r="F2527">
        <v>4</v>
      </c>
      <c r="G2527" t="s">
        <v>13</v>
      </c>
      <c r="H2527" t="s">
        <v>5320</v>
      </c>
      <c r="I2527" t="s">
        <v>30540</v>
      </c>
    </row>
    <row r="2528" spans="1:9">
      <c r="A2528" s="1">
        <v>0.86395494399700667</v>
      </c>
      <c r="B2528" s="1"/>
      <c r="C2528">
        <v>16</v>
      </c>
      <c r="D2528" t="s">
        <v>5317</v>
      </c>
      <c r="E2528" t="s">
        <v>31750</v>
      </c>
      <c r="F2528">
        <v>4</v>
      </c>
      <c r="G2528" t="s">
        <v>15</v>
      </c>
      <c r="H2528" t="s">
        <v>5318</v>
      </c>
      <c r="I2528" t="s">
        <v>30540</v>
      </c>
    </row>
    <row r="2529" spans="1:9">
      <c r="A2529" s="1">
        <v>0.52812723044226739</v>
      </c>
      <c r="B2529" s="1"/>
      <c r="C2529">
        <v>5</v>
      </c>
      <c r="D2529" t="s">
        <v>5305</v>
      </c>
      <c r="E2529" t="s">
        <v>31751</v>
      </c>
      <c r="F2529">
        <v>5</v>
      </c>
      <c r="G2529" t="s">
        <v>769</v>
      </c>
      <c r="H2529" t="s">
        <v>5306</v>
      </c>
      <c r="I2529" t="s">
        <v>30540</v>
      </c>
    </row>
    <row r="2530" spans="1:9">
      <c r="A2530" s="1">
        <v>0.90327959071696717</v>
      </c>
      <c r="B2530" s="1"/>
      <c r="C2530">
        <v>7</v>
      </c>
      <c r="D2530" t="s">
        <v>5309</v>
      </c>
      <c r="E2530" t="s">
        <v>31751</v>
      </c>
      <c r="F2530">
        <v>5</v>
      </c>
      <c r="G2530" t="s">
        <v>10</v>
      </c>
      <c r="H2530" t="s">
        <v>5310</v>
      </c>
      <c r="I2530" t="s">
        <v>30540</v>
      </c>
    </row>
    <row r="2531" spans="1:9">
      <c r="A2531" s="1">
        <v>0.7780953494594266</v>
      </c>
      <c r="B2531" s="1"/>
      <c r="C2531">
        <v>6</v>
      </c>
      <c r="D2531" t="s">
        <v>5307</v>
      </c>
      <c r="E2531" t="s">
        <v>31751</v>
      </c>
      <c r="F2531">
        <v>4</v>
      </c>
      <c r="G2531" t="s">
        <v>10</v>
      </c>
      <c r="H2531" t="s">
        <v>5308</v>
      </c>
      <c r="I2531" t="s">
        <v>30540</v>
      </c>
    </row>
    <row r="2532" spans="1:9">
      <c r="A2532" s="1">
        <v>0.89326233549996736</v>
      </c>
      <c r="B2532" s="1"/>
      <c r="C2532">
        <v>20</v>
      </c>
      <c r="D2532" t="s">
        <v>5311</v>
      </c>
      <c r="E2532" t="s">
        <v>31751</v>
      </c>
      <c r="F2532">
        <v>4</v>
      </c>
      <c r="G2532" t="s">
        <v>13</v>
      </c>
      <c r="H2532" t="s">
        <v>5312</v>
      </c>
      <c r="I2532" t="s">
        <v>30540</v>
      </c>
    </row>
    <row r="2533" spans="1:9">
      <c r="A2533" s="1">
        <v>0.63678089806410743</v>
      </c>
      <c r="B2533" s="1"/>
      <c r="C2533">
        <v>2</v>
      </c>
      <c r="D2533" t="s">
        <v>5303</v>
      </c>
      <c r="E2533" t="s">
        <v>31751</v>
      </c>
      <c r="F2533">
        <v>4</v>
      </c>
      <c r="G2533" t="s">
        <v>1295</v>
      </c>
      <c r="H2533" t="s">
        <v>5304</v>
      </c>
      <c r="I2533" t="s">
        <v>30540</v>
      </c>
    </row>
    <row r="2534" spans="1:9">
      <c r="A2534" s="1">
        <v>0.18301508768397201</v>
      </c>
      <c r="B2534" s="1"/>
      <c r="C2534">
        <v>1</v>
      </c>
      <c r="D2534" t="s">
        <v>5301</v>
      </c>
      <c r="E2534" t="s">
        <v>31751</v>
      </c>
      <c r="F2534">
        <v>3</v>
      </c>
      <c r="G2534" t="s">
        <v>1295</v>
      </c>
      <c r="H2534" t="s">
        <v>5302</v>
      </c>
      <c r="I2534" t="s">
        <v>30540</v>
      </c>
    </row>
    <row r="2535" spans="1:9">
      <c r="A2535" s="1">
        <v>0.68997207563787577</v>
      </c>
      <c r="B2535" s="1"/>
      <c r="C2535">
        <v>18</v>
      </c>
      <c r="D2535" t="s">
        <v>5299</v>
      </c>
      <c r="E2535" t="s">
        <v>31752</v>
      </c>
      <c r="F2535">
        <v>5</v>
      </c>
      <c r="G2535" t="s">
        <v>2</v>
      </c>
      <c r="H2535" t="s">
        <v>5300</v>
      </c>
      <c r="I2535" t="s">
        <v>30540</v>
      </c>
    </row>
    <row r="2536" spans="1:9">
      <c r="A2536" s="1">
        <v>0.37824859706219183</v>
      </c>
      <c r="B2536" s="1"/>
      <c r="C2536">
        <v>16</v>
      </c>
      <c r="D2536" t="s">
        <v>5297</v>
      </c>
      <c r="E2536" t="s">
        <v>31752</v>
      </c>
      <c r="F2536">
        <v>5</v>
      </c>
      <c r="G2536" t="s">
        <v>10</v>
      </c>
      <c r="H2536" t="s">
        <v>5298</v>
      </c>
      <c r="I2536" t="s">
        <v>30540</v>
      </c>
    </row>
    <row r="2537" spans="1:9">
      <c r="A2537" s="1">
        <v>0.77868757429869828</v>
      </c>
      <c r="B2537" s="1"/>
      <c r="C2537">
        <v>5</v>
      </c>
      <c r="D2537" t="s">
        <v>5283</v>
      </c>
      <c r="E2537" t="s">
        <v>31753</v>
      </c>
      <c r="F2537">
        <v>5</v>
      </c>
      <c r="G2537" t="s">
        <v>765</v>
      </c>
      <c r="H2537" t="s">
        <v>5284</v>
      </c>
      <c r="I2537" t="s">
        <v>30540</v>
      </c>
    </row>
    <row r="2538" spans="1:9">
      <c r="A2538" s="1">
        <v>0.55729158112898003</v>
      </c>
      <c r="B2538" s="1"/>
      <c r="C2538">
        <v>11</v>
      </c>
      <c r="D2538" t="s">
        <v>5285</v>
      </c>
      <c r="E2538" t="s">
        <v>31753</v>
      </c>
      <c r="F2538">
        <v>4</v>
      </c>
      <c r="G2538" t="s">
        <v>10</v>
      </c>
      <c r="H2538" t="s">
        <v>5286</v>
      </c>
      <c r="I2538" t="s">
        <v>30540</v>
      </c>
    </row>
    <row r="2539" spans="1:9">
      <c r="A2539" s="1">
        <v>0.84009409099172183</v>
      </c>
      <c r="B2539" s="1"/>
      <c r="C2539">
        <v>4</v>
      </c>
      <c r="D2539" t="s">
        <v>5281</v>
      </c>
      <c r="E2539" t="s">
        <v>31753</v>
      </c>
      <c r="F2539">
        <v>4</v>
      </c>
      <c r="G2539" t="s">
        <v>766</v>
      </c>
      <c r="H2539" t="s">
        <v>5282</v>
      </c>
      <c r="I2539" t="s">
        <v>30540</v>
      </c>
    </row>
    <row r="2540" spans="1:9">
      <c r="A2540" s="1">
        <v>0.45428582666326311</v>
      </c>
      <c r="B2540" s="1"/>
      <c r="C2540">
        <v>13</v>
      </c>
      <c r="D2540" t="s">
        <v>5287</v>
      </c>
      <c r="E2540" t="s">
        <v>31753</v>
      </c>
      <c r="F2540">
        <v>4</v>
      </c>
      <c r="G2540" t="s">
        <v>9</v>
      </c>
      <c r="H2540" t="s">
        <v>5288</v>
      </c>
      <c r="I2540" t="s">
        <v>30540</v>
      </c>
    </row>
    <row r="2541" spans="1:9">
      <c r="A2541" s="1">
        <v>0.99175289169430936</v>
      </c>
      <c r="B2541" s="1"/>
      <c r="C2541">
        <v>17</v>
      </c>
      <c r="D2541" t="s">
        <v>5293</v>
      </c>
      <c r="E2541" t="s">
        <v>31753</v>
      </c>
      <c r="F2541">
        <v>4</v>
      </c>
      <c r="G2541" t="s">
        <v>15</v>
      </c>
      <c r="H2541" t="s">
        <v>5294</v>
      </c>
      <c r="I2541" t="s">
        <v>30540</v>
      </c>
    </row>
    <row r="2542" spans="1:9">
      <c r="A2542" s="1">
        <v>3.2506260033803303E-2</v>
      </c>
      <c r="B2542" s="1"/>
      <c r="C2542">
        <v>15</v>
      </c>
      <c r="D2542" t="s">
        <v>5291</v>
      </c>
      <c r="E2542" t="s">
        <v>31753</v>
      </c>
      <c r="F2542">
        <v>4</v>
      </c>
      <c r="G2542" t="s">
        <v>2</v>
      </c>
      <c r="H2542" t="s">
        <v>5292</v>
      </c>
      <c r="I2542" t="s">
        <v>30540</v>
      </c>
    </row>
    <row r="2543" spans="1:9">
      <c r="A2543" s="1">
        <v>7.3134024917510754E-2</v>
      </c>
      <c r="B2543" s="1"/>
      <c r="C2543">
        <v>14</v>
      </c>
      <c r="D2543" t="s">
        <v>5289</v>
      </c>
      <c r="E2543" t="s">
        <v>31753</v>
      </c>
      <c r="F2543">
        <v>4</v>
      </c>
      <c r="G2543" t="s">
        <v>2</v>
      </c>
      <c r="H2543" t="s">
        <v>5290</v>
      </c>
      <c r="I2543" t="s">
        <v>30540</v>
      </c>
    </row>
    <row r="2544" spans="1:9">
      <c r="A2544" s="1">
        <v>0.44755001204069611</v>
      </c>
      <c r="B2544" s="1"/>
      <c r="C2544">
        <v>3</v>
      </c>
      <c r="D2544" t="s">
        <v>5279</v>
      </c>
      <c r="E2544" t="s">
        <v>31753</v>
      </c>
      <c r="F2544">
        <v>4</v>
      </c>
      <c r="G2544" t="s">
        <v>771</v>
      </c>
      <c r="H2544" t="s">
        <v>5280</v>
      </c>
      <c r="I2544" t="s">
        <v>30540</v>
      </c>
    </row>
    <row r="2545" spans="1:9">
      <c r="A2545" s="1">
        <v>0.48276592604810387</v>
      </c>
      <c r="B2545" s="1"/>
      <c r="C2545">
        <v>14</v>
      </c>
      <c r="D2545" t="s">
        <v>5275</v>
      </c>
      <c r="E2545" t="s">
        <v>31754</v>
      </c>
      <c r="F2545">
        <v>4</v>
      </c>
      <c r="G2545" t="s">
        <v>765</v>
      </c>
      <c r="H2545" t="s">
        <v>5276</v>
      </c>
      <c r="I2545" t="s">
        <v>30540</v>
      </c>
    </row>
    <row r="2546" spans="1:9">
      <c r="A2546" s="1">
        <v>0.23493145817736616</v>
      </c>
      <c r="B2546" s="1"/>
      <c r="C2546">
        <v>12</v>
      </c>
      <c r="D2546" t="s">
        <v>5273</v>
      </c>
      <c r="E2546" t="s">
        <v>31754</v>
      </c>
      <c r="F2546">
        <v>4</v>
      </c>
      <c r="G2546" t="s">
        <v>2</v>
      </c>
      <c r="H2546" t="s">
        <v>5274</v>
      </c>
      <c r="I2546" t="s">
        <v>30540</v>
      </c>
    </row>
    <row r="2547" spans="1:9">
      <c r="A2547" s="1">
        <v>0.90026903522526147</v>
      </c>
      <c r="B2547" s="1"/>
      <c r="C2547">
        <v>7</v>
      </c>
      <c r="D2547" t="s">
        <v>5263</v>
      </c>
      <c r="E2547" t="s">
        <v>31755</v>
      </c>
      <c r="F2547">
        <v>4</v>
      </c>
      <c r="G2547" t="s">
        <v>14</v>
      </c>
      <c r="H2547" t="s">
        <v>5264</v>
      </c>
      <c r="I2547" t="s">
        <v>30540</v>
      </c>
    </row>
    <row r="2548" spans="1:9">
      <c r="A2548" s="1">
        <v>0.18408364665968169</v>
      </c>
      <c r="B2548" s="1"/>
      <c r="C2548">
        <v>11</v>
      </c>
      <c r="D2548" t="s">
        <v>5267</v>
      </c>
      <c r="E2548" t="s">
        <v>31755</v>
      </c>
      <c r="F2548">
        <v>4</v>
      </c>
      <c r="G2548" t="s">
        <v>10</v>
      </c>
      <c r="H2548" t="s">
        <v>5268</v>
      </c>
      <c r="I2548" t="s">
        <v>30540</v>
      </c>
    </row>
    <row r="2549" spans="1:9">
      <c r="A2549" s="1">
        <v>0.48449222779221146</v>
      </c>
      <c r="B2549" s="1"/>
      <c r="C2549">
        <v>10</v>
      </c>
      <c r="D2549" t="s">
        <v>5265</v>
      </c>
      <c r="E2549" t="s">
        <v>31755</v>
      </c>
      <c r="F2549">
        <v>4</v>
      </c>
      <c r="G2549" t="s">
        <v>13</v>
      </c>
      <c r="H2549" t="s">
        <v>5266</v>
      </c>
      <c r="I2549" t="s">
        <v>30540</v>
      </c>
    </row>
    <row r="2550" spans="1:9">
      <c r="A2550" s="1">
        <v>0.76645416747874662</v>
      </c>
      <c r="B2550" s="1"/>
      <c r="C2550">
        <v>1</v>
      </c>
      <c r="D2550" t="s">
        <v>5261</v>
      </c>
      <c r="E2550" t="s">
        <v>31755</v>
      </c>
      <c r="F2550">
        <v>4</v>
      </c>
      <c r="G2550" t="s">
        <v>14</v>
      </c>
      <c r="H2550" t="s">
        <v>5262</v>
      </c>
      <c r="I2550" t="s">
        <v>30540</v>
      </c>
    </row>
    <row r="2551" spans="1:9">
      <c r="A2551" s="1">
        <v>0.71777596363443019</v>
      </c>
      <c r="B2551" s="1"/>
      <c r="C2551">
        <v>16</v>
      </c>
      <c r="D2551" t="s">
        <v>5269</v>
      </c>
      <c r="E2551" t="s">
        <v>31755</v>
      </c>
      <c r="F2551">
        <v>3</v>
      </c>
      <c r="G2551" t="s">
        <v>15</v>
      </c>
      <c r="H2551" t="s">
        <v>5270</v>
      </c>
      <c r="I2551" t="s">
        <v>30540</v>
      </c>
    </row>
    <row r="2552" spans="1:9">
      <c r="A2552" s="1">
        <v>0.94769065719727541</v>
      </c>
      <c r="B2552" s="1"/>
      <c r="C2552">
        <v>14</v>
      </c>
      <c r="D2552" t="s">
        <v>5259</v>
      </c>
      <c r="E2552" t="s">
        <v>31756</v>
      </c>
      <c r="F2552">
        <v>4</v>
      </c>
      <c r="G2552" t="s">
        <v>10</v>
      </c>
      <c r="H2552" t="s">
        <v>5260</v>
      </c>
      <c r="I2552" t="s">
        <v>30540</v>
      </c>
    </row>
    <row r="2553" spans="1:9">
      <c r="A2553" s="1">
        <v>0.19682800091150709</v>
      </c>
      <c r="B2553" s="1"/>
      <c r="C2553">
        <v>4</v>
      </c>
      <c r="D2553" t="s">
        <v>5247</v>
      </c>
      <c r="E2553" t="s">
        <v>31757</v>
      </c>
      <c r="F2553">
        <v>4</v>
      </c>
      <c r="G2553" t="s">
        <v>10</v>
      </c>
      <c r="H2553" t="s">
        <v>5248</v>
      </c>
      <c r="I2553" t="s">
        <v>30540</v>
      </c>
    </row>
    <row r="2554" spans="1:9">
      <c r="A2554" s="1">
        <v>0.10987150017077674</v>
      </c>
      <c r="B2554" s="1"/>
      <c r="C2554">
        <v>20</v>
      </c>
      <c r="D2554" t="s">
        <v>5245</v>
      </c>
      <c r="E2554" t="s">
        <v>31758</v>
      </c>
      <c r="F2554">
        <v>5</v>
      </c>
      <c r="G2554" t="s">
        <v>0</v>
      </c>
      <c r="H2554" t="s">
        <v>5246</v>
      </c>
      <c r="I2554" t="s">
        <v>30540</v>
      </c>
    </row>
    <row r="2555" spans="1:9">
      <c r="A2555" s="1">
        <v>0.60750107417161847</v>
      </c>
      <c r="B2555" s="1"/>
      <c r="C2555">
        <v>10</v>
      </c>
      <c r="D2555" t="s">
        <v>5239</v>
      </c>
      <c r="E2555" t="s">
        <v>31758</v>
      </c>
      <c r="F2555">
        <v>4</v>
      </c>
      <c r="G2555" t="s">
        <v>10</v>
      </c>
      <c r="H2555" t="s">
        <v>5240</v>
      </c>
      <c r="I2555" t="s">
        <v>30540</v>
      </c>
    </row>
    <row r="2556" spans="1:9">
      <c r="A2556" s="1">
        <v>0.93741248287506951</v>
      </c>
      <c r="B2556" s="1"/>
      <c r="C2556">
        <v>7</v>
      </c>
      <c r="D2556" t="s">
        <v>5233</v>
      </c>
      <c r="E2556" t="s">
        <v>31759</v>
      </c>
      <c r="F2556">
        <v>4</v>
      </c>
      <c r="G2556" t="s">
        <v>765</v>
      </c>
      <c r="H2556" t="s">
        <v>5234</v>
      </c>
      <c r="I2556" t="s">
        <v>30540</v>
      </c>
    </row>
    <row r="2557" spans="1:9">
      <c r="A2557" s="1">
        <v>0.93073414044655967</v>
      </c>
      <c r="B2557" s="1"/>
      <c r="C2557">
        <v>3</v>
      </c>
      <c r="D2557" t="s">
        <v>5229</v>
      </c>
      <c r="E2557" t="s">
        <v>31759</v>
      </c>
      <c r="F2557">
        <v>4</v>
      </c>
      <c r="G2557" t="s">
        <v>770</v>
      </c>
      <c r="H2557" t="s">
        <v>5230</v>
      </c>
      <c r="I2557" t="s">
        <v>30540</v>
      </c>
    </row>
    <row r="2558" spans="1:9">
      <c r="A2558" s="1">
        <v>0.85350490761968856</v>
      </c>
      <c r="B2558" s="1"/>
      <c r="C2558">
        <v>16</v>
      </c>
      <c r="D2558" t="s">
        <v>5237</v>
      </c>
      <c r="E2558" t="s">
        <v>31759</v>
      </c>
      <c r="F2558">
        <v>4</v>
      </c>
      <c r="G2558" t="s">
        <v>1</v>
      </c>
      <c r="H2558" t="s">
        <v>5238</v>
      </c>
      <c r="I2558" t="s">
        <v>30540</v>
      </c>
    </row>
    <row r="2559" spans="1:9">
      <c r="A2559" s="1">
        <v>0.24125246315365756</v>
      </c>
      <c r="B2559" s="1"/>
      <c r="C2559">
        <v>4</v>
      </c>
      <c r="D2559" t="s">
        <v>5231</v>
      </c>
      <c r="E2559" t="s">
        <v>31759</v>
      </c>
      <c r="F2559">
        <v>4</v>
      </c>
      <c r="G2559" t="s">
        <v>771</v>
      </c>
      <c r="H2559" t="s">
        <v>5232</v>
      </c>
      <c r="I2559" t="s">
        <v>30540</v>
      </c>
    </row>
    <row r="2560" spans="1:9">
      <c r="A2560" s="1">
        <v>5.9999064916568479E-2</v>
      </c>
      <c r="B2560" s="1"/>
      <c r="C2560">
        <v>13</v>
      </c>
      <c r="D2560" t="s">
        <v>5235</v>
      </c>
      <c r="E2560" t="s">
        <v>31759</v>
      </c>
      <c r="F2560">
        <v>4</v>
      </c>
      <c r="G2560" t="s">
        <v>13</v>
      </c>
      <c r="H2560" t="s">
        <v>5236</v>
      </c>
      <c r="I2560" t="s">
        <v>30540</v>
      </c>
    </row>
    <row r="2561" spans="1:9">
      <c r="A2561" s="1">
        <v>0.63878765055520415</v>
      </c>
      <c r="B2561" s="1"/>
      <c r="C2561">
        <v>20</v>
      </c>
      <c r="D2561" t="s">
        <v>5227</v>
      </c>
      <c r="E2561" t="s">
        <v>31760</v>
      </c>
      <c r="F2561">
        <v>4</v>
      </c>
      <c r="G2561" t="s">
        <v>2</v>
      </c>
      <c r="H2561" t="s">
        <v>5228</v>
      </c>
      <c r="I2561" t="s">
        <v>30540</v>
      </c>
    </row>
    <row r="2562" spans="1:9">
      <c r="A2562" s="1">
        <v>0.4333520958396393</v>
      </c>
      <c r="B2562" s="1"/>
      <c r="C2562">
        <v>6</v>
      </c>
      <c r="D2562" t="s">
        <v>5217</v>
      </c>
      <c r="E2562" t="s">
        <v>31760</v>
      </c>
      <c r="F2562">
        <v>4</v>
      </c>
      <c r="G2562" t="s">
        <v>10</v>
      </c>
      <c r="H2562" t="s">
        <v>5218</v>
      </c>
      <c r="I2562" t="s">
        <v>30540</v>
      </c>
    </row>
    <row r="2563" spans="1:9">
      <c r="A2563" s="1">
        <v>0.47575802512194754</v>
      </c>
      <c r="B2563" s="1"/>
      <c r="C2563">
        <v>4</v>
      </c>
      <c r="D2563" t="s">
        <v>5215</v>
      </c>
      <c r="E2563" t="s">
        <v>31760</v>
      </c>
      <c r="F2563">
        <v>4</v>
      </c>
      <c r="G2563" t="s">
        <v>10</v>
      </c>
      <c r="H2563" t="s">
        <v>5216</v>
      </c>
      <c r="I2563" t="s">
        <v>30540</v>
      </c>
    </row>
    <row r="2564" spans="1:9">
      <c r="A2564" s="1">
        <v>0.84835169971199598</v>
      </c>
      <c r="B2564" s="1"/>
      <c r="C2564">
        <v>9</v>
      </c>
      <c r="D2564" t="s">
        <v>5221</v>
      </c>
      <c r="E2564" t="s">
        <v>31760</v>
      </c>
      <c r="F2564">
        <v>4</v>
      </c>
      <c r="G2564" t="s">
        <v>10</v>
      </c>
      <c r="H2564" t="s">
        <v>5222</v>
      </c>
      <c r="I2564" t="s">
        <v>30540</v>
      </c>
    </row>
    <row r="2565" spans="1:9">
      <c r="A2565" s="1">
        <v>0.36822754699004945</v>
      </c>
      <c r="B2565" s="1"/>
      <c r="C2565">
        <v>8</v>
      </c>
      <c r="D2565" t="s">
        <v>5219</v>
      </c>
      <c r="E2565" t="s">
        <v>31760</v>
      </c>
      <c r="F2565">
        <v>3</v>
      </c>
      <c r="G2565" t="s">
        <v>2</v>
      </c>
      <c r="H2565" t="s">
        <v>5220</v>
      </c>
      <c r="I2565" t="s">
        <v>30540</v>
      </c>
    </row>
    <row r="2566" spans="1:9">
      <c r="A2566" s="1">
        <v>0.47389306193919301</v>
      </c>
      <c r="B2566" s="1"/>
      <c r="C2566">
        <v>13</v>
      </c>
      <c r="D2566" t="s">
        <v>5209</v>
      </c>
      <c r="E2566" t="s">
        <v>31761</v>
      </c>
      <c r="F2566">
        <v>4</v>
      </c>
      <c r="G2566" t="s">
        <v>765</v>
      </c>
      <c r="H2566" t="s">
        <v>5210</v>
      </c>
      <c r="I2566" t="s">
        <v>30540</v>
      </c>
    </row>
    <row r="2567" spans="1:9">
      <c r="A2567" s="1">
        <v>8.1740123909331053E-2</v>
      </c>
      <c r="B2567" s="1"/>
      <c r="C2567">
        <v>20</v>
      </c>
      <c r="D2567" t="s">
        <v>5213</v>
      </c>
      <c r="E2567" t="s">
        <v>31761</v>
      </c>
      <c r="F2567">
        <v>4</v>
      </c>
      <c r="G2567" t="s">
        <v>15</v>
      </c>
      <c r="H2567" t="s">
        <v>5214</v>
      </c>
      <c r="I2567" t="s">
        <v>30540</v>
      </c>
    </row>
    <row r="2568" spans="1:9">
      <c r="A2568" s="1">
        <v>2.0448297719248498E-2</v>
      </c>
      <c r="B2568" s="1"/>
      <c r="C2568">
        <v>16</v>
      </c>
      <c r="D2568" t="s">
        <v>5211</v>
      </c>
      <c r="E2568" t="s">
        <v>31761</v>
      </c>
      <c r="F2568">
        <v>4</v>
      </c>
      <c r="G2568" t="s">
        <v>10</v>
      </c>
      <c r="H2568" t="s">
        <v>5212</v>
      </c>
      <c r="I2568" t="s">
        <v>30540</v>
      </c>
    </row>
    <row r="2569" spans="1:9">
      <c r="A2569" s="1">
        <v>0.91807660918138523</v>
      </c>
      <c r="B2569" s="1"/>
      <c r="C2569">
        <v>5</v>
      </c>
      <c r="D2569" t="s">
        <v>5189</v>
      </c>
      <c r="E2569" t="s">
        <v>31762</v>
      </c>
      <c r="F2569">
        <v>4</v>
      </c>
      <c r="G2569" t="s">
        <v>14</v>
      </c>
      <c r="H2569" t="s">
        <v>5190</v>
      </c>
      <c r="I2569" t="s">
        <v>30540</v>
      </c>
    </row>
    <row r="2570" spans="1:9">
      <c r="A2570" s="1">
        <v>0.99717667760093354</v>
      </c>
      <c r="B2570" s="1"/>
      <c r="C2570">
        <v>17</v>
      </c>
      <c r="D2570" t="s">
        <v>5201</v>
      </c>
      <c r="E2570" t="s">
        <v>31762</v>
      </c>
      <c r="F2570">
        <v>4</v>
      </c>
      <c r="G2570" t="s">
        <v>0</v>
      </c>
      <c r="H2570" t="s">
        <v>5202</v>
      </c>
      <c r="I2570" t="s">
        <v>30540</v>
      </c>
    </row>
    <row r="2571" spans="1:9">
      <c r="A2571" s="1">
        <v>0.78103962662277582</v>
      </c>
      <c r="B2571" s="1"/>
      <c r="C2571">
        <v>3</v>
      </c>
      <c r="D2571" t="s">
        <v>5185</v>
      </c>
      <c r="E2571" t="s">
        <v>31762</v>
      </c>
      <c r="F2571">
        <v>4</v>
      </c>
      <c r="G2571" t="s">
        <v>10</v>
      </c>
      <c r="H2571" t="s">
        <v>5186</v>
      </c>
      <c r="I2571" t="s">
        <v>30540</v>
      </c>
    </row>
    <row r="2572" spans="1:9">
      <c r="A2572" s="1">
        <v>0.36493908722300339</v>
      </c>
      <c r="B2572" s="1"/>
      <c r="C2572">
        <v>13</v>
      </c>
      <c r="D2572" t="s">
        <v>5197</v>
      </c>
      <c r="E2572" t="s">
        <v>31762</v>
      </c>
      <c r="F2572">
        <v>4</v>
      </c>
      <c r="G2572" t="s">
        <v>10</v>
      </c>
      <c r="H2572" t="s">
        <v>5198</v>
      </c>
      <c r="I2572" t="s">
        <v>30540</v>
      </c>
    </row>
    <row r="2573" spans="1:9">
      <c r="A2573" s="1">
        <v>0.92872663021020885</v>
      </c>
      <c r="B2573" s="1"/>
      <c r="C2573">
        <v>18</v>
      </c>
      <c r="D2573" t="s">
        <v>5203</v>
      </c>
      <c r="E2573" t="s">
        <v>31762</v>
      </c>
      <c r="F2573">
        <v>4</v>
      </c>
      <c r="G2573" t="s">
        <v>0</v>
      </c>
      <c r="H2573" t="s">
        <v>5204</v>
      </c>
      <c r="I2573" t="s">
        <v>30540</v>
      </c>
    </row>
    <row r="2574" spans="1:9">
      <c r="A2574" s="1">
        <v>0.95248517355247764</v>
      </c>
      <c r="B2574" s="1"/>
      <c r="C2574">
        <v>14</v>
      </c>
      <c r="D2574" t="s">
        <v>5199</v>
      </c>
      <c r="E2574" t="s">
        <v>31762</v>
      </c>
      <c r="F2574">
        <v>4</v>
      </c>
      <c r="G2574" t="s">
        <v>10</v>
      </c>
      <c r="H2574" t="s">
        <v>5200</v>
      </c>
      <c r="I2574" t="s">
        <v>30540</v>
      </c>
    </row>
    <row r="2575" spans="1:9">
      <c r="A2575" s="1">
        <v>0.99545993998475357</v>
      </c>
      <c r="B2575" s="1"/>
      <c r="C2575">
        <v>6</v>
      </c>
      <c r="D2575" t="s">
        <v>5191</v>
      </c>
      <c r="E2575" t="s">
        <v>31762</v>
      </c>
      <c r="F2575">
        <v>4</v>
      </c>
      <c r="G2575" t="s">
        <v>2</v>
      </c>
      <c r="H2575" t="s">
        <v>5192</v>
      </c>
      <c r="I2575" t="s">
        <v>30540</v>
      </c>
    </row>
    <row r="2576" spans="1:9">
      <c r="A2576" s="1">
        <v>0.23921471912934433</v>
      </c>
      <c r="B2576" s="1"/>
      <c r="C2576">
        <v>12</v>
      </c>
      <c r="D2576" t="s">
        <v>5195</v>
      </c>
      <c r="E2576" t="s">
        <v>31762</v>
      </c>
      <c r="F2576">
        <v>3</v>
      </c>
      <c r="G2576" t="s">
        <v>10</v>
      </c>
      <c r="H2576" t="s">
        <v>5196</v>
      </c>
      <c r="I2576" t="s">
        <v>30540</v>
      </c>
    </row>
    <row r="2577" spans="1:9">
      <c r="A2577" s="1">
        <v>0.59001683224662727</v>
      </c>
      <c r="B2577" s="1"/>
      <c r="C2577">
        <v>8</v>
      </c>
      <c r="D2577" t="s">
        <v>5193</v>
      </c>
      <c r="E2577" t="s">
        <v>31762</v>
      </c>
      <c r="F2577">
        <v>3</v>
      </c>
      <c r="G2577" t="s">
        <v>15</v>
      </c>
      <c r="H2577" t="s">
        <v>5194</v>
      </c>
      <c r="I2577" t="s">
        <v>30540</v>
      </c>
    </row>
    <row r="2578" spans="1:9">
      <c r="A2578" s="1">
        <v>0.48242867171233716</v>
      </c>
      <c r="B2578" s="1"/>
      <c r="C2578">
        <v>4</v>
      </c>
      <c r="D2578" t="s">
        <v>5187</v>
      </c>
      <c r="E2578" t="s">
        <v>31762</v>
      </c>
      <c r="F2578">
        <v>3</v>
      </c>
      <c r="G2578" t="s">
        <v>2</v>
      </c>
      <c r="H2578" t="s">
        <v>5188</v>
      </c>
      <c r="I2578" t="s">
        <v>30540</v>
      </c>
    </row>
    <row r="2579" spans="1:9">
      <c r="A2579" s="1">
        <v>0.58416771022523173</v>
      </c>
      <c r="B2579" s="1"/>
      <c r="C2579">
        <v>18</v>
      </c>
      <c r="D2579" t="s">
        <v>5183</v>
      </c>
      <c r="E2579" t="s">
        <v>31763</v>
      </c>
      <c r="F2579">
        <v>4</v>
      </c>
      <c r="G2579" t="s">
        <v>10</v>
      </c>
      <c r="H2579" t="s">
        <v>5184</v>
      </c>
      <c r="I2579" t="s">
        <v>30540</v>
      </c>
    </row>
    <row r="2580" spans="1:9">
      <c r="A2580" s="1">
        <v>0.81950006035234879</v>
      </c>
      <c r="B2580" s="1"/>
      <c r="C2580">
        <v>9</v>
      </c>
      <c r="D2580" t="s">
        <v>5179</v>
      </c>
      <c r="E2580" t="s">
        <v>31763</v>
      </c>
      <c r="F2580">
        <v>3</v>
      </c>
      <c r="G2580" t="s">
        <v>9</v>
      </c>
      <c r="H2580" t="s">
        <v>5180</v>
      </c>
      <c r="I2580" t="s">
        <v>30540</v>
      </c>
    </row>
    <row r="2581" spans="1:9">
      <c r="A2581" s="1">
        <v>0.17337389004796733</v>
      </c>
      <c r="B2581" s="1"/>
      <c r="C2581">
        <v>17</v>
      </c>
      <c r="D2581" t="s">
        <v>5181</v>
      </c>
      <c r="E2581" t="s">
        <v>31763</v>
      </c>
      <c r="F2581">
        <v>3</v>
      </c>
      <c r="G2581" t="s">
        <v>10</v>
      </c>
      <c r="H2581" t="s">
        <v>5182</v>
      </c>
      <c r="I2581" t="s">
        <v>30540</v>
      </c>
    </row>
    <row r="2582" spans="1:9">
      <c r="A2582" s="1">
        <v>0.33629326731087517</v>
      </c>
      <c r="B2582" s="1"/>
      <c r="C2582">
        <v>4</v>
      </c>
      <c r="D2582" t="s">
        <v>5171</v>
      </c>
      <c r="E2582" t="s">
        <v>31764</v>
      </c>
      <c r="F2582">
        <v>5</v>
      </c>
      <c r="G2582" t="s">
        <v>13</v>
      </c>
      <c r="H2582" t="s">
        <v>5172</v>
      </c>
      <c r="I2582" t="s">
        <v>30540</v>
      </c>
    </row>
    <row r="2583" spans="1:9">
      <c r="A2583" s="1">
        <v>0.88152574921026661</v>
      </c>
      <c r="B2583" s="1"/>
      <c r="C2583">
        <v>10</v>
      </c>
      <c r="D2583" t="s">
        <v>5173</v>
      </c>
      <c r="E2583" t="s">
        <v>31764</v>
      </c>
      <c r="F2583">
        <v>4</v>
      </c>
      <c r="G2583" t="s">
        <v>15</v>
      </c>
      <c r="H2583" t="s">
        <v>5174</v>
      </c>
      <c r="I2583" t="s">
        <v>30540</v>
      </c>
    </row>
    <row r="2584" spans="1:9">
      <c r="A2584" s="1">
        <v>0.69245562808003613</v>
      </c>
      <c r="B2584" s="1"/>
      <c r="C2584">
        <v>13</v>
      </c>
      <c r="D2584" t="s">
        <v>5175</v>
      </c>
      <c r="E2584" t="s">
        <v>31764</v>
      </c>
      <c r="F2584">
        <v>4</v>
      </c>
      <c r="G2584" t="s">
        <v>13</v>
      </c>
      <c r="H2584" t="s">
        <v>5176</v>
      </c>
      <c r="I2584" t="s">
        <v>30540</v>
      </c>
    </row>
    <row r="2585" spans="1:9">
      <c r="A2585" s="1">
        <v>0.59025760621812517</v>
      </c>
      <c r="B2585" s="1"/>
      <c r="C2585">
        <v>17</v>
      </c>
      <c r="D2585" t="s">
        <v>5177</v>
      </c>
      <c r="E2585" t="s">
        <v>31764</v>
      </c>
      <c r="F2585">
        <v>3</v>
      </c>
      <c r="G2585" t="s">
        <v>13</v>
      </c>
      <c r="H2585" t="s">
        <v>5178</v>
      </c>
      <c r="I2585" t="s">
        <v>30540</v>
      </c>
    </row>
    <row r="2586" spans="1:9">
      <c r="A2586" s="1">
        <v>0.96561728762718102</v>
      </c>
      <c r="B2586" s="1"/>
      <c r="C2586">
        <v>13</v>
      </c>
      <c r="D2586" t="s">
        <v>5169</v>
      </c>
      <c r="E2586" t="s">
        <v>31765</v>
      </c>
      <c r="F2586">
        <v>4</v>
      </c>
      <c r="G2586" t="s">
        <v>9</v>
      </c>
      <c r="H2586" t="s">
        <v>5170</v>
      </c>
      <c r="I2586" t="s">
        <v>30540</v>
      </c>
    </row>
    <row r="2587" spans="1:9">
      <c r="A2587" s="1">
        <v>0.20493475456971622</v>
      </c>
      <c r="B2587" s="1"/>
      <c r="C2587">
        <v>4</v>
      </c>
      <c r="D2587" t="s">
        <v>5161</v>
      </c>
      <c r="E2587" t="s">
        <v>31766</v>
      </c>
      <c r="F2587">
        <v>4</v>
      </c>
      <c r="G2587" t="s">
        <v>10</v>
      </c>
      <c r="H2587" t="s">
        <v>5162</v>
      </c>
      <c r="I2587" t="s">
        <v>30540</v>
      </c>
    </row>
    <row r="2588" spans="1:9">
      <c r="A2588" s="1">
        <v>0.54754644902937755</v>
      </c>
      <c r="B2588" s="1"/>
      <c r="C2588">
        <v>16</v>
      </c>
      <c r="D2588" t="s">
        <v>5165</v>
      </c>
      <c r="E2588" t="s">
        <v>31766</v>
      </c>
      <c r="F2588">
        <v>4</v>
      </c>
      <c r="G2588" t="s">
        <v>10</v>
      </c>
      <c r="H2588" t="s">
        <v>5166</v>
      </c>
      <c r="I2588" t="s">
        <v>30540</v>
      </c>
    </row>
    <row r="2589" spans="1:9">
      <c r="A2589" s="1">
        <v>0.91145553723306028</v>
      </c>
      <c r="B2589" s="1"/>
      <c r="C2589">
        <v>3</v>
      </c>
      <c r="D2589" t="s">
        <v>5159</v>
      </c>
      <c r="E2589" t="s">
        <v>31766</v>
      </c>
      <c r="F2589">
        <v>4</v>
      </c>
      <c r="G2589" t="s">
        <v>769</v>
      </c>
      <c r="H2589" t="s">
        <v>5160</v>
      </c>
      <c r="I2589" t="s">
        <v>30540</v>
      </c>
    </row>
    <row r="2590" spans="1:9">
      <c r="A2590" s="1">
        <v>0.29805223505056899</v>
      </c>
      <c r="B2590" s="1"/>
      <c r="C2590">
        <v>11</v>
      </c>
      <c r="D2590" t="s">
        <v>5163</v>
      </c>
      <c r="E2590" t="s">
        <v>31766</v>
      </c>
      <c r="F2590">
        <v>4</v>
      </c>
      <c r="G2590" t="s">
        <v>765</v>
      </c>
      <c r="H2590" t="s">
        <v>5164</v>
      </c>
      <c r="I2590" t="s">
        <v>30540</v>
      </c>
    </row>
    <row r="2591" spans="1:9">
      <c r="A2591" s="1">
        <v>0.58164050959926561</v>
      </c>
      <c r="B2591" s="1"/>
      <c r="C2591">
        <v>12</v>
      </c>
      <c r="D2591" t="s">
        <v>5151</v>
      </c>
      <c r="E2591" t="s">
        <v>31767</v>
      </c>
      <c r="F2591">
        <v>5</v>
      </c>
      <c r="G2591" t="s">
        <v>10</v>
      </c>
      <c r="H2591" t="s">
        <v>5152</v>
      </c>
      <c r="I2591" t="s">
        <v>30540</v>
      </c>
    </row>
    <row r="2592" spans="1:9">
      <c r="A2592" s="1">
        <v>0.98080597447142404</v>
      </c>
      <c r="B2592" s="1"/>
      <c r="C2592">
        <v>15</v>
      </c>
      <c r="D2592" t="s">
        <v>5153</v>
      </c>
      <c r="E2592" t="s">
        <v>31767</v>
      </c>
      <c r="F2592">
        <v>4</v>
      </c>
      <c r="G2592" t="s">
        <v>10</v>
      </c>
      <c r="H2592" t="s">
        <v>5154</v>
      </c>
      <c r="I2592" t="s">
        <v>30540</v>
      </c>
    </row>
    <row r="2593" spans="1:9">
      <c r="A2593" s="1">
        <v>0.31839636381821346</v>
      </c>
      <c r="B2593" s="1"/>
      <c r="C2593">
        <v>9</v>
      </c>
      <c r="D2593" t="s">
        <v>5149</v>
      </c>
      <c r="E2593" t="s">
        <v>31767</v>
      </c>
      <c r="F2593">
        <v>4</v>
      </c>
      <c r="G2593" t="s">
        <v>10</v>
      </c>
      <c r="H2593" t="s">
        <v>5150</v>
      </c>
      <c r="I2593" t="s">
        <v>30540</v>
      </c>
    </row>
    <row r="2594" spans="1:9">
      <c r="A2594" s="1">
        <v>0.56062216066303716</v>
      </c>
      <c r="B2594" s="1"/>
      <c r="C2594">
        <v>20</v>
      </c>
      <c r="D2594" t="s">
        <v>5157</v>
      </c>
      <c r="E2594" t="s">
        <v>31767</v>
      </c>
      <c r="F2594">
        <v>3</v>
      </c>
      <c r="G2594" t="s">
        <v>10</v>
      </c>
      <c r="H2594" t="s">
        <v>5158</v>
      </c>
      <c r="I2594" t="s">
        <v>30540</v>
      </c>
    </row>
    <row r="2595" spans="1:9">
      <c r="A2595" s="1">
        <v>0.95175764082693892</v>
      </c>
      <c r="B2595" s="1"/>
      <c r="C2595">
        <v>18</v>
      </c>
      <c r="D2595" t="s">
        <v>5147</v>
      </c>
      <c r="E2595" t="s">
        <v>31768</v>
      </c>
      <c r="F2595">
        <v>5</v>
      </c>
      <c r="G2595" t="s">
        <v>10</v>
      </c>
      <c r="H2595" t="s">
        <v>5148</v>
      </c>
      <c r="I2595" t="s">
        <v>30540</v>
      </c>
    </row>
    <row r="2596" spans="1:9">
      <c r="A2596" s="1">
        <v>0.17732555883437073</v>
      </c>
      <c r="B2596" s="1"/>
      <c r="C2596">
        <v>9</v>
      </c>
      <c r="D2596" t="s">
        <v>5141</v>
      </c>
      <c r="E2596" t="s">
        <v>31768</v>
      </c>
      <c r="F2596">
        <v>4</v>
      </c>
      <c r="G2596" t="s">
        <v>14</v>
      </c>
      <c r="H2596" t="s">
        <v>5142</v>
      </c>
      <c r="I2596" t="s">
        <v>30540</v>
      </c>
    </row>
    <row r="2597" spans="1:9">
      <c r="A2597" s="1">
        <v>0.17370134446671037</v>
      </c>
      <c r="B2597" s="1"/>
      <c r="C2597">
        <v>17</v>
      </c>
      <c r="D2597" t="s">
        <v>5145</v>
      </c>
      <c r="E2597" t="s">
        <v>31768</v>
      </c>
      <c r="F2597">
        <v>4</v>
      </c>
      <c r="G2597" t="s">
        <v>10</v>
      </c>
      <c r="H2597" t="s">
        <v>5146</v>
      </c>
      <c r="I2597" t="s">
        <v>30540</v>
      </c>
    </row>
    <row r="2598" spans="1:9">
      <c r="A2598" s="1">
        <v>0.87819379448005297</v>
      </c>
      <c r="B2598" s="1"/>
      <c r="C2598">
        <v>1</v>
      </c>
      <c r="D2598" t="s">
        <v>5139</v>
      </c>
      <c r="E2598" t="s">
        <v>31768</v>
      </c>
      <c r="F2598">
        <v>3</v>
      </c>
      <c r="G2598" t="s">
        <v>1295</v>
      </c>
      <c r="H2598" t="s">
        <v>5140</v>
      </c>
      <c r="I2598" t="s">
        <v>30540</v>
      </c>
    </row>
    <row r="2599" spans="1:9">
      <c r="A2599" s="1">
        <v>9.2978710803598985E-2</v>
      </c>
      <c r="B2599" s="1"/>
      <c r="C2599">
        <v>16</v>
      </c>
      <c r="D2599" t="s">
        <v>5135</v>
      </c>
      <c r="E2599" t="s">
        <v>31769</v>
      </c>
      <c r="F2599">
        <v>4</v>
      </c>
      <c r="G2599" t="s">
        <v>10</v>
      </c>
      <c r="H2599" t="s">
        <v>5136</v>
      </c>
      <c r="I2599" t="s">
        <v>30540</v>
      </c>
    </row>
    <row r="2600" spans="1:9">
      <c r="A2600" s="1">
        <v>0.2328728987664539</v>
      </c>
      <c r="B2600" s="1"/>
      <c r="C2600">
        <v>12</v>
      </c>
      <c r="D2600" t="s">
        <v>5129</v>
      </c>
      <c r="E2600" t="s">
        <v>31769</v>
      </c>
      <c r="F2600">
        <v>4</v>
      </c>
      <c r="G2600" t="s">
        <v>10</v>
      </c>
      <c r="H2600" t="s">
        <v>5130</v>
      </c>
      <c r="I2600" t="s">
        <v>30540</v>
      </c>
    </row>
    <row r="2601" spans="1:9">
      <c r="A2601" s="1">
        <v>0.92028089549684167</v>
      </c>
      <c r="B2601" s="1"/>
      <c r="C2601">
        <v>4</v>
      </c>
      <c r="D2601" t="s">
        <v>5127</v>
      </c>
      <c r="E2601" t="s">
        <v>31769</v>
      </c>
      <c r="F2601">
        <v>4</v>
      </c>
      <c r="G2601" t="s">
        <v>9</v>
      </c>
      <c r="H2601" t="s">
        <v>5128</v>
      </c>
      <c r="I2601" t="s">
        <v>30540</v>
      </c>
    </row>
    <row r="2602" spans="1:9">
      <c r="A2602" s="1">
        <v>0.60656636878594838</v>
      </c>
      <c r="B2602" s="1"/>
      <c r="C2602">
        <v>14</v>
      </c>
      <c r="D2602" t="s">
        <v>5133</v>
      </c>
      <c r="E2602" t="s">
        <v>31769</v>
      </c>
      <c r="F2602">
        <v>4</v>
      </c>
      <c r="G2602" t="s">
        <v>9</v>
      </c>
      <c r="H2602" t="s">
        <v>5134</v>
      </c>
      <c r="I2602" t="s">
        <v>30540</v>
      </c>
    </row>
    <row r="2603" spans="1:9">
      <c r="A2603" s="1">
        <v>0.96414992035262104</v>
      </c>
      <c r="B2603" s="1"/>
      <c r="C2603">
        <v>3</v>
      </c>
      <c r="D2603" t="s">
        <v>5125</v>
      </c>
      <c r="E2603" t="s">
        <v>31769</v>
      </c>
      <c r="F2603">
        <v>3</v>
      </c>
      <c r="G2603" t="s">
        <v>1295</v>
      </c>
      <c r="H2603" t="s">
        <v>5126</v>
      </c>
      <c r="I2603" t="s">
        <v>30540</v>
      </c>
    </row>
    <row r="2604" spans="1:9">
      <c r="A2604" s="1">
        <v>4.5442362871338626E-2</v>
      </c>
      <c r="B2604" s="1"/>
      <c r="C2604">
        <v>3</v>
      </c>
      <c r="D2604" t="s">
        <v>5121</v>
      </c>
      <c r="E2604" t="s">
        <v>31770</v>
      </c>
      <c r="F2604">
        <v>4</v>
      </c>
      <c r="G2604" t="s">
        <v>14</v>
      </c>
      <c r="H2604" t="s">
        <v>5122</v>
      </c>
      <c r="I2604" t="s">
        <v>30540</v>
      </c>
    </row>
    <row r="2605" spans="1:9">
      <c r="A2605" s="1">
        <v>0.13841405847373422</v>
      </c>
      <c r="B2605" s="1"/>
      <c r="C2605">
        <v>7</v>
      </c>
      <c r="D2605" t="s">
        <v>5123</v>
      </c>
      <c r="E2605" t="s">
        <v>31770</v>
      </c>
      <c r="F2605">
        <v>4</v>
      </c>
      <c r="G2605" t="s">
        <v>10</v>
      </c>
      <c r="H2605" t="s">
        <v>5124</v>
      </c>
      <c r="I2605" t="s">
        <v>30540</v>
      </c>
    </row>
    <row r="2606" spans="1:9">
      <c r="A2606" s="1">
        <v>0.63073467390428806</v>
      </c>
      <c r="B2606" s="1"/>
      <c r="C2606">
        <v>4</v>
      </c>
      <c r="D2606" t="s">
        <v>5113</v>
      </c>
      <c r="E2606" t="s">
        <v>31771</v>
      </c>
      <c r="F2606">
        <v>4</v>
      </c>
      <c r="G2606" t="s">
        <v>15</v>
      </c>
      <c r="H2606" t="s">
        <v>5114</v>
      </c>
      <c r="I2606" t="s">
        <v>30540</v>
      </c>
    </row>
    <row r="2607" spans="1:9">
      <c r="A2607" s="1">
        <v>0.50172722161962457</v>
      </c>
      <c r="B2607" s="1"/>
      <c r="C2607">
        <v>11</v>
      </c>
      <c r="D2607" t="s">
        <v>5117</v>
      </c>
      <c r="E2607" t="s">
        <v>31771</v>
      </c>
      <c r="F2607">
        <v>4</v>
      </c>
      <c r="G2607" t="s">
        <v>774</v>
      </c>
      <c r="H2607" t="s">
        <v>5118</v>
      </c>
      <c r="I2607" t="s">
        <v>30540</v>
      </c>
    </row>
    <row r="2608" spans="1:9">
      <c r="A2608" s="1">
        <v>0.95659211811032452</v>
      </c>
      <c r="B2608" s="1"/>
      <c r="C2608">
        <v>20</v>
      </c>
      <c r="D2608" t="s">
        <v>5111</v>
      </c>
      <c r="E2608" t="s">
        <v>31772</v>
      </c>
      <c r="F2608">
        <v>5</v>
      </c>
      <c r="G2608" t="s">
        <v>10</v>
      </c>
      <c r="H2608" t="s">
        <v>5112</v>
      </c>
      <c r="I2608" t="s">
        <v>30540</v>
      </c>
    </row>
    <row r="2609" spans="1:9">
      <c r="A2609" s="1">
        <v>0.85209902581418306</v>
      </c>
      <c r="B2609" s="1"/>
      <c r="C2609">
        <v>9</v>
      </c>
      <c r="D2609" t="s">
        <v>5099</v>
      </c>
      <c r="E2609" t="s">
        <v>31772</v>
      </c>
      <c r="F2609">
        <v>4</v>
      </c>
      <c r="G2609" t="s">
        <v>10</v>
      </c>
      <c r="H2609" t="s">
        <v>5100</v>
      </c>
      <c r="I2609" t="s">
        <v>30540</v>
      </c>
    </row>
    <row r="2610" spans="1:9">
      <c r="A2610" s="1">
        <v>0.16669881997529135</v>
      </c>
      <c r="B2610" s="1"/>
      <c r="C2610">
        <v>15</v>
      </c>
      <c r="D2610" t="s">
        <v>5103</v>
      </c>
      <c r="E2610" t="s">
        <v>31772</v>
      </c>
      <c r="F2610">
        <v>4</v>
      </c>
      <c r="G2610" t="s">
        <v>2</v>
      </c>
      <c r="H2610" t="s">
        <v>5104</v>
      </c>
      <c r="I2610" t="s">
        <v>30540</v>
      </c>
    </row>
    <row r="2611" spans="1:9">
      <c r="A2611" s="1">
        <v>0.41461089645191285</v>
      </c>
      <c r="B2611" s="1"/>
      <c r="C2611">
        <v>13</v>
      </c>
      <c r="D2611" t="s">
        <v>5101</v>
      </c>
      <c r="E2611" t="s">
        <v>31772</v>
      </c>
      <c r="F2611">
        <v>4</v>
      </c>
      <c r="G2611" t="s">
        <v>15</v>
      </c>
      <c r="H2611" t="s">
        <v>5102</v>
      </c>
      <c r="I2611" t="s">
        <v>30540</v>
      </c>
    </row>
    <row r="2612" spans="1:9">
      <c r="A2612" s="1">
        <v>1.2186896996309926E-2</v>
      </c>
      <c r="B2612" s="1"/>
      <c r="C2612">
        <v>19</v>
      </c>
      <c r="D2612" t="s">
        <v>5109</v>
      </c>
      <c r="E2612" t="s">
        <v>31772</v>
      </c>
      <c r="F2612">
        <v>4</v>
      </c>
      <c r="G2612" t="s">
        <v>10</v>
      </c>
      <c r="H2612" t="s">
        <v>5110</v>
      </c>
      <c r="I2612" t="s">
        <v>30540</v>
      </c>
    </row>
    <row r="2613" spans="1:9">
      <c r="A2613" s="1">
        <v>0.16178078453589662</v>
      </c>
      <c r="B2613" s="1"/>
      <c r="C2613">
        <v>16</v>
      </c>
      <c r="D2613" t="s">
        <v>5105</v>
      </c>
      <c r="E2613" t="s">
        <v>31772</v>
      </c>
      <c r="F2613">
        <v>4</v>
      </c>
      <c r="G2613" t="s">
        <v>1</v>
      </c>
      <c r="H2613" t="s">
        <v>5106</v>
      </c>
      <c r="I2613" t="s">
        <v>30540</v>
      </c>
    </row>
    <row r="2614" spans="1:9">
      <c r="A2614" s="1">
        <v>0.73898643693184651</v>
      </c>
      <c r="B2614" s="1"/>
      <c r="C2614">
        <v>18</v>
      </c>
      <c r="D2614" t="s">
        <v>5107</v>
      </c>
      <c r="E2614" t="s">
        <v>31772</v>
      </c>
      <c r="F2614">
        <v>3</v>
      </c>
      <c r="G2614" t="s">
        <v>13</v>
      </c>
      <c r="H2614" t="s">
        <v>5108</v>
      </c>
      <c r="I2614" t="s">
        <v>30540</v>
      </c>
    </row>
    <row r="2615" spans="1:9">
      <c r="A2615" s="1">
        <v>0.86756091570184601</v>
      </c>
      <c r="B2615" s="1"/>
      <c r="C2615">
        <v>8</v>
      </c>
      <c r="D2615" t="s">
        <v>5091</v>
      </c>
      <c r="E2615" t="s">
        <v>31773</v>
      </c>
      <c r="F2615">
        <v>5</v>
      </c>
      <c r="G2615" t="s">
        <v>15</v>
      </c>
      <c r="H2615" t="s">
        <v>5092</v>
      </c>
      <c r="I2615" t="s">
        <v>30540</v>
      </c>
    </row>
    <row r="2616" spans="1:9">
      <c r="A2616" s="1">
        <v>0.59186463181780968</v>
      </c>
      <c r="B2616" s="1"/>
      <c r="C2616">
        <v>10</v>
      </c>
      <c r="D2616" t="s">
        <v>5093</v>
      </c>
      <c r="E2616" t="s">
        <v>31773</v>
      </c>
      <c r="F2616">
        <v>4</v>
      </c>
      <c r="G2616" t="s">
        <v>10</v>
      </c>
      <c r="H2616" t="s">
        <v>5094</v>
      </c>
      <c r="I2616" t="s">
        <v>30540</v>
      </c>
    </row>
    <row r="2617" spans="1:9">
      <c r="A2617" s="1">
        <v>0.2579522912074742</v>
      </c>
      <c r="B2617" s="1"/>
      <c r="C2617">
        <v>16</v>
      </c>
      <c r="D2617" t="s">
        <v>5095</v>
      </c>
      <c r="E2617" t="s">
        <v>31773</v>
      </c>
      <c r="F2617">
        <v>4</v>
      </c>
      <c r="G2617" t="s">
        <v>10</v>
      </c>
      <c r="H2617" t="s">
        <v>5096</v>
      </c>
      <c r="I2617" t="s">
        <v>30540</v>
      </c>
    </row>
    <row r="2618" spans="1:9">
      <c r="A2618" s="1">
        <v>0.13393388960125385</v>
      </c>
      <c r="B2618" s="1"/>
      <c r="C2618">
        <v>18</v>
      </c>
      <c r="D2618" t="s">
        <v>5097</v>
      </c>
      <c r="E2618" t="s">
        <v>31773</v>
      </c>
      <c r="F2618">
        <v>4</v>
      </c>
      <c r="G2618" t="s">
        <v>13</v>
      </c>
      <c r="H2618" t="s">
        <v>5098</v>
      </c>
      <c r="I2618" t="s">
        <v>30540</v>
      </c>
    </row>
    <row r="2619" spans="1:9">
      <c r="A2619" s="1">
        <v>0.19474780926418467</v>
      </c>
      <c r="B2619" s="1"/>
      <c r="C2619">
        <v>10</v>
      </c>
      <c r="D2619" t="s">
        <v>5085</v>
      </c>
      <c r="E2619" t="s">
        <v>31774</v>
      </c>
      <c r="F2619">
        <v>4</v>
      </c>
      <c r="G2619" t="s">
        <v>10</v>
      </c>
      <c r="H2619" t="s">
        <v>5086</v>
      </c>
      <c r="I2619" t="s">
        <v>30540</v>
      </c>
    </row>
    <row r="2620" spans="1:9">
      <c r="A2620" s="1">
        <v>0.49454946048570925</v>
      </c>
      <c r="B2620" s="1"/>
      <c r="C2620">
        <v>14</v>
      </c>
      <c r="D2620" t="s">
        <v>5087</v>
      </c>
      <c r="E2620" t="s">
        <v>31774</v>
      </c>
      <c r="F2620">
        <v>4</v>
      </c>
      <c r="G2620" t="s">
        <v>10</v>
      </c>
      <c r="H2620" t="s">
        <v>5088</v>
      </c>
      <c r="I2620" t="s">
        <v>30540</v>
      </c>
    </row>
    <row r="2621" spans="1:9">
      <c r="A2621" s="1">
        <v>7.9716664864401987E-2</v>
      </c>
      <c r="B2621" s="1"/>
      <c r="C2621">
        <v>17</v>
      </c>
      <c r="D2621" t="s">
        <v>5089</v>
      </c>
      <c r="E2621" t="s">
        <v>31774</v>
      </c>
      <c r="F2621">
        <v>4</v>
      </c>
      <c r="G2621" t="s">
        <v>13</v>
      </c>
      <c r="H2621" t="s">
        <v>5090</v>
      </c>
      <c r="I2621" t="s">
        <v>30540</v>
      </c>
    </row>
    <row r="2622" spans="1:9">
      <c r="A2622" s="1">
        <v>0.30674182268233696</v>
      </c>
      <c r="B2622" s="1"/>
      <c r="C2622">
        <v>20</v>
      </c>
      <c r="D2622" t="s">
        <v>5083</v>
      </c>
      <c r="E2622" t="s">
        <v>31775</v>
      </c>
      <c r="F2622">
        <v>5</v>
      </c>
      <c r="G2622" t="s">
        <v>10</v>
      </c>
      <c r="H2622" t="s">
        <v>5084</v>
      </c>
      <c r="I2622" t="s">
        <v>30540</v>
      </c>
    </row>
    <row r="2623" spans="1:9">
      <c r="A2623" s="1">
        <v>0.57660973976017138</v>
      </c>
      <c r="B2623" s="1"/>
      <c r="C2623">
        <v>7</v>
      </c>
      <c r="D2623" t="s">
        <v>5077</v>
      </c>
      <c r="E2623" t="s">
        <v>31775</v>
      </c>
      <c r="F2623">
        <v>4</v>
      </c>
      <c r="G2623" t="s">
        <v>10</v>
      </c>
      <c r="H2623" t="s">
        <v>5078</v>
      </c>
      <c r="I2623" t="s">
        <v>30540</v>
      </c>
    </row>
    <row r="2624" spans="1:9">
      <c r="A2624" s="1">
        <v>0.98224347879205354</v>
      </c>
      <c r="B2624" s="1"/>
      <c r="C2624">
        <v>19</v>
      </c>
      <c r="D2624" t="s">
        <v>5081</v>
      </c>
      <c r="E2624" t="s">
        <v>31775</v>
      </c>
      <c r="F2624">
        <v>4</v>
      </c>
      <c r="G2624" t="s">
        <v>10</v>
      </c>
      <c r="H2624" t="s">
        <v>5082</v>
      </c>
      <c r="I2624" t="s">
        <v>30540</v>
      </c>
    </row>
    <row r="2625" spans="1:9">
      <c r="A2625" s="1">
        <v>0.5387694084647191</v>
      </c>
      <c r="B2625" s="1"/>
      <c r="C2625">
        <v>4</v>
      </c>
      <c r="D2625" t="s">
        <v>5073</v>
      </c>
      <c r="E2625" t="s">
        <v>31775</v>
      </c>
      <c r="F2625">
        <v>4</v>
      </c>
      <c r="G2625" t="s">
        <v>13</v>
      </c>
      <c r="H2625" t="s">
        <v>5074</v>
      </c>
      <c r="I2625" t="s">
        <v>30540</v>
      </c>
    </row>
    <row r="2626" spans="1:9">
      <c r="A2626" s="1">
        <v>0.77462454315205453</v>
      </c>
      <c r="B2626" s="1"/>
      <c r="C2626">
        <v>18</v>
      </c>
      <c r="D2626" t="s">
        <v>5079</v>
      </c>
      <c r="E2626" t="s">
        <v>31775</v>
      </c>
      <c r="F2626">
        <v>4</v>
      </c>
      <c r="G2626" t="s">
        <v>10</v>
      </c>
      <c r="H2626" t="s">
        <v>5080</v>
      </c>
      <c r="I2626" t="s">
        <v>30540</v>
      </c>
    </row>
    <row r="2627" spans="1:9">
      <c r="A2627" s="1">
        <v>0.23955852824091006</v>
      </c>
      <c r="B2627" s="1"/>
      <c r="C2627">
        <v>6</v>
      </c>
      <c r="D2627" t="s">
        <v>5075</v>
      </c>
      <c r="E2627" t="s">
        <v>31775</v>
      </c>
      <c r="F2627">
        <v>4</v>
      </c>
      <c r="G2627" t="s">
        <v>13</v>
      </c>
      <c r="H2627" t="s">
        <v>5076</v>
      </c>
      <c r="I2627" t="s">
        <v>30540</v>
      </c>
    </row>
    <row r="2628" spans="1:9">
      <c r="A2628" s="1">
        <v>0.29034069265862306</v>
      </c>
      <c r="B2628" s="1"/>
      <c r="C2628">
        <v>6</v>
      </c>
      <c r="D2628" t="s">
        <v>5067</v>
      </c>
      <c r="E2628" t="s">
        <v>31777</v>
      </c>
      <c r="F2628">
        <v>4</v>
      </c>
      <c r="G2628" t="s">
        <v>10</v>
      </c>
      <c r="H2628" t="s">
        <v>5068</v>
      </c>
      <c r="I2628" t="s">
        <v>30540</v>
      </c>
    </row>
    <row r="2629" spans="1:9">
      <c r="A2629" s="1">
        <v>0.90686867770310131</v>
      </c>
      <c r="B2629" s="1"/>
      <c r="C2629">
        <v>11</v>
      </c>
      <c r="D2629" t="s">
        <v>5069</v>
      </c>
      <c r="E2629" t="s">
        <v>31777</v>
      </c>
      <c r="F2629">
        <v>4</v>
      </c>
      <c r="G2629" t="s">
        <v>10</v>
      </c>
      <c r="H2629" t="s">
        <v>5070</v>
      </c>
      <c r="I2629" t="s">
        <v>30540</v>
      </c>
    </row>
    <row r="2630" spans="1:9">
      <c r="A2630" s="1">
        <v>0.49422959287489965</v>
      </c>
      <c r="B2630" s="1"/>
      <c r="C2630">
        <v>15</v>
      </c>
      <c r="D2630" t="s">
        <v>5061</v>
      </c>
      <c r="E2630" t="s">
        <v>31778</v>
      </c>
      <c r="F2630">
        <v>4</v>
      </c>
      <c r="G2630" t="s">
        <v>10</v>
      </c>
      <c r="H2630" t="s">
        <v>5062</v>
      </c>
      <c r="I2630" t="s">
        <v>30540</v>
      </c>
    </row>
    <row r="2631" spans="1:9">
      <c r="A2631" s="1">
        <v>0.35241790815699869</v>
      </c>
      <c r="B2631" s="1"/>
      <c r="C2631">
        <v>12</v>
      </c>
      <c r="D2631" t="s">
        <v>5057</v>
      </c>
      <c r="E2631" t="s">
        <v>31778</v>
      </c>
      <c r="F2631">
        <v>4</v>
      </c>
      <c r="G2631" t="s">
        <v>10</v>
      </c>
      <c r="H2631" t="s">
        <v>5058</v>
      </c>
      <c r="I2631" t="s">
        <v>30540</v>
      </c>
    </row>
    <row r="2632" spans="1:9">
      <c r="A2632" s="1">
        <v>0.46503100680065812</v>
      </c>
      <c r="B2632" s="1"/>
      <c r="C2632">
        <v>18</v>
      </c>
      <c r="D2632" t="s">
        <v>5063</v>
      </c>
      <c r="E2632" t="s">
        <v>31778</v>
      </c>
      <c r="F2632">
        <v>4</v>
      </c>
      <c r="G2632" t="s">
        <v>10</v>
      </c>
      <c r="H2632" t="s">
        <v>5064</v>
      </c>
      <c r="I2632" t="s">
        <v>30540</v>
      </c>
    </row>
    <row r="2633" spans="1:9">
      <c r="A2633" s="1">
        <v>0.1136537374247073</v>
      </c>
      <c r="B2633" s="1"/>
      <c r="C2633">
        <v>13</v>
      </c>
      <c r="D2633" t="s">
        <v>5059</v>
      </c>
      <c r="E2633" t="s">
        <v>31778</v>
      </c>
      <c r="F2633">
        <v>3</v>
      </c>
      <c r="G2633" t="s">
        <v>10</v>
      </c>
      <c r="H2633" t="s">
        <v>5060</v>
      </c>
      <c r="I2633" t="s">
        <v>30540</v>
      </c>
    </row>
    <row r="2634" spans="1:9">
      <c r="A2634" s="1">
        <v>0.32996635716186595</v>
      </c>
      <c r="B2634" s="1"/>
      <c r="C2634">
        <v>3</v>
      </c>
      <c r="D2634" t="s">
        <v>5049</v>
      </c>
      <c r="E2634" t="s">
        <v>31779</v>
      </c>
      <c r="F2634">
        <v>5</v>
      </c>
      <c r="G2634" t="s">
        <v>14</v>
      </c>
      <c r="H2634" t="s">
        <v>5050</v>
      </c>
      <c r="I2634" t="s">
        <v>30540</v>
      </c>
    </row>
    <row r="2635" spans="1:9">
      <c r="A2635" s="1">
        <v>0.11101882159112486</v>
      </c>
      <c r="B2635" s="1"/>
      <c r="C2635">
        <v>20</v>
      </c>
      <c r="D2635" t="s">
        <v>5055</v>
      </c>
      <c r="E2635" t="s">
        <v>31779</v>
      </c>
      <c r="F2635">
        <v>4</v>
      </c>
      <c r="G2635" t="s">
        <v>2</v>
      </c>
      <c r="H2635" t="s">
        <v>5056</v>
      </c>
      <c r="I2635" t="s">
        <v>30540</v>
      </c>
    </row>
    <row r="2636" spans="1:9">
      <c r="A2636" s="1">
        <v>0.38136321161716746</v>
      </c>
      <c r="B2636" s="1"/>
      <c r="C2636">
        <v>6</v>
      </c>
      <c r="D2636" t="s">
        <v>5051</v>
      </c>
      <c r="E2636" t="s">
        <v>31779</v>
      </c>
      <c r="F2636">
        <v>3</v>
      </c>
      <c r="G2636" t="s">
        <v>0</v>
      </c>
      <c r="H2636" t="s">
        <v>5052</v>
      </c>
      <c r="I2636" t="s">
        <v>30540</v>
      </c>
    </row>
    <row r="2637" spans="1:9">
      <c r="A2637" s="1">
        <v>0.59402498620397037</v>
      </c>
      <c r="B2637" s="1"/>
      <c r="C2637">
        <v>6</v>
      </c>
      <c r="D2637" t="s">
        <v>5045</v>
      </c>
      <c r="E2637" t="s">
        <v>31780</v>
      </c>
      <c r="F2637">
        <v>4</v>
      </c>
      <c r="G2637" t="s">
        <v>13</v>
      </c>
      <c r="H2637" t="s">
        <v>5046</v>
      </c>
      <c r="I2637" t="s">
        <v>30540</v>
      </c>
    </row>
    <row r="2638" spans="1:9">
      <c r="A2638" s="1">
        <v>0.20952431600749999</v>
      </c>
      <c r="B2638" s="1"/>
      <c r="C2638">
        <v>20</v>
      </c>
      <c r="D2638" t="s">
        <v>5047</v>
      </c>
      <c r="E2638" t="s">
        <v>31780</v>
      </c>
      <c r="F2638">
        <v>4</v>
      </c>
      <c r="G2638" t="s">
        <v>10</v>
      </c>
      <c r="H2638" t="s">
        <v>5048</v>
      </c>
      <c r="I2638" t="s">
        <v>30540</v>
      </c>
    </row>
    <row r="2639" spans="1:9">
      <c r="A2639" s="1">
        <v>0.66734289092271781</v>
      </c>
      <c r="B2639" s="1"/>
      <c r="C2639">
        <v>20</v>
      </c>
      <c r="D2639" t="s">
        <v>5041</v>
      </c>
      <c r="E2639" t="s">
        <v>31781</v>
      </c>
      <c r="F2639">
        <v>3</v>
      </c>
      <c r="G2639" t="s">
        <v>15</v>
      </c>
      <c r="H2639" t="s">
        <v>5042</v>
      </c>
      <c r="I2639" t="s">
        <v>30540</v>
      </c>
    </row>
    <row r="2640" spans="1:9">
      <c r="A2640" s="1">
        <v>0.48325077155169782</v>
      </c>
      <c r="B2640" s="1"/>
      <c r="C2640">
        <v>2</v>
      </c>
      <c r="D2640" t="s">
        <v>5029</v>
      </c>
      <c r="E2640" t="s">
        <v>31782</v>
      </c>
      <c r="F2640">
        <v>5</v>
      </c>
      <c r="G2640" t="s">
        <v>2</v>
      </c>
      <c r="H2640" t="s">
        <v>5030</v>
      </c>
      <c r="I2640" t="s">
        <v>30540</v>
      </c>
    </row>
    <row r="2641" spans="1:9">
      <c r="A2641" s="1">
        <v>0.73728760562207052</v>
      </c>
      <c r="B2641" s="1"/>
      <c r="C2641">
        <v>9</v>
      </c>
      <c r="D2641" t="s">
        <v>5031</v>
      </c>
      <c r="E2641" t="s">
        <v>31782</v>
      </c>
      <c r="F2641">
        <v>4</v>
      </c>
      <c r="G2641" t="s">
        <v>15</v>
      </c>
      <c r="H2641" t="s">
        <v>5032</v>
      </c>
      <c r="I2641" t="s">
        <v>30540</v>
      </c>
    </row>
    <row r="2642" spans="1:9">
      <c r="A2642" s="1">
        <v>0.73730579926874151</v>
      </c>
      <c r="B2642" s="1"/>
      <c r="C2642">
        <v>11</v>
      </c>
      <c r="D2642" t="s">
        <v>5033</v>
      </c>
      <c r="E2642" t="s">
        <v>31782</v>
      </c>
      <c r="F2642">
        <v>4</v>
      </c>
      <c r="G2642" t="s">
        <v>10</v>
      </c>
      <c r="H2642" t="s">
        <v>5034</v>
      </c>
      <c r="I2642" t="s">
        <v>30540</v>
      </c>
    </row>
    <row r="2643" spans="1:9">
      <c r="A2643" s="1">
        <v>0.52276997470115083</v>
      </c>
      <c r="B2643" s="1"/>
      <c r="C2643">
        <v>6</v>
      </c>
      <c r="D2643" t="s">
        <v>5023</v>
      </c>
      <c r="E2643" t="s">
        <v>31783</v>
      </c>
      <c r="F2643">
        <v>4</v>
      </c>
      <c r="G2643" t="s">
        <v>13</v>
      </c>
      <c r="H2643" t="s">
        <v>5024</v>
      </c>
      <c r="I2643" t="s">
        <v>30540</v>
      </c>
    </row>
    <row r="2644" spans="1:9">
      <c r="A2644" s="1">
        <v>0.21307752832986571</v>
      </c>
      <c r="B2644" s="1"/>
      <c r="C2644">
        <v>14</v>
      </c>
      <c r="D2644" t="s">
        <v>5015</v>
      </c>
      <c r="E2644" t="s">
        <v>31784</v>
      </c>
      <c r="F2644">
        <v>4</v>
      </c>
      <c r="G2644" t="s">
        <v>15</v>
      </c>
      <c r="H2644" t="s">
        <v>5016</v>
      </c>
      <c r="I2644" t="s">
        <v>30540</v>
      </c>
    </row>
    <row r="2645" spans="1:9">
      <c r="A2645" s="1">
        <v>0.7319621281229306</v>
      </c>
      <c r="B2645" s="1"/>
      <c r="C2645">
        <v>16</v>
      </c>
      <c r="D2645" t="s">
        <v>5019</v>
      </c>
      <c r="E2645" t="s">
        <v>31784</v>
      </c>
      <c r="F2645">
        <v>4</v>
      </c>
      <c r="G2645" t="s">
        <v>10</v>
      </c>
      <c r="H2645" t="s">
        <v>5020</v>
      </c>
      <c r="I2645" t="s">
        <v>30540</v>
      </c>
    </row>
    <row r="2646" spans="1:9">
      <c r="A2646" s="1">
        <v>0.94748175632950371</v>
      </c>
      <c r="B2646" s="1"/>
      <c r="C2646">
        <v>15</v>
      </c>
      <c r="D2646" t="s">
        <v>5017</v>
      </c>
      <c r="E2646" t="s">
        <v>31784</v>
      </c>
      <c r="F2646">
        <v>4</v>
      </c>
      <c r="G2646" t="s">
        <v>2</v>
      </c>
      <c r="H2646" t="s">
        <v>5018</v>
      </c>
      <c r="I2646" t="s">
        <v>30540</v>
      </c>
    </row>
    <row r="2647" spans="1:9">
      <c r="A2647" s="1">
        <v>0.83604693812625042</v>
      </c>
      <c r="B2647" s="1"/>
      <c r="C2647">
        <v>6</v>
      </c>
      <c r="D2647" t="s">
        <v>5013</v>
      </c>
      <c r="E2647" t="s">
        <v>31784</v>
      </c>
      <c r="F2647">
        <v>4</v>
      </c>
      <c r="G2647" t="s">
        <v>1295</v>
      </c>
      <c r="H2647" t="s">
        <v>5014</v>
      </c>
      <c r="I2647" t="s">
        <v>30540</v>
      </c>
    </row>
    <row r="2648" spans="1:9">
      <c r="A2648" s="1">
        <v>0.64468617054535871</v>
      </c>
      <c r="B2648" s="1"/>
      <c r="C2648">
        <v>5</v>
      </c>
      <c r="D2648" t="s">
        <v>5011</v>
      </c>
      <c r="E2648" t="s">
        <v>31784</v>
      </c>
      <c r="F2648">
        <v>3</v>
      </c>
      <c r="G2648" t="s">
        <v>771</v>
      </c>
      <c r="H2648" t="s">
        <v>5012</v>
      </c>
      <c r="I2648" t="s">
        <v>30540</v>
      </c>
    </row>
    <row r="2649" spans="1:9">
      <c r="A2649" s="1">
        <v>0.59670529655251814</v>
      </c>
      <c r="B2649" s="1"/>
      <c r="C2649">
        <v>18</v>
      </c>
      <c r="D2649" t="s">
        <v>5021</v>
      </c>
      <c r="E2649" t="s">
        <v>31784</v>
      </c>
      <c r="F2649">
        <v>3</v>
      </c>
      <c r="G2649" t="s">
        <v>2</v>
      </c>
      <c r="H2649" t="s">
        <v>5022</v>
      </c>
      <c r="I2649" t="s">
        <v>30540</v>
      </c>
    </row>
    <row r="2650" spans="1:9">
      <c r="A2650" s="1">
        <v>0.15388461593621505</v>
      </c>
      <c r="B2650" s="1"/>
      <c r="C2650">
        <v>10</v>
      </c>
      <c r="D2650" t="s">
        <v>5005</v>
      </c>
      <c r="E2650" t="s">
        <v>31785</v>
      </c>
      <c r="F2650">
        <v>4</v>
      </c>
      <c r="G2650" t="s">
        <v>10</v>
      </c>
      <c r="H2650" t="s">
        <v>5006</v>
      </c>
      <c r="I2650" t="s">
        <v>30540</v>
      </c>
    </row>
    <row r="2651" spans="1:9">
      <c r="A2651" s="1">
        <v>0.76083823035004261</v>
      </c>
      <c r="B2651" s="1"/>
      <c r="C2651">
        <v>7</v>
      </c>
      <c r="D2651" t="s">
        <v>5003</v>
      </c>
      <c r="E2651" t="s">
        <v>31785</v>
      </c>
      <c r="F2651">
        <v>4</v>
      </c>
      <c r="G2651" t="s">
        <v>10</v>
      </c>
      <c r="H2651" t="s">
        <v>5004</v>
      </c>
      <c r="I2651" t="s">
        <v>30540</v>
      </c>
    </row>
    <row r="2652" spans="1:9">
      <c r="A2652" s="1">
        <v>0.60168929784248215</v>
      </c>
      <c r="B2652" s="1"/>
      <c r="C2652">
        <v>15</v>
      </c>
      <c r="D2652" t="s">
        <v>5009</v>
      </c>
      <c r="E2652" t="s">
        <v>31785</v>
      </c>
      <c r="F2652">
        <v>4</v>
      </c>
      <c r="G2652" t="s">
        <v>10</v>
      </c>
      <c r="H2652" t="s">
        <v>5010</v>
      </c>
      <c r="I2652" t="s">
        <v>30540</v>
      </c>
    </row>
    <row r="2653" spans="1:9">
      <c r="A2653" s="1">
        <v>0.70061483786859236</v>
      </c>
      <c r="B2653" s="1"/>
      <c r="C2653">
        <v>2</v>
      </c>
      <c r="D2653" t="s">
        <v>5001</v>
      </c>
      <c r="E2653" t="s">
        <v>31785</v>
      </c>
      <c r="F2653">
        <v>4</v>
      </c>
      <c r="G2653" t="s">
        <v>9</v>
      </c>
      <c r="H2653" t="s">
        <v>5002</v>
      </c>
      <c r="I2653" t="s">
        <v>30540</v>
      </c>
    </row>
    <row r="2654" spans="1:9">
      <c r="A2654" s="1">
        <v>0.51001272890136062</v>
      </c>
      <c r="B2654" s="1"/>
      <c r="C2654">
        <v>9</v>
      </c>
      <c r="D2654" t="s">
        <v>4993</v>
      </c>
      <c r="E2654" t="s">
        <v>31786</v>
      </c>
      <c r="F2654">
        <v>5</v>
      </c>
      <c r="G2654" t="s">
        <v>765</v>
      </c>
      <c r="H2654" t="s">
        <v>4994</v>
      </c>
      <c r="I2654" t="s">
        <v>30540</v>
      </c>
    </row>
    <row r="2655" spans="1:9">
      <c r="A2655" s="1">
        <v>0.83635687682242255</v>
      </c>
      <c r="B2655" s="1"/>
      <c r="C2655">
        <v>16</v>
      </c>
      <c r="D2655" t="s">
        <v>4997</v>
      </c>
      <c r="E2655" t="s">
        <v>31786</v>
      </c>
      <c r="F2655">
        <v>4</v>
      </c>
      <c r="G2655" t="s">
        <v>10</v>
      </c>
      <c r="H2655" t="s">
        <v>4998</v>
      </c>
      <c r="I2655" t="s">
        <v>30540</v>
      </c>
    </row>
    <row r="2656" spans="1:9">
      <c r="A2656" s="1">
        <v>0.74680447312735376</v>
      </c>
      <c r="B2656" s="1"/>
      <c r="C2656">
        <v>12</v>
      </c>
      <c r="D2656" t="s">
        <v>4995</v>
      </c>
      <c r="E2656" t="s">
        <v>31786</v>
      </c>
      <c r="F2656">
        <v>4</v>
      </c>
      <c r="G2656" t="s">
        <v>9</v>
      </c>
      <c r="H2656" t="s">
        <v>4996</v>
      </c>
      <c r="I2656" t="s">
        <v>30540</v>
      </c>
    </row>
    <row r="2657" spans="1:9">
      <c r="A2657" s="1">
        <v>0.26737438401689528</v>
      </c>
      <c r="B2657" s="1"/>
      <c r="C2657">
        <v>20</v>
      </c>
      <c r="D2657" t="s">
        <v>4999</v>
      </c>
      <c r="E2657" t="s">
        <v>31786</v>
      </c>
      <c r="F2657">
        <v>3</v>
      </c>
      <c r="G2657" t="s">
        <v>10</v>
      </c>
      <c r="H2657" t="s">
        <v>5000</v>
      </c>
      <c r="I2657" t="s">
        <v>30540</v>
      </c>
    </row>
    <row r="2658" spans="1:9">
      <c r="A2658" s="1">
        <v>0.94168680178891562</v>
      </c>
      <c r="B2658" s="1"/>
      <c r="C2658">
        <v>19</v>
      </c>
      <c r="D2658" t="s">
        <v>4989</v>
      </c>
      <c r="E2658" t="s">
        <v>31787</v>
      </c>
      <c r="F2658">
        <v>5</v>
      </c>
      <c r="G2658" t="s">
        <v>10</v>
      </c>
      <c r="H2658" t="s">
        <v>4990</v>
      </c>
      <c r="I2658" t="s">
        <v>30540</v>
      </c>
    </row>
    <row r="2659" spans="1:9">
      <c r="A2659" s="1">
        <v>0.58720770881734419</v>
      </c>
      <c r="B2659" s="1"/>
      <c r="C2659">
        <v>8</v>
      </c>
      <c r="D2659" t="s">
        <v>4981</v>
      </c>
      <c r="E2659" t="s">
        <v>31787</v>
      </c>
      <c r="F2659">
        <v>4</v>
      </c>
      <c r="G2659" t="s">
        <v>2</v>
      </c>
      <c r="H2659" t="s">
        <v>4982</v>
      </c>
      <c r="I2659" t="s">
        <v>30540</v>
      </c>
    </row>
    <row r="2660" spans="1:9">
      <c r="A2660" s="1">
        <v>0.99027127813531002</v>
      </c>
      <c r="B2660" s="1"/>
      <c r="C2660">
        <v>4</v>
      </c>
      <c r="D2660" t="s">
        <v>4977</v>
      </c>
      <c r="E2660" t="s">
        <v>31787</v>
      </c>
      <c r="F2660">
        <v>4</v>
      </c>
      <c r="G2660" t="s">
        <v>10</v>
      </c>
      <c r="H2660" t="s">
        <v>4978</v>
      </c>
      <c r="I2660" t="s">
        <v>30540</v>
      </c>
    </row>
    <row r="2661" spans="1:9">
      <c r="A2661" s="1">
        <v>0.45536442833110036</v>
      </c>
      <c r="B2661" s="1"/>
      <c r="C2661">
        <v>20</v>
      </c>
      <c r="D2661" t="s">
        <v>4991</v>
      </c>
      <c r="E2661" t="s">
        <v>31787</v>
      </c>
      <c r="F2661">
        <v>4</v>
      </c>
      <c r="G2661" t="s">
        <v>10</v>
      </c>
      <c r="H2661" t="s">
        <v>4992</v>
      </c>
      <c r="I2661" t="s">
        <v>30540</v>
      </c>
    </row>
    <row r="2662" spans="1:9">
      <c r="A2662" s="1">
        <v>0.77183173587419218</v>
      </c>
      <c r="B2662" s="1"/>
      <c r="C2662">
        <v>14</v>
      </c>
      <c r="D2662" t="s">
        <v>4985</v>
      </c>
      <c r="E2662" t="s">
        <v>31787</v>
      </c>
      <c r="F2662">
        <v>3</v>
      </c>
      <c r="G2662" t="s">
        <v>10</v>
      </c>
      <c r="H2662" t="s">
        <v>4986</v>
      </c>
      <c r="I2662" t="s">
        <v>30540</v>
      </c>
    </row>
    <row r="2663" spans="1:9">
      <c r="A2663" s="1">
        <v>0.56572649435549949</v>
      </c>
      <c r="B2663" s="1"/>
      <c r="C2663">
        <v>15</v>
      </c>
      <c r="D2663" t="s">
        <v>4987</v>
      </c>
      <c r="E2663" t="s">
        <v>31787</v>
      </c>
      <c r="F2663">
        <v>3</v>
      </c>
      <c r="G2663" t="s">
        <v>10</v>
      </c>
      <c r="H2663" t="s">
        <v>4988</v>
      </c>
      <c r="I2663" t="s">
        <v>30540</v>
      </c>
    </row>
    <row r="2664" spans="1:9">
      <c r="A2664" s="1">
        <v>0.915189087534098</v>
      </c>
      <c r="B2664" s="1"/>
      <c r="C2664">
        <v>5</v>
      </c>
      <c r="D2664" t="s">
        <v>4963</v>
      </c>
      <c r="E2664" t="s">
        <v>31788</v>
      </c>
      <c r="F2664">
        <v>5</v>
      </c>
      <c r="G2664" t="s">
        <v>774</v>
      </c>
      <c r="H2664" t="s">
        <v>4964</v>
      </c>
      <c r="I2664" t="s">
        <v>30540</v>
      </c>
    </row>
    <row r="2665" spans="1:9">
      <c r="A2665" s="1">
        <v>0.2131553119979207</v>
      </c>
      <c r="B2665" s="1"/>
      <c r="C2665">
        <v>9</v>
      </c>
      <c r="D2665" t="s">
        <v>4967</v>
      </c>
      <c r="E2665" t="s">
        <v>31788</v>
      </c>
      <c r="F2665">
        <v>5</v>
      </c>
      <c r="G2665" t="s">
        <v>10</v>
      </c>
      <c r="H2665" t="s">
        <v>4968</v>
      </c>
      <c r="I2665" t="s">
        <v>30540</v>
      </c>
    </row>
    <row r="2666" spans="1:9">
      <c r="A2666" s="1">
        <v>0.14082669758110855</v>
      </c>
      <c r="B2666" s="1"/>
      <c r="C2666">
        <v>1</v>
      </c>
      <c r="D2666" t="s">
        <v>4957</v>
      </c>
      <c r="E2666" t="s">
        <v>31788</v>
      </c>
      <c r="F2666">
        <v>4</v>
      </c>
      <c r="G2666" t="s">
        <v>13</v>
      </c>
      <c r="H2666" t="s">
        <v>4958</v>
      </c>
      <c r="I2666" t="s">
        <v>30540</v>
      </c>
    </row>
    <row r="2667" spans="1:9">
      <c r="A2667" s="1">
        <v>0.42994415414521892</v>
      </c>
      <c r="B2667" s="1"/>
      <c r="C2667">
        <v>15</v>
      </c>
      <c r="D2667" t="s">
        <v>4971</v>
      </c>
      <c r="E2667" t="s">
        <v>31788</v>
      </c>
      <c r="F2667">
        <v>4</v>
      </c>
      <c r="G2667" t="s">
        <v>0</v>
      </c>
      <c r="H2667" t="s">
        <v>4972</v>
      </c>
      <c r="I2667" t="s">
        <v>30540</v>
      </c>
    </row>
    <row r="2668" spans="1:9">
      <c r="A2668" s="1">
        <v>0.14141341839382682</v>
      </c>
      <c r="B2668" s="1"/>
      <c r="C2668">
        <v>7</v>
      </c>
      <c r="D2668" t="s">
        <v>4965</v>
      </c>
      <c r="E2668" t="s">
        <v>31788</v>
      </c>
      <c r="F2668">
        <v>4</v>
      </c>
      <c r="G2668" t="s">
        <v>13</v>
      </c>
      <c r="H2668" t="s">
        <v>4966</v>
      </c>
      <c r="I2668" t="s">
        <v>30540</v>
      </c>
    </row>
    <row r="2669" spans="1:9">
      <c r="A2669" s="1">
        <v>0.10995146224030727</v>
      </c>
      <c r="B2669" s="1"/>
      <c r="C2669">
        <v>4</v>
      </c>
      <c r="D2669" t="s">
        <v>4961</v>
      </c>
      <c r="E2669" t="s">
        <v>31788</v>
      </c>
      <c r="F2669">
        <v>4</v>
      </c>
      <c r="G2669" t="s">
        <v>9</v>
      </c>
      <c r="H2669" t="s">
        <v>4962</v>
      </c>
      <c r="I2669" t="s">
        <v>30540</v>
      </c>
    </row>
    <row r="2670" spans="1:9">
      <c r="A2670" s="1">
        <v>0.83443171553063933</v>
      </c>
      <c r="B2670" s="1"/>
      <c r="C2670">
        <v>2</v>
      </c>
      <c r="D2670" t="s">
        <v>4959</v>
      </c>
      <c r="E2670" t="s">
        <v>31788</v>
      </c>
      <c r="F2670">
        <v>3</v>
      </c>
      <c r="G2670" t="s">
        <v>14</v>
      </c>
      <c r="H2670" t="s">
        <v>4960</v>
      </c>
      <c r="I2670" t="s">
        <v>30540</v>
      </c>
    </row>
    <row r="2671" spans="1:9">
      <c r="A2671" s="1">
        <v>0.28911713097468206</v>
      </c>
      <c r="B2671" s="1"/>
      <c r="C2671">
        <v>11</v>
      </c>
      <c r="D2671" t="s">
        <v>4969</v>
      </c>
      <c r="E2671" t="s">
        <v>31788</v>
      </c>
      <c r="F2671">
        <v>3</v>
      </c>
      <c r="G2671" t="s">
        <v>10</v>
      </c>
      <c r="H2671" t="s">
        <v>4970</v>
      </c>
      <c r="I2671" t="s">
        <v>30540</v>
      </c>
    </row>
    <row r="2672" spans="1:9">
      <c r="A2672" s="1">
        <v>0.67821056282359771</v>
      </c>
      <c r="B2672" s="1"/>
      <c r="C2672">
        <v>19</v>
      </c>
      <c r="D2672" t="s">
        <v>4955</v>
      </c>
      <c r="E2672" t="s">
        <v>31789</v>
      </c>
      <c r="F2672">
        <v>5</v>
      </c>
      <c r="G2672" t="s">
        <v>10</v>
      </c>
      <c r="H2672" t="s">
        <v>4956</v>
      </c>
      <c r="I2672" t="s">
        <v>30540</v>
      </c>
    </row>
    <row r="2673" spans="1:9">
      <c r="A2673" s="1">
        <v>0.603568303240822</v>
      </c>
      <c r="B2673" s="1"/>
      <c r="C2673">
        <v>9</v>
      </c>
      <c r="D2673" t="s">
        <v>4945</v>
      </c>
      <c r="E2673" t="s">
        <v>31790</v>
      </c>
      <c r="F2673">
        <v>5</v>
      </c>
      <c r="G2673" t="s">
        <v>13</v>
      </c>
      <c r="H2673" t="s">
        <v>4946</v>
      </c>
      <c r="I2673" t="s">
        <v>30540</v>
      </c>
    </row>
    <row r="2674" spans="1:9">
      <c r="A2674" s="1">
        <v>0.72886455690711172</v>
      </c>
      <c r="B2674" s="1"/>
      <c r="C2674">
        <v>5</v>
      </c>
      <c r="D2674" t="s">
        <v>4943</v>
      </c>
      <c r="E2674" t="s">
        <v>31790</v>
      </c>
      <c r="F2674">
        <v>4</v>
      </c>
      <c r="G2674" t="s">
        <v>2</v>
      </c>
      <c r="H2674" t="s">
        <v>4944</v>
      </c>
      <c r="I2674" t="s">
        <v>30540</v>
      </c>
    </row>
    <row r="2675" spans="1:9">
      <c r="A2675" s="1">
        <v>0.38614559578986019</v>
      </c>
      <c r="B2675" s="1"/>
      <c r="C2675">
        <v>16</v>
      </c>
      <c r="D2675" t="s">
        <v>4949</v>
      </c>
      <c r="E2675" t="s">
        <v>31790</v>
      </c>
      <c r="F2675">
        <v>4</v>
      </c>
      <c r="G2675" t="s">
        <v>10</v>
      </c>
      <c r="H2675" t="s">
        <v>4950</v>
      </c>
      <c r="I2675" t="s">
        <v>30540</v>
      </c>
    </row>
    <row r="2676" spans="1:9">
      <c r="A2676" s="1">
        <v>0.72476496758577391</v>
      </c>
      <c r="B2676" s="1"/>
      <c r="C2676">
        <v>17</v>
      </c>
      <c r="D2676" t="s">
        <v>4951</v>
      </c>
      <c r="E2676" t="s">
        <v>31790</v>
      </c>
      <c r="F2676">
        <v>4</v>
      </c>
      <c r="G2676" t="s">
        <v>10</v>
      </c>
      <c r="H2676" t="s">
        <v>4952</v>
      </c>
      <c r="I2676" t="s">
        <v>30540</v>
      </c>
    </row>
    <row r="2677" spans="1:9">
      <c r="A2677" s="1">
        <v>0.71095640328183785</v>
      </c>
      <c r="B2677" s="1"/>
      <c r="C2677">
        <v>14</v>
      </c>
      <c r="D2677" t="s">
        <v>4947</v>
      </c>
      <c r="E2677" t="s">
        <v>31790</v>
      </c>
      <c r="F2677">
        <v>4</v>
      </c>
      <c r="G2677" t="s">
        <v>10</v>
      </c>
      <c r="H2677" t="s">
        <v>4948</v>
      </c>
      <c r="I2677" t="s">
        <v>30540</v>
      </c>
    </row>
    <row r="2678" spans="1:9">
      <c r="A2678" s="1">
        <v>0.73106356496866409</v>
      </c>
      <c r="B2678" s="1"/>
      <c r="C2678">
        <v>1</v>
      </c>
      <c r="D2678" t="s">
        <v>4937</v>
      </c>
      <c r="E2678" t="s">
        <v>31791</v>
      </c>
      <c r="F2678">
        <v>3</v>
      </c>
      <c r="G2678" t="s">
        <v>1295</v>
      </c>
      <c r="H2678" t="s">
        <v>4938</v>
      </c>
      <c r="I2678" t="s">
        <v>30540</v>
      </c>
    </row>
    <row r="2679" spans="1:9">
      <c r="A2679" s="1">
        <v>2.5349135707994574E-2</v>
      </c>
      <c r="B2679" s="1"/>
      <c r="C2679">
        <v>12</v>
      </c>
      <c r="D2679" t="s">
        <v>4941</v>
      </c>
      <c r="E2679" t="s">
        <v>31791</v>
      </c>
      <c r="F2679">
        <v>3</v>
      </c>
      <c r="G2679" t="s">
        <v>9</v>
      </c>
      <c r="H2679" t="s">
        <v>4942</v>
      </c>
      <c r="I2679" t="s">
        <v>30540</v>
      </c>
    </row>
    <row r="2680" spans="1:9">
      <c r="A2680" s="1">
        <v>0.97325777618567622</v>
      </c>
      <c r="B2680" s="1"/>
      <c r="C2680">
        <v>2</v>
      </c>
      <c r="D2680" t="s">
        <v>4933</v>
      </c>
      <c r="E2680" t="s">
        <v>31792</v>
      </c>
      <c r="F2680">
        <v>4</v>
      </c>
      <c r="G2680" t="s">
        <v>13</v>
      </c>
      <c r="H2680" t="s">
        <v>4934</v>
      </c>
      <c r="I2680" t="s">
        <v>30540</v>
      </c>
    </row>
    <row r="2681" spans="1:9">
      <c r="A2681" s="1">
        <v>0.30818715298936217</v>
      </c>
      <c r="B2681" s="1"/>
      <c r="C2681">
        <v>15</v>
      </c>
      <c r="D2681" t="s">
        <v>4935</v>
      </c>
      <c r="E2681" t="s">
        <v>31792</v>
      </c>
      <c r="F2681">
        <v>3</v>
      </c>
      <c r="G2681" t="s">
        <v>10</v>
      </c>
      <c r="H2681" t="s">
        <v>4936</v>
      </c>
      <c r="I2681" t="s">
        <v>30540</v>
      </c>
    </row>
    <row r="2682" spans="1:9">
      <c r="A2682" s="1">
        <v>1.6745648254649192E-2</v>
      </c>
      <c r="B2682" s="1"/>
      <c r="C2682">
        <v>17</v>
      </c>
      <c r="D2682" t="s">
        <v>4927</v>
      </c>
      <c r="E2682" t="s">
        <v>31793</v>
      </c>
      <c r="F2682">
        <v>4</v>
      </c>
      <c r="G2682" t="s">
        <v>10</v>
      </c>
      <c r="H2682" t="s">
        <v>4928</v>
      </c>
      <c r="I2682" t="s">
        <v>30540</v>
      </c>
    </row>
    <row r="2683" spans="1:9">
      <c r="A2683" s="1">
        <v>0.49614023271481922</v>
      </c>
      <c r="B2683" s="1"/>
      <c r="C2683">
        <v>15</v>
      </c>
      <c r="D2683" t="s">
        <v>4925</v>
      </c>
      <c r="E2683" t="s">
        <v>31793</v>
      </c>
      <c r="F2683">
        <v>4</v>
      </c>
      <c r="G2683" t="s">
        <v>10</v>
      </c>
      <c r="H2683" t="s">
        <v>4926</v>
      </c>
      <c r="I2683" t="s">
        <v>30540</v>
      </c>
    </row>
    <row r="2684" spans="1:9">
      <c r="A2684" s="1">
        <v>3.5357427495300464E-2</v>
      </c>
      <c r="B2684" s="1"/>
      <c r="C2684">
        <v>19</v>
      </c>
      <c r="D2684" t="s">
        <v>4931</v>
      </c>
      <c r="E2684" t="s">
        <v>31793</v>
      </c>
      <c r="F2684">
        <v>4</v>
      </c>
      <c r="G2684" t="s">
        <v>10</v>
      </c>
      <c r="H2684" t="s">
        <v>4932</v>
      </c>
      <c r="I2684" t="s">
        <v>30540</v>
      </c>
    </row>
    <row r="2685" spans="1:9">
      <c r="A2685" s="1">
        <v>0.1490581633081457</v>
      </c>
      <c r="B2685" s="1"/>
      <c r="C2685">
        <v>5</v>
      </c>
      <c r="D2685" t="s">
        <v>4915</v>
      </c>
      <c r="E2685" t="s">
        <v>31794</v>
      </c>
      <c r="F2685">
        <v>4</v>
      </c>
      <c r="G2685" t="s">
        <v>9</v>
      </c>
      <c r="H2685" t="s">
        <v>4916</v>
      </c>
      <c r="I2685" t="s">
        <v>30540</v>
      </c>
    </row>
    <row r="2686" spans="1:9">
      <c r="A2686" s="1">
        <v>0.93767125523905392</v>
      </c>
      <c r="B2686" s="1"/>
      <c r="C2686">
        <v>20</v>
      </c>
      <c r="D2686" t="s">
        <v>4923</v>
      </c>
      <c r="E2686" t="s">
        <v>31794</v>
      </c>
      <c r="F2686">
        <v>4</v>
      </c>
      <c r="G2686" t="s">
        <v>10</v>
      </c>
      <c r="H2686" t="s">
        <v>4924</v>
      </c>
      <c r="I2686" t="s">
        <v>30540</v>
      </c>
    </row>
    <row r="2687" spans="1:9">
      <c r="A2687" s="1">
        <v>0.9285415429746573</v>
      </c>
      <c r="B2687" s="1"/>
      <c r="C2687">
        <v>10</v>
      </c>
      <c r="D2687" t="s">
        <v>4917</v>
      </c>
      <c r="E2687" t="s">
        <v>31794</v>
      </c>
      <c r="F2687">
        <v>3</v>
      </c>
      <c r="G2687" t="s">
        <v>0</v>
      </c>
      <c r="H2687" t="s">
        <v>4918</v>
      </c>
      <c r="I2687" t="s">
        <v>30540</v>
      </c>
    </row>
    <row r="2688" spans="1:9">
      <c r="A2688" s="1">
        <v>0.39484425461387485</v>
      </c>
      <c r="B2688" s="1"/>
      <c r="C2688">
        <v>8</v>
      </c>
      <c r="D2688" t="s">
        <v>4911</v>
      </c>
      <c r="E2688" t="s">
        <v>31795</v>
      </c>
      <c r="F2688">
        <v>4</v>
      </c>
      <c r="G2688" t="s">
        <v>10</v>
      </c>
      <c r="H2688" t="s">
        <v>4912</v>
      </c>
      <c r="I2688" t="s">
        <v>30540</v>
      </c>
    </row>
    <row r="2689" spans="1:9">
      <c r="A2689" s="1">
        <v>0.76011115824506914</v>
      </c>
      <c r="B2689" s="1"/>
      <c r="C2689">
        <v>15</v>
      </c>
      <c r="D2689" t="s">
        <v>4913</v>
      </c>
      <c r="E2689" t="s">
        <v>31795</v>
      </c>
      <c r="F2689">
        <v>3</v>
      </c>
      <c r="G2689" t="s">
        <v>10</v>
      </c>
      <c r="H2689" t="s">
        <v>4914</v>
      </c>
      <c r="I2689" t="s">
        <v>30540</v>
      </c>
    </row>
    <row r="2690" spans="1:9">
      <c r="A2690" s="1">
        <v>0.23180436420476291</v>
      </c>
      <c r="B2690" s="1"/>
      <c r="C2690">
        <v>4</v>
      </c>
      <c r="D2690" t="s">
        <v>4909</v>
      </c>
      <c r="E2690" t="s">
        <v>31795</v>
      </c>
      <c r="F2690">
        <v>3</v>
      </c>
      <c r="G2690" t="s">
        <v>2</v>
      </c>
      <c r="H2690" t="s">
        <v>4910</v>
      </c>
      <c r="I2690" t="s">
        <v>30540</v>
      </c>
    </row>
    <row r="2691" spans="1:9">
      <c r="A2691" s="1">
        <v>0.61425190499691384</v>
      </c>
      <c r="B2691" s="1"/>
      <c r="C2691">
        <v>20</v>
      </c>
      <c r="D2691" t="s">
        <v>4907</v>
      </c>
      <c r="E2691" t="s">
        <v>31796</v>
      </c>
      <c r="F2691">
        <v>4</v>
      </c>
      <c r="G2691" t="s">
        <v>10</v>
      </c>
      <c r="H2691" t="s">
        <v>4908</v>
      </c>
      <c r="I2691" t="s">
        <v>30540</v>
      </c>
    </row>
    <row r="2692" spans="1:9">
      <c r="A2692" s="1">
        <v>0.8503472805001081</v>
      </c>
      <c r="B2692" s="1"/>
      <c r="C2692">
        <v>19</v>
      </c>
      <c r="D2692" t="s">
        <v>4905</v>
      </c>
      <c r="E2692" t="s">
        <v>31796</v>
      </c>
      <c r="F2692">
        <v>4</v>
      </c>
      <c r="G2692" t="s">
        <v>769</v>
      </c>
      <c r="H2692" t="s">
        <v>4906</v>
      </c>
      <c r="I2692" t="s">
        <v>30540</v>
      </c>
    </row>
    <row r="2693" spans="1:9">
      <c r="A2693" s="1">
        <v>0.10166872678051053</v>
      </c>
      <c r="B2693" s="1"/>
      <c r="C2693">
        <v>1</v>
      </c>
      <c r="D2693" t="s">
        <v>4899</v>
      </c>
      <c r="E2693" t="s">
        <v>31796</v>
      </c>
      <c r="F2693">
        <v>3</v>
      </c>
      <c r="G2693" t="s">
        <v>765</v>
      </c>
      <c r="H2693" t="s">
        <v>4900</v>
      </c>
      <c r="I2693" t="s">
        <v>30540</v>
      </c>
    </row>
    <row r="2694" spans="1:9">
      <c r="A2694" s="1">
        <v>0.36876020294001222</v>
      </c>
      <c r="B2694" s="1"/>
      <c r="C2694">
        <v>17</v>
      </c>
      <c r="D2694" t="s">
        <v>4901</v>
      </c>
      <c r="E2694" t="s">
        <v>31796</v>
      </c>
      <c r="F2694">
        <v>3</v>
      </c>
      <c r="G2694" t="s">
        <v>10</v>
      </c>
      <c r="H2694" t="s">
        <v>4902</v>
      </c>
      <c r="I2694" t="s">
        <v>30540</v>
      </c>
    </row>
    <row r="2695" spans="1:9">
      <c r="A2695" s="1">
        <v>0.48014365869440767</v>
      </c>
      <c r="B2695" s="1"/>
      <c r="C2695">
        <v>9</v>
      </c>
      <c r="D2695" t="s">
        <v>4889</v>
      </c>
      <c r="E2695" t="s">
        <v>31797</v>
      </c>
      <c r="F2695">
        <v>5</v>
      </c>
      <c r="G2695" t="s">
        <v>10</v>
      </c>
      <c r="H2695" t="s">
        <v>4890</v>
      </c>
      <c r="I2695" t="s">
        <v>30540</v>
      </c>
    </row>
    <row r="2696" spans="1:9">
      <c r="A2696" s="1">
        <v>0.34540089210117531</v>
      </c>
      <c r="B2696" s="1"/>
      <c r="C2696">
        <v>5</v>
      </c>
      <c r="D2696" t="s">
        <v>4887</v>
      </c>
      <c r="E2696" t="s">
        <v>31797</v>
      </c>
      <c r="F2696">
        <v>5</v>
      </c>
      <c r="G2696" t="s">
        <v>13</v>
      </c>
      <c r="H2696" t="s">
        <v>4888</v>
      </c>
      <c r="I2696" t="s">
        <v>30540</v>
      </c>
    </row>
    <row r="2697" spans="1:9">
      <c r="A2697" s="1">
        <v>0.68314590906215211</v>
      </c>
      <c r="B2697" s="1"/>
      <c r="C2697">
        <v>14</v>
      </c>
      <c r="D2697" t="s">
        <v>4897</v>
      </c>
      <c r="E2697" t="s">
        <v>31797</v>
      </c>
      <c r="F2697">
        <v>4</v>
      </c>
      <c r="G2697" t="s">
        <v>10</v>
      </c>
      <c r="H2697" t="s">
        <v>4898</v>
      </c>
      <c r="I2697" t="s">
        <v>30540</v>
      </c>
    </row>
    <row r="2698" spans="1:9">
      <c r="A2698" s="1">
        <v>0.95708749990335518</v>
      </c>
      <c r="B2698" s="1"/>
      <c r="C2698">
        <v>2</v>
      </c>
      <c r="D2698" t="s">
        <v>4883</v>
      </c>
      <c r="E2698" t="s">
        <v>31797</v>
      </c>
      <c r="F2698">
        <v>4</v>
      </c>
      <c r="G2698" t="s">
        <v>10</v>
      </c>
      <c r="H2698" t="s">
        <v>4884</v>
      </c>
      <c r="I2698" t="s">
        <v>30540</v>
      </c>
    </row>
    <row r="2699" spans="1:9">
      <c r="A2699" s="1">
        <v>0.27817318861330631</v>
      </c>
      <c r="B2699" s="1"/>
      <c r="C2699">
        <v>4</v>
      </c>
      <c r="D2699" t="s">
        <v>4885</v>
      </c>
      <c r="E2699" t="s">
        <v>31797</v>
      </c>
      <c r="F2699">
        <v>4</v>
      </c>
      <c r="G2699" t="s">
        <v>15</v>
      </c>
      <c r="H2699" t="s">
        <v>4886</v>
      </c>
      <c r="I2699" t="s">
        <v>30540</v>
      </c>
    </row>
    <row r="2700" spans="1:9">
      <c r="A2700" s="1">
        <v>0.67348613992936135</v>
      </c>
      <c r="B2700" s="1"/>
      <c r="C2700">
        <v>10</v>
      </c>
      <c r="D2700" t="s">
        <v>4891</v>
      </c>
      <c r="E2700" t="s">
        <v>31797</v>
      </c>
      <c r="F2700">
        <v>4</v>
      </c>
      <c r="G2700" t="s">
        <v>2</v>
      </c>
      <c r="H2700" t="s">
        <v>4892</v>
      </c>
      <c r="I2700" t="s">
        <v>30540</v>
      </c>
    </row>
    <row r="2701" spans="1:9">
      <c r="A2701" s="1">
        <v>0.80706574750712978</v>
      </c>
      <c r="B2701" s="1"/>
      <c r="C2701">
        <v>12</v>
      </c>
      <c r="D2701" t="s">
        <v>4893</v>
      </c>
      <c r="E2701" t="s">
        <v>31797</v>
      </c>
      <c r="F2701">
        <v>3</v>
      </c>
      <c r="G2701" t="s">
        <v>1</v>
      </c>
      <c r="H2701" t="s">
        <v>4894</v>
      </c>
      <c r="I2701" t="s">
        <v>30540</v>
      </c>
    </row>
    <row r="2702" spans="1:9">
      <c r="A2702" s="1">
        <v>0.89830449879492569</v>
      </c>
      <c r="B2702" s="1"/>
      <c r="C2702">
        <v>13</v>
      </c>
      <c r="D2702" t="s">
        <v>4895</v>
      </c>
      <c r="E2702" t="s">
        <v>31797</v>
      </c>
      <c r="F2702">
        <v>3</v>
      </c>
      <c r="G2702" t="s">
        <v>10</v>
      </c>
      <c r="H2702" t="s">
        <v>4896</v>
      </c>
      <c r="I2702" t="s">
        <v>30540</v>
      </c>
    </row>
    <row r="2703" spans="1:9">
      <c r="A2703" s="1">
        <v>0.49377785139268948</v>
      </c>
      <c r="B2703" s="1"/>
      <c r="C2703">
        <v>11</v>
      </c>
      <c r="D2703" t="s">
        <v>4873</v>
      </c>
      <c r="E2703" t="s">
        <v>31798</v>
      </c>
      <c r="F2703">
        <v>5</v>
      </c>
      <c r="G2703" t="s">
        <v>9</v>
      </c>
      <c r="H2703" t="s">
        <v>4874</v>
      </c>
      <c r="I2703" t="s">
        <v>30540</v>
      </c>
    </row>
    <row r="2704" spans="1:9">
      <c r="A2704" s="1">
        <v>0.86473511803459702</v>
      </c>
      <c r="B2704" s="1"/>
      <c r="C2704">
        <v>14</v>
      </c>
      <c r="D2704" t="s">
        <v>4875</v>
      </c>
      <c r="E2704" t="s">
        <v>31798</v>
      </c>
      <c r="F2704">
        <v>5</v>
      </c>
      <c r="G2704" t="s">
        <v>15</v>
      </c>
      <c r="H2704" t="s">
        <v>4876</v>
      </c>
      <c r="I2704" t="s">
        <v>30540</v>
      </c>
    </row>
    <row r="2705" spans="1:9">
      <c r="A2705" s="1">
        <v>0.73285612494325991</v>
      </c>
      <c r="B2705" s="1"/>
      <c r="C2705">
        <v>16</v>
      </c>
      <c r="D2705" t="s">
        <v>4877</v>
      </c>
      <c r="E2705" t="s">
        <v>31798</v>
      </c>
      <c r="F2705">
        <v>3</v>
      </c>
      <c r="G2705" t="s">
        <v>10</v>
      </c>
      <c r="H2705" t="s">
        <v>4878</v>
      </c>
      <c r="I2705" t="s">
        <v>30540</v>
      </c>
    </row>
    <row r="2706" spans="1:9">
      <c r="A2706" s="1">
        <v>0.58755244342300805</v>
      </c>
      <c r="B2706" s="1"/>
      <c r="C2706">
        <v>18</v>
      </c>
      <c r="D2706" t="s">
        <v>4879</v>
      </c>
      <c r="E2706" t="s">
        <v>31798</v>
      </c>
      <c r="F2706">
        <v>3</v>
      </c>
      <c r="G2706" t="s">
        <v>10</v>
      </c>
      <c r="H2706" t="s">
        <v>4880</v>
      </c>
      <c r="I2706" t="s">
        <v>30540</v>
      </c>
    </row>
    <row r="2707" spans="1:9">
      <c r="A2707" s="1">
        <v>0.48549554315584553</v>
      </c>
      <c r="B2707" s="1"/>
      <c r="C2707">
        <v>16</v>
      </c>
      <c r="D2707" t="s">
        <v>4869</v>
      </c>
      <c r="E2707" t="s">
        <v>31799</v>
      </c>
      <c r="F2707">
        <v>4</v>
      </c>
      <c r="G2707" t="s">
        <v>10</v>
      </c>
      <c r="H2707" t="s">
        <v>4870</v>
      </c>
      <c r="I2707" t="s">
        <v>30540</v>
      </c>
    </row>
    <row r="2708" spans="1:9">
      <c r="A2708" s="1">
        <v>0.69953626625998166</v>
      </c>
      <c r="B2708" s="1"/>
      <c r="C2708">
        <v>4</v>
      </c>
      <c r="D2708" t="s">
        <v>4867</v>
      </c>
      <c r="E2708" t="s">
        <v>31799</v>
      </c>
      <c r="F2708">
        <v>4</v>
      </c>
      <c r="G2708" t="s">
        <v>0</v>
      </c>
      <c r="H2708" t="s">
        <v>4868</v>
      </c>
      <c r="I2708" t="s">
        <v>30540</v>
      </c>
    </row>
    <row r="2709" spans="1:9">
      <c r="A2709" s="1">
        <v>0.24427978637906567</v>
      </c>
      <c r="B2709" s="1"/>
      <c r="C2709">
        <v>16</v>
      </c>
      <c r="D2709" t="s">
        <v>4863</v>
      </c>
      <c r="E2709" t="s">
        <v>31800</v>
      </c>
      <c r="F2709">
        <v>5</v>
      </c>
      <c r="G2709" t="s">
        <v>10</v>
      </c>
      <c r="H2709" t="s">
        <v>4864</v>
      </c>
      <c r="I2709" t="s">
        <v>30540</v>
      </c>
    </row>
    <row r="2710" spans="1:9">
      <c r="A2710" s="1">
        <v>0.25557945121481374</v>
      </c>
      <c r="B2710" s="1"/>
      <c r="C2710">
        <v>9</v>
      </c>
      <c r="D2710" t="s">
        <v>4859</v>
      </c>
      <c r="E2710" t="s">
        <v>31800</v>
      </c>
      <c r="F2710">
        <v>4</v>
      </c>
      <c r="G2710" t="s">
        <v>15</v>
      </c>
      <c r="H2710" t="s">
        <v>4860</v>
      </c>
      <c r="I2710" t="s">
        <v>30540</v>
      </c>
    </row>
    <row r="2711" spans="1:9">
      <c r="A2711" s="1">
        <v>0.24749093045248904</v>
      </c>
      <c r="B2711" s="1"/>
      <c r="C2711">
        <v>6</v>
      </c>
      <c r="D2711" t="s">
        <v>4857</v>
      </c>
      <c r="E2711" t="s">
        <v>31800</v>
      </c>
      <c r="F2711">
        <v>4</v>
      </c>
      <c r="G2711" t="s">
        <v>15</v>
      </c>
      <c r="H2711" t="s">
        <v>4858</v>
      </c>
      <c r="I2711" t="s">
        <v>30540</v>
      </c>
    </row>
    <row r="2712" spans="1:9">
      <c r="A2712" s="1">
        <v>0.91977820427215562</v>
      </c>
      <c r="B2712" s="1"/>
      <c r="C2712">
        <v>12</v>
      </c>
      <c r="D2712" t="s">
        <v>4861</v>
      </c>
      <c r="E2712" t="s">
        <v>31800</v>
      </c>
      <c r="F2712">
        <v>3</v>
      </c>
      <c r="G2712" t="s">
        <v>10</v>
      </c>
      <c r="H2712" t="s">
        <v>4862</v>
      </c>
      <c r="I2712" t="s">
        <v>30540</v>
      </c>
    </row>
    <row r="2713" spans="1:9">
      <c r="A2713" s="1">
        <v>0.51673553288232332</v>
      </c>
      <c r="B2713" s="1"/>
      <c r="C2713">
        <v>19</v>
      </c>
      <c r="D2713" t="s">
        <v>4853</v>
      </c>
      <c r="E2713" t="s">
        <v>31801</v>
      </c>
      <c r="F2713">
        <v>5</v>
      </c>
      <c r="G2713" t="s">
        <v>9</v>
      </c>
      <c r="H2713" t="s">
        <v>4854</v>
      </c>
      <c r="I2713" t="s">
        <v>30540</v>
      </c>
    </row>
    <row r="2714" spans="1:9">
      <c r="A2714" s="1">
        <v>0.49660640616779361</v>
      </c>
      <c r="B2714" s="1"/>
      <c r="C2714">
        <v>20</v>
      </c>
      <c r="D2714" t="s">
        <v>4855</v>
      </c>
      <c r="E2714" t="s">
        <v>31801</v>
      </c>
      <c r="F2714">
        <v>4</v>
      </c>
      <c r="G2714" t="s">
        <v>9</v>
      </c>
      <c r="H2714" t="s">
        <v>4856</v>
      </c>
      <c r="I2714" t="s">
        <v>30540</v>
      </c>
    </row>
    <row r="2715" spans="1:9">
      <c r="A2715" s="1">
        <v>0.93313333008491584</v>
      </c>
      <c r="B2715" s="1"/>
      <c r="C2715">
        <v>17</v>
      </c>
      <c r="D2715" t="s">
        <v>4851</v>
      </c>
      <c r="E2715" t="s">
        <v>31801</v>
      </c>
      <c r="F2715">
        <v>4</v>
      </c>
      <c r="G2715" t="s">
        <v>1295</v>
      </c>
      <c r="H2715" t="s">
        <v>4852</v>
      </c>
      <c r="I2715" t="s">
        <v>30540</v>
      </c>
    </row>
    <row r="2716" spans="1:9">
      <c r="A2716" s="1">
        <v>2.7271644953072771E-2</v>
      </c>
      <c r="B2716" s="1"/>
      <c r="C2716">
        <v>2</v>
      </c>
      <c r="D2716" t="s">
        <v>4843</v>
      </c>
      <c r="E2716" t="s">
        <v>31802</v>
      </c>
      <c r="F2716">
        <v>5</v>
      </c>
      <c r="G2716" t="s">
        <v>13</v>
      </c>
      <c r="H2716" t="s">
        <v>4844</v>
      </c>
      <c r="I2716" t="s">
        <v>30540</v>
      </c>
    </row>
    <row r="2717" spans="1:9">
      <c r="A2717" s="1">
        <v>0.41538460814549027</v>
      </c>
      <c r="B2717" s="1"/>
      <c r="C2717">
        <v>9</v>
      </c>
      <c r="D2717" t="s">
        <v>4845</v>
      </c>
      <c r="E2717" t="s">
        <v>31802</v>
      </c>
      <c r="F2717">
        <v>4</v>
      </c>
      <c r="G2717" t="s">
        <v>10</v>
      </c>
      <c r="H2717" t="s">
        <v>4846</v>
      </c>
      <c r="I2717" t="s">
        <v>30540</v>
      </c>
    </row>
    <row r="2718" spans="1:9">
      <c r="A2718" s="1">
        <v>0.85774741477118832</v>
      </c>
      <c r="B2718" s="1"/>
      <c r="C2718">
        <v>7</v>
      </c>
      <c r="D2718" t="s">
        <v>4827</v>
      </c>
      <c r="E2718" t="s">
        <v>31803</v>
      </c>
      <c r="F2718">
        <v>5</v>
      </c>
      <c r="G2718" t="s">
        <v>9</v>
      </c>
      <c r="H2718" t="s">
        <v>4828</v>
      </c>
      <c r="I2718" t="s">
        <v>30540</v>
      </c>
    </row>
    <row r="2719" spans="1:9">
      <c r="A2719" s="1">
        <v>0.51129163846042502</v>
      </c>
      <c r="B2719" s="1"/>
      <c r="C2719">
        <v>11</v>
      </c>
      <c r="D2719" t="s">
        <v>4831</v>
      </c>
      <c r="E2719" t="s">
        <v>31803</v>
      </c>
      <c r="F2719">
        <v>5</v>
      </c>
      <c r="G2719" t="s">
        <v>10</v>
      </c>
      <c r="H2719" t="s">
        <v>4832</v>
      </c>
      <c r="I2719" t="s">
        <v>30540</v>
      </c>
    </row>
    <row r="2720" spans="1:9">
      <c r="A2720" s="1">
        <v>0.36655263658064285</v>
      </c>
      <c r="B2720" s="1"/>
      <c r="C2720">
        <v>14</v>
      </c>
      <c r="D2720" t="s">
        <v>4835</v>
      </c>
      <c r="E2720" t="s">
        <v>31803</v>
      </c>
      <c r="F2720">
        <v>4</v>
      </c>
      <c r="G2720" t="s">
        <v>9</v>
      </c>
      <c r="H2720" t="s">
        <v>4836</v>
      </c>
      <c r="I2720" t="s">
        <v>30540</v>
      </c>
    </row>
    <row r="2721" spans="1:9">
      <c r="A2721" s="1">
        <v>0.94685188780104423</v>
      </c>
      <c r="B2721" s="1"/>
      <c r="C2721">
        <v>17</v>
      </c>
      <c r="D2721" t="s">
        <v>4837</v>
      </c>
      <c r="E2721" t="s">
        <v>31803</v>
      </c>
      <c r="F2721">
        <v>4</v>
      </c>
      <c r="G2721" t="s">
        <v>10</v>
      </c>
      <c r="H2721" t="s">
        <v>4838</v>
      </c>
      <c r="I2721" t="s">
        <v>30540</v>
      </c>
    </row>
    <row r="2722" spans="1:9">
      <c r="A2722" s="1">
        <v>0.92330073400704871</v>
      </c>
      <c r="B2722" s="1"/>
      <c r="C2722">
        <v>20</v>
      </c>
      <c r="D2722" t="s">
        <v>4841</v>
      </c>
      <c r="E2722" t="s">
        <v>31803</v>
      </c>
      <c r="F2722">
        <v>4</v>
      </c>
      <c r="G2722" t="s">
        <v>10</v>
      </c>
      <c r="H2722" t="s">
        <v>4842</v>
      </c>
      <c r="I2722" t="s">
        <v>30540</v>
      </c>
    </row>
    <row r="2723" spans="1:9">
      <c r="A2723" s="1">
        <v>0.49313523050562347</v>
      </c>
      <c r="B2723" s="1"/>
      <c r="C2723">
        <v>10</v>
      </c>
      <c r="D2723" t="s">
        <v>4829</v>
      </c>
      <c r="E2723" t="s">
        <v>31803</v>
      </c>
      <c r="F2723">
        <v>4</v>
      </c>
      <c r="G2723" t="s">
        <v>10</v>
      </c>
      <c r="H2723" t="s">
        <v>4830</v>
      </c>
      <c r="I2723" t="s">
        <v>30540</v>
      </c>
    </row>
    <row r="2724" spans="1:9">
      <c r="A2724" s="1">
        <v>0.96727589998746766</v>
      </c>
      <c r="B2724" s="1"/>
      <c r="C2724">
        <v>18</v>
      </c>
      <c r="D2724" t="s">
        <v>4839</v>
      </c>
      <c r="E2724" t="s">
        <v>31803</v>
      </c>
      <c r="F2724">
        <v>4</v>
      </c>
      <c r="G2724" t="s">
        <v>1</v>
      </c>
      <c r="H2724" t="s">
        <v>4840</v>
      </c>
      <c r="I2724" t="s">
        <v>30540</v>
      </c>
    </row>
    <row r="2725" spans="1:9">
      <c r="A2725" s="1">
        <v>0.66920525853523494</v>
      </c>
      <c r="B2725" s="1"/>
      <c r="C2725">
        <v>13</v>
      </c>
      <c r="D2725" t="s">
        <v>4833</v>
      </c>
      <c r="E2725" t="s">
        <v>31803</v>
      </c>
      <c r="F2725">
        <v>4</v>
      </c>
      <c r="G2725" t="s">
        <v>10</v>
      </c>
      <c r="H2725" t="s">
        <v>4834</v>
      </c>
      <c r="I2725" t="s">
        <v>30540</v>
      </c>
    </row>
    <row r="2726" spans="1:9">
      <c r="A2726" s="1">
        <v>0.87054826158589549</v>
      </c>
      <c r="B2726" s="1"/>
      <c r="C2726">
        <v>2</v>
      </c>
      <c r="D2726" t="s">
        <v>4825</v>
      </c>
      <c r="E2726" t="s">
        <v>31803</v>
      </c>
      <c r="F2726">
        <v>3</v>
      </c>
      <c r="G2726" t="s">
        <v>769</v>
      </c>
      <c r="H2726" t="s">
        <v>4826</v>
      </c>
      <c r="I2726" t="s">
        <v>30540</v>
      </c>
    </row>
    <row r="2727" spans="1:9">
      <c r="A2727" s="1">
        <v>0.17803436983639309</v>
      </c>
      <c r="B2727" s="1"/>
      <c r="C2727">
        <v>11</v>
      </c>
      <c r="D2727" t="s">
        <v>4817</v>
      </c>
      <c r="E2727" t="s">
        <v>31804</v>
      </c>
      <c r="F2727">
        <v>5</v>
      </c>
      <c r="G2727" t="s">
        <v>10</v>
      </c>
      <c r="H2727" t="s">
        <v>4818</v>
      </c>
      <c r="I2727" t="s">
        <v>30540</v>
      </c>
    </row>
    <row r="2728" spans="1:9">
      <c r="A2728" s="1">
        <v>0.42002576202246511</v>
      </c>
      <c r="B2728" s="1"/>
      <c r="C2728">
        <v>18</v>
      </c>
      <c r="D2728" t="s">
        <v>4823</v>
      </c>
      <c r="E2728" t="s">
        <v>31804</v>
      </c>
      <c r="F2728">
        <v>4</v>
      </c>
      <c r="G2728" t="s">
        <v>9</v>
      </c>
      <c r="H2728" t="s">
        <v>4824</v>
      </c>
      <c r="I2728" t="s">
        <v>30540</v>
      </c>
    </row>
    <row r="2729" spans="1:9">
      <c r="A2729" s="1">
        <v>0.55292034619497854</v>
      </c>
      <c r="B2729" s="1"/>
      <c r="C2729">
        <v>13</v>
      </c>
      <c r="D2729" t="s">
        <v>4821</v>
      </c>
      <c r="E2729" t="s">
        <v>31804</v>
      </c>
      <c r="F2729">
        <v>4</v>
      </c>
      <c r="G2729" t="s">
        <v>0</v>
      </c>
      <c r="H2729" t="s">
        <v>4822</v>
      </c>
      <c r="I2729" t="s">
        <v>30540</v>
      </c>
    </row>
    <row r="2730" spans="1:9">
      <c r="A2730" s="1">
        <v>0.90965481311694973</v>
      </c>
      <c r="B2730" s="1"/>
      <c r="C2730">
        <v>2</v>
      </c>
      <c r="D2730" t="s">
        <v>4813</v>
      </c>
      <c r="E2730" t="s">
        <v>31804</v>
      </c>
      <c r="F2730">
        <v>4</v>
      </c>
      <c r="G2730" t="s">
        <v>1295</v>
      </c>
      <c r="H2730" t="s">
        <v>4814</v>
      </c>
      <c r="I2730" t="s">
        <v>30540</v>
      </c>
    </row>
    <row r="2731" spans="1:9">
      <c r="A2731" s="1">
        <v>0.51280403607758374</v>
      </c>
      <c r="B2731" s="1"/>
      <c r="C2731">
        <v>3</v>
      </c>
      <c r="D2731" t="s">
        <v>4815</v>
      </c>
      <c r="E2731" t="s">
        <v>31804</v>
      </c>
      <c r="F2731">
        <v>4</v>
      </c>
      <c r="G2731" t="s">
        <v>770</v>
      </c>
      <c r="H2731" t="s">
        <v>4816</v>
      </c>
      <c r="I2731" t="s">
        <v>30540</v>
      </c>
    </row>
    <row r="2732" spans="1:9">
      <c r="A2732" s="1">
        <v>0.47435592978365182</v>
      </c>
      <c r="B2732" s="1"/>
      <c r="C2732">
        <v>12</v>
      </c>
      <c r="D2732" t="s">
        <v>4819</v>
      </c>
      <c r="E2732" t="s">
        <v>31804</v>
      </c>
      <c r="F2732">
        <v>4</v>
      </c>
      <c r="G2732" t="s">
        <v>2</v>
      </c>
      <c r="H2732" t="s">
        <v>4820</v>
      </c>
      <c r="I2732" t="s">
        <v>30540</v>
      </c>
    </row>
    <row r="2733" spans="1:9">
      <c r="A2733" s="1">
        <v>0.89371631240911509</v>
      </c>
      <c r="B2733" s="1"/>
      <c r="C2733">
        <v>2</v>
      </c>
      <c r="D2733" t="s">
        <v>4805</v>
      </c>
      <c r="E2733" t="s">
        <v>31805</v>
      </c>
      <c r="F2733">
        <v>5</v>
      </c>
      <c r="G2733" t="s">
        <v>2</v>
      </c>
      <c r="H2733" t="s">
        <v>4806</v>
      </c>
      <c r="I2733" t="s">
        <v>30540</v>
      </c>
    </row>
    <row r="2734" spans="1:9">
      <c r="A2734" s="1">
        <v>0.79233308452830387</v>
      </c>
      <c r="B2734" s="1"/>
      <c r="C2734">
        <v>6</v>
      </c>
      <c r="D2734" t="s">
        <v>4807</v>
      </c>
      <c r="E2734" t="s">
        <v>31805</v>
      </c>
      <c r="F2734">
        <v>4</v>
      </c>
      <c r="G2734" t="s">
        <v>9</v>
      </c>
      <c r="H2734" t="s">
        <v>4808</v>
      </c>
      <c r="I2734" t="s">
        <v>30540</v>
      </c>
    </row>
    <row r="2735" spans="1:9">
      <c r="A2735" s="1">
        <v>0.63029925271891374</v>
      </c>
      <c r="B2735" s="1"/>
      <c r="C2735">
        <v>2</v>
      </c>
      <c r="D2735" t="s">
        <v>4799</v>
      </c>
      <c r="E2735" t="s">
        <v>31806</v>
      </c>
      <c r="F2735">
        <v>4</v>
      </c>
      <c r="G2735" t="s">
        <v>769</v>
      </c>
      <c r="H2735" t="s">
        <v>4800</v>
      </c>
      <c r="I2735" t="s">
        <v>30540</v>
      </c>
    </row>
    <row r="2736" spans="1:9">
      <c r="A2736" s="1">
        <v>0.4716923149954998</v>
      </c>
      <c r="B2736" s="1"/>
      <c r="C2736">
        <v>18</v>
      </c>
      <c r="D2736" t="s">
        <v>4803</v>
      </c>
      <c r="E2736" t="s">
        <v>31806</v>
      </c>
      <c r="F2736">
        <v>4</v>
      </c>
      <c r="G2736" t="s">
        <v>10</v>
      </c>
      <c r="H2736" t="s">
        <v>4804</v>
      </c>
      <c r="I2736" t="s">
        <v>30540</v>
      </c>
    </row>
    <row r="2737" spans="1:9">
      <c r="A2737" s="1">
        <v>0.95141001367810851</v>
      </c>
      <c r="B2737" s="1"/>
      <c r="C2737">
        <v>1</v>
      </c>
      <c r="D2737" t="s">
        <v>4797</v>
      </c>
      <c r="E2737" t="s">
        <v>31806</v>
      </c>
      <c r="F2737">
        <v>4</v>
      </c>
      <c r="G2737" t="s">
        <v>765</v>
      </c>
      <c r="H2737" t="s">
        <v>4798</v>
      </c>
      <c r="I2737" t="s">
        <v>30540</v>
      </c>
    </row>
    <row r="2738" spans="1:9">
      <c r="A2738" s="1">
        <v>0.30148165301813645</v>
      </c>
      <c r="B2738" s="1"/>
      <c r="C2738">
        <v>9</v>
      </c>
      <c r="D2738" t="s">
        <v>4789</v>
      </c>
      <c r="E2738" t="s">
        <v>31807</v>
      </c>
      <c r="F2738">
        <v>5</v>
      </c>
      <c r="G2738" t="s">
        <v>1</v>
      </c>
      <c r="H2738" t="s">
        <v>4790</v>
      </c>
      <c r="I2738" t="s">
        <v>30540</v>
      </c>
    </row>
    <row r="2739" spans="1:9">
      <c r="A2739" s="1">
        <v>0.80548850296134722</v>
      </c>
      <c r="B2739" s="1"/>
      <c r="C2739">
        <v>14</v>
      </c>
      <c r="D2739" t="s">
        <v>4795</v>
      </c>
      <c r="E2739" t="s">
        <v>31807</v>
      </c>
      <c r="F2739">
        <v>4</v>
      </c>
      <c r="G2739" t="s">
        <v>0</v>
      </c>
      <c r="H2739" t="s">
        <v>4796</v>
      </c>
      <c r="I2739" t="s">
        <v>30540</v>
      </c>
    </row>
    <row r="2740" spans="1:9">
      <c r="A2740" s="1">
        <v>0.96180356536033718</v>
      </c>
      <c r="B2740" s="1"/>
      <c r="C2740">
        <v>11</v>
      </c>
      <c r="D2740" t="s">
        <v>4791</v>
      </c>
      <c r="E2740" t="s">
        <v>31807</v>
      </c>
      <c r="F2740">
        <v>4</v>
      </c>
      <c r="G2740" t="s">
        <v>0</v>
      </c>
      <c r="H2740" t="s">
        <v>4792</v>
      </c>
      <c r="I2740" t="s">
        <v>30540</v>
      </c>
    </row>
    <row r="2741" spans="1:9">
      <c r="A2741" s="1">
        <v>0.51125152500110382</v>
      </c>
      <c r="B2741" s="1"/>
      <c r="C2741">
        <v>3</v>
      </c>
      <c r="D2741" t="s">
        <v>4787</v>
      </c>
      <c r="E2741" t="s">
        <v>31807</v>
      </c>
      <c r="F2741">
        <v>4</v>
      </c>
      <c r="G2741" t="s">
        <v>2</v>
      </c>
      <c r="H2741" t="s">
        <v>4788</v>
      </c>
      <c r="I2741" t="s">
        <v>30540</v>
      </c>
    </row>
    <row r="2742" spans="1:9">
      <c r="A2742" s="1">
        <v>0.59713930550186778</v>
      </c>
      <c r="B2742" s="1"/>
      <c r="C2742">
        <v>12</v>
      </c>
      <c r="D2742" t="s">
        <v>4793</v>
      </c>
      <c r="E2742" t="s">
        <v>31807</v>
      </c>
      <c r="F2742">
        <v>3</v>
      </c>
      <c r="G2742" t="s">
        <v>9</v>
      </c>
      <c r="H2742" t="s">
        <v>4794</v>
      </c>
      <c r="I2742" t="s">
        <v>30540</v>
      </c>
    </row>
    <row r="2743" spans="1:9">
      <c r="A2743" s="1">
        <v>0.64616547068189822</v>
      </c>
      <c r="B2743" s="1"/>
      <c r="C2743">
        <v>9</v>
      </c>
      <c r="D2743" t="s">
        <v>4783</v>
      </c>
      <c r="E2743" t="s">
        <v>31808</v>
      </c>
      <c r="F2743">
        <v>4</v>
      </c>
      <c r="G2743" t="s">
        <v>2</v>
      </c>
      <c r="H2743" t="s">
        <v>4784</v>
      </c>
      <c r="I2743" t="s">
        <v>30540</v>
      </c>
    </row>
    <row r="2744" spans="1:9">
      <c r="A2744" s="1">
        <v>0.20910355830250238</v>
      </c>
      <c r="B2744" s="1"/>
      <c r="C2744">
        <v>18</v>
      </c>
      <c r="D2744" t="s">
        <v>4785</v>
      </c>
      <c r="E2744" t="s">
        <v>31808</v>
      </c>
      <c r="F2744">
        <v>4</v>
      </c>
      <c r="G2744" t="s">
        <v>10</v>
      </c>
      <c r="H2744" t="s">
        <v>4786</v>
      </c>
      <c r="I2744" t="s">
        <v>30540</v>
      </c>
    </row>
    <row r="2745" spans="1:9">
      <c r="A2745" s="1">
        <v>0.4094141795885623</v>
      </c>
      <c r="B2745" s="1"/>
      <c r="C2745">
        <v>4</v>
      </c>
      <c r="D2745" t="s">
        <v>4775</v>
      </c>
      <c r="E2745" t="s">
        <v>31809</v>
      </c>
      <c r="F2745">
        <v>5</v>
      </c>
      <c r="G2745" t="s">
        <v>10</v>
      </c>
      <c r="H2745" t="s">
        <v>4776</v>
      </c>
      <c r="I2745" t="s">
        <v>30540</v>
      </c>
    </row>
    <row r="2746" spans="1:9">
      <c r="A2746" s="1">
        <v>0.50058392767058735</v>
      </c>
      <c r="B2746" s="1"/>
      <c r="C2746">
        <v>11</v>
      </c>
      <c r="D2746" t="s">
        <v>4777</v>
      </c>
      <c r="E2746" t="s">
        <v>31809</v>
      </c>
      <c r="F2746">
        <v>4</v>
      </c>
      <c r="G2746" t="s">
        <v>766</v>
      </c>
      <c r="H2746" t="s">
        <v>4778</v>
      </c>
      <c r="I2746" t="s">
        <v>30540</v>
      </c>
    </row>
    <row r="2747" spans="1:9">
      <c r="A2747" s="1">
        <v>0.38798396537207924</v>
      </c>
      <c r="B2747" s="1"/>
      <c r="C2747">
        <v>14</v>
      </c>
      <c r="D2747" t="s">
        <v>4779</v>
      </c>
      <c r="E2747" t="s">
        <v>31809</v>
      </c>
      <c r="F2747">
        <v>4</v>
      </c>
      <c r="G2747" t="s">
        <v>9</v>
      </c>
      <c r="H2747" t="s">
        <v>4780</v>
      </c>
      <c r="I2747" t="s">
        <v>30540</v>
      </c>
    </row>
    <row r="2748" spans="1:9">
      <c r="A2748" s="1">
        <v>6.5712301190105626E-2</v>
      </c>
      <c r="B2748" s="1"/>
      <c r="C2748">
        <v>3</v>
      </c>
      <c r="D2748" t="s">
        <v>4773</v>
      </c>
      <c r="E2748" t="s">
        <v>31809</v>
      </c>
      <c r="F2748">
        <v>4</v>
      </c>
      <c r="G2748" t="s">
        <v>1</v>
      </c>
      <c r="H2748" t="s">
        <v>4774</v>
      </c>
      <c r="I2748" t="s">
        <v>30540</v>
      </c>
    </row>
    <row r="2749" spans="1:9">
      <c r="A2749" s="1">
        <v>0.19953319077538056</v>
      </c>
      <c r="B2749" s="1"/>
      <c r="C2749">
        <v>3</v>
      </c>
      <c r="D2749" t="s">
        <v>4767</v>
      </c>
      <c r="E2749" t="s">
        <v>31810</v>
      </c>
      <c r="F2749">
        <v>4</v>
      </c>
      <c r="G2749" t="s">
        <v>14</v>
      </c>
      <c r="H2749" t="s">
        <v>4768</v>
      </c>
      <c r="I2749" t="s">
        <v>30540</v>
      </c>
    </row>
    <row r="2750" spans="1:9">
      <c r="A2750" s="1">
        <v>0.56750162862543119</v>
      </c>
      <c r="B2750" s="1"/>
      <c r="C2750">
        <v>14</v>
      </c>
      <c r="D2750" t="s">
        <v>4771</v>
      </c>
      <c r="E2750" t="s">
        <v>31810</v>
      </c>
      <c r="F2750">
        <v>3</v>
      </c>
      <c r="G2750" t="s">
        <v>10</v>
      </c>
      <c r="H2750" t="s">
        <v>4772</v>
      </c>
      <c r="I2750" t="s">
        <v>30540</v>
      </c>
    </row>
    <row r="2751" spans="1:9">
      <c r="A2751" s="1">
        <v>4.3715917413188921E-2</v>
      </c>
      <c r="B2751" s="1"/>
      <c r="C2751">
        <v>11</v>
      </c>
      <c r="D2751" t="s">
        <v>4759</v>
      </c>
      <c r="E2751" t="s">
        <v>31811</v>
      </c>
      <c r="F2751">
        <v>5</v>
      </c>
      <c r="G2751" t="s">
        <v>762</v>
      </c>
      <c r="H2751" t="s">
        <v>4760</v>
      </c>
      <c r="I2751" t="s">
        <v>30540</v>
      </c>
    </row>
    <row r="2752" spans="1:9">
      <c r="A2752" s="1">
        <v>0.71289199820584648</v>
      </c>
      <c r="B2752" s="1"/>
      <c r="C2752">
        <v>14</v>
      </c>
      <c r="D2752" t="s">
        <v>4765</v>
      </c>
      <c r="E2752" t="s">
        <v>31811</v>
      </c>
      <c r="F2752">
        <v>5</v>
      </c>
      <c r="G2752" t="s">
        <v>765</v>
      </c>
      <c r="H2752" t="s">
        <v>4766</v>
      </c>
      <c r="I2752" t="s">
        <v>30540</v>
      </c>
    </row>
    <row r="2753" spans="1:9">
      <c r="A2753" s="1">
        <v>0.94323820913890821</v>
      </c>
      <c r="B2753" s="1"/>
      <c r="C2753">
        <v>4</v>
      </c>
      <c r="D2753" t="s">
        <v>4757</v>
      </c>
      <c r="E2753" t="s">
        <v>31811</v>
      </c>
      <c r="F2753">
        <v>5</v>
      </c>
      <c r="G2753" t="s">
        <v>13</v>
      </c>
      <c r="H2753" t="s">
        <v>4758</v>
      </c>
      <c r="I2753" t="s">
        <v>30540</v>
      </c>
    </row>
    <row r="2754" spans="1:9">
      <c r="A2754" s="1">
        <v>0.89891140206390152</v>
      </c>
      <c r="B2754" s="1"/>
      <c r="C2754">
        <v>1</v>
      </c>
      <c r="D2754" t="s">
        <v>4755</v>
      </c>
      <c r="E2754" t="s">
        <v>31811</v>
      </c>
      <c r="F2754">
        <v>4</v>
      </c>
      <c r="G2754" t="s">
        <v>10</v>
      </c>
      <c r="H2754" t="s">
        <v>4756</v>
      </c>
      <c r="I2754" t="s">
        <v>30540</v>
      </c>
    </row>
    <row r="2755" spans="1:9">
      <c r="A2755" s="1">
        <v>0.76739199251101364</v>
      </c>
      <c r="B2755" s="1"/>
      <c r="C2755">
        <v>13</v>
      </c>
      <c r="D2755" t="s">
        <v>4763</v>
      </c>
      <c r="E2755" t="s">
        <v>31811</v>
      </c>
      <c r="F2755">
        <v>4</v>
      </c>
      <c r="G2755" t="s">
        <v>10</v>
      </c>
      <c r="H2755" t="s">
        <v>4764</v>
      </c>
      <c r="I2755" t="s">
        <v>30540</v>
      </c>
    </row>
    <row r="2756" spans="1:9">
      <c r="A2756" s="1">
        <v>0.69609326377656666</v>
      </c>
      <c r="B2756" s="1"/>
      <c r="C2756">
        <v>12</v>
      </c>
      <c r="D2756" t="s">
        <v>4761</v>
      </c>
      <c r="E2756" t="s">
        <v>31811</v>
      </c>
      <c r="F2756">
        <v>4</v>
      </c>
      <c r="G2756" t="s">
        <v>13</v>
      </c>
      <c r="H2756" t="s">
        <v>4762</v>
      </c>
      <c r="I2756" t="s">
        <v>30540</v>
      </c>
    </row>
    <row r="2757" spans="1:9">
      <c r="A2757" s="1">
        <v>0.84252770706762381</v>
      </c>
      <c r="B2757" s="1"/>
      <c r="C2757">
        <v>18</v>
      </c>
      <c r="D2757" t="s">
        <v>4753</v>
      </c>
      <c r="E2757" t="s">
        <v>31812</v>
      </c>
      <c r="F2757">
        <v>4</v>
      </c>
      <c r="G2757" t="s">
        <v>2</v>
      </c>
      <c r="H2757" t="s">
        <v>4754</v>
      </c>
      <c r="I2757" t="s">
        <v>30540</v>
      </c>
    </row>
    <row r="2758" spans="1:9">
      <c r="A2758" s="1">
        <v>0.60597440831054628</v>
      </c>
      <c r="B2758" s="1"/>
      <c r="C2758">
        <v>3</v>
      </c>
      <c r="D2758" t="s">
        <v>4747</v>
      </c>
      <c r="E2758" t="s">
        <v>31812</v>
      </c>
      <c r="F2758">
        <v>4</v>
      </c>
      <c r="G2758" t="s">
        <v>10</v>
      </c>
      <c r="H2758" t="s">
        <v>4748</v>
      </c>
      <c r="I2758" t="s">
        <v>30540</v>
      </c>
    </row>
    <row r="2759" spans="1:9">
      <c r="A2759" s="1">
        <v>4.3536306602394381E-2</v>
      </c>
      <c r="B2759" s="1"/>
      <c r="C2759">
        <v>12</v>
      </c>
      <c r="D2759" t="s">
        <v>4751</v>
      </c>
      <c r="E2759" t="s">
        <v>31812</v>
      </c>
      <c r="F2759">
        <v>4</v>
      </c>
      <c r="G2759" t="s">
        <v>10</v>
      </c>
      <c r="H2759" t="s">
        <v>4752</v>
      </c>
      <c r="I2759" t="s">
        <v>30540</v>
      </c>
    </row>
    <row r="2760" spans="1:9">
      <c r="A2760" s="1">
        <v>0.90833363971856029</v>
      </c>
      <c r="B2760" s="1"/>
      <c r="C2760">
        <v>6</v>
      </c>
      <c r="D2760" t="s">
        <v>4749</v>
      </c>
      <c r="E2760" t="s">
        <v>31812</v>
      </c>
      <c r="F2760">
        <v>3</v>
      </c>
      <c r="G2760" t="s">
        <v>10</v>
      </c>
      <c r="H2760" t="s">
        <v>4750</v>
      </c>
      <c r="I2760" t="s">
        <v>30540</v>
      </c>
    </row>
    <row r="2761" spans="1:9">
      <c r="A2761" s="1">
        <v>0.61586673861315899</v>
      </c>
      <c r="B2761" s="1"/>
      <c r="C2761">
        <v>4</v>
      </c>
      <c r="D2761" t="s">
        <v>4741</v>
      </c>
      <c r="E2761" t="s">
        <v>31813</v>
      </c>
      <c r="F2761">
        <v>4</v>
      </c>
      <c r="G2761" t="s">
        <v>9</v>
      </c>
      <c r="H2761" t="s">
        <v>4742</v>
      </c>
      <c r="I2761" t="s">
        <v>30540</v>
      </c>
    </row>
    <row r="2762" spans="1:9">
      <c r="A2762" s="1">
        <v>0.75399324089602004</v>
      </c>
      <c r="B2762" s="1"/>
      <c r="C2762">
        <v>17</v>
      </c>
      <c r="D2762" t="s">
        <v>4743</v>
      </c>
      <c r="E2762" t="s">
        <v>31813</v>
      </c>
      <c r="F2762">
        <v>4</v>
      </c>
      <c r="G2762" t="s">
        <v>9</v>
      </c>
      <c r="H2762" t="s">
        <v>4744</v>
      </c>
      <c r="I2762" t="s">
        <v>30540</v>
      </c>
    </row>
    <row r="2763" spans="1:9">
      <c r="A2763" s="1">
        <v>0.36751337464691802</v>
      </c>
      <c r="B2763" s="1"/>
      <c r="C2763">
        <v>7</v>
      </c>
      <c r="D2763" t="s">
        <v>4737</v>
      </c>
      <c r="E2763" t="s">
        <v>31814</v>
      </c>
      <c r="F2763">
        <v>5</v>
      </c>
      <c r="G2763" t="s">
        <v>9</v>
      </c>
      <c r="H2763" t="s">
        <v>4738</v>
      </c>
      <c r="I2763" t="s">
        <v>30540</v>
      </c>
    </row>
    <row r="2764" spans="1:9">
      <c r="A2764" s="1">
        <v>0.88107389841953576</v>
      </c>
      <c r="B2764" s="1"/>
      <c r="C2764">
        <v>9</v>
      </c>
      <c r="D2764" t="s">
        <v>4739</v>
      </c>
      <c r="E2764" t="s">
        <v>31814</v>
      </c>
      <c r="F2764">
        <v>4</v>
      </c>
      <c r="G2764" t="s">
        <v>2</v>
      </c>
      <c r="H2764" t="s">
        <v>4740</v>
      </c>
      <c r="I2764" t="s">
        <v>30540</v>
      </c>
    </row>
    <row r="2765" spans="1:9">
      <c r="A2765" s="1">
        <v>0.4367821429540254</v>
      </c>
      <c r="B2765" s="1"/>
      <c r="C2765">
        <v>7</v>
      </c>
      <c r="D2765" t="s">
        <v>4731</v>
      </c>
      <c r="E2765" t="s">
        <v>31815</v>
      </c>
      <c r="F2765">
        <v>5</v>
      </c>
      <c r="G2765" t="s">
        <v>1</v>
      </c>
      <c r="H2765" t="s">
        <v>4732</v>
      </c>
      <c r="I2765" t="s">
        <v>30540</v>
      </c>
    </row>
    <row r="2766" spans="1:9">
      <c r="A2766" s="1">
        <v>3.9203006186442013E-2</v>
      </c>
      <c r="B2766" s="1"/>
      <c r="C2766">
        <v>3</v>
      </c>
      <c r="D2766" t="s">
        <v>4729</v>
      </c>
      <c r="E2766" t="s">
        <v>31815</v>
      </c>
      <c r="F2766">
        <v>4</v>
      </c>
      <c r="G2766" t="s">
        <v>2</v>
      </c>
      <c r="H2766" t="s">
        <v>4730</v>
      </c>
      <c r="I2766" t="s">
        <v>30540</v>
      </c>
    </row>
    <row r="2767" spans="1:9">
      <c r="A2767" s="1">
        <v>0.97617081733665978</v>
      </c>
      <c r="B2767" s="1"/>
      <c r="C2767">
        <v>17</v>
      </c>
      <c r="D2767" t="s">
        <v>4733</v>
      </c>
      <c r="E2767" t="s">
        <v>31815</v>
      </c>
      <c r="F2767">
        <v>4</v>
      </c>
      <c r="G2767" t="s">
        <v>0</v>
      </c>
      <c r="H2767" t="s">
        <v>4734</v>
      </c>
      <c r="I2767" t="s">
        <v>30540</v>
      </c>
    </row>
    <row r="2768" spans="1:9">
      <c r="A2768" s="1">
        <v>0.78892349925253857</v>
      </c>
      <c r="B2768" s="1"/>
      <c r="C2768">
        <v>4</v>
      </c>
      <c r="D2768" t="s">
        <v>4721</v>
      </c>
      <c r="E2768" t="s">
        <v>31816</v>
      </c>
      <c r="F2768">
        <v>4</v>
      </c>
      <c r="G2768" t="s">
        <v>2</v>
      </c>
      <c r="H2768" t="s">
        <v>4722</v>
      </c>
      <c r="I2768" t="s">
        <v>30540</v>
      </c>
    </row>
    <row r="2769" spans="1:9">
      <c r="A2769" s="1">
        <v>0.35380783031890628</v>
      </c>
      <c r="B2769" s="1"/>
      <c r="C2769">
        <v>11</v>
      </c>
      <c r="D2769" t="s">
        <v>4723</v>
      </c>
      <c r="E2769" t="s">
        <v>31816</v>
      </c>
      <c r="F2769">
        <v>4</v>
      </c>
      <c r="G2769" t="s">
        <v>10</v>
      </c>
      <c r="H2769" t="s">
        <v>4724</v>
      </c>
      <c r="I2769" t="s">
        <v>30540</v>
      </c>
    </row>
    <row r="2770" spans="1:9">
      <c r="A2770" s="1">
        <v>0.47001749006002724</v>
      </c>
      <c r="B2770" s="1"/>
      <c r="C2770">
        <v>18</v>
      </c>
      <c r="D2770" t="s">
        <v>4717</v>
      </c>
      <c r="E2770" t="s">
        <v>31817</v>
      </c>
      <c r="F2770">
        <v>5</v>
      </c>
      <c r="G2770" t="s">
        <v>9</v>
      </c>
      <c r="H2770" t="s">
        <v>4718</v>
      </c>
      <c r="I2770" t="s">
        <v>30540</v>
      </c>
    </row>
    <row r="2771" spans="1:9">
      <c r="A2771" s="1">
        <v>0.65356253170940493</v>
      </c>
      <c r="B2771" s="1"/>
      <c r="C2771">
        <v>7</v>
      </c>
      <c r="D2771" t="s">
        <v>4709</v>
      </c>
      <c r="E2771" t="s">
        <v>31817</v>
      </c>
      <c r="F2771">
        <v>4</v>
      </c>
      <c r="G2771" t="s">
        <v>10</v>
      </c>
      <c r="H2771" t="s">
        <v>4710</v>
      </c>
      <c r="I2771" t="s">
        <v>30540</v>
      </c>
    </row>
    <row r="2772" spans="1:9">
      <c r="A2772" s="1">
        <v>0.73010823105090761</v>
      </c>
      <c r="B2772" s="1"/>
      <c r="C2772">
        <v>10</v>
      </c>
      <c r="D2772" t="s">
        <v>4713</v>
      </c>
      <c r="E2772" t="s">
        <v>31817</v>
      </c>
      <c r="F2772">
        <v>4</v>
      </c>
      <c r="G2772" t="s">
        <v>10</v>
      </c>
      <c r="H2772" t="s">
        <v>4714</v>
      </c>
      <c r="I2772" t="s">
        <v>30540</v>
      </c>
    </row>
    <row r="2773" spans="1:9">
      <c r="A2773" s="1">
        <v>6.992479233364568E-2</v>
      </c>
      <c r="B2773" s="1"/>
      <c r="C2773">
        <v>4</v>
      </c>
      <c r="D2773" t="s">
        <v>4705</v>
      </c>
      <c r="E2773" t="s">
        <v>31817</v>
      </c>
      <c r="F2773">
        <v>4</v>
      </c>
      <c r="G2773" t="s">
        <v>765</v>
      </c>
      <c r="H2773" t="s">
        <v>4706</v>
      </c>
      <c r="I2773" t="s">
        <v>30540</v>
      </c>
    </row>
    <row r="2774" spans="1:9">
      <c r="A2774" s="1">
        <v>7.68038344787072E-2</v>
      </c>
      <c r="B2774" s="1"/>
      <c r="C2774">
        <v>8</v>
      </c>
      <c r="D2774" t="s">
        <v>4711</v>
      </c>
      <c r="E2774" t="s">
        <v>31817</v>
      </c>
      <c r="F2774">
        <v>4</v>
      </c>
      <c r="G2774" t="s">
        <v>766</v>
      </c>
      <c r="H2774" t="s">
        <v>4712</v>
      </c>
      <c r="I2774" t="s">
        <v>30540</v>
      </c>
    </row>
    <row r="2775" spans="1:9">
      <c r="A2775" s="1">
        <v>0.17051176600320761</v>
      </c>
      <c r="B2775" s="1"/>
      <c r="C2775">
        <v>5</v>
      </c>
      <c r="D2775" t="s">
        <v>4707</v>
      </c>
      <c r="E2775" t="s">
        <v>31817</v>
      </c>
      <c r="F2775">
        <v>4</v>
      </c>
      <c r="G2775" t="s">
        <v>9</v>
      </c>
      <c r="H2775" t="s">
        <v>4708</v>
      </c>
      <c r="I2775" t="s">
        <v>30540</v>
      </c>
    </row>
    <row r="2776" spans="1:9">
      <c r="A2776" s="1">
        <v>2.2722910516078998E-2</v>
      </c>
      <c r="B2776" s="1"/>
      <c r="C2776">
        <v>14</v>
      </c>
      <c r="D2776" t="s">
        <v>4715</v>
      </c>
      <c r="E2776" t="s">
        <v>31817</v>
      </c>
      <c r="F2776">
        <v>4</v>
      </c>
      <c r="G2776" t="s">
        <v>1</v>
      </c>
      <c r="H2776" t="s">
        <v>4716</v>
      </c>
      <c r="I2776" t="s">
        <v>30540</v>
      </c>
    </row>
    <row r="2777" spans="1:9">
      <c r="A2777" s="1">
        <v>0.84629376487568064</v>
      </c>
      <c r="B2777" s="1"/>
      <c r="C2777">
        <v>9</v>
      </c>
      <c r="D2777" t="s">
        <v>4703</v>
      </c>
      <c r="E2777" t="s">
        <v>31818</v>
      </c>
      <c r="F2777">
        <v>4</v>
      </c>
      <c r="G2777" t="s">
        <v>10</v>
      </c>
      <c r="H2777" t="s">
        <v>4704</v>
      </c>
      <c r="I2777" t="s">
        <v>30540</v>
      </c>
    </row>
    <row r="2778" spans="1:9">
      <c r="A2778" s="1">
        <v>9.4472164229742361E-2</v>
      </c>
      <c r="B2778" s="1"/>
      <c r="C2778">
        <v>17</v>
      </c>
      <c r="D2778" t="s">
        <v>4699</v>
      </c>
      <c r="E2778" t="s">
        <v>31819</v>
      </c>
      <c r="F2778">
        <v>5</v>
      </c>
      <c r="G2778" t="s">
        <v>10</v>
      </c>
      <c r="H2778" t="s">
        <v>4700</v>
      </c>
      <c r="I2778" t="s">
        <v>30540</v>
      </c>
    </row>
    <row r="2779" spans="1:9">
      <c r="A2779" s="1">
        <v>0.52685607386514022</v>
      </c>
      <c r="B2779" s="1"/>
      <c r="C2779">
        <v>16</v>
      </c>
      <c r="D2779" t="s">
        <v>4697</v>
      </c>
      <c r="E2779" t="s">
        <v>31819</v>
      </c>
      <c r="F2779">
        <v>4</v>
      </c>
      <c r="G2779" t="s">
        <v>10</v>
      </c>
      <c r="H2779" t="s">
        <v>4698</v>
      </c>
      <c r="I2779" t="s">
        <v>30540</v>
      </c>
    </row>
    <row r="2780" spans="1:9">
      <c r="A2780" s="1">
        <v>0.50283465876485367</v>
      </c>
      <c r="B2780" s="1"/>
      <c r="C2780">
        <v>7</v>
      </c>
      <c r="D2780" t="s">
        <v>4691</v>
      </c>
      <c r="E2780" t="s">
        <v>31819</v>
      </c>
      <c r="F2780">
        <v>4</v>
      </c>
      <c r="G2780" t="s">
        <v>1295</v>
      </c>
      <c r="H2780" t="s">
        <v>4692</v>
      </c>
      <c r="I2780" t="s">
        <v>30540</v>
      </c>
    </row>
    <row r="2781" spans="1:9">
      <c r="A2781" s="1">
        <v>0.14950654175753342</v>
      </c>
      <c r="B2781" s="1"/>
      <c r="C2781">
        <v>11</v>
      </c>
      <c r="D2781" t="s">
        <v>4693</v>
      </c>
      <c r="E2781" t="s">
        <v>31819</v>
      </c>
      <c r="F2781">
        <v>3</v>
      </c>
      <c r="G2781" t="s">
        <v>2</v>
      </c>
      <c r="H2781" t="s">
        <v>4694</v>
      </c>
      <c r="I2781" t="s">
        <v>30540</v>
      </c>
    </row>
    <row r="2782" spans="1:9">
      <c r="A2782" s="1">
        <v>0.90382237591738901</v>
      </c>
      <c r="B2782" s="1"/>
      <c r="C2782">
        <v>19</v>
      </c>
      <c r="D2782" t="s">
        <v>4687</v>
      </c>
      <c r="E2782" t="s">
        <v>31820</v>
      </c>
      <c r="F2782">
        <v>4</v>
      </c>
      <c r="G2782" t="s">
        <v>13</v>
      </c>
      <c r="H2782" t="s">
        <v>4688</v>
      </c>
      <c r="I2782" t="s">
        <v>30540</v>
      </c>
    </row>
    <row r="2783" spans="1:9">
      <c r="A2783" s="1">
        <v>0.51876071977785709</v>
      </c>
      <c r="B2783" s="1"/>
      <c r="C2783">
        <v>9</v>
      </c>
      <c r="D2783" t="s">
        <v>4685</v>
      </c>
      <c r="E2783" t="s">
        <v>31820</v>
      </c>
      <c r="F2783">
        <v>4</v>
      </c>
      <c r="G2783" t="s">
        <v>13</v>
      </c>
      <c r="H2783" t="s">
        <v>4686</v>
      </c>
      <c r="I2783" t="s">
        <v>30540</v>
      </c>
    </row>
    <row r="2784" spans="1:9">
      <c r="A2784" s="1">
        <v>0.87034620912930383</v>
      </c>
      <c r="B2784" s="1"/>
      <c r="C2784">
        <v>7</v>
      </c>
      <c r="D2784" t="s">
        <v>4683</v>
      </c>
      <c r="E2784" t="s">
        <v>31821</v>
      </c>
      <c r="F2784">
        <v>5</v>
      </c>
      <c r="G2784" t="s">
        <v>2</v>
      </c>
      <c r="H2784" t="s">
        <v>4684</v>
      </c>
      <c r="I2784" t="s">
        <v>30540</v>
      </c>
    </row>
    <row r="2785" spans="1:9">
      <c r="A2785" s="1">
        <v>4.1027642750156579E-2</v>
      </c>
      <c r="B2785" s="1"/>
      <c r="C2785">
        <v>5</v>
      </c>
      <c r="D2785" t="s">
        <v>4681</v>
      </c>
      <c r="E2785" t="s">
        <v>31821</v>
      </c>
      <c r="F2785">
        <v>4</v>
      </c>
      <c r="G2785" t="s">
        <v>10</v>
      </c>
      <c r="H2785" t="s">
        <v>4682</v>
      </c>
      <c r="I2785" t="s">
        <v>30540</v>
      </c>
    </row>
    <row r="2786" spans="1:9">
      <c r="A2786" s="1">
        <v>0.9922703666399354</v>
      </c>
      <c r="B2786" s="1"/>
      <c r="C2786">
        <v>18</v>
      </c>
      <c r="D2786" t="s">
        <v>4677</v>
      </c>
      <c r="E2786" t="s">
        <v>31822</v>
      </c>
      <c r="F2786">
        <v>4</v>
      </c>
      <c r="G2786" t="s">
        <v>9</v>
      </c>
      <c r="H2786" t="s">
        <v>4678</v>
      </c>
      <c r="I2786" t="s">
        <v>30540</v>
      </c>
    </row>
    <row r="2787" spans="1:9">
      <c r="A2787" s="1">
        <v>0.81240075269969148</v>
      </c>
      <c r="B2787" s="1"/>
      <c r="C2787">
        <v>16</v>
      </c>
      <c r="D2787" t="s">
        <v>4673</v>
      </c>
      <c r="E2787" t="s">
        <v>31822</v>
      </c>
      <c r="F2787">
        <v>4</v>
      </c>
      <c r="G2787" t="s">
        <v>13</v>
      </c>
      <c r="H2787" t="s">
        <v>4674</v>
      </c>
      <c r="I2787" t="s">
        <v>30540</v>
      </c>
    </row>
    <row r="2788" spans="1:9">
      <c r="A2788" s="1">
        <v>0.71539274155731347</v>
      </c>
      <c r="B2788" s="1"/>
      <c r="C2788">
        <v>1</v>
      </c>
      <c r="D2788" t="s">
        <v>4665</v>
      </c>
      <c r="E2788" t="s">
        <v>31822</v>
      </c>
      <c r="F2788">
        <v>4</v>
      </c>
      <c r="G2788" t="s">
        <v>15</v>
      </c>
      <c r="H2788" t="s">
        <v>4666</v>
      </c>
      <c r="I2788" t="s">
        <v>30540</v>
      </c>
    </row>
    <row r="2789" spans="1:9">
      <c r="A2789" s="1">
        <v>0.5058209772426937</v>
      </c>
      <c r="B2789" s="1"/>
      <c r="C2789">
        <v>19</v>
      </c>
      <c r="D2789" t="s">
        <v>4679</v>
      </c>
      <c r="E2789" t="s">
        <v>31822</v>
      </c>
      <c r="F2789">
        <v>4</v>
      </c>
      <c r="G2789" t="s">
        <v>10</v>
      </c>
      <c r="H2789" t="s">
        <v>4680</v>
      </c>
      <c r="I2789" t="s">
        <v>30540</v>
      </c>
    </row>
    <row r="2790" spans="1:9">
      <c r="A2790" s="1">
        <v>0.33880849760825438</v>
      </c>
      <c r="B2790" s="1"/>
      <c r="C2790">
        <v>12</v>
      </c>
      <c r="D2790" t="s">
        <v>4669</v>
      </c>
      <c r="E2790" t="s">
        <v>31822</v>
      </c>
      <c r="F2790">
        <v>3</v>
      </c>
      <c r="G2790" t="s">
        <v>1295</v>
      </c>
      <c r="H2790" t="s">
        <v>4670</v>
      </c>
      <c r="I2790" t="s">
        <v>30540</v>
      </c>
    </row>
    <row r="2791" spans="1:9">
      <c r="A2791" s="1">
        <v>0.13487068719388651</v>
      </c>
      <c r="B2791" s="1"/>
      <c r="C2791">
        <v>14</v>
      </c>
      <c r="D2791" t="s">
        <v>4671</v>
      </c>
      <c r="E2791" t="s">
        <v>31822</v>
      </c>
      <c r="F2791">
        <v>3</v>
      </c>
      <c r="G2791" t="s">
        <v>774</v>
      </c>
      <c r="H2791" t="s">
        <v>4672</v>
      </c>
      <c r="I2791" t="s">
        <v>30540</v>
      </c>
    </row>
    <row r="2792" spans="1:9">
      <c r="A2792" s="1">
        <v>4.3470618522142401E-2</v>
      </c>
      <c r="B2792" s="1"/>
      <c r="C2792">
        <v>3</v>
      </c>
      <c r="D2792" t="s">
        <v>4651</v>
      </c>
      <c r="E2792" t="s">
        <v>31823</v>
      </c>
      <c r="F2792">
        <v>4</v>
      </c>
      <c r="G2792" t="s">
        <v>13</v>
      </c>
      <c r="H2792" t="s">
        <v>4652</v>
      </c>
      <c r="I2792" t="s">
        <v>30540</v>
      </c>
    </row>
    <row r="2793" spans="1:9">
      <c r="A2793" s="1">
        <v>0.34186204437499434</v>
      </c>
      <c r="B2793" s="1"/>
      <c r="C2793">
        <v>15</v>
      </c>
      <c r="D2793" t="s">
        <v>4661</v>
      </c>
      <c r="E2793" t="s">
        <v>31823</v>
      </c>
      <c r="F2793">
        <v>4</v>
      </c>
      <c r="G2793" t="s">
        <v>10</v>
      </c>
      <c r="H2793" t="s">
        <v>4662</v>
      </c>
      <c r="I2793" t="s">
        <v>30540</v>
      </c>
    </row>
    <row r="2794" spans="1:9">
      <c r="A2794" s="1">
        <v>0.30961153025631616</v>
      </c>
      <c r="B2794" s="1"/>
      <c r="C2794">
        <v>20</v>
      </c>
      <c r="D2794" t="s">
        <v>4663</v>
      </c>
      <c r="E2794" t="s">
        <v>31823</v>
      </c>
      <c r="F2794">
        <v>4</v>
      </c>
      <c r="G2794" t="s">
        <v>2</v>
      </c>
      <c r="H2794" t="s">
        <v>4664</v>
      </c>
      <c r="I2794" t="s">
        <v>30540</v>
      </c>
    </row>
    <row r="2795" spans="1:9">
      <c r="A2795" s="1">
        <v>5.0638238485249842E-2</v>
      </c>
      <c r="B2795" s="1"/>
      <c r="C2795">
        <v>9</v>
      </c>
      <c r="D2795" t="s">
        <v>4655</v>
      </c>
      <c r="E2795" t="s">
        <v>31823</v>
      </c>
      <c r="F2795">
        <v>4</v>
      </c>
      <c r="G2795" t="s">
        <v>10</v>
      </c>
      <c r="H2795" t="s">
        <v>4656</v>
      </c>
      <c r="I2795" t="s">
        <v>30540</v>
      </c>
    </row>
    <row r="2796" spans="1:9">
      <c r="A2796" s="1">
        <v>0.24772704789255484</v>
      </c>
      <c r="B2796" s="1"/>
      <c r="C2796">
        <v>12</v>
      </c>
      <c r="D2796" t="s">
        <v>4657</v>
      </c>
      <c r="E2796" t="s">
        <v>31823</v>
      </c>
      <c r="F2796">
        <v>4</v>
      </c>
      <c r="G2796" t="s">
        <v>0</v>
      </c>
      <c r="H2796" t="s">
        <v>4658</v>
      </c>
      <c r="I2796" t="s">
        <v>30540</v>
      </c>
    </row>
    <row r="2797" spans="1:9">
      <c r="A2797" s="1">
        <v>0.30630757574522482</v>
      </c>
      <c r="B2797" s="1"/>
      <c r="C2797">
        <v>13</v>
      </c>
      <c r="D2797" t="s">
        <v>4659</v>
      </c>
      <c r="E2797" t="s">
        <v>31823</v>
      </c>
      <c r="F2797">
        <v>4</v>
      </c>
      <c r="G2797" t="s">
        <v>10</v>
      </c>
      <c r="H2797" t="s">
        <v>4660</v>
      </c>
      <c r="I2797" t="s">
        <v>30540</v>
      </c>
    </row>
    <row r="2798" spans="1:9">
      <c r="A2798" s="1">
        <v>1.6040720693261346E-2</v>
      </c>
      <c r="B2798" s="1"/>
      <c r="C2798">
        <v>5</v>
      </c>
      <c r="D2798" t="s">
        <v>4653</v>
      </c>
      <c r="E2798" t="s">
        <v>31823</v>
      </c>
      <c r="F2798">
        <v>4</v>
      </c>
      <c r="G2798" t="s">
        <v>2</v>
      </c>
      <c r="H2798" t="s">
        <v>4654</v>
      </c>
      <c r="I2798" t="s">
        <v>30540</v>
      </c>
    </row>
    <row r="2799" spans="1:9">
      <c r="A2799" s="1">
        <v>0.7032079855119393</v>
      </c>
      <c r="B2799" s="1"/>
      <c r="C2799">
        <v>14</v>
      </c>
      <c r="D2799" t="s">
        <v>4647</v>
      </c>
      <c r="E2799" t="s">
        <v>31824</v>
      </c>
      <c r="F2799">
        <v>4</v>
      </c>
      <c r="G2799" t="s">
        <v>774</v>
      </c>
      <c r="H2799" t="s">
        <v>4648</v>
      </c>
      <c r="I2799" t="s">
        <v>30540</v>
      </c>
    </row>
    <row r="2800" spans="1:9">
      <c r="A2800" s="1">
        <v>0.17200421146711253</v>
      </c>
      <c r="B2800" s="1"/>
      <c r="C2800">
        <v>17</v>
      </c>
      <c r="D2800" t="s">
        <v>4649</v>
      </c>
      <c r="E2800" t="s">
        <v>31824</v>
      </c>
      <c r="F2800">
        <v>4</v>
      </c>
      <c r="G2800" t="s">
        <v>762</v>
      </c>
      <c r="H2800" t="s">
        <v>4650</v>
      </c>
      <c r="I2800" t="s">
        <v>30540</v>
      </c>
    </row>
    <row r="2801" spans="1:9">
      <c r="A2801" s="1">
        <v>0.88485155430990203</v>
      </c>
      <c r="B2801" s="1"/>
      <c r="C2801">
        <v>15</v>
      </c>
      <c r="D2801" t="s">
        <v>4637</v>
      </c>
      <c r="E2801" t="s">
        <v>31825</v>
      </c>
      <c r="F2801">
        <v>5</v>
      </c>
      <c r="G2801" t="s">
        <v>0</v>
      </c>
      <c r="H2801" t="s">
        <v>4638</v>
      </c>
      <c r="I2801" t="s">
        <v>30540</v>
      </c>
    </row>
    <row r="2802" spans="1:9">
      <c r="A2802" s="1">
        <v>3.2202303437637414E-2</v>
      </c>
      <c r="B2802" s="1"/>
      <c r="C2802">
        <v>2</v>
      </c>
      <c r="D2802" t="s">
        <v>4631</v>
      </c>
      <c r="E2802" t="s">
        <v>31825</v>
      </c>
      <c r="F2802">
        <v>4</v>
      </c>
      <c r="G2802" t="s">
        <v>1295</v>
      </c>
      <c r="H2802" t="s">
        <v>4632</v>
      </c>
      <c r="I2802" t="s">
        <v>30540</v>
      </c>
    </row>
    <row r="2803" spans="1:9">
      <c r="A2803" s="1">
        <v>0.14704206254710706</v>
      </c>
      <c r="B2803" s="1"/>
      <c r="C2803">
        <v>16</v>
      </c>
      <c r="D2803" t="s">
        <v>4639</v>
      </c>
      <c r="E2803" t="s">
        <v>31825</v>
      </c>
      <c r="F2803">
        <v>4</v>
      </c>
      <c r="G2803" t="s">
        <v>10</v>
      </c>
      <c r="H2803" t="s">
        <v>4640</v>
      </c>
      <c r="I2803" t="s">
        <v>30540</v>
      </c>
    </row>
    <row r="2804" spans="1:9">
      <c r="A2804" s="1">
        <v>0.37176253422506822</v>
      </c>
      <c r="B2804" s="1"/>
      <c r="C2804">
        <v>17</v>
      </c>
      <c r="D2804" t="s">
        <v>4641</v>
      </c>
      <c r="E2804" t="s">
        <v>31825</v>
      </c>
      <c r="F2804">
        <v>4</v>
      </c>
      <c r="G2804" t="s">
        <v>10</v>
      </c>
      <c r="H2804" t="s">
        <v>4642</v>
      </c>
      <c r="I2804" t="s">
        <v>30540</v>
      </c>
    </row>
    <row r="2805" spans="1:9">
      <c r="A2805" s="1">
        <v>0.59713846056416497</v>
      </c>
      <c r="B2805" s="1"/>
      <c r="C2805">
        <v>20</v>
      </c>
      <c r="D2805" t="s">
        <v>4643</v>
      </c>
      <c r="E2805" t="s">
        <v>31825</v>
      </c>
      <c r="F2805">
        <v>4</v>
      </c>
      <c r="G2805" t="s">
        <v>10</v>
      </c>
      <c r="H2805" t="s">
        <v>4644</v>
      </c>
      <c r="I2805" t="s">
        <v>30540</v>
      </c>
    </row>
    <row r="2806" spans="1:9">
      <c r="A2806" s="1">
        <v>0.38960489446669899</v>
      </c>
      <c r="B2806" s="1"/>
      <c r="C2806">
        <v>7</v>
      </c>
      <c r="D2806" t="s">
        <v>4633</v>
      </c>
      <c r="E2806" t="s">
        <v>31825</v>
      </c>
      <c r="F2806">
        <v>4</v>
      </c>
      <c r="G2806" t="s">
        <v>10</v>
      </c>
      <c r="H2806" t="s">
        <v>4634</v>
      </c>
      <c r="I2806" t="s">
        <v>30540</v>
      </c>
    </row>
    <row r="2807" spans="1:9">
      <c r="A2807" s="1">
        <v>0.19592807032976889</v>
      </c>
      <c r="B2807" s="1"/>
      <c r="C2807">
        <v>11</v>
      </c>
      <c r="D2807" t="s">
        <v>4635</v>
      </c>
      <c r="E2807" t="s">
        <v>31825</v>
      </c>
      <c r="F2807">
        <v>3</v>
      </c>
      <c r="G2807" t="s">
        <v>10</v>
      </c>
      <c r="H2807" t="s">
        <v>4636</v>
      </c>
      <c r="I2807" t="s">
        <v>30540</v>
      </c>
    </row>
    <row r="2808" spans="1:9">
      <c r="A2808" s="1">
        <v>0.73495873580967863</v>
      </c>
      <c r="B2808" s="1"/>
      <c r="C2808">
        <v>16</v>
      </c>
      <c r="D2808" t="s">
        <v>4629</v>
      </c>
      <c r="E2808" t="s">
        <v>31826</v>
      </c>
      <c r="F2808">
        <v>4</v>
      </c>
      <c r="G2808" t="s">
        <v>15</v>
      </c>
      <c r="H2808" t="s">
        <v>4630</v>
      </c>
      <c r="I2808" t="s">
        <v>30540</v>
      </c>
    </row>
    <row r="2809" spans="1:9">
      <c r="A2809" s="1">
        <v>0.94640737093145411</v>
      </c>
      <c r="B2809" s="1"/>
      <c r="C2809">
        <v>14</v>
      </c>
      <c r="D2809" t="s">
        <v>4625</v>
      </c>
      <c r="E2809" t="s">
        <v>31826</v>
      </c>
      <c r="F2809">
        <v>4</v>
      </c>
      <c r="G2809" t="s">
        <v>10</v>
      </c>
      <c r="H2809" t="s">
        <v>4626</v>
      </c>
      <c r="I2809" t="s">
        <v>30540</v>
      </c>
    </row>
    <row r="2810" spans="1:9">
      <c r="A2810" s="1">
        <v>0.72150010894076511</v>
      </c>
      <c r="B2810" s="1"/>
      <c r="C2810">
        <v>15</v>
      </c>
      <c r="D2810" t="s">
        <v>4627</v>
      </c>
      <c r="E2810" t="s">
        <v>31826</v>
      </c>
      <c r="F2810">
        <v>4</v>
      </c>
      <c r="G2810" t="s">
        <v>10</v>
      </c>
      <c r="H2810" t="s">
        <v>4628</v>
      </c>
      <c r="I2810" t="s">
        <v>30540</v>
      </c>
    </row>
    <row r="2811" spans="1:9">
      <c r="A2811" s="1">
        <v>0.34798506488879344</v>
      </c>
      <c r="B2811" s="1"/>
      <c r="C2811">
        <v>2</v>
      </c>
      <c r="D2811" t="s">
        <v>4619</v>
      </c>
      <c r="E2811" t="s">
        <v>31826</v>
      </c>
      <c r="F2811">
        <v>4</v>
      </c>
      <c r="G2811" t="s">
        <v>0</v>
      </c>
      <c r="H2811" t="s">
        <v>4620</v>
      </c>
      <c r="I2811" t="s">
        <v>30540</v>
      </c>
    </row>
    <row r="2812" spans="1:9">
      <c r="A2812" s="1">
        <v>0.4456513493061206</v>
      </c>
      <c r="B2812" s="1"/>
      <c r="C2812">
        <v>13</v>
      </c>
      <c r="D2812" t="s">
        <v>4623</v>
      </c>
      <c r="E2812" t="s">
        <v>31826</v>
      </c>
      <c r="F2812">
        <v>4</v>
      </c>
      <c r="G2812" t="s">
        <v>15</v>
      </c>
      <c r="H2812" t="s">
        <v>4624</v>
      </c>
      <c r="I2812" t="s">
        <v>30540</v>
      </c>
    </row>
    <row r="2813" spans="1:9">
      <c r="A2813" s="1">
        <v>9.892484489642106E-2</v>
      </c>
      <c r="B2813" s="1"/>
      <c r="C2813">
        <v>8</v>
      </c>
      <c r="D2813" t="s">
        <v>4621</v>
      </c>
      <c r="E2813" t="s">
        <v>31826</v>
      </c>
      <c r="F2813">
        <v>4</v>
      </c>
      <c r="G2813" t="s">
        <v>10</v>
      </c>
      <c r="H2813" t="s">
        <v>4622</v>
      </c>
      <c r="I2813" t="s">
        <v>30540</v>
      </c>
    </row>
    <row r="2814" spans="1:9">
      <c r="A2814" s="1">
        <v>0.69576671791121081</v>
      </c>
      <c r="B2814" s="1"/>
      <c r="C2814">
        <v>8</v>
      </c>
      <c r="D2814" t="s">
        <v>4615</v>
      </c>
      <c r="E2814" t="s">
        <v>31827</v>
      </c>
      <c r="F2814">
        <v>4</v>
      </c>
      <c r="G2814" t="s">
        <v>765</v>
      </c>
      <c r="H2814" t="s">
        <v>4616</v>
      </c>
      <c r="I2814" t="s">
        <v>30540</v>
      </c>
    </row>
    <row r="2815" spans="1:9">
      <c r="A2815" s="1">
        <v>0.8612716136969909</v>
      </c>
      <c r="B2815" s="1"/>
      <c r="C2815">
        <v>20</v>
      </c>
      <c r="D2815" t="s">
        <v>4617</v>
      </c>
      <c r="E2815" t="s">
        <v>31827</v>
      </c>
      <c r="F2815">
        <v>3</v>
      </c>
      <c r="G2815" t="s">
        <v>13</v>
      </c>
      <c r="H2815" t="s">
        <v>4618</v>
      </c>
      <c r="I2815" t="s">
        <v>30540</v>
      </c>
    </row>
    <row r="2816" spans="1:9">
      <c r="A2816" s="1">
        <v>0.99312350847445574</v>
      </c>
      <c r="B2816" s="1"/>
      <c r="C2816">
        <v>8</v>
      </c>
      <c r="D2816" t="s">
        <v>4605</v>
      </c>
      <c r="E2816" t="s">
        <v>31828</v>
      </c>
      <c r="F2816">
        <v>5</v>
      </c>
      <c r="G2816" t="s">
        <v>10</v>
      </c>
      <c r="H2816" t="s">
        <v>4606</v>
      </c>
      <c r="I2816" t="s">
        <v>30540</v>
      </c>
    </row>
    <row r="2817" spans="1:9">
      <c r="A2817" s="1">
        <v>0.91043209650582768</v>
      </c>
      <c r="B2817" s="1"/>
      <c r="C2817">
        <v>12</v>
      </c>
      <c r="D2817" t="s">
        <v>4609</v>
      </c>
      <c r="E2817" t="s">
        <v>31828</v>
      </c>
      <c r="F2817">
        <v>5</v>
      </c>
      <c r="G2817" t="s">
        <v>0</v>
      </c>
      <c r="H2817" t="s">
        <v>4610</v>
      </c>
      <c r="I2817" t="s">
        <v>30540</v>
      </c>
    </row>
    <row r="2818" spans="1:9">
      <c r="A2818" s="1">
        <v>0.42379356243696187</v>
      </c>
      <c r="B2818" s="1"/>
      <c r="C2818">
        <v>14</v>
      </c>
      <c r="D2818" t="s">
        <v>4611</v>
      </c>
      <c r="E2818" t="s">
        <v>31828</v>
      </c>
      <c r="F2818">
        <v>4</v>
      </c>
      <c r="G2818" t="s">
        <v>10</v>
      </c>
      <c r="H2818" t="s">
        <v>4612</v>
      </c>
      <c r="I2818" t="s">
        <v>30540</v>
      </c>
    </row>
    <row r="2819" spans="1:9">
      <c r="A2819" s="1">
        <v>0.74206058159631261</v>
      </c>
      <c r="B2819" s="1"/>
      <c r="C2819">
        <v>1</v>
      </c>
      <c r="D2819" t="s">
        <v>4599</v>
      </c>
      <c r="E2819" t="s">
        <v>31828</v>
      </c>
      <c r="F2819">
        <v>4</v>
      </c>
      <c r="G2819" t="s">
        <v>1</v>
      </c>
      <c r="H2819" t="s">
        <v>4600</v>
      </c>
      <c r="I2819" t="s">
        <v>30540</v>
      </c>
    </row>
    <row r="2820" spans="1:9">
      <c r="A2820" s="1">
        <v>0.11677729474119058</v>
      </c>
      <c r="B2820" s="1"/>
      <c r="C2820">
        <v>4</v>
      </c>
      <c r="D2820" t="s">
        <v>4601</v>
      </c>
      <c r="E2820" t="s">
        <v>31828</v>
      </c>
      <c r="F2820">
        <v>3</v>
      </c>
      <c r="G2820" t="s">
        <v>14</v>
      </c>
      <c r="H2820" t="s">
        <v>4602</v>
      </c>
      <c r="I2820" t="s">
        <v>30540</v>
      </c>
    </row>
    <row r="2821" spans="1:9">
      <c r="A2821" s="1">
        <v>0.97864509148647627</v>
      </c>
      <c r="B2821" s="1"/>
      <c r="C2821">
        <v>7</v>
      </c>
      <c r="D2821" t="s">
        <v>4603</v>
      </c>
      <c r="E2821" t="s">
        <v>31828</v>
      </c>
      <c r="F2821">
        <v>3</v>
      </c>
      <c r="G2821" t="s">
        <v>2</v>
      </c>
      <c r="H2821" t="s">
        <v>4604</v>
      </c>
      <c r="I2821" t="s">
        <v>30540</v>
      </c>
    </row>
    <row r="2822" spans="1:9">
      <c r="A2822" s="1">
        <v>0.14394010744533647</v>
      </c>
      <c r="B2822" s="1"/>
      <c r="C2822">
        <v>10</v>
      </c>
      <c r="D2822" t="s">
        <v>4587</v>
      </c>
      <c r="E2822" t="s">
        <v>31829</v>
      </c>
      <c r="F2822">
        <v>5</v>
      </c>
      <c r="G2822" t="s">
        <v>1</v>
      </c>
      <c r="H2822" t="s">
        <v>4588</v>
      </c>
      <c r="I2822" t="s">
        <v>30540</v>
      </c>
    </row>
    <row r="2823" spans="1:9">
      <c r="A2823" s="1">
        <v>7.8920206974113283E-2</v>
      </c>
      <c r="B2823" s="1"/>
      <c r="C2823">
        <v>20</v>
      </c>
      <c r="D2823" t="s">
        <v>4597</v>
      </c>
      <c r="E2823" t="s">
        <v>31829</v>
      </c>
      <c r="F2823">
        <v>4</v>
      </c>
      <c r="G2823" t="s">
        <v>10</v>
      </c>
      <c r="H2823" t="s">
        <v>4598</v>
      </c>
      <c r="I2823" t="s">
        <v>30540</v>
      </c>
    </row>
    <row r="2824" spans="1:9">
      <c r="A2824" s="1">
        <v>0.58889638112480613</v>
      </c>
      <c r="B2824" s="1"/>
      <c r="C2824">
        <v>8</v>
      </c>
      <c r="D2824" t="s">
        <v>4585</v>
      </c>
      <c r="E2824" t="s">
        <v>31829</v>
      </c>
      <c r="F2824">
        <v>4</v>
      </c>
      <c r="G2824" t="s">
        <v>9</v>
      </c>
      <c r="H2824" t="s">
        <v>4586</v>
      </c>
      <c r="I2824" t="s">
        <v>30540</v>
      </c>
    </row>
    <row r="2825" spans="1:9">
      <c r="A2825" s="1">
        <v>0.67755807482691988</v>
      </c>
      <c r="B2825" s="1"/>
      <c r="C2825">
        <v>17</v>
      </c>
      <c r="D2825" t="s">
        <v>4593</v>
      </c>
      <c r="E2825" t="s">
        <v>31829</v>
      </c>
      <c r="F2825">
        <v>4</v>
      </c>
      <c r="G2825" t="s">
        <v>10</v>
      </c>
      <c r="H2825" t="s">
        <v>4594</v>
      </c>
      <c r="I2825" t="s">
        <v>30540</v>
      </c>
    </row>
    <row r="2826" spans="1:9">
      <c r="A2826" s="1">
        <v>0.77599700791828885</v>
      </c>
      <c r="B2826" s="1"/>
      <c r="C2826">
        <v>6</v>
      </c>
      <c r="D2826" t="s">
        <v>4583</v>
      </c>
      <c r="E2826" t="s">
        <v>31829</v>
      </c>
      <c r="F2826">
        <v>4</v>
      </c>
      <c r="G2826" t="s">
        <v>770</v>
      </c>
      <c r="H2826" t="s">
        <v>4584</v>
      </c>
      <c r="I2826" t="s">
        <v>30540</v>
      </c>
    </row>
    <row r="2827" spans="1:9">
      <c r="A2827" s="1">
        <v>0.44895637476922445</v>
      </c>
      <c r="B2827" s="1"/>
      <c r="C2827">
        <v>15</v>
      </c>
      <c r="D2827" t="s">
        <v>4589</v>
      </c>
      <c r="E2827" t="s">
        <v>31829</v>
      </c>
      <c r="F2827">
        <v>4</v>
      </c>
      <c r="G2827" t="s">
        <v>15</v>
      </c>
      <c r="H2827" t="s">
        <v>4590</v>
      </c>
      <c r="I2827" t="s">
        <v>30540</v>
      </c>
    </row>
    <row r="2828" spans="1:9">
      <c r="A2828" s="1">
        <v>0.53509840240905748</v>
      </c>
      <c r="B2828" s="1"/>
      <c r="C2828">
        <v>19</v>
      </c>
      <c r="D2828" t="s">
        <v>4595</v>
      </c>
      <c r="E2828" t="s">
        <v>31829</v>
      </c>
      <c r="F2828">
        <v>4</v>
      </c>
      <c r="G2828" t="s">
        <v>0</v>
      </c>
      <c r="H2828" t="s">
        <v>4596</v>
      </c>
      <c r="I2828" t="s">
        <v>30540</v>
      </c>
    </row>
    <row r="2829" spans="1:9">
      <c r="A2829" s="1">
        <v>0.79914239663433728</v>
      </c>
      <c r="B2829" s="1"/>
      <c r="C2829">
        <v>16</v>
      </c>
      <c r="D2829" t="s">
        <v>4591</v>
      </c>
      <c r="E2829" t="s">
        <v>31829</v>
      </c>
      <c r="F2829">
        <v>3</v>
      </c>
      <c r="G2829" t="s">
        <v>10</v>
      </c>
      <c r="H2829" t="s">
        <v>4592</v>
      </c>
      <c r="I2829" t="s">
        <v>30540</v>
      </c>
    </row>
    <row r="2830" spans="1:9">
      <c r="A2830" s="1">
        <v>0.78663908800688487</v>
      </c>
      <c r="B2830" s="1"/>
      <c r="C2830">
        <v>11</v>
      </c>
      <c r="D2830" t="s">
        <v>4573</v>
      </c>
      <c r="E2830" t="s">
        <v>31830</v>
      </c>
      <c r="F2830">
        <v>5</v>
      </c>
      <c r="G2830" t="s">
        <v>9</v>
      </c>
      <c r="H2830" t="s">
        <v>4574</v>
      </c>
      <c r="I2830" t="s">
        <v>30540</v>
      </c>
    </row>
    <row r="2831" spans="1:9">
      <c r="A2831" s="1">
        <v>0.6113214822495705</v>
      </c>
      <c r="B2831" s="1"/>
      <c r="C2831">
        <v>12</v>
      </c>
      <c r="D2831" t="s">
        <v>4575</v>
      </c>
      <c r="E2831" t="s">
        <v>31830</v>
      </c>
      <c r="F2831">
        <v>4</v>
      </c>
      <c r="G2831" t="s">
        <v>10</v>
      </c>
      <c r="H2831" t="s">
        <v>4576</v>
      </c>
      <c r="I2831" t="s">
        <v>30540</v>
      </c>
    </row>
    <row r="2832" spans="1:9">
      <c r="A2832" s="1">
        <v>0.12465966302150766</v>
      </c>
      <c r="B2832" s="1"/>
      <c r="C2832">
        <v>17</v>
      </c>
      <c r="D2832" t="s">
        <v>4579</v>
      </c>
      <c r="E2832" t="s">
        <v>31830</v>
      </c>
      <c r="F2832">
        <v>4</v>
      </c>
      <c r="G2832" t="s">
        <v>10</v>
      </c>
      <c r="H2832" t="s">
        <v>4580</v>
      </c>
      <c r="I2832" t="s">
        <v>30540</v>
      </c>
    </row>
    <row r="2833" spans="1:9">
      <c r="A2833" s="1">
        <v>0.79264930408348944</v>
      </c>
      <c r="B2833" s="1"/>
      <c r="C2833">
        <v>18</v>
      </c>
      <c r="D2833" t="s">
        <v>4581</v>
      </c>
      <c r="E2833" t="s">
        <v>31830</v>
      </c>
      <c r="F2833">
        <v>4</v>
      </c>
      <c r="G2833" t="s">
        <v>15</v>
      </c>
      <c r="H2833" t="s">
        <v>4582</v>
      </c>
      <c r="I2833" t="s">
        <v>30540</v>
      </c>
    </row>
    <row r="2834" spans="1:9">
      <c r="A2834" s="1">
        <v>0.86637373748674806</v>
      </c>
      <c r="B2834" s="1"/>
      <c r="C2834">
        <v>13</v>
      </c>
      <c r="D2834" t="s">
        <v>4577</v>
      </c>
      <c r="E2834" t="s">
        <v>31830</v>
      </c>
      <c r="F2834">
        <v>4</v>
      </c>
      <c r="G2834" t="s">
        <v>2</v>
      </c>
      <c r="H2834" t="s">
        <v>4578</v>
      </c>
      <c r="I2834" t="s">
        <v>30540</v>
      </c>
    </row>
    <row r="2835" spans="1:9">
      <c r="A2835" s="1">
        <v>0.38661536850023348</v>
      </c>
      <c r="B2835" s="1"/>
      <c r="C2835">
        <v>6</v>
      </c>
      <c r="D2835" t="s">
        <v>4563</v>
      </c>
      <c r="E2835" t="s">
        <v>31831</v>
      </c>
      <c r="F2835">
        <v>4</v>
      </c>
      <c r="G2835" t="s">
        <v>10</v>
      </c>
      <c r="H2835" t="s">
        <v>4564</v>
      </c>
      <c r="I2835" t="s">
        <v>30540</v>
      </c>
    </row>
    <row r="2836" spans="1:9">
      <c r="A2836" s="1">
        <v>0.67397340661636163</v>
      </c>
      <c r="B2836" s="1"/>
      <c r="C2836">
        <v>8</v>
      </c>
      <c r="D2836" t="s">
        <v>4565</v>
      </c>
      <c r="E2836" t="s">
        <v>31831</v>
      </c>
      <c r="F2836">
        <v>4</v>
      </c>
      <c r="G2836" t="s">
        <v>10</v>
      </c>
      <c r="H2836" t="s">
        <v>4566</v>
      </c>
      <c r="I2836" t="s">
        <v>30540</v>
      </c>
    </row>
    <row r="2837" spans="1:9">
      <c r="A2837" s="1">
        <v>0.22996031921636018</v>
      </c>
      <c r="B2837" s="1"/>
      <c r="C2837">
        <v>19</v>
      </c>
      <c r="D2837" t="s">
        <v>4567</v>
      </c>
      <c r="E2837" t="s">
        <v>31831</v>
      </c>
      <c r="F2837">
        <v>4</v>
      </c>
      <c r="G2837" t="s">
        <v>10</v>
      </c>
      <c r="H2837" t="s">
        <v>4568</v>
      </c>
      <c r="I2837" t="s">
        <v>30540</v>
      </c>
    </row>
    <row r="2838" spans="1:9">
      <c r="A2838" s="1">
        <v>0.39920309690811628</v>
      </c>
      <c r="B2838" s="1"/>
      <c r="C2838">
        <v>18</v>
      </c>
      <c r="D2838" t="s">
        <v>4559</v>
      </c>
      <c r="E2838" t="s">
        <v>31832</v>
      </c>
      <c r="F2838">
        <v>4</v>
      </c>
      <c r="G2838" t="s">
        <v>769</v>
      </c>
      <c r="H2838" t="s">
        <v>4560</v>
      </c>
      <c r="I2838" t="s">
        <v>30540</v>
      </c>
    </row>
    <row r="2839" spans="1:9">
      <c r="A2839" s="1">
        <v>0.95055688969720298</v>
      </c>
      <c r="B2839" s="1"/>
      <c r="C2839">
        <v>20</v>
      </c>
      <c r="D2839" t="s">
        <v>4561</v>
      </c>
      <c r="E2839" t="s">
        <v>31832</v>
      </c>
      <c r="F2839">
        <v>4</v>
      </c>
      <c r="G2839" t="s">
        <v>2</v>
      </c>
      <c r="H2839" t="s">
        <v>4562</v>
      </c>
      <c r="I2839" t="s">
        <v>30540</v>
      </c>
    </row>
    <row r="2840" spans="1:9">
      <c r="A2840" s="1">
        <v>0.71940731368259103</v>
      </c>
      <c r="B2840" s="1"/>
      <c r="C2840">
        <v>1</v>
      </c>
      <c r="D2840" t="s">
        <v>4551</v>
      </c>
      <c r="E2840" t="s">
        <v>31832</v>
      </c>
      <c r="F2840">
        <v>4</v>
      </c>
      <c r="G2840" t="s">
        <v>15</v>
      </c>
      <c r="H2840" t="s">
        <v>4552</v>
      </c>
      <c r="I2840" t="s">
        <v>30540</v>
      </c>
    </row>
    <row r="2841" spans="1:9">
      <c r="A2841" s="1">
        <v>0.30700740124929993</v>
      </c>
      <c r="B2841" s="1"/>
      <c r="C2841">
        <v>16</v>
      </c>
      <c r="D2841" t="s">
        <v>4557</v>
      </c>
      <c r="E2841" t="s">
        <v>31832</v>
      </c>
      <c r="F2841">
        <v>4</v>
      </c>
      <c r="G2841" t="s">
        <v>774</v>
      </c>
      <c r="H2841" t="s">
        <v>4558</v>
      </c>
      <c r="I2841" t="s">
        <v>30540</v>
      </c>
    </row>
    <row r="2842" spans="1:9">
      <c r="A2842" s="1">
        <v>0.44488406066540287</v>
      </c>
      <c r="B2842" s="1"/>
      <c r="C2842">
        <v>8</v>
      </c>
      <c r="D2842" t="s">
        <v>4553</v>
      </c>
      <c r="E2842" t="s">
        <v>31832</v>
      </c>
      <c r="F2842">
        <v>3</v>
      </c>
      <c r="G2842" t="s">
        <v>1</v>
      </c>
      <c r="H2842" t="s">
        <v>4554</v>
      </c>
      <c r="I2842" t="s">
        <v>30540</v>
      </c>
    </row>
    <row r="2843" spans="1:9">
      <c r="A2843" s="1">
        <v>0.2366530961755029</v>
      </c>
      <c r="B2843" s="1"/>
      <c r="C2843">
        <v>7</v>
      </c>
      <c r="D2843" t="s">
        <v>4543</v>
      </c>
      <c r="E2843" t="s">
        <v>31833</v>
      </c>
      <c r="F2843">
        <v>4</v>
      </c>
      <c r="G2843" t="s">
        <v>2</v>
      </c>
      <c r="H2843" t="s">
        <v>4544</v>
      </c>
      <c r="I2843" t="s">
        <v>30540</v>
      </c>
    </row>
    <row r="2844" spans="1:9">
      <c r="A2844" s="1">
        <v>0.93191272057474184</v>
      </c>
      <c r="B2844" s="1"/>
      <c r="C2844">
        <v>13</v>
      </c>
      <c r="D2844" t="s">
        <v>4549</v>
      </c>
      <c r="E2844" t="s">
        <v>31833</v>
      </c>
      <c r="F2844">
        <v>4</v>
      </c>
      <c r="G2844" t="s">
        <v>9</v>
      </c>
      <c r="H2844" t="s">
        <v>4550</v>
      </c>
      <c r="I2844" t="s">
        <v>30540</v>
      </c>
    </row>
    <row r="2845" spans="1:9">
      <c r="A2845" s="1">
        <v>0.225484970234758</v>
      </c>
      <c r="B2845" s="1"/>
      <c r="C2845">
        <v>5</v>
      </c>
      <c r="D2845" t="s">
        <v>4541</v>
      </c>
      <c r="E2845" t="s">
        <v>31833</v>
      </c>
      <c r="F2845">
        <v>4</v>
      </c>
      <c r="G2845" t="s">
        <v>2</v>
      </c>
      <c r="H2845" t="s">
        <v>4542</v>
      </c>
      <c r="I2845" t="s">
        <v>30540</v>
      </c>
    </row>
    <row r="2846" spans="1:9">
      <c r="A2846" s="1">
        <v>0.26082957032171028</v>
      </c>
      <c r="B2846" s="1"/>
      <c r="C2846">
        <v>12</v>
      </c>
      <c r="D2846" t="s">
        <v>4547</v>
      </c>
      <c r="E2846" t="s">
        <v>31833</v>
      </c>
      <c r="F2846">
        <v>4</v>
      </c>
      <c r="G2846" t="s">
        <v>10</v>
      </c>
      <c r="H2846" t="s">
        <v>4548</v>
      </c>
      <c r="I2846" t="s">
        <v>30540</v>
      </c>
    </row>
    <row r="2847" spans="1:9">
      <c r="A2847" s="1">
        <v>0.48719258425854461</v>
      </c>
      <c r="B2847" s="1"/>
      <c r="C2847">
        <v>11</v>
      </c>
      <c r="D2847" t="s">
        <v>4533</v>
      </c>
      <c r="E2847" t="s">
        <v>31834</v>
      </c>
      <c r="F2847">
        <v>5</v>
      </c>
      <c r="G2847" t="s">
        <v>0</v>
      </c>
      <c r="H2847" t="s">
        <v>4534</v>
      </c>
      <c r="I2847" t="s">
        <v>30540</v>
      </c>
    </row>
    <row r="2848" spans="1:9">
      <c r="A2848" s="1">
        <v>6.8376835251787726E-3</v>
      </c>
      <c r="B2848" s="1"/>
      <c r="C2848">
        <v>17</v>
      </c>
      <c r="D2848" t="s">
        <v>4539</v>
      </c>
      <c r="E2848" t="s">
        <v>31834</v>
      </c>
      <c r="F2848">
        <v>4</v>
      </c>
      <c r="G2848" t="s">
        <v>10</v>
      </c>
      <c r="H2848" t="s">
        <v>4540</v>
      </c>
      <c r="I2848" t="s">
        <v>30540</v>
      </c>
    </row>
    <row r="2849" spans="1:9">
      <c r="A2849" s="1">
        <v>0.12751713100549356</v>
      </c>
      <c r="B2849" s="1"/>
      <c r="C2849">
        <v>15</v>
      </c>
      <c r="D2849" t="s">
        <v>4537</v>
      </c>
      <c r="E2849" t="s">
        <v>31834</v>
      </c>
      <c r="F2849">
        <v>4</v>
      </c>
      <c r="G2849" t="s">
        <v>10</v>
      </c>
      <c r="H2849" t="s">
        <v>4538</v>
      </c>
      <c r="I2849" t="s">
        <v>30540</v>
      </c>
    </row>
    <row r="2850" spans="1:9">
      <c r="A2850" s="1">
        <v>0.17381678413488766</v>
      </c>
      <c r="B2850" s="1"/>
      <c r="C2850">
        <v>14</v>
      </c>
      <c r="D2850" t="s">
        <v>4535</v>
      </c>
      <c r="E2850" t="s">
        <v>31834</v>
      </c>
      <c r="F2850">
        <v>4</v>
      </c>
      <c r="G2850" t="s">
        <v>10</v>
      </c>
      <c r="H2850" t="s">
        <v>4536</v>
      </c>
      <c r="I2850" t="s">
        <v>30540</v>
      </c>
    </row>
    <row r="2851" spans="1:9">
      <c r="A2851" s="1">
        <v>0.78216464934925012</v>
      </c>
      <c r="B2851" s="1"/>
      <c r="C2851">
        <v>20</v>
      </c>
      <c r="D2851" t="s">
        <v>4529</v>
      </c>
      <c r="E2851" t="s">
        <v>31835</v>
      </c>
      <c r="F2851">
        <v>4</v>
      </c>
      <c r="G2851" t="s">
        <v>0</v>
      </c>
      <c r="H2851" t="s">
        <v>4530</v>
      </c>
      <c r="I2851" t="s">
        <v>30540</v>
      </c>
    </row>
    <row r="2852" spans="1:9">
      <c r="A2852" s="1">
        <v>0.70040075117818601</v>
      </c>
      <c r="B2852" s="1"/>
      <c r="C2852">
        <v>14</v>
      </c>
      <c r="D2852" t="s">
        <v>4525</v>
      </c>
      <c r="E2852" t="s">
        <v>31835</v>
      </c>
      <c r="F2852">
        <v>4</v>
      </c>
      <c r="G2852" t="s">
        <v>9</v>
      </c>
      <c r="H2852" t="s">
        <v>4526</v>
      </c>
      <c r="I2852" t="s">
        <v>30540</v>
      </c>
    </row>
    <row r="2853" spans="1:9">
      <c r="A2853" s="1">
        <v>3.4768216036931587E-2</v>
      </c>
      <c r="B2853" s="1"/>
      <c r="C2853">
        <v>12</v>
      </c>
      <c r="D2853" t="s">
        <v>4521</v>
      </c>
      <c r="E2853" t="s">
        <v>31835</v>
      </c>
      <c r="F2853">
        <v>4</v>
      </c>
      <c r="G2853" t="s">
        <v>10</v>
      </c>
      <c r="H2853" t="s">
        <v>4522</v>
      </c>
      <c r="I2853" t="s">
        <v>30540</v>
      </c>
    </row>
    <row r="2854" spans="1:9">
      <c r="A2854" s="1">
        <v>0.16960412257591362</v>
      </c>
      <c r="B2854" s="1"/>
      <c r="C2854">
        <v>18</v>
      </c>
      <c r="D2854" t="s">
        <v>4527</v>
      </c>
      <c r="E2854" t="s">
        <v>31835</v>
      </c>
      <c r="F2854">
        <v>4</v>
      </c>
      <c r="G2854" t="s">
        <v>0</v>
      </c>
      <c r="H2854" t="s">
        <v>4528</v>
      </c>
      <c r="I2854" t="s">
        <v>30540</v>
      </c>
    </row>
    <row r="2855" spans="1:9">
      <c r="A2855" s="1">
        <v>0.27541252410948569</v>
      </c>
      <c r="B2855" s="1"/>
      <c r="C2855">
        <v>13</v>
      </c>
      <c r="D2855" t="s">
        <v>4523</v>
      </c>
      <c r="E2855" t="s">
        <v>31835</v>
      </c>
      <c r="F2855">
        <v>4</v>
      </c>
      <c r="G2855" t="s">
        <v>10</v>
      </c>
      <c r="H2855" t="s">
        <v>4524</v>
      </c>
      <c r="I2855" t="s">
        <v>30540</v>
      </c>
    </row>
    <row r="2856" spans="1:9">
      <c r="A2856" s="1">
        <v>0.1748338012029802</v>
      </c>
      <c r="B2856" s="1"/>
      <c r="C2856">
        <v>10</v>
      </c>
      <c r="D2856" t="s">
        <v>4519</v>
      </c>
      <c r="E2856" t="s">
        <v>31835</v>
      </c>
      <c r="F2856">
        <v>4</v>
      </c>
      <c r="G2856" t="s">
        <v>9</v>
      </c>
      <c r="H2856" t="s">
        <v>4520</v>
      </c>
      <c r="I2856" t="s">
        <v>30540</v>
      </c>
    </row>
    <row r="2857" spans="1:9">
      <c r="A2857" s="1">
        <v>0.95184083126866703</v>
      </c>
      <c r="B2857" s="1"/>
      <c r="C2857">
        <v>2</v>
      </c>
      <c r="D2857" t="s">
        <v>4517</v>
      </c>
      <c r="E2857" t="s">
        <v>31835</v>
      </c>
      <c r="F2857">
        <v>4</v>
      </c>
      <c r="G2857" t="s">
        <v>14</v>
      </c>
      <c r="H2857" t="s">
        <v>4518</v>
      </c>
      <c r="I2857" t="s">
        <v>30540</v>
      </c>
    </row>
    <row r="2858" spans="1:9">
      <c r="A2858" s="1">
        <v>2.8722461311005643E-2</v>
      </c>
      <c r="B2858" s="1"/>
      <c r="C2858">
        <v>14</v>
      </c>
      <c r="D2858" t="s">
        <v>4513</v>
      </c>
      <c r="E2858" t="s">
        <v>31836</v>
      </c>
      <c r="F2858">
        <v>4</v>
      </c>
      <c r="G2858" t="s">
        <v>9</v>
      </c>
      <c r="H2858" t="s">
        <v>4514</v>
      </c>
      <c r="I2858" t="s">
        <v>30540</v>
      </c>
    </row>
    <row r="2859" spans="1:9">
      <c r="A2859" s="1">
        <v>0.1202805276582426</v>
      </c>
      <c r="B2859" s="1"/>
      <c r="C2859">
        <v>1</v>
      </c>
      <c r="D2859" t="s">
        <v>4505</v>
      </c>
      <c r="E2859" t="s">
        <v>31836</v>
      </c>
      <c r="F2859">
        <v>4</v>
      </c>
      <c r="G2859" t="s">
        <v>2</v>
      </c>
      <c r="H2859" t="s">
        <v>4506</v>
      </c>
      <c r="I2859" t="s">
        <v>30540</v>
      </c>
    </row>
    <row r="2860" spans="1:9">
      <c r="A2860" s="1">
        <v>6.8755188953128599E-2</v>
      </c>
      <c r="B2860" s="1"/>
      <c r="C2860">
        <v>8</v>
      </c>
      <c r="D2860" t="s">
        <v>4509</v>
      </c>
      <c r="E2860" t="s">
        <v>31836</v>
      </c>
      <c r="F2860">
        <v>4</v>
      </c>
      <c r="G2860" t="s">
        <v>10</v>
      </c>
      <c r="H2860" t="s">
        <v>4510</v>
      </c>
      <c r="I2860" t="s">
        <v>30540</v>
      </c>
    </row>
    <row r="2861" spans="1:9">
      <c r="A2861" s="1">
        <v>0.76349434779739256</v>
      </c>
      <c r="B2861" s="1"/>
      <c r="C2861">
        <v>18</v>
      </c>
      <c r="D2861" t="s">
        <v>4515</v>
      </c>
      <c r="E2861" t="s">
        <v>31836</v>
      </c>
      <c r="F2861">
        <v>4</v>
      </c>
      <c r="G2861" t="s">
        <v>10</v>
      </c>
      <c r="H2861" t="s">
        <v>4516</v>
      </c>
      <c r="I2861" t="s">
        <v>30540</v>
      </c>
    </row>
    <row r="2862" spans="1:9">
      <c r="A2862" s="1">
        <v>0.87058470242807207</v>
      </c>
      <c r="B2862" s="1"/>
      <c r="C2862">
        <v>13</v>
      </c>
      <c r="D2862" t="s">
        <v>4511</v>
      </c>
      <c r="E2862" t="s">
        <v>31836</v>
      </c>
      <c r="F2862">
        <v>3</v>
      </c>
      <c r="G2862" t="s">
        <v>10</v>
      </c>
      <c r="H2862" t="s">
        <v>4512</v>
      </c>
      <c r="I2862" t="s">
        <v>30540</v>
      </c>
    </row>
    <row r="2863" spans="1:9">
      <c r="A2863" s="1">
        <v>0.5729408150178481</v>
      </c>
      <c r="B2863" s="1"/>
      <c r="C2863">
        <v>20</v>
      </c>
      <c r="D2863" t="s">
        <v>4503</v>
      </c>
      <c r="E2863" t="s">
        <v>31837</v>
      </c>
      <c r="F2863">
        <v>4</v>
      </c>
      <c r="G2863" t="s">
        <v>10</v>
      </c>
      <c r="H2863" t="s">
        <v>4504</v>
      </c>
      <c r="I2863" t="s">
        <v>30540</v>
      </c>
    </row>
    <row r="2864" spans="1:9">
      <c r="A2864" s="1">
        <v>0.26763088925487943</v>
      </c>
      <c r="B2864" s="1"/>
      <c r="C2864">
        <v>8</v>
      </c>
      <c r="D2864" t="s">
        <v>4493</v>
      </c>
      <c r="E2864" t="s">
        <v>31838</v>
      </c>
      <c r="F2864">
        <v>4</v>
      </c>
      <c r="G2864" t="s">
        <v>10</v>
      </c>
      <c r="H2864" t="s">
        <v>4494</v>
      </c>
      <c r="I2864" t="s">
        <v>30540</v>
      </c>
    </row>
    <row r="2865" spans="1:9">
      <c r="A2865" s="1">
        <v>0.35800414146435366</v>
      </c>
      <c r="B2865" s="1"/>
      <c r="C2865">
        <v>11</v>
      </c>
      <c r="D2865" t="s">
        <v>4495</v>
      </c>
      <c r="E2865" t="s">
        <v>31838</v>
      </c>
      <c r="F2865">
        <v>4</v>
      </c>
      <c r="G2865" t="s">
        <v>14</v>
      </c>
      <c r="H2865" t="s">
        <v>4496</v>
      </c>
      <c r="I2865" t="s">
        <v>30540</v>
      </c>
    </row>
    <row r="2866" spans="1:9">
      <c r="A2866" s="1">
        <v>0.53226701714359193</v>
      </c>
      <c r="B2866" s="1"/>
      <c r="C2866">
        <v>12</v>
      </c>
      <c r="D2866" t="s">
        <v>4497</v>
      </c>
      <c r="E2866" t="s">
        <v>31838</v>
      </c>
      <c r="F2866">
        <v>4</v>
      </c>
      <c r="G2866" t="s">
        <v>10</v>
      </c>
      <c r="H2866" t="s">
        <v>4498</v>
      </c>
      <c r="I2866" t="s">
        <v>30540</v>
      </c>
    </row>
    <row r="2867" spans="1:9">
      <c r="A2867" s="1">
        <v>0.23381216088721879</v>
      </c>
      <c r="B2867" s="1"/>
      <c r="C2867">
        <v>6</v>
      </c>
      <c r="D2867" t="s">
        <v>4491</v>
      </c>
      <c r="E2867" t="s">
        <v>31838</v>
      </c>
      <c r="F2867">
        <v>4</v>
      </c>
      <c r="G2867" t="s">
        <v>14</v>
      </c>
      <c r="H2867" t="s">
        <v>4492</v>
      </c>
      <c r="I2867" t="s">
        <v>30540</v>
      </c>
    </row>
    <row r="2868" spans="1:9">
      <c r="A2868" s="1">
        <v>0.76150846684846429</v>
      </c>
      <c r="B2868" s="1"/>
      <c r="C2868">
        <v>14</v>
      </c>
      <c r="D2868" t="s">
        <v>4479</v>
      </c>
      <c r="E2868" t="s">
        <v>31839</v>
      </c>
      <c r="F2868">
        <v>5</v>
      </c>
      <c r="G2868" t="s">
        <v>2</v>
      </c>
      <c r="H2868" t="s">
        <v>4480</v>
      </c>
      <c r="I2868" t="s">
        <v>30540</v>
      </c>
    </row>
    <row r="2869" spans="1:9">
      <c r="A2869" s="1">
        <v>0.43693370109542395</v>
      </c>
      <c r="B2869" s="1"/>
      <c r="C2869">
        <v>16</v>
      </c>
      <c r="D2869" t="s">
        <v>4481</v>
      </c>
      <c r="E2869" t="s">
        <v>31839</v>
      </c>
      <c r="F2869">
        <v>5</v>
      </c>
      <c r="G2869" t="s">
        <v>10</v>
      </c>
      <c r="H2869" t="s">
        <v>4482</v>
      </c>
      <c r="I2869" t="s">
        <v>30540</v>
      </c>
    </row>
    <row r="2870" spans="1:9">
      <c r="A2870" s="1">
        <v>0.4044780938752518</v>
      </c>
      <c r="B2870" s="1"/>
      <c r="C2870">
        <v>18</v>
      </c>
      <c r="D2870" t="s">
        <v>4483</v>
      </c>
      <c r="E2870" t="s">
        <v>31839</v>
      </c>
      <c r="F2870">
        <v>5</v>
      </c>
      <c r="G2870" t="s">
        <v>9</v>
      </c>
      <c r="H2870" t="s">
        <v>4484</v>
      </c>
      <c r="I2870" t="s">
        <v>30540</v>
      </c>
    </row>
    <row r="2871" spans="1:9">
      <c r="A2871" s="1">
        <v>0.83910033654352756</v>
      </c>
      <c r="B2871" s="1"/>
      <c r="C2871">
        <v>19</v>
      </c>
      <c r="D2871" t="s">
        <v>4485</v>
      </c>
      <c r="E2871" t="s">
        <v>31839</v>
      </c>
      <c r="F2871">
        <v>4</v>
      </c>
      <c r="G2871" t="s">
        <v>10</v>
      </c>
      <c r="H2871" t="s">
        <v>4486</v>
      </c>
      <c r="I2871" t="s">
        <v>30540</v>
      </c>
    </row>
    <row r="2872" spans="1:9">
      <c r="A2872" s="1">
        <v>0.76222408400435948</v>
      </c>
      <c r="B2872" s="1"/>
      <c r="C2872">
        <v>20</v>
      </c>
      <c r="D2872" t="s">
        <v>4487</v>
      </c>
      <c r="E2872" t="s">
        <v>31839</v>
      </c>
      <c r="F2872">
        <v>4</v>
      </c>
      <c r="G2872" t="s">
        <v>15</v>
      </c>
      <c r="H2872" t="s">
        <v>4488</v>
      </c>
      <c r="I2872" t="s">
        <v>30540</v>
      </c>
    </row>
    <row r="2873" spans="1:9">
      <c r="A2873" s="1">
        <v>0.20519155953100454</v>
      </c>
      <c r="B2873" s="1"/>
      <c r="C2873">
        <v>18</v>
      </c>
      <c r="D2873" t="s">
        <v>4475</v>
      </c>
      <c r="E2873" t="s">
        <v>31840</v>
      </c>
      <c r="F2873">
        <v>5</v>
      </c>
      <c r="G2873" t="s">
        <v>10</v>
      </c>
      <c r="H2873" t="s">
        <v>4476</v>
      </c>
      <c r="I2873" t="s">
        <v>30540</v>
      </c>
    </row>
    <row r="2874" spans="1:9">
      <c r="A2874" s="1">
        <v>0.97758929609097278</v>
      </c>
      <c r="B2874" s="1"/>
      <c r="C2874">
        <v>15</v>
      </c>
      <c r="D2874" t="s">
        <v>4471</v>
      </c>
      <c r="E2874" t="s">
        <v>31840</v>
      </c>
      <c r="F2874">
        <v>5</v>
      </c>
      <c r="G2874" t="s">
        <v>9</v>
      </c>
      <c r="H2874" t="s">
        <v>4472</v>
      </c>
      <c r="I2874" t="s">
        <v>30540</v>
      </c>
    </row>
    <row r="2875" spans="1:9">
      <c r="A2875" s="1">
        <v>0.41281155284158166</v>
      </c>
      <c r="B2875" s="1"/>
      <c r="C2875">
        <v>12</v>
      </c>
      <c r="D2875" t="s">
        <v>4469</v>
      </c>
      <c r="E2875" t="s">
        <v>31840</v>
      </c>
      <c r="F2875">
        <v>4</v>
      </c>
      <c r="G2875" t="s">
        <v>10</v>
      </c>
      <c r="H2875" t="s">
        <v>4470</v>
      </c>
      <c r="I2875" t="s">
        <v>30540</v>
      </c>
    </row>
    <row r="2876" spans="1:9">
      <c r="A2876" s="1">
        <v>0.75471580630426394</v>
      </c>
      <c r="B2876" s="1"/>
      <c r="C2876">
        <v>17</v>
      </c>
      <c r="D2876" t="s">
        <v>4473</v>
      </c>
      <c r="E2876" t="s">
        <v>31840</v>
      </c>
      <c r="F2876">
        <v>4</v>
      </c>
      <c r="G2876" t="s">
        <v>0</v>
      </c>
      <c r="H2876" t="s">
        <v>4474</v>
      </c>
      <c r="I2876" t="s">
        <v>30540</v>
      </c>
    </row>
    <row r="2877" spans="1:9">
      <c r="A2877" s="1">
        <v>0.94573686092245435</v>
      </c>
      <c r="B2877" s="1"/>
      <c r="C2877">
        <v>2</v>
      </c>
      <c r="D2877" t="s">
        <v>4463</v>
      </c>
      <c r="E2877" t="s">
        <v>31840</v>
      </c>
      <c r="F2877">
        <v>3</v>
      </c>
      <c r="G2877" t="s">
        <v>2</v>
      </c>
      <c r="H2877" t="s">
        <v>4464</v>
      </c>
      <c r="I2877" t="s">
        <v>30540</v>
      </c>
    </row>
    <row r="2878" spans="1:9">
      <c r="A2878" s="1">
        <v>7.0772083889906523E-2</v>
      </c>
      <c r="B2878" s="1"/>
      <c r="C2878">
        <v>10</v>
      </c>
      <c r="D2878" t="s">
        <v>4461</v>
      </c>
      <c r="E2878" t="s">
        <v>31841</v>
      </c>
      <c r="F2878">
        <v>4</v>
      </c>
      <c r="G2878" t="s">
        <v>10</v>
      </c>
      <c r="H2878" t="s">
        <v>4462</v>
      </c>
      <c r="I2878" t="s">
        <v>30540</v>
      </c>
    </row>
    <row r="2879" spans="1:9">
      <c r="A2879" s="1">
        <v>0.82897361287453697</v>
      </c>
      <c r="B2879" s="1"/>
      <c r="C2879">
        <v>18</v>
      </c>
      <c r="D2879" t="s">
        <v>4459</v>
      </c>
      <c r="E2879" t="s">
        <v>31842</v>
      </c>
      <c r="F2879">
        <v>5</v>
      </c>
      <c r="G2879" t="s">
        <v>10</v>
      </c>
      <c r="H2879" t="s">
        <v>4460</v>
      </c>
      <c r="I2879" t="s">
        <v>30540</v>
      </c>
    </row>
    <row r="2880" spans="1:9">
      <c r="A2880" s="1">
        <v>0.30145393299123169</v>
      </c>
      <c r="B2880" s="1"/>
      <c r="C2880">
        <v>14</v>
      </c>
      <c r="D2880" t="s">
        <v>4457</v>
      </c>
      <c r="E2880" t="s">
        <v>31842</v>
      </c>
      <c r="F2880">
        <v>4</v>
      </c>
      <c r="G2880" t="s">
        <v>10</v>
      </c>
      <c r="H2880" t="s">
        <v>4458</v>
      </c>
      <c r="I2880" t="s">
        <v>30540</v>
      </c>
    </row>
    <row r="2881" spans="1:9">
      <c r="A2881" s="1">
        <v>0.21955376371029922</v>
      </c>
      <c r="B2881" s="1"/>
      <c r="C2881">
        <v>4</v>
      </c>
      <c r="D2881" t="s">
        <v>4455</v>
      </c>
      <c r="E2881" t="s">
        <v>31842</v>
      </c>
      <c r="F2881">
        <v>4</v>
      </c>
      <c r="G2881" t="s">
        <v>2</v>
      </c>
      <c r="H2881" t="s">
        <v>4456</v>
      </c>
      <c r="I2881" t="s">
        <v>30540</v>
      </c>
    </row>
    <row r="2882" spans="1:9">
      <c r="A2882" s="1">
        <v>0.45252201709423268</v>
      </c>
      <c r="B2882" s="1"/>
      <c r="C2882">
        <v>15</v>
      </c>
      <c r="D2882" t="s">
        <v>4453</v>
      </c>
      <c r="E2882" t="s">
        <v>31843</v>
      </c>
      <c r="F2882">
        <v>4</v>
      </c>
      <c r="G2882" t="s">
        <v>10</v>
      </c>
      <c r="H2882" t="s">
        <v>4454</v>
      </c>
      <c r="I2882" t="s">
        <v>30540</v>
      </c>
    </row>
    <row r="2883" spans="1:9">
      <c r="A2883" s="1">
        <v>0.21318338163508044</v>
      </c>
      <c r="B2883" s="1"/>
      <c r="C2883">
        <v>13</v>
      </c>
      <c r="D2883" t="s">
        <v>4451</v>
      </c>
      <c r="E2883" t="s">
        <v>31843</v>
      </c>
      <c r="F2883">
        <v>4</v>
      </c>
      <c r="G2883" t="s">
        <v>10</v>
      </c>
      <c r="H2883" t="s">
        <v>4452</v>
      </c>
      <c r="I2883" t="s">
        <v>30540</v>
      </c>
    </row>
    <row r="2884" spans="1:9">
      <c r="A2884" s="1">
        <v>0.44177969491711211</v>
      </c>
      <c r="B2884" s="1"/>
      <c r="C2884">
        <v>19</v>
      </c>
      <c r="D2884" t="s">
        <v>4449</v>
      </c>
      <c r="E2884" t="s">
        <v>31844</v>
      </c>
      <c r="F2884">
        <v>5</v>
      </c>
      <c r="G2884" t="s">
        <v>13</v>
      </c>
      <c r="H2884" t="s">
        <v>4450</v>
      </c>
      <c r="I2884" t="s">
        <v>30540</v>
      </c>
    </row>
    <row r="2885" spans="1:9">
      <c r="A2885" s="1">
        <v>0.70854059420807669</v>
      </c>
      <c r="B2885" s="1"/>
      <c r="C2885">
        <v>16</v>
      </c>
      <c r="D2885" t="s">
        <v>4447</v>
      </c>
      <c r="E2885" t="s">
        <v>31844</v>
      </c>
      <c r="F2885">
        <v>5</v>
      </c>
      <c r="G2885" t="s">
        <v>15</v>
      </c>
      <c r="H2885" t="s">
        <v>4448</v>
      </c>
      <c r="I2885" t="s">
        <v>30540</v>
      </c>
    </row>
    <row r="2886" spans="1:9">
      <c r="A2886" s="1">
        <v>0.17825004848413273</v>
      </c>
      <c r="B2886" s="1"/>
      <c r="C2886">
        <v>13</v>
      </c>
      <c r="D2886" t="s">
        <v>4443</v>
      </c>
      <c r="E2886" t="s">
        <v>31844</v>
      </c>
      <c r="F2886">
        <v>4</v>
      </c>
      <c r="G2886" t="s">
        <v>10</v>
      </c>
      <c r="H2886" t="s">
        <v>4444</v>
      </c>
      <c r="I2886" t="s">
        <v>30540</v>
      </c>
    </row>
    <row r="2887" spans="1:9">
      <c r="A2887" s="1">
        <v>0.36068999904626509</v>
      </c>
      <c r="B2887" s="1"/>
      <c r="C2887">
        <v>14</v>
      </c>
      <c r="D2887" t="s">
        <v>4445</v>
      </c>
      <c r="E2887" t="s">
        <v>31844</v>
      </c>
      <c r="F2887">
        <v>4</v>
      </c>
      <c r="G2887" t="s">
        <v>10</v>
      </c>
      <c r="H2887" t="s">
        <v>4446</v>
      </c>
      <c r="I2887" t="s">
        <v>30540</v>
      </c>
    </row>
    <row r="2888" spans="1:9">
      <c r="A2888" s="1">
        <v>0.31319491606520855</v>
      </c>
      <c r="B2888" s="1"/>
      <c r="C2888">
        <v>2</v>
      </c>
      <c r="D2888" t="s">
        <v>4441</v>
      </c>
      <c r="E2888" t="s">
        <v>31844</v>
      </c>
      <c r="F2888">
        <v>4</v>
      </c>
      <c r="G2888" t="s">
        <v>1295</v>
      </c>
      <c r="H2888" t="s">
        <v>4442</v>
      </c>
      <c r="I2888" t="s">
        <v>30540</v>
      </c>
    </row>
    <row r="2889" spans="1:9">
      <c r="A2889" s="1">
        <v>0.67415484602648068</v>
      </c>
      <c r="B2889" s="1"/>
      <c r="C2889">
        <v>18</v>
      </c>
      <c r="D2889" t="s">
        <v>4439</v>
      </c>
      <c r="E2889" t="s">
        <v>31845</v>
      </c>
      <c r="F2889">
        <v>5</v>
      </c>
      <c r="G2889" t="s">
        <v>2</v>
      </c>
      <c r="H2889" t="s">
        <v>4440</v>
      </c>
      <c r="I2889" t="s">
        <v>30540</v>
      </c>
    </row>
    <row r="2890" spans="1:9">
      <c r="A2890" s="1">
        <v>0.82311530621565987</v>
      </c>
      <c r="B2890" s="1"/>
      <c r="C2890">
        <v>16</v>
      </c>
      <c r="D2890" t="s">
        <v>4437</v>
      </c>
      <c r="E2890" t="s">
        <v>31845</v>
      </c>
      <c r="F2890">
        <v>5</v>
      </c>
      <c r="G2890" t="s">
        <v>0</v>
      </c>
      <c r="H2890" t="s">
        <v>4438</v>
      </c>
      <c r="I2890" t="s">
        <v>30540</v>
      </c>
    </row>
    <row r="2891" spans="1:9">
      <c r="A2891" s="1">
        <v>0.47230271673135638</v>
      </c>
      <c r="B2891" s="1"/>
      <c r="C2891">
        <v>5</v>
      </c>
      <c r="D2891" t="s">
        <v>4435</v>
      </c>
      <c r="E2891" t="s">
        <v>31845</v>
      </c>
      <c r="F2891">
        <v>4</v>
      </c>
      <c r="G2891" t="s">
        <v>10</v>
      </c>
      <c r="H2891" t="s">
        <v>4436</v>
      </c>
      <c r="I2891" t="s">
        <v>30540</v>
      </c>
    </row>
    <row r="2892" spans="1:9">
      <c r="A2892" s="1">
        <v>0.72390884743909356</v>
      </c>
      <c r="B2892" s="1"/>
      <c r="C2892">
        <v>4</v>
      </c>
      <c r="D2892" t="s">
        <v>4433</v>
      </c>
      <c r="E2892" t="s">
        <v>31845</v>
      </c>
      <c r="F2892">
        <v>4</v>
      </c>
      <c r="G2892" t="s">
        <v>1</v>
      </c>
      <c r="H2892" t="s">
        <v>4434</v>
      </c>
      <c r="I2892" t="s">
        <v>30540</v>
      </c>
    </row>
    <row r="2893" spans="1:9">
      <c r="A2893" s="1">
        <v>0.54383187636043551</v>
      </c>
      <c r="B2893" s="1"/>
      <c r="C2893">
        <v>3</v>
      </c>
      <c r="D2893" t="s">
        <v>4431</v>
      </c>
      <c r="E2893" t="s">
        <v>31845</v>
      </c>
      <c r="F2893">
        <v>4</v>
      </c>
      <c r="G2893" t="s">
        <v>2</v>
      </c>
      <c r="H2893" t="s">
        <v>4432</v>
      </c>
      <c r="I2893" t="s">
        <v>30540</v>
      </c>
    </row>
    <row r="2894" spans="1:9">
      <c r="A2894" s="1">
        <v>0.99424886424360936</v>
      </c>
      <c r="B2894" s="1"/>
      <c r="C2894">
        <v>3</v>
      </c>
      <c r="D2894" t="s">
        <v>4423</v>
      </c>
      <c r="E2894" t="s">
        <v>31846</v>
      </c>
      <c r="F2894">
        <v>5</v>
      </c>
      <c r="G2894" t="s">
        <v>2</v>
      </c>
      <c r="H2894" t="s">
        <v>4424</v>
      </c>
      <c r="I2894" t="s">
        <v>30540</v>
      </c>
    </row>
    <row r="2895" spans="1:9">
      <c r="A2895" s="1">
        <v>0.21946412304690022</v>
      </c>
      <c r="B2895" s="1"/>
      <c r="C2895">
        <v>6</v>
      </c>
      <c r="D2895" t="s">
        <v>4425</v>
      </c>
      <c r="E2895" t="s">
        <v>31846</v>
      </c>
      <c r="F2895">
        <v>4</v>
      </c>
      <c r="G2895" t="s">
        <v>10</v>
      </c>
      <c r="H2895" t="s">
        <v>4426</v>
      </c>
      <c r="I2895" t="s">
        <v>30540</v>
      </c>
    </row>
    <row r="2896" spans="1:9">
      <c r="A2896" s="1">
        <v>0.71033145926818764</v>
      </c>
      <c r="B2896" s="1"/>
      <c r="C2896">
        <v>14</v>
      </c>
      <c r="D2896" t="s">
        <v>4429</v>
      </c>
      <c r="E2896" t="s">
        <v>31846</v>
      </c>
      <c r="F2896">
        <v>4</v>
      </c>
      <c r="G2896" t="s">
        <v>10</v>
      </c>
      <c r="H2896" t="s">
        <v>4430</v>
      </c>
      <c r="I2896" t="s">
        <v>30540</v>
      </c>
    </row>
    <row r="2897" spans="1:9">
      <c r="A2897" s="1">
        <v>0.24340160643939079</v>
      </c>
      <c r="B2897" s="1"/>
      <c r="C2897">
        <v>12</v>
      </c>
      <c r="D2897" t="s">
        <v>4427</v>
      </c>
      <c r="E2897" t="s">
        <v>31846</v>
      </c>
      <c r="F2897">
        <v>3</v>
      </c>
      <c r="G2897" t="s">
        <v>1</v>
      </c>
      <c r="H2897" t="s">
        <v>4428</v>
      </c>
      <c r="I2897" t="s">
        <v>30540</v>
      </c>
    </row>
    <row r="2898" spans="1:9">
      <c r="A2898" s="1">
        <v>0.20196504795409032</v>
      </c>
      <c r="B2898" s="1"/>
      <c r="C2898">
        <v>18</v>
      </c>
      <c r="D2898" t="s">
        <v>4419</v>
      </c>
      <c r="E2898" t="s">
        <v>31847</v>
      </c>
      <c r="F2898">
        <v>5</v>
      </c>
      <c r="G2898" t="s">
        <v>10</v>
      </c>
      <c r="H2898" t="s">
        <v>4420</v>
      </c>
      <c r="I2898" t="s">
        <v>30540</v>
      </c>
    </row>
    <row r="2899" spans="1:9">
      <c r="A2899" s="1">
        <v>0.64922399823390853</v>
      </c>
      <c r="B2899" s="1"/>
      <c r="C2899">
        <v>16</v>
      </c>
      <c r="D2899" t="s">
        <v>4417</v>
      </c>
      <c r="E2899" t="s">
        <v>31847</v>
      </c>
      <c r="F2899">
        <v>5</v>
      </c>
      <c r="G2899" t="s">
        <v>10</v>
      </c>
      <c r="H2899" t="s">
        <v>4418</v>
      </c>
      <c r="I2899" t="s">
        <v>30540</v>
      </c>
    </row>
    <row r="2900" spans="1:9">
      <c r="A2900" s="1">
        <v>0.67935633177754684</v>
      </c>
      <c r="B2900" s="1"/>
      <c r="C2900">
        <v>20</v>
      </c>
      <c r="D2900" t="s">
        <v>4421</v>
      </c>
      <c r="E2900" t="s">
        <v>31847</v>
      </c>
      <c r="F2900">
        <v>4</v>
      </c>
      <c r="G2900" t="s">
        <v>10</v>
      </c>
      <c r="H2900" t="s">
        <v>4422</v>
      </c>
      <c r="I2900" t="s">
        <v>30540</v>
      </c>
    </row>
    <row r="2901" spans="1:9">
      <c r="A2901" s="1">
        <v>0.92041785122748554</v>
      </c>
      <c r="B2901" s="1"/>
      <c r="C2901">
        <v>3</v>
      </c>
      <c r="D2901" t="s">
        <v>4415</v>
      </c>
      <c r="E2901" t="s">
        <v>31847</v>
      </c>
      <c r="F2901">
        <v>4</v>
      </c>
      <c r="G2901" t="s">
        <v>765</v>
      </c>
      <c r="H2901" t="s">
        <v>4416</v>
      </c>
      <c r="I2901" t="s">
        <v>30540</v>
      </c>
    </row>
    <row r="2902" spans="1:9">
      <c r="A2902" s="1">
        <v>0.89184873799824393</v>
      </c>
      <c r="B2902" s="1"/>
      <c r="C2902">
        <v>8</v>
      </c>
      <c r="D2902" t="s">
        <v>4411</v>
      </c>
      <c r="E2902" t="s">
        <v>31848</v>
      </c>
      <c r="F2902">
        <v>4</v>
      </c>
      <c r="G2902" t="s">
        <v>10</v>
      </c>
      <c r="H2902" t="s">
        <v>4412</v>
      </c>
      <c r="I2902" t="s">
        <v>30540</v>
      </c>
    </row>
    <row r="2903" spans="1:9">
      <c r="A2903" s="1">
        <v>5.2867877279494824E-2</v>
      </c>
      <c r="B2903" s="1"/>
      <c r="C2903">
        <v>6</v>
      </c>
      <c r="D2903" t="s">
        <v>4409</v>
      </c>
      <c r="E2903" t="s">
        <v>31848</v>
      </c>
      <c r="F2903">
        <v>4</v>
      </c>
      <c r="G2903" t="s">
        <v>9</v>
      </c>
      <c r="H2903" t="s">
        <v>4410</v>
      </c>
      <c r="I2903" t="s">
        <v>30540</v>
      </c>
    </row>
    <row r="2904" spans="1:9">
      <c r="A2904" s="1">
        <v>0.43116995668815195</v>
      </c>
      <c r="B2904" s="1"/>
      <c r="C2904">
        <v>12</v>
      </c>
      <c r="D2904" t="s">
        <v>4413</v>
      </c>
      <c r="E2904" t="s">
        <v>31848</v>
      </c>
      <c r="F2904">
        <v>4</v>
      </c>
      <c r="G2904" t="s">
        <v>13</v>
      </c>
      <c r="H2904" t="s">
        <v>4414</v>
      </c>
      <c r="I2904" t="s">
        <v>30540</v>
      </c>
    </row>
    <row r="2905" spans="1:9">
      <c r="A2905" s="1">
        <v>0.75689677195353267</v>
      </c>
      <c r="B2905" s="1"/>
      <c r="C2905">
        <v>19</v>
      </c>
      <c r="D2905" t="s">
        <v>4407</v>
      </c>
      <c r="E2905" t="s">
        <v>31849</v>
      </c>
      <c r="F2905">
        <v>4</v>
      </c>
      <c r="G2905" t="s">
        <v>10</v>
      </c>
      <c r="H2905" t="s">
        <v>4408</v>
      </c>
      <c r="I2905" t="s">
        <v>30540</v>
      </c>
    </row>
    <row r="2906" spans="1:9">
      <c r="A2906" s="1">
        <v>0.1716670031896933</v>
      </c>
      <c r="B2906" s="1"/>
      <c r="C2906">
        <v>6</v>
      </c>
      <c r="D2906" t="s">
        <v>4401</v>
      </c>
      <c r="E2906" t="s">
        <v>31849</v>
      </c>
      <c r="F2906">
        <v>4</v>
      </c>
      <c r="G2906" t="s">
        <v>762</v>
      </c>
      <c r="H2906" t="s">
        <v>4402</v>
      </c>
      <c r="I2906" t="s">
        <v>30540</v>
      </c>
    </row>
    <row r="2907" spans="1:9">
      <c r="A2907" s="1">
        <v>0.22055617023357843</v>
      </c>
      <c r="B2907" s="1"/>
      <c r="C2907">
        <v>15</v>
      </c>
      <c r="D2907" t="s">
        <v>4405</v>
      </c>
      <c r="E2907" t="s">
        <v>31849</v>
      </c>
      <c r="F2907">
        <v>4</v>
      </c>
      <c r="G2907" t="s">
        <v>10</v>
      </c>
      <c r="H2907" t="s">
        <v>4406</v>
      </c>
      <c r="I2907" t="s">
        <v>30540</v>
      </c>
    </row>
    <row r="2908" spans="1:9">
      <c r="A2908" s="1">
        <v>0.90317771754524068</v>
      </c>
      <c r="B2908" s="1"/>
      <c r="C2908">
        <v>13</v>
      </c>
      <c r="D2908" t="s">
        <v>4403</v>
      </c>
      <c r="E2908" t="s">
        <v>31849</v>
      </c>
      <c r="F2908">
        <v>4</v>
      </c>
      <c r="G2908" t="s">
        <v>15</v>
      </c>
      <c r="H2908" t="s">
        <v>4404</v>
      </c>
      <c r="I2908" t="s">
        <v>30540</v>
      </c>
    </row>
    <row r="2909" spans="1:9">
      <c r="A2909" s="1">
        <v>0.88978877896079089</v>
      </c>
      <c r="B2909" s="1"/>
      <c r="C2909">
        <v>4</v>
      </c>
      <c r="D2909" t="s">
        <v>4399</v>
      </c>
      <c r="E2909" t="s">
        <v>31849</v>
      </c>
      <c r="F2909">
        <v>4</v>
      </c>
      <c r="G2909" t="s">
        <v>762</v>
      </c>
      <c r="H2909" t="s">
        <v>4400</v>
      </c>
      <c r="I2909" t="s">
        <v>30540</v>
      </c>
    </row>
    <row r="2910" spans="1:9">
      <c r="A2910" s="1">
        <v>1.6970185558146889E-2</v>
      </c>
      <c r="B2910" s="1"/>
      <c r="C2910">
        <v>17</v>
      </c>
      <c r="D2910" t="s">
        <v>4395</v>
      </c>
      <c r="E2910" t="s">
        <v>31850</v>
      </c>
      <c r="F2910">
        <v>4</v>
      </c>
      <c r="G2910" t="s">
        <v>0</v>
      </c>
      <c r="H2910" t="s">
        <v>4396</v>
      </c>
      <c r="I2910" t="s">
        <v>30540</v>
      </c>
    </row>
    <row r="2911" spans="1:9">
      <c r="A2911" s="1">
        <v>0.77990947662654553</v>
      </c>
      <c r="B2911" s="1"/>
      <c r="C2911">
        <v>14</v>
      </c>
      <c r="D2911" t="s">
        <v>4393</v>
      </c>
      <c r="E2911" t="s">
        <v>31850</v>
      </c>
      <c r="F2911">
        <v>4</v>
      </c>
      <c r="G2911" t="s">
        <v>10</v>
      </c>
      <c r="H2911" t="s">
        <v>4394</v>
      </c>
      <c r="I2911" t="s">
        <v>30540</v>
      </c>
    </row>
    <row r="2912" spans="1:9">
      <c r="A2912" s="1">
        <v>0.80557887619958612</v>
      </c>
      <c r="B2912" s="1"/>
      <c r="C2912">
        <v>18</v>
      </c>
      <c r="D2912" t="s">
        <v>4397</v>
      </c>
      <c r="E2912" t="s">
        <v>31850</v>
      </c>
      <c r="F2912">
        <v>4</v>
      </c>
      <c r="G2912" t="s">
        <v>0</v>
      </c>
      <c r="H2912" t="s">
        <v>4398</v>
      </c>
      <c r="I2912" t="s">
        <v>30540</v>
      </c>
    </row>
    <row r="2913" spans="1:9">
      <c r="A2913" s="1">
        <v>0.8723532043872545</v>
      </c>
      <c r="B2913" s="1"/>
      <c r="C2913">
        <v>1</v>
      </c>
      <c r="D2913" t="s">
        <v>4383</v>
      </c>
      <c r="E2913" t="s">
        <v>31851</v>
      </c>
      <c r="F2913">
        <v>5</v>
      </c>
      <c r="G2913" t="s">
        <v>2</v>
      </c>
      <c r="H2913" t="s">
        <v>4384</v>
      </c>
      <c r="I2913" t="s">
        <v>30540</v>
      </c>
    </row>
    <row r="2914" spans="1:9">
      <c r="A2914" s="1">
        <v>0.96928155301165586</v>
      </c>
      <c r="B2914" s="1"/>
      <c r="C2914">
        <v>13</v>
      </c>
      <c r="D2914" t="s">
        <v>4389</v>
      </c>
      <c r="E2914" t="s">
        <v>31851</v>
      </c>
      <c r="F2914">
        <v>5</v>
      </c>
      <c r="G2914" t="s">
        <v>13</v>
      </c>
      <c r="H2914" t="s">
        <v>4390</v>
      </c>
      <c r="I2914" t="s">
        <v>30540</v>
      </c>
    </row>
    <row r="2915" spans="1:9">
      <c r="A2915" s="1">
        <v>0.65824000415886375</v>
      </c>
      <c r="B2915" s="1"/>
      <c r="C2915">
        <v>9</v>
      </c>
      <c r="D2915" t="s">
        <v>4385</v>
      </c>
      <c r="E2915" t="s">
        <v>31851</v>
      </c>
      <c r="F2915">
        <v>4</v>
      </c>
      <c r="G2915" t="s">
        <v>10</v>
      </c>
      <c r="H2915" t="s">
        <v>4386</v>
      </c>
      <c r="I2915" t="s">
        <v>30540</v>
      </c>
    </row>
    <row r="2916" spans="1:9">
      <c r="A2916" s="1">
        <v>0.2193106499911569</v>
      </c>
      <c r="B2916" s="1"/>
      <c r="C2916">
        <v>11</v>
      </c>
      <c r="D2916" t="s">
        <v>4387</v>
      </c>
      <c r="E2916" t="s">
        <v>31851</v>
      </c>
      <c r="F2916">
        <v>4</v>
      </c>
      <c r="G2916" t="s">
        <v>10</v>
      </c>
      <c r="H2916" t="s">
        <v>4388</v>
      </c>
      <c r="I2916" t="s">
        <v>30540</v>
      </c>
    </row>
    <row r="2917" spans="1:9">
      <c r="A2917" s="1">
        <v>0.26568699225587256</v>
      </c>
      <c r="B2917" s="1"/>
      <c r="C2917">
        <v>5</v>
      </c>
      <c r="D2917" t="s">
        <v>4375</v>
      </c>
      <c r="E2917" t="s">
        <v>31852</v>
      </c>
      <c r="F2917">
        <v>5</v>
      </c>
      <c r="G2917" t="s">
        <v>770</v>
      </c>
      <c r="H2917" t="s">
        <v>4376</v>
      </c>
      <c r="I2917" t="s">
        <v>30540</v>
      </c>
    </row>
    <row r="2918" spans="1:9">
      <c r="A2918" s="1">
        <v>0.50467146340913305</v>
      </c>
      <c r="B2918" s="1"/>
      <c r="C2918">
        <v>7</v>
      </c>
      <c r="D2918" t="s">
        <v>4377</v>
      </c>
      <c r="E2918" t="s">
        <v>31852</v>
      </c>
      <c r="F2918">
        <v>4</v>
      </c>
      <c r="G2918" t="s">
        <v>1295</v>
      </c>
      <c r="H2918" t="s">
        <v>4378</v>
      </c>
      <c r="I2918" t="s">
        <v>30540</v>
      </c>
    </row>
    <row r="2919" spans="1:9">
      <c r="A2919" s="1">
        <v>0.23609635648744853</v>
      </c>
      <c r="B2919" s="1"/>
      <c r="C2919">
        <v>20</v>
      </c>
      <c r="D2919" t="s">
        <v>4381</v>
      </c>
      <c r="E2919" t="s">
        <v>31852</v>
      </c>
      <c r="F2919">
        <v>4</v>
      </c>
      <c r="G2919" t="s">
        <v>2</v>
      </c>
      <c r="H2919" t="s">
        <v>4382</v>
      </c>
      <c r="I2919" t="s">
        <v>30540</v>
      </c>
    </row>
    <row r="2920" spans="1:9">
      <c r="A2920" s="1">
        <v>6.8877349468917104E-2</v>
      </c>
      <c r="B2920" s="1"/>
      <c r="C2920">
        <v>3</v>
      </c>
      <c r="D2920" t="s">
        <v>4373</v>
      </c>
      <c r="E2920" t="s">
        <v>31852</v>
      </c>
      <c r="F2920">
        <v>4</v>
      </c>
      <c r="G2920" t="s">
        <v>10</v>
      </c>
      <c r="H2920" t="s">
        <v>4374</v>
      </c>
      <c r="I2920" t="s">
        <v>30540</v>
      </c>
    </row>
    <row r="2921" spans="1:9">
      <c r="A2921" s="1">
        <v>0.96702478928299129</v>
      </c>
      <c r="B2921" s="1"/>
      <c r="C2921">
        <v>7</v>
      </c>
      <c r="D2921" t="s">
        <v>4367</v>
      </c>
      <c r="E2921" t="s">
        <v>31853</v>
      </c>
      <c r="F2921">
        <v>4</v>
      </c>
      <c r="G2921" t="s">
        <v>10</v>
      </c>
      <c r="H2921" t="s">
        <v>4368</v>
      </c>
      <c r="I2921" t="s">
        <v>30540</v>
      </c>
    </row>
    <row r="2922" spans="1:9">
      <c r="A2922" s="1">
        <v>0.39025654123939313</v>
      </c>
      <c r="B2922" s="1"/>
      <c r="C2922">
        <v>9</v>
      </c>
      <c r="D2922" t="s">
        <v>4371</v>
      </c>
      <c r="E2922" t="s">
        <v>31853</v>
      </c>
      <c r="F2922">
        <v>4</v>
      </c>
      <c r="G2922" t="s">
        <v>10</v>
      </c>
      <c r="H2922" t="s">
        <v>4372</v>
      </c>
      <c r="I2922" t="s">
        <v>30540</v>
      </c>
    </row>
    <row r="2923" spans="1:9">
      <c r="A2923" s="1">
        <v>6.8401991028497866E-2</v>
      </c>
      <c r="B2923" s="1"/>
      <c r="C2923">
        <v>8</v>
      </c>
      <c r="D2923" t="s">
        <v>4369</v>
      </c>
      <c r="E2923" t="s">
        <v>31853</v>
      </c>
      <c r="F2923">
        <v>4</v>
      </c>
      <c r="G2923" t="s">
        <v>9</v>
      </c>
      <c r="H2923" t="s">
        <v>4370</v>
      </c>
      <c r="I2923" t="s">
        <v>30540</v>
      </c>
    </row>
    <row r="2924" spans="1:9">
      <c r="A2924" s="1">
        <v>6.8921080929744694E-3</v>
      </c>
      <c r="B2924" s="1"/>
      <c r="C2924">
        <v>20</v>
      </c>
      <c r="D2924" t="s">
        <v>4365</v>
      </c>
      <c r="E2924" t="s">
        <v>31854</v>
      </c>
      <c r="F2924">
        <v>5</v>
      </c>
      <c r="G2924" t="s">
        <v>10</v>
      </c>
      <c r="H2924" t="s">
        <v>4366</v>
      </c>
      <c r="I2924" t="s">
        <v>30540</v>
      </c>
    </row>
    <row r="2925" spans="1:9">
      <c r="A2925" s="1">
        <v>0.24871250353424001</v>
      </c>
      <c r="B2925" s="1"/>
      <c r="C2925">
        <v>7</v>
      </c>
      <c r="D2925" t="s">
        <v>4361</v>
      </c>
      <c r="E2925" t="s">
        <v>31854</v>
      </c>
      <c r="F2925">
        <v>4</v>
      </c>
      <c r="G2925" t="s">
        <v>15</v>
      </c>
      <c r="H2925" t="s">
        <v>4362</v>
      </c>
      <c r="I2925" t="s">
        <v>30540</v>
      </c>
    </row>
    <row r="2926" spans="1:9">
      <c r="A2926" s="1">
        <v>2.9871618540863398E-2</v>
      </c>
      <c r="B2926" s="1"/>
      <c r="C2926">
        <v>2</v>
      </c>
      <c r="D2926" t="s">
        <v>4359</v>
      </c>
      <c r="E2926" t="s">
        <v>31854</v>
      </c>
      <c r="F2926">
        <v>4</v>
      </c>
      <c r="G2926" t="s">
        <v>774</v>
      </c>
      <c r="H2926" t="s">
        <v>4360</v>
      </c>
      <c r="I2926" t="s">
        <v>30540</v>
      </c>
    </row>
    <row r="2927" spans="1:9">
      <c r="A2927" s="1">
        <v>0.23219602058887356</v>
      </c>
      <c r="B2927" s="1"/>
      <c r="C2927">
        <v>17</v>
      </c>
      <c r="D2927" t="s">
        <v>4363</v>
      </c>
      <c r="E2927" t="s">
        <v>31854</v>
      </c>
      <c r="F2927">
        <v>4</v>
      </c>
      <c r="G2927" t="s">
        <v>2</v>
      </c>
      <c r="H2927" t="s">
        <v>4364</v>
      </c>
      <c r="I2927" t="s">
        <v>30540</v>
      </c>
    </row>
    <row r="2928" spans="1:9">
      <c r="A2928" s="1">
        <v>0.69960761688697759</v>
      </c>
      <c r="B2928" s="1"/>
      <c r="C2928">
        <v>6</v>
      </c>
      <c r="D2928" t="s">
        <v>4349</v>
      </c>
      <c r="E2928" t="s">
        <v>31855</v>
      </c>
      <c r="F2928">
        <v>5</v>
      </c>
      <c r="G2928" t="s">
        <v>10</v>
      </c>
      <c r="H2928" t="s">
        <v>4350</v>
      </c>
      <c r="I2928" t="s">
        <v>30540</v>
      </c>
    </row>
    <row r="2929" spans="1:9">
      <c r="A2929" s="1">
        <v>0.12197098226327929</v>
      </c>
      <c r="B2929" s="1"/>
      <c r="C2929">
        <v>19</v>
      </c>
      <c r="D2929" t="s">
        <v>4357</v>
      </c>
      <c r="E2929" t="s">
        <v>31855</v>
      </c>
      <c r="F2929">
        <v>4</v>
      </c>
      <c r="G2929" t="s">
        <v>10</v>
      </c>
      <c r="H2929" t="s">
        <v>4358</v>
      </c>
      <c r="I2929" t="s">
        <v>30540</v>
      </c>
    </row>
    <row r="2930" spans="1:9">
      <c r="A2930" s="1">
        <v>0.67959791088232691</v>
      </c>
      <c r="B2930" s="1"/>
      <c r="C2930">
        <v>11</v>
      </c>
      <c r="D2930" t="s">
        <v>4351</v>
      </c>
      <c r="E2930" t="s">
        <v>31855</v>
      </c>
      <c r="F2930">
        <v>4</v>
      </c>
      <c r="G2930" t="s">
        <v>10</v>
      </c>
      <c r="H2930" t="s">
        <v>4352</v>
      </c>
      <c r="I2930" t="s">
        <v>30540</v>
      </c>
    </row>
    <row r="2931" spans="1:9">
      <c r="A2931" s="1">
        <v>0.65712146337644262</v>
      </c>
      <c r="B2931" s="1"/>
      <c r="C2931">
        <v>17</v>
      </c>
      <c r="D2931" t="s">
        <v>4355</v>
      </c>
      <c r="E2931" t="s">
        <v>31855</v>
      </c>
      <c r="F2931">
        <v>4</v>
      </c>
      <c r="G2931" t="s">
        <v>1295</v>
      </c>
      <c r="H2931" t="s">
        <v>4356</v>
      </c>
      <c r="I2931" t="s">
        <v>30540</v>
      </c>
    </row>
    <row r="2932" spans="1:9">
      <c r="A2932" s="1">
        <v>0.11858606980339093</v>
      </c>
      <c r="B2932" s="1"/>
      <c r="C2932">
        <v>14</v>
      </c>
      <c r="D2932" t="s">
        <v>4343</v>
      </c>
      <c r="E2932" t="s">
        <v>31856</v>
      </c>
      <c r="F2932">
        <v>4</v>
      </c>
      <c r="G2932" t="s">
        <v>10</v>
      </c>
      <c r="H2932" t="s">
        <v>4344</v>
      </c>
      <c r="I2932" t="s">
        <v>30540</v>
      </c>
    </row>
    <row r="2933" spans="1:9">
      <c r="A2933" s="1">
        <v>0.1436968710455766</v>
      </c>
      <c r="B2933" s="1"/>
      <c r="C2933">
        <v>8</v>
      </c>
      <c r="D2933" t="s">
        <v>4341</v>
      </c>
      <c r="E2933" t="s">
        <v>31856</v>
      </c>
      <c r="F2933">
        <v>4</v>
      </c>
      <c r="G2933" t="s">
        <v>15</v>
      </c>
      <c r="H2933" t="s">
        <v>4342</v>
      </c>
      <c r="I2933" t="s">
        <v>30540</v>
      </c>
    </row>
    <row r="2934" spans="1:9">
      <c r="A2934" s="1">
        <v>0.40591591537478366</v>
      </c>
      <c r="B2934" s="1"/>
      <c r="C2934">
        <v>15</v>
      </c>
      <c r="D2934" t="s">
        <v>4345</v>
      </c>
      <c r="E2934" t="s">
        <v>31856</v>
      </c>
      <c r="F2934">
        <v>4</v>
      </c>
      <c r="G2934" t="s">
        <v>10</v>
      </c>
      <c r="H2934" t="s">
        <v>4346</v>
      </c>
      <c r="I2934" t="s">
        <v>30540</v>
      </c>
    </row>
    <row r="2935" spans="1:9">
      <c r="A2935" s="1">
        <v>7.0540066479659158E-2</v>
      </c>
      <c r="B2935" s="1"/>
      <c r="C2935">
        <v>16</v>
      </c>
      <c r="D2935" t="s">
        <v>4347</v>
      </c>
      <c r="E2935" t="s">
        <v>31856</v>
      </c>
      <c r="F2935">
        <v>4</v>
      </c>
      <c r="G2935" t="s">
        <v>10</v>
      </c>
      <c r="H2935" t="s">
        <v>4348</v>
      </c>
      <c r="I2935" t="s">
        <v>30540</v>
      </c>
    </row>
    <row r="2936" spans="1:9">
      <c r="A2936" s="1">
        <v>0.58572966399223059</v>
      </c>
      <c r="B2936" s="1"/>
      <c r="C2936">
        <v>6</v>
      </c>
      <c r="D2936" t="s">
        <v>4339</v>
      </c>
      <c r="E2936" t="s">
        <v>31856</v>
      </c>
      <c r="F2936">
        <v>3</v>
      </c>
      <c r="G2936" t="s">
        <v>10</v>
      </c>
      <c r="H2936" t="s">
        <v>4340</v>
      </c>
      <c r="I2936" t="s">
        <v>30540</v>
      </c>
    </row>
    <row r="2937" spans="1:9">
      <c r="A2937" s="1">
        <v>0.98779206226834437</v>
      </c>
      <c r="B2937" s="1"/>
      <c r="C2937">
        <v>14</v>
      </c>
      <c r="D2937" t="s">
        <v>4331</v>
      </c>
      <c r="E2937" t="s">
        <v>31857</v>
      </c>
      <c r="F2937">
        <v>5</v>
      </c>
      <c r="G2937" t="s">
        <v>762</v>
      </c>
      <c r="H2937" t="s">
        <v>4332</v>
      </c>
      <c r="I2937" t="s">
        <v>30540</v>
      </c>
    </row>
    <row r="2938" spans="1:9">
      <c r="A2938" s="1">
        <v>0.85818351282754635</v>
      </c>
      <c r="B2938" s="1"/>
      <c r="C2938">
        <v>12</v>
      </c>
      <c r="D2938" t="s">
        <v>4329</v>
      </c>
      <c r="E2938" t="s">
        <v>31857</v>
      </c>
      <c r="F2938">
        <v>4</v>
      </c>
      <c r="G2938" t="s">
        <v>10</v>
      </c>
      <c r="H2938" t="s">
        <v>4330</v>
      </c>
      <c r="I2938" t="s">
        <v>30540</v>
      </c>
    </row>
    <row r="2939" spans="1:9">
      <c r="A2939" s="1">
        <v>0.41580646241897878</v>
      </c>
      <c r="B2939" s="1"/>
      <c r="C2939">
        <v>5</v>
      </c>
      <c r="D2939" t="s">
        <v>4327</v>
      </c>
      <c r="E2939" t="s">
        <v>31857</v>
      </c>
      <c r="F2939">
        <v>4</v>
      </c>
      <c r="G2939" t="s">
        <v>10</v>
      </c>
      <c r="H2939" t="s">
        <v>4328</v>
      </c>
      <c r="I2939" t="s">
        <v>30540</v>
      </c>
    </row>
    <row r="2940" spans="1:9">
      <c r="A2940" s="1">
        <v>0.33884688289453047</v>
      </c>
      <c r="B2940" s="1"/>
      <c r="C2940">
        <v>16</v>
      </c>
      <c r="D2940" t="s">
        <v>4333</v>
      </c>
      <c r="E2940" t="s">
        <v>31857</v>
      </c>
      <c r="F2940">
        <v>4</v>
      </c>
      <c r="G2940" t="s">
        <v>10</v>
      </c>
      <c r="H2940" t="s">
        <v>4334</v>
      </c>
      <c r="I2940" t="s">
        <v>30540</v>
      </c>
    </row>
    <row r="2941" spans="1:9">
      <c r="A2941" s="1">
        <v>0.95452348331147763</v>
      </c>
      <c r="B2941" s="1"/>
      <c r="C2941">
        <v>20</v>
      </c>
      <c r="D2941" t="s">
        <v>4335</v>
      </c>
      <c r="E2941" t="s">
        <v>31857</v>
      </c>
      <c r="F2941">
        <v>4</v>
      </c>
      <c r="G2941" t="s">
        <v>0</v>
      </c>
      <c r="H2941" t="s">
        <v>4336</v>
      </c>
      <c r="I2941" t="s">
        <v>30540</v>
      </c>
    </row>
    <row r="2942" spans="1:9">
      <c r="A2942" s="1">
        <v>0.24172720987313234</v>
      </c>
      <c r="B2942" s="1"/>
      <c r="C2942">
        <v>11</v>
      </c>
      <c r="D2942" t="s">
        <v>4323</v>
      </c>
      <c r="E2942" t="s">
        <v>31858</v>
      </c>
      <c r="F2942">
        <v>4</v>
      </c>
      <c r="G2942" t="s">
        <v>15</v>
      </c>
      <c r="H2942" t="s">
        <v>4324</v>
      </c>
      <c r="I2942" t="s">
        <v>30540</v>
      </c>
    </row>
    <row r="2943" spans="1:9">
      <c r="A2943" s="1">
        <v>0.16108193147504146</v>
      </c>
      <c r="B2943" s="1"/>
      <c r="C2943">
        <v>9</v>
      </c>
      <c r="D2943" t="s">
        <v>4321</v>
      </c>
      <c r="E2943" t="s">
        <v>31858</v>
      </c>
      <c r="F2943">
        <v>3</v>
      </c>
      <c r="G2943" t="s">
        <v>0</v>
      </c>
      <c r="H2943" t="s">
        <v>4322</v>
      </c>
      <c r="I2943" t="s">
        <v>30540</v>
      </c>
    </row>
    <row r="2944" spans="1:9">
      <c r="A2944" s="1">
        <v>0.12301126337696688</v>
      </c>
      <c r="B2944" s="1"/>
      <c r="C2944">
        <v>6</v>
      </c>
      <c r="D2944" t="s">
        <v>4309</v>
      </c>
      <c r="E2944" t="s">
        <v>31859</v>
      </c>
      <c r="F2944">
        <v>5</v>
      </c>
      <c r="G2944" t="s">
        <v>769</v>
      </c>
      <c r="H2944" t="s">
        <v>4310</v>
      </c>
      <c r="I2944" t="s">
        <v>30540</v>
      </c>
    </row>
    <row r="2945" spans="1:9">
      <c r="A2945" s="1">
        <v>0.21849472106678591</v>
      </c>
      <c r="B2945" s="1"/>
      <c r="C2945">
        <v>20</v>
      </c>
      <c r="D2945" t="s">
        <v>4319</v>
      </c>
      <c r="E2945" t="s">
        <v>31859</v>
      </c>
      <c r="F2945">
        <v>5</v>
      </c>
      <c r="G2945" t="s">
        <v>769</v>
      </c>
      <c r="H2945" t="s">
        <v>4320</v>
      </c>
      <c r="I2945" t="s">
        <v>30540</v>
      </c>
    </row>
    <row r="2946" spans="1:9">
      <c r="A2946" s="1">
        <v>0.27071969853896727</v>
      </c>
      <c r="B2946" s="1"/>
      <c r="C2946">
        <v>4</v>
      </c>
      <c r="D2946" t="s">
        <v>4307</v>
      </c>
      <c r="E2946" t="s">
        <v>31859</v>
      </c>
      <c r="F2946">
        <v>5</v>
      </c>
      <c r="G2946" t="s">
        <v>769</v>
      </c>
      <c r="H2946" t="s">
        <v>4308</v>
      </c>
      <c r="I2946" t="s">
        <v>30540</v>
      </c>
    </row>
    <row r="2947" spans="1:9">
      <c r="A2947" s="1">
        <v>0.57128327965288772</v>
      </c>
      <c r="B2947" s="1"/>
      <c r="C2947">
        <v>16</v>
      </c>
      <c r="D2947" t="s">
        <v>4317</v>
      </c>
      <c r="E2947" t="s">
        <v>31859</v>
      </c>
      <c r="F2947">
        <v>4</v>
      </c>
      <c r="G2947" t="s">
        <v>14</v>
      </c>
      <c r="H2947" t="s">
        <v>4318</v>
      </c>
      <c r="I2947" t="s">
        <v>30540</v>
      </c>
    </row>
    <row r="2948" spans="1:9">
      <c r="A2948" s="1">
        <v>0.52976449745294973</v>
      </c>
      <c r="B2948" s="1"/>
      <c r="C2948">
        <v>9</v>
      </c>
      <c r="D2948" t="s">
        <v>4313</v>
      </c>
      <c r="E2948" t="s">
        <v>31859</v>
      </c>
      <c r="F2948">
        <v>4</v>
      </c>
      <c r="G2948" t="s">
        <v>762</v>
      </c>
      <c r="H2948" t="s">
        <v>4314</v>
      </c>
      <c r="I2948" t="s">
        <v>30540</v>
      </c>
    </row>
    <row r="2949" spans="1:9">
      <c r="A2949" s="1">
        <v>0.93165478079404851</v>
      </c>
      <c r="B2949" s="1"/>
      <c r="C2949">
        <v>8</v>
      </c>
      <c r="D2949" t="s">
        <v>4311</v>
      </c>
      <c r="E2949" t="s">
        <v>31859</v>
      </c>
      <c r="F2949">
        <v>4</v>
      </c>
      <c r="G2949" t="s">
        <v>762</v>
      </c>
      <c r="H2949" t="s">
        <v>4312</v>
      </c>
      <c r="I2949" t="s">
        <v>30540</v>
      </c>
    </row>
    <row r="2950" spans="1:9">
      <c r="A2950" s="1">
        <v>0.10413608067348334</v>
      </c>
      <c r="B2950" s="1"/>
      <c r="C2950">
        <v>9</v>
      </c>
      <c r="D2950" t="s">
        <v>4297</v>
      </c>
      <c r="E2950" t="s">
        <v>31860</v>
      </c>
      <c r="F2950">
        <v>4</v>
      </c>
      <c r="G2950" t="s">
        <v>9</v>
      </c>
      <c r="H2950" t="s">
        <v>4298</v>
      </c>
      <c r="I2950" t="s">
        <v>30540</v>
      </c>
    </row>
    <row r="2951" spans="1:9">
      <c r="A2951" s="1">
        <v>0.2943089334168173</v>
      </c>
      <c r="B2951" s="1"/>
      <c r="C2951">
        <v>2</v>
      </c>
      <c r="D2951" t="s">
        <v>4293</v>
      </c>
      <c r="E2951" t="s">
        <v>31860</v>
      </c>
      <c r="F2951">
        <v>4</v>
      </c>
      <c r="G2951" t="s">
        <v>770</v>
      </c>
      <c r="H2951" t="s">
        <v>4294</v>
      </c>
      <c r="I2951" t="s">
        <v>30540</v>
      </c>
    </row>
    <row r="2952" spans="1:9">
      <c r="A2952" s="1">
        <v>0.7214666069810115</v>
      </c>
      <c r="B2952" s="1"/>
      <c r="C2952">
        <v>6</v>
      </c>
      <c r="D2952" t="s">
        <v>4295</v>
      </c>
      <c r="E2952" t="s">
        <v>31860</v>
      </c>
      <c r="F2952">
        <v>4</v>
      </c>
      <c r="G2952" t="s">
        <v>9</v>
      </c>
      <c r="H2952" t="s">
        <v>4296</v>
      </c>
      <c r="I2952" t="s">
        <v>30540</v>
      </c>
    </row>
    <row r="2953" spans="1:9">
      <c r="A2953" s="1">
        <v>0.67947949785876061</v>
      </c>
      <c r="B2953" s="1"/>
      <c r="C2953">
        <v>20</v>
      </c>
      <c r="D2953" t="s">
        <v>4305</v>
      </c>
      <c r="E2953" t="s">
        <v>31860</v>
      </c>
      <c r="F2953">
        <v>4</v>
      </c>
      <c r="G2953" t="s">
        <v>0</v>
      </c>
      <c r="H2953" t="s">
        <v>4306</v>
      </c>
      <c r="I2953" t="s">
        <v>30540</v>
      </c>
    </row>
    <row r="2954" spans="1:9">
      <c r="A2954" s="1">
        <v>9.5198214509422119E-2</v>
      </c>
      <c r="B2954" s="1"/>
      <c r="C2954">
        <v>19</v>
      </c>
      <c r="D2954" t="s">
        <v>4303</v>
      </c>
      <c r="E2954" t="s">
        <v>31860</v>
      </c>
      <c r="F2954">
        <v>4</v>
      </c>
      <c r="G2954" t="s">
        <v>0</v>
      </c>
      <c r="H2954" t="s">
        <v>4304</v>
      </c>
      <c r="I2954" t="s">
        <v>30540</v>
      </c>
    </row>
    <row r="2955" spans="1:9">
      <c r="A2955" s="1">
        <v>0.3743605086180436</v>
      </c>
      <c r="B2955" s="1"/>
      <c r="C2955">
        <v>13</v>
      </c>
      <c r="D2955" t="s">
        <v>4299</v>
      </c>
      <c r="E2955" t="s">
        <v>31860</v>
      </c>
      <c r="F2955">
        <v>3</v>
      </c>
      <c r="G2955" t="s">
        <v>10</v>
      </c>
      <c r="H2955" t="s">
        <v>4300</v>
      </c>
      <c r="I2955" t="s">
        <v>30540</v>
      </c>
    </row>
    <row r="2956" spans="1:9">
      <c r="A2956" s="1">
        <v>0.32744588742259662</v>
      </c>
      <c r="B2956" s="1"/>
      <c r="C2956">
        <v>16</v>
      </c>
      <c r="D2956" t="s">
        <v>4291</v>
      </c>
      <c r="E2956" t="s">
        <v>31861</v>
      </c>
      <c r="F2956">
        <v>4</v>
      </c>
      <c r="G2956" t="s">
        <v>2</v>
      </c>
      <c r="H2956" t="s">
        <v>4292</v>
      </c>
      <c r="I2956" t="s">
        <v>30540</v>
      </c>
    </row>
    <row r="2957" spans="1:9">
      <c r="A2957" s="1">
        <v>0.38151201091797726</v>
      </c>
      <c r="B2957" s="1"/>
      <c r="C2957">
        <v>15</v>
      </c>
      <c r="D2957" t="s">
        <v>4289</v>
      </c>
      <c r="E2957" t="s">
        <v>31861</v>
      </c>
      <c r="F2957">
        <v>4</v>
      </c>
      <c r="G2957" t="s">
        <v>10</v>
      </c>
      <c r="H2957" t="s">
        <v>4290</v>
      </c>
      <c r="I2957" t="s">
        <v>30540</v>
      </c>
    </row>
    <row r="2958" spans="1:9">
      <c r="A2958" s="1">
        <v>0.69383749059988564</v>
      </c>
      <c r="B2958" s="1"/>
      <c r="C2958">
        <v>7</v>
      </c>
      <c r="D2958" t="s">
        <v>4285</v>
      </c>
      <c r="E2958" t="s">
        <v>31861</v>
      </c>
      <c r="F2958">
        <v>4</v>
      </c>
      <c r="G2958" t="s">
        <v>2</v>
      </c>
      <c r="H2958" t="s">
        <v>4286</v>
      </c>
      <c r="I2958" t="s">
        <v>30540</v>
      </c>
    </row>
    <row r="2959" spans="1:9">
      <c r="A2959" s="1">
        <v>0.13275340618403586</v>
      </c>
      <c r="B2959" s="1"/>
      <c r="C2959">
        <v>19</v>
      </c>
      <c r="D2959" t="s">
        <v>4283</v>
      </c>
      <c r="E2959" t="s">
        <v>31862</v>
      </c>
      <c r="F2959">
        <v>5</v>
      </c>
      <c r="G2959" t="s">
        <v>10</v>
      </c>
      <c r="H2959" t="s">
        <v>4284</v>
      </c>
      <c r="I2959" t="s">
        <v>30540</v>
      </c>
    </row>
    <row r="2960" spans="1:9">
      <c r="A2960" s="1">
        <v>0.35950531514695205</v>
      </c>
      <c r="B2960" s="1"/>
      <c r="C2960">
        <v>15</v>
      </c>
      <c r="D2960" t="s">
        <v>4281</v>
      </c>
      <c r="E2960" t="s">
        <v>31862</v>
      </c>
      <c r="F2960">
        <v>4</v>
      </c>
      <c r="G2960" t="s">
        <v>10</v>
      </c>
      <c r="H2960" t="s">
        <v>4282</v>
      </c>
      <c r="I2960" t="s">
        <v>30540</v>
      </c>
    </row>
    <row r="2961" spans="1:9">
      <c r="A2961" s="1">
        <v>3.053561967298668E-2</v>
      </c>
      <c r="B2961" s="1"/>
      <c r="C2961">
        <v>10</v>
      </c>
      <c r="D2961" t="s">
        <v>4279</v>
      </c>
      <c r="E2961" t="s">
        <v>31862</v>
      </c>
      <c r="F2961">
        <v>4</v>
      </c>
      <c r="G2961" t="s">
        <v>2</v>
      </c>
      <c r="H2961" t="s">
        <v>4280</v>
      </c>
      <c r="I2961" t="s">
        <v>30540</v>
      </c>
    </row>
    <row r="2962" spans="1:9">
      <c r="A2962" s="1">
        <v>0.20139876325754946</v>
      </c>
      <c r="B2962" s="1"/>
      <c r="C2962">
        <v>18</v>
      </c>
      <c r="D2962" t="s">
        <v>4277</v>
      </c>
      <c r="E2962" t="s">
        <v>31863</v>
      </c>
      <c r="F2962">
        <v>5</v>
      </c>
      <c r="G2962" t="s">
        <v>10</v>
      </c>
      <c r="H2962" t="s">
        <v>4278</v>
      </c>
      <c r="I2962" t="s">
        <v>30540</v>
      </c>
    </row>
    <row r="2963" spans="1:9">
      <c r="A2963" s="1">
        <v>0.73670894433703171</v>
      </c>
      <c r="B2963" s="1"/>
      <c r="C2963">
        <v>15</v>
      </c>
      <c r="D2963" t="s">
        <v>4275</v>
      </c>
      <c r="E2963" t="s">
        <v>31863</v>
      </c>
      <c r="F2963">
        <v>4</v>
      </c>
      <c r="G2963" t="s">
        <v>10</v>
      </c>
      <c r="H2963" t="s">
        <v>4276</v>
      </c>
      <c r="I2963" t="s">
        <v>30540</v>
      </c>
    </row>
    <row r="2964" spans="1:9">
      <c r="A2964" s="1">
        <v>0.53940038200652174</v>
      </c>
      <c r="B2964" s="1"/>
      <c r="C2964">
        <v>14</v>
      </c>
      <c r="D2964" t="s">
        <v>4273</v>
      </c>
      <c r="E2964" t="s">
        <v>31863</v>
      </c>
      <c r="F2964">
        <v>3</v>
      </c>
      <c r="G2964" t="s">
        <v>10</v>
      </c>
      <c r="H2964" t="s">
        <v>4274</v>
      </c>
      <c r="I2964" t="s">
        <v>30540</v>
      </c>
    </row>
    <row r="2965" spans="1:9">
      <c r="A2965" s="1">
        <v>0.91329146830907348</v>
      </c>
      <c r="B2965" s="1"/>
      <c r="C2965">
        <v>16</v>
      </c>
      <c r="D2965" t="s">
        <v>4269</v>
      </c>
      <c r="E2965" t="s">
        <v>31864</v>
      </c>
      <c r="F2965">
        <v>4</v>
      </c>
      <c r="G2965" t="s">
        <v>10</v>
      </c>
      <c r="H2965" t="s">
        <v>4270</v>
      </c>
      <c r="I2965" t="s">
        <v>30540</v>
      </c>
    </row>
    <row r="2966" spans="1:9">
      <c r="A2966" s="1">
        <v>0.67413179682414903</v>
      </c>
      <c r="B2966" s="1"/>
      <c r="C2966">
        <v>3</v>
      </c>
      <c r="D2966" t="s">
        <v>4265</v>
      </c>
      <c r="E2966" t="s">
        <v>31864</v>
      </c>
      <c r="F2966">
        <v>4</v>
      </c>
      <c r="G2966" t="s">
        <v>9</v>
      </c>
      <c r="H2966" t="s">
        <v>4266</v>
      </c>
      <c r="I2966" t="s">
        <v>30540</v>
      </c>
    </row>
    <row r="2967" spans="1:9">
      <c r="A2967" s="1">
        <v>0.47401470298324155</v>
      </c>
      <c r="B2967" s="1"/>
      <c r="C2967">
        <v>20</v>
      </c>
      <c r="D2967" t="s">
        <v>4271</v>
      </c>
      <c r="E2967" t="s">
        <v>31864</v>
      </c>
      <c r="F2967">
        <v>4</v>
      </c>
      <c r="G2967" t="s">
        <v>10</v>
      </c>
      <c r="H2967" t="s">
        <v>4272</v>
      </c>
      <c r="I2967" t="s">
        <v>30540</v>
      </c>
    </row>
    <row r="2968" spans="1:9">
      <c r="A2968" s="1">
        <v>0.26783463638594396</v>
      </c>
      <c r="B2968" s="1"/>
      <c r="C2968">
        <v>2</v>
      </c>
      <c r="D2968" t="s">
        <v>4263</v>
      </c>
      <c r="E2968" t="s">
        <v>31864</v>
      </c>
      <c r="F2968">
        <v>4</v>
      </c>
      <c r="G2968" t="s">
        <v>766</v>
      </c>
      <c r="H2968" t="s">
        <v>4264</v>
      </c>
      <c r="I2968" t="s">
        <v>30540</v>
      </c>
    </row>
    <row r="2969" spans="1:9">
      <c r="A2969" s="1">
        <v>0.19661591246409627</v>
      </c>
      <c r="B2969" s="1"/>
      <c r="C2969">
        <v>1</v>
      </c>
      <c r="D2969" t="s">
        <v>4251</v>
      </c>
      <c r="E2969" t="s">
        <v>31865</v>
      </c>
      <c r="F2969">
        <v>5</v>
      </c>
      <c r="G2969" t="s">
        <v>1295</v>
      </c>
      <c r="H2969" t="s">
        <v>4252</v>
      </c>
      <c r="I2969" t="s">
        <v>30540</v>
      </c>
    </row>
    <row r="2970" spans="1:9">
      <c r="A2970" s="1">
        <v>0.74630284882316444</v>
      </c>
      <c r="B2970" s="1"/>
      <c r="C2970">
        <v>4</v>
      </c>
      <c r="D2970" t="s">
        <v>4255</v>
      </c>
      <c r="E2970" t="s">
        <v>31865</v>
      </c>
      <c r="F2970">
        <v>4</v>
      </c>
      <c r="G2970" t="s">
        <v>2</v>
      </c>
      <c r="H2970" t="s">
        <v>4256</v>
      </c>
      <c r="I2970" t="s">
        <v>30540</v>
      </c>
    </row>
    <row r="2971" spans="1:9">
      <c r="A2971" s="1">
        <v>0.4979041530056858</v>
      </c>
      <c r="B2971" s="1"/>
      <c r="C2971">
        <v>9</v>
      </c>
      <c r="D2971" t="s">
        <v>4259</v>
      </c>
      <c r="E2971" t="s">
        <v>31865</v>
      </c>
      <c r="F2971">
        <v>4</v>
      </c>
      <c r="G2971" t="s">
        <v>771</v>
      </c>
      <c r="H2971" t="s">
        <v>4260</v>
      </c>
      <c r="I2971" t="s">
        <v>30540</v>
      </c>
    </row>
    <row r="2972" spans="1:9">
      <c r="A2972" s="1">
        <v>0.43875167164092754</v>
      </c>
      <c r="B2972" s="1"/>
      <c r="C2972">
        <v>3</v>
      </c>
      <c r="D2972" t="s">
        <v>4253</v>
      </c>
      <c r="E2972" t="s">
        <v>31865</v>
      </c>
      <c r="F2972">
        <v>4</v>
      </c>
      <c r="G2972" t="s">
        <v>10</v>
      </c>
      <c r="H2972" t="s">
        <v>4254</v>
      </c>
      <c r="I2972" t="s">
        <v>30540</v>
      </c>
    </row>
    <row r="2973" spans="1:9">
      <c r="A2973" s="1">
        <v>4.0714213575434477E-2</v>
      </c>
      <c r="B2973" s="1"/>
      <c r="C2973">
        <v>20</v>
      </c>
      <c r="D2973" t="s">
        <v>4249</v>
      </c>
      <c r="E2973" t="s">
        <v>31866</v>
      </c>
      <c r="F2973">
        <v>5</v>
      </c>
      <c r="G2973" t="s">
        <v>10</v>
      </c>
      <c r="H2973" t="s">
        <v>4250</v>
      </c>
      <c r="I2973" t="s">
        <v>30540</v>
      </c>
    </row>
    <row r="2974" spans="1:9">
      <c r="A2974" s="1">
        <v>0.23059385242164809</v>
      </c>
      <c r="B2974" s="1"/>
      <c r="C2974">
        <v>17</v>
      </c>
      <c r="D2974" t="s">
        <v>4247</v>
      </c>
      <c r="E2974" t="s">
        <v>31866</v>
      </c>
      <c r="F2974">
        <v>5</v>
      </c>
      <c r="G2974" t="s">
        <v>13</v>
      </c>
      <c r="H2974" t="s">
        <v>4248</v>
      </c>
      <c r="I2974" t="s">
        <v>30540</v>
      </c>
    </row>
    <row r="2975" spans="1:9">
      <c r="A2975" s="1">
        <v>0.55409740307977917</v>
      </c>
      <c r="B2975" s="1"/>
      <c r="C2975">
        <v>10</v>
      </c>
      <c r="D2975" t="s">
        <v>4243</v>
      </c>
      <c r="E2975" t="s">
        <v>31866</v>
      </c>
      <c r="F2975">
        <v>4</v>
      </c>
      <c r="G2975" t="s">
        <v>10</v>
      </c>
      <c r="H2975" t="s">
        <v>4244</v>
      </c>
      <c r="I2975" t="s">
        <v>30540</v>
      </c>
    </row>
    <row r="2976" spans="1:9">
      <c r="A2976" s="1">
        <v>0.27487050955333281</v>
      </c>
      <c r="B2976" s="1"/>
      <c r="C2976">
        <v>15</v>
      </c>
      <c r="D2976" t="s">
        <v>4245</v>
      </c>
      <c r="E2976" t="s">
        <v>31866</v>
      </c>
      <c r="F2976">
        <v>4</v>
      </c>
      <c r="G2976" t="s">
        <v>10</v>
      </c>
      <c r="H2976" t="s">
        <v>4246</v>
      </c>
      <c r="I2976" t="s">
        <v>30540</v>
      </c>
    </row>
    <row r="2977" spans="1:9">
      <c r="A2977" s="1">
        <v>0.5336997763163136</v>
      </c>
      <c r="B2977" s="1"/>
      <c r="C2977">
        <v>15</v>
      </c>
      <c r="D2977" t="s">
        <v>4241</v>
      </c>
      <c r="E2977" t="s">
        <v>31867</v>
      </c>
      <c r="F2977">
        <v>4</v>
      </c>
      <c r="G2977" t="s">
        <v>10</v>
      </c>
      <c r="H2977" t="s">
        <v>4242</v>
      </c>
      <c r="I2977" t="s">
        <v>30540</v>
      </c>
    </row>
    <row r="2978" spans="1:9">
      <c r="A2978" s="1">
        <v>0.71521194409298505</v>
      </c>
      <c r="B2978" s="1"/>
      <c r="C2978">
        <v>14</v>
      </c>
      <c r="D2978" t="s">
        <v>4239</v>
      </c>
      <c r="E2978" t="s">
        <v>31867</v>
      </c>
      <c r="F2978">
        <v>4</v>
      </c>
      <c r="G2978" t="s">
        <v>0</v>
      </c>
      <c r="H2978" t="s">
        <v>4240</v>
      </c>
      <c r="I2978" t="s">
        <v>30540</v>
      </c>
    </row>
    <row r="2979" spans="1:9">
      <c r="A2979" s="1">
        <v>0.38389456995961446</v>
      </c>
      <c r="B2979" s="1"/>
      <c r="C2979">
        <v>12</v>
      </c>
      <c r="D2979" t="s">
        <v>4229</v>
      </c>
      <c r="E2979" t="s">
        <v>31868</v>
      </c>
      <c r="F2979">
        <v>5</v>
      </c>
      <c r="G2979" t="s">
        <v>9</v>
      </c>
      <c r="H2979" t="s">
        <v>4230</v>
      </c>
      <c r="I2979" t="s">
        <v>30540</v>
      </c>
    </row>
    <row r="2980" spans="1:9">
      <c r="A2980" s="1">
        <v>0.51006118147261537</v>
      </c>
      <c r="B2980" s="1"/>
      <c r="C2980">
        <v>18</v>
      </c>
      <c r="D2980" t="s">
        <v>4237</v>
      </c>
      <c r="E2980" t="s">
        <v>31868</v>
      </c>
      <c r="F2980">
        <v>4</v>
      </c>
      <c r="G2980" t="s">
        <v>10</v>
      </c>
      <c r="H2980" t="s">
        <v>4238</v>
      </c>
      <c r="I2980" t="s">
        <v>30540</v>
      </c>
    </row>
    <row r="2981" spans="1:9">
      <c r="A2981" s="1">
        <v>0.56061412205115768</v>
      </c>
      <c r="B2981" s="1"/>
      <c r="C2981">
        <v>15</v>
      </c>
      <c r="D2981" t="s">
        <v>4231</v>
      </c>
      <c r="E2981" t="s">
        <v>31868</v>
      </c>
      <c r="F2981">
        <v>4</v>
      </c>
      <c r="G2981" t="s">
        <v>15</v>
      </c>
      <c r="H2981" t="s">
        <v>4232</v>
      </c>
      <c r="I2981" t="s">
        <v>30540</v>
      </c>
    </row>
    <row r="2982" spans="1:9">
      <c r="A2982" s="1">
        <v>0.65227994930190869</v>
      </c>
      <c r="B2982" s="1"/>
      <c r="C2982">
        <v>17</v>
      </c>
      <c r="D2982" t="s">
        <v>4235</v>
      </c>
      <c r="E2982" t="s">
        <v>31868</v>
      </c>
      <c r="F2982">
        <v>4</v>
      </c>
      <c r="G2982" t="s">
        <v>10</v>
      </c>
      <c r="H2982" t="s">
        <v>4236</v>
      </c>
      <c r="I2982" t="s">
        <v>30540</v>
      </c>
    </row>
    <row r="2983" spans="1:9">
      <c r="A2983" s="1">
        <v>0.39113628025183389</v>
      </c>
      <c r="B2983" s="1"/>
      <c r="C2983">
        <v>3</v>
      </c>
      <c r="D2983" t="s">
        <v>4227</v>
      </c>
      <c r="E2983" t="s">
        <v>31868</v>
      </c>
      <c r="F2983">
        <v>3</v>
      </c>
      <c r="G2983" t="s">
        <v>2</v>
      </c>
      <c r="H2983" t="s">
        <v>4228</v>
      </c>
      <c r="I2983" t="s">
        <v>30540</v>
      </c>
    </row>
    <row r="2984" spans="1:9">
      <c r="A2984" s="1">
        <v>0.68064574581948345</v>
      </c>
      <c r="B2984" s="1"/>
      <c r="C2984">
        <v>16</v>
      </c>
      <c r="D2984" t="s">
        <v>4233</v>
      </c>
      <c r="E2984" t="s">
        <v>31868</v>
      </c>
      <c r="F2984">
        <v>3</v>
      </c>
      <c r="G2984" t="s">
        <v>10</v>
      </c>
      <c r="H2984" t="s">
        <v>4234</v>
      </c>
      <c r="I2984" t="s">
        <v>30540</v>
      </c>
    </row>
    <row r="2985" spans="1:9">
      <c r="A2985" s="1">
        <v>0.4043914852750673</v>
      </c>
      <c r="B2985" s="1"/>
      <c r="C2985">
        <v>18</v>
      </c>
      <c r="D2985" t="s">
        <v>4225</v>
      </c>
      <c r="E2985" t="s">
        <v>31869</v>
      </c>
      <c r="F2985">
        <v>4</v>
      </c>
      <c r="G2985" t="s">
        <v>762</v>
      </c>
      <c r="H2985" t="s">
        <v>4226</v>
      </c>
      <c r="I2985" t="s">
        <v>30540</v>
      </c>
    </row>
    <row r="2986" spans="1:9">
      <c r="A2986" s="1">
        <v>0.1203255961690991</v>
      </c>
      <c r="B2986" s="1"/>
      <c r="C2986">
        <v>12</v>
      </c>
      <c r="D2986" t="s">
        <v>4223</v>
      </c>
      <c r="E2986" t="s">
        <v>31869</v>
      </c>
      <c r="F2986">
        <v>4</v>
      </c>
      <c r="G2986" t="s">
        <v>774</v>
      </c>
      <c r="H2986" t="s">
        <v>4224</v>
      </c>
      <c r="I2986" t="s">
        <v>30540</v>
      </c>
    </row>
    <row r="2987" spans="1:9">
      <c r="A2987" s="1">
        <v>0.91389836281849646</v>
      </c>
      <c r="B2987" s="1"/>
      <c r="C2987">
        <v>13</v>
      </c>
      <c r="D2987" t="s">
        <v>4221</v>
      </c>
      <c r="E2987" t="s">
        <v>31870</v>
      </c>
      <c r="F2987">
        <v>5</v>
      </c>
      <c r="G2987" t="s">
        <v>9</v>
      </c>
      <c r="H2987" t="s">
        <v>4222</v>
      </c>
      <c r="I2987" t="s">
        <v>30540</v>
      </c>
    </row>
    <row r="2988" spans="1:9">
      <c r="A2988" s="1">
        <v>0.66056083837754853</v>
      </c>
      <c r="B2988" s="1"/>
      <c r="C2988">
        <v>4</v>
      </c>
      <c r="D2988" t="s">
        <v>4219</v>
      </c>
      <c r="E2988" t="s">
        <v>31870</v>
      </c>
      <c r="F2988">
        <v>4</v>
      </c>
      <c r="G2988" t="s">
        <v>769</v>
      </c>
      <c r="H2988" t="s">
        <v>4220</v>
      </c>
      <c r="I2988" t="s">
        <v>30540</v>
      </c>
    </row>
    <row r="2989" spans="1:9">
      <c r="A2989" s="1">
        <v>4.5295435050769828E-2</v>
      </c>
      <c r="B2989" s="1"/>
      <c r="C2989">
        <v>2</v>
      </c>
      <c r="D2989" t="s">
        <v>4211</v>
      </c>
      <c r="E2989" t="s">
        <v>31871</v>
      </c>
      <c r="F2989">
        <v>4</v>
      </c>
      <c r="G2989" t="s">
        <v>1</v>
      </c>
      <c r="H2989" t="s">
        <v>4212</v>
      </c>
      <c r="I2989" t="s">
        <v>30540</v>
      </c>
    </row>
    <row r="2990" spans="1:9">
      <c r="A2990" s="1">
        <v>0.47318843991264847</v>
      </c>
      <c r="B2990" s="1"/>
      <c r="C2990">
        <v>6</v>
      </c>
      <c r="D2990" t="s">
        <v>4213</v>
      </c>
      <c r="E2990" t="s">
        <v>31871</v>
      </c>
      <c r="F2990">
        <v>4</v>
      </c>
      <c r="G2990" t="s">
        <v>10</v>
      </c>
      <c r="H2990" t="s">
        <v>4214</v>
      </c>
      <c r="I2990" t="s">
        <v>30540</v>
      </c>
    </row>
    <row r="2991" spans="1:9">
      <c r="A2991" s="1">
        <v>0.64575092152133873</v>
      </c>
      <c r="B2991" s="1"/>
      <c r="C2991">
        <v>7</v>
      </c>
      <c r="D2991" t="s">
        <v>4215</v>
      </c>
      <c r="E2991" t="s">
        <v>31871</v>
      </c>
      <c r="F2991">
        <v>4</v>
      </c>
      <c r="G2991" t="s">
        <v>10</v>
      </c>
      <c r="H2991" t="s">
        <v>4216</v>
      </c>
      <c r="I2991" t="s">
        <v>30540</v>
      </c>
    </row>
    <row r="2992" spans="1:9">
      <c r="A2992" s="1">
        <v>0.50399363819812193</v>
      </c>
      <c r="B2992" s="1"/>
      <c r="C2992">
        <v>10</v>
      </c>
      <c r="D2992" t="s">
        <v>4217</v>
      </c>
      <c r="E2992" t="s">
        <v>31871</v>
      </c>
      <c r="F2992">
        <v>4</v>
      </c>
      <c r="G2992" t="s">
        <v>2</v>
      </c>
      <c r="H2992" t="s">
        <v>4218</v>
      </c>
      <c r="I2992" t="s">
        <v>30540</v>
      </c>
    </row>
    <row r="2993" spans="1:9">
      <c r="A2993" s="1">
        <v>0.78526704229072397</v>
      </c>
      <c r="B2993" s="1"/>
      <c r="C2993">
        <v>13</v>
      </c>
      <c r="D2993" t="s">
        <v>4207</v>
      </c>
      <c r="E2993" t="s">
        <v>31872</v>
      </c>
      <c r="F2993">
        <v>4</v>
      </c>
      <c r="G2993" t="s">
        <v>769</v>
      </c>
      <c r="H2993" t="s">
        <v>4208</v>
      </c>
      <c r="I2993" t="s">
        <v>30540</v>
      </c>
    </row>
    <row r="2994" spans="1:9">
      <c r="A2994" s="1">
        <v>0.3098745842069438</v>
      </c>
      <c r="B2994" s="1"/>
      <c r="C2994">
        <v>6</v>
      </c>
      <c r="D2994" t="s">
        <v>4205</v>
      </c>
      <c r="E2994" t="s">
        <v>31872</v>
      </c>
      <c r="F2994">
        <v>3</v>
      </c>
      <c r="G2994" t="s">
        <v>765</v>
      </c>
      <c r="H2994" t="s">
        <v>4206</v>
      </c>
      <c r="I2994" t="s">
        <v>30540</v>
      </c>
    </row>
    <row r="2995" spans="1:9">
      <c r="A2995" s="1">
        <v>0.63017585797325804</v>
      </c>
      <c r="B2995" s="1"/>
      <c r="C2995">
        <v>18</v>
      </c>
      <c r="D2995" t="s">
        <v>4203</v>
      </c>
      <c r="E2995" t="s">
        <v>31873</v>
      </c>
      <c r="F2995">
        <v>5</v>
      </c>
      <c r="G2995" t="s">
        <v>15</v>
      </c>
      <c r="H2995" t="s">
        <v>4204</v>
      </c>
      <c r="I2995" t="s">
        <v>30540</v>
      </c>
    </row>
    <row r="2996" spans="1:9">
      <c r="A2996" s="1">
        <v>0.89149833560727521</v>
      </c>
      <c r="B2996" s="1"/>
      <c r="C2996">
        <v>16</v>
      </c>
      <c r="D2996" t="s">
        <v>4201</v>
      </c>
      <c r="E2996" t="s">
        <v>31873</v>
      </c>
      <c r="F2996">
        <v>4</v>
      </c>
      <c r="G2996" t="s">
        <v>10</v>
      </c>
      <c r="H2996" t="s">
        <v>4202</v>
      </c>
      <c r="I2996" t="s">
        <v>30540</v>
      </c>
    </row>
    <row r="2997" spans="1:9">
      <c r="A2997" s="1">
        <v>0.8492795045645245</v>
      </c>
      <c r="B2997" s="1"/>
      <c r="C2997">
        <v>13</v>
      </c>
      <c r="D2997" t="s">
        <v>4199</v>
      </c>
      <c r="E2997" t="s">
        <v>31873</v>
      </c>
      <c r="F2997">
        <v>3</v>
      </c>
      <c r="G2997" t="s">
        <v>10</v>
      </c>
      <c r="H2997" t="s">
        <v>4200</v>
      </c>
      <c r="I2997" t="s">
        <v>30540</v>
      </c>
    </row>
    <row r="2998" spans="1:9">
      <c r="A2998" s="1">
        <v>0.94500623942343964</v>
      </c>
      <c r="B2998" s="1"/>
      <c r="C2998">
        <v>13</v>
      </c>
      <c r="D2998" t="s">
        <v>4189</v>
      </c>
      <c r="E2998" t="s">
        <v>31874</v>
      </c>
      <c r="F2998">
        <v>5</v>
      </c>
      <c r="G2998" t="s">
        <v>9</v>
      </c>
      <c r="H2998" t="s">
        <v>4190</v>
      </c>
      <c r="I2998" t="s">
        <v>30540</v>
      </c>
    </row>
    <row r="2999" spans="1:9">
      <c r="A2999" s="1">
        <v>0.4765997972241105</v>
      </c>
      <c r="B2999" s="1"/>
      <c r="C2999">
        <v>1</v>
      </c>
      <c r="D2999" t="s">
        <v>4187</v>
      </c>
      <c r="E2999" t="s">
        <v>31874</v>
      </c>
      <c r="F2999">
        <v>4</v>
      </c>
      <c r="G2999" t="s">
        <v>774</v>
      </c>
      <c r="H2999" t="s">
        <v>4188</v>
      </c>
      <c r="I2999" t="s">
        <v>30540</v>
      </c>
    </row>
    <row r="3000" spans="1:9">
      <c r="A3000" s="1">
        <v>0.77079643360931183</v>
      </c>
      <c r="B3000" s="1"/>
      <c r="C3000">
        <v>15</v>
      </c>
      <c r="D3000" t="s">
        <v>4191</v>
      </c>
      <c r="E3000" t="s">
        <v>31874</v>
      </c>
      <c r="F3000">
        <v>4</v>
      </c>
      <c r="G3000" t="s">
        <v>2</v>
      </c>
      <c r="H3000" t="s">
        <v>4192</v>
      </c>
      <c r="I3000" t="s">
        <v>30540</v>
      </c>
    </row>
    <row r="3001" spans="1:9">
      <c r="A3001" s="1">
        <v>0.48831152371831688</v>
      </c>
      <c r="B3001" s="1"/>
      <c r="C3001">
        <v>16</v>
      </c>
      <c r="D3001" t="s">
        <v>4193</v>
      </c>
      <c r="E3001" t="s">
        <v>31874</v>
      </c>
      <c r="F3001">
        <v>4</v>
      </c>
      <c r="G3001" t="s">
        <v>771</v>
      </c>
      <c r="H3001" t="s">
        <v>4194</v>
      </c>
      <c r="I3001" t="s">
        <v>30540</v>
      </c>
    </row>
    <row r="3002" spans="1:9">
      <c r="A3002" s="1">
        <v>0.11060529826172272</v>
      </c>
      <c r="B3002" s="1"/>
      <c r="C3002">
        <v>20</v>
      </c>
      <c r="D3002" t="s">
        <v>4195</v>
      </c>
      <c r="E3002" t="s">
        <v>31874</v>
      </c>
      <c r="F3002">
        <v>4</v>
      </c>
      <c r="G3002" t="s">
        <v>10</v>
      </c>
      <c r="H3002" t="s">
        <v>4196</v>
      </c>
      <c r="I3002" t="s">
        <v>30540</v>
      </c>
    </row>
    <row r="3003" spans="1:9">
      <c r="A3003" s="1">
        <v>0.31973695576303474</v>
      </c>
      <c r="B3003" s="1"/>
      <c r="C3003">
        <v>2</v>
      </c>
      <c r="D3003" t="s">
        <v>8723</v>
      </c>
      <c r="E3003" t="s">
        <v>31875</v>
      </c>
      <c r="F3003">
        <v>3</v>
      </c>
      <c r="G3003" t="s">
        <v>0</v>
      </c>
      <c r="H3003" t="s">
        <v>8724</v>
      </c>
      <c r="I3003" t="s">
        <v>30540</v>
      </c>
    </row>
    <row r="3004" spans="1:9">
      <c r="A3004" s="1">
        <v>0.73697219619190024</v>
      </c>
      <c r="B3004" s="1"/>
      <c r="C3004">
        <v>19</v>
      </c>
      <c r="D3004" t="s">
        <v>8721</v>
      </c>
      <c r="E3004" t="s">
        <v>31876</v>
      </c>
      <c r="F3004">
        <v>5</v>
      </c>
      <c r="G3004" t="s">
        <v>0</v>
      </c>
      <c r="H3004" t="s">
        <v>8722</v>
      </c>
      <c r="I3004" t="s">
        <v>30540</v>
      </c>
    </row>
    <row r="3005" spans="1:9">
      <c r="A3005" s="1">
        <v>0.18094590550963763</v>
      </c>
      <c r="B3005" s="1"/>
      <c r="C3005">
        <v>16</v>
      </c>
      <c r="D3005" t="s">
        <v>8717</v>
      </c>
      <c r="E3005" t="s">
        <v>31876</v>
      </c>
      <c r="F3005">
        <v>5</v>
      </c>
      <c r="G3005" t="s">
        <v>0</v>
      </c>
      <c r="H3005" t="s">
        <v>8718</v>
      </c>
      <c r="I3005" t="s">
        <v>30540</v>
      </c>
    </row>
    <row r="3006" spans="1:9">
      <c r="A3006" s="1">
        <v>0.31270630326578519</v>
      </c>
      <c r="B3006" s="1"/>
      <c r="C3006">
        <v>12</v>
      </c>
      <c r="D3006" t="s">
        <v>8715</v>
      </c>
      <c r="E3006" t="s">
        <v>31876</v>
      </c>
      <c r="F3006">
        <v>4</v>
      </c>
      <c r="G3006" t="s">
        <v>9</v>
      </c>
      <c r="H3006" t="s">
        <v>8716</v>
      </c>
      <c r="I3006" t="s">
        <v>30540</v>
      </c>
    </row>
    <row r="3007" spans="1:9">
      <c r="A3007" s="1">
        <v>0.91448752251611498</v>
      </c>
      <c r="B3007" s="1"/>
      <c r="C3007">
        <v>1</v>
      </c>
      <c r="D3007" t="s">
        <v>8705</v>
      </c>
      <c r="E3007" t="s">
        <v>31877</v>
      </c>
      <c r="F3007">
        <v>5</v>
      </c>
      <c r="G3007" t="s">
        <v>774</v>
      </c>
      <c r="H3007" t="s">
        <v>8706</v>
      </c>
      <c r="I3007" t="s">
        <v>30540</v>
      </c>
    </row>
    <row r="3008" spans="1:9">
      <c r="A3008" s="1">
        <v>0.11434771853068459</v>
      </c>
      <c r="B3008" s="1"/>
      <c r="C3008">
        <v>7</v>
      </c>
      <c r="D3008" t="s">
        <v>8707</v>
      </c>
      <c r="E3008" t="s">
        <v>31877</v>
      </c>
      <c r="F3008">
        <v>4</v>
      </c>
      <c r="G3008" t="s">
        <v>0</v>
      </c>
      <c r="H3008" t="s">
        <v>8708</v>
      </c>
      <c r="I3008" t="s">
        <v>30540</v>
      </c>
    </row>
    <row r="3009" spans="1:9">
      <c r="A3009" s="1">
        <v>0.59233493153090622</v>
      </c>
      <c r="B3009" s="1"/>
      <c r="C3009">
        <v>17</v>
      </c>
      <c r="D3009" t="s">
        <v>8711</v>
      </c>
      <c r="E3009" t="s">
        <v>31877</v>
      </c>
      <c r="F3009">
        <v>4</v>
      </c>
      <c r="G3009" t="s">
        <v>2</v>
      </c>
      <c r="H3009" t="s">
        <v>8712</v>
      </c>
      <c r="I3009" t="s">
        <v>30540</v>
      </c>
    </row>
    <row r="3010" spans="1:9">
      <c r="A3010" s="1">
        <v>0.3712712695117355</v>
      </c>
      <c r="B3010" s="1"/>
      <c r="C3010">
        <v>18</v>
      </c>
      <c r="D3010" t="s">
        <v>8713</v>
      </c>
      <c r="E3010" t="s">
        <v>31877</v>
      </c>
      <c r="F3010">
        <v>4</v>
      </c>
      <c r="G3010" t="s">
        <v>0</v>
      </c>
      <c r="H3010" t="s">
        <v>8714</v>
      </c>
      <c r="I3010" t="s">
        <v>30540</v>
      </c>
    </row>
    <row r="3011" spans="1:9">
      <c r="A3011" s="1">
        <v>0.63193739373733049</v>
      </c>
      <c r="B3011" s="1"/>
      <c r="C3011">
        <v>16</v>
      </c>
      <c r="D3011" t="s">
        <v>8709</v>
      </c>
      <c r="E3011" t="s">
        <v>31877</v>
      </c>
      <c r="F3011">
        <v>4</v>
      </c>
      <c r="G3011" t="s">
        <v>0</v>
      </c>
      <c r="H3011" t="s">
        <v>8710</v>
      </c>
      <c r="I3011" t="s">
        <v>30540</v>
      </c>
    </row>
    <row r="3012" spans="1:9">
      <c r="A3012" s="1">
        <v>0.23208308339779593</v>
      </c>
      <c r="B3012" s="1"/>
      <c r="C3012">
        <v>15</v>
      </c>
      <c r="D3012" t="s">
        <v>8703</v>
      </c>
      <c r="E3012" t="s">
        <v>31878</v>
      </c>
      <c r="F3012">
        <v>5</v>
      </c>
      <c r="G3012" t="s">
        <v>769</v>
      </c>
      <c r="H3012" t="s">
        <v>8704</v>
      </c>
      <c r="I3012" t="s">
        <v>30540</v>
      </c>
    </row>
    <row r="3013" spans="1:9">
      <c r="A3013" s="1">
        <v>0.74905483661253158</v>
      </c>
      <c r="B3013" s="1"/>
      <c r="C3013">
        <v>3</v>
      </c>
      <c r="D3013" t="s">
        <v>8699</v>
      </c>
      <c r="E3013" t="s">
        <v>31879</v>
      </c>
      <c r="F3013">
        <v>4</v>
      </c>
      <c r="G3013" t="s">
        <v>14</v>
      </c>
      <c r="H3013" t="s">
        <v>8700</v>
      </c>
      <c r="I3013" t="s">
        <v>30540</v>
      </c>
    </row>
    <row r="3014" spans="1:9">
      <c r="A3014" s="1">
        <v>0.14677595185970438</v>
      </c>
      <c r="B3014" s="1"/>
      <c r="C3014">
        <v>4</v>
      </c>
      <c r="D3014" t="s">
        <v>8701</v>
      </c>
      <c r="E3014" t="s">
        <v>31879</v>
      </c>
      <c r="F3014">
        <v>4</v>
      </c>
      <c r="G3014" t="s">
        <v>14</v>
      </c>
      <c r="H3014" t="s">
        <v>8702</v>
      </c>
      <c r="I3014" t="s">
        <v>30540</v>
      </c>
    </row>
    <row r="3015" spans="1:9">
      <c r="A3015" s="1">
        <v>0.9479590277363662</v>
      </c>
      <c r="B3015" s="1"/>
      <c r="C3015">
        <v>14</v>
      </c>
      <c r="D3015" t="s">
        <v>8695</v>
      </c>
      <c r="E3015" t="s">
        <v>31880</v>
      </c>
      <c r="F3015">
        <v>5</v>
      </c>
      <c r="G3015" t="s">
        <v>15</v>
      </c>
      <c r="H3015" t="s">
        <v>8696</v>
      </c>
      <c r="I3015" t="s">
        <v>30540</v>
      </c>
    </row>
    <row r="3016" spans="1:9">
      <c r="A3016" s="1">
        <v>0.24168197211159614</v>
      </c>
      <c r="B3016" s="1"/>
      <c r="C3016">
        <v>4</v>
      </c>
      <c r="D3016" t="s">
        <v>8691</v>
      </c>
      <c r="E3016" t="s">
        <v>31880</v>
      </c>
      <c r="F3016">
        <v>5</v>
      </c>
      <c r="G3016" t="s">
        <v>769</v>
      </c>
      <c r="H3016" t="s">
        <v>8692</v>
      </c>
      <c r="I3016" t="s">
        <v>30540</v>
      </c>
    </row>
    <row r="3017" spans="1:9">
      <c r="A3017" s="1">
        <v>0.56691994368932619</v>
      </c>
      <c r="B3017" s="1"/>
      <c r="C3017">
        <v>2</v>
      </c>
      <c r="D3017" t="s">
        <v>8689</v>
      </c>
      <c r="E3017" t="s">
        <v>31880</v>
      </c>
      <c r="F3017">
        <v>4</v>
      </c>
      <c r="G3017" t="s">
        <v>771</v>
      </c>
      <c r="H3017" t="s">
        <v>8690</v>
      </c>
      <c r="I3017" t="s">
        <v>30540</v>
      </c>
    </row>
    <row r="3018" spans="1:9">
      <c r="A3018" s="1">
        <v>0.28852880975950013</v>
      </c>
      <c r="B3018" s="1"/>
      <c r="C3018">
        <v>11</v>
      </c>
      <c r="D3018" t="s">
        <v>8693</v>
      </c>
      <c r="E3018" t="s">
        <v>31880</v>
      </c>
      <c r="F3018">
        <v>4</v>
      </c>
      <c r="G3018" t="s">
        <v>14</v>
      </c>
      <c r="H3018" t="s">
        <v>8694</v>
      </c>
      <c r="I3018" t="s">
        <v>30540</v>
      </c>
    </row>
    <row r="3019" spans="1:9">
      <c r="A3019" s="1">
        <v>0.62384449963501354</v>
      </c>
      <c r="B3019" s="1"/>
      <c r="C3019">
        <v>7</v>
      </c>
      <c r="D3019" t="s">
        <v>8679</v>
      </c>
      <c r="E3019" t="s">
        <v>31881</v>
      </c>
      <c r="F3019">
        <v>4</v>
      </c>
      <c r="G3019" t="s">
        <v>0</v>
      </c>
      <c r="H3019" t="s">
        <v>8680</v>
      </c>
      <c r="I3019" t="s">
        <v>30540</v>
      </c>
    </row>
    <row r="3020" spans="1:9">
      <c r="A3020" s="1">
        <v>0.18826051373171859</v>
      </c>
      <c r="B3020" s="1"/>
      <c r="C3020">
        <v>15</v>
      </c>
      <c r="D3020" t="s">
        <v>8685</v>
      </c>
      <c r="E3020" t="s">
        <v>31881</v>
      </c>
      <c r="F3020">
        <v>4</v>
      </c>
      <c r="G3020" t="s">
        <v>10</v>
      </c>
      <c r="H3020" t="s">
        <v>8686</v>
      </c>
      <c r="I3020" t="s">
        <v>30540</v>
      </c>
    </row>
    <row r="3021" spans="1:9">
      <c r="A3021" s="1">
        <v>0.19547941248811951</v>
      </c>
      <c r="B3021" s="1"/>
      <c r="C3021">
        <v>11</v>
      </c>
      <c r="D3021" t="s">
        <v>8681</v>
      </c>
      <c r="E3021" t="s">
        <v>31881</v>
      </c>
      <c r="F3021">
        <v>4</v>
      </c>
      <c r="G3021" t="s">
        <v>0</v>
      </c>
      <c r="H3021" t="s">
        <v>8682</v>
      </c>
      <c r="I3021" t="s">
        <v>30540</v>
      </c>
    </row>
    <row r="3022" spans="1:9">
      <c r="A3022" s="1">
        <v>0.28019819205750196</v>
      </c>
      <c r="B3022" s="1"/>
      <c r="C3022">
        <v>14</v>
      </c>
      <c r="D3022" t="s">
        <v>8683</v>
      </c>
      <c r="E3022" t="s">
        <v>31881</v>
      </c>
      <c r="F3022">
        <v>4</v>
      </c>
      <c r="G3022" t="s">
        <v>2</v>
      </c>
      <c r="H3022" t="s">
        <v>8684</v>
      </c>
      <c r="I3022" t="s">
        <v>30540</v>
      </c>
    </row>
    <row r="3023" spans="1:9">
      <c r="A3023" s="1">
        <v>0.54491384117833375</v>
      </c>
      <c r="B3023" s="1"/>
      <c r="C3023">
        <v>7</v>
      </c>
      <c r="D3023" t="s">
        <v>8669</v>
      </c>
      <c r="E3023" t="s">
        <v>31882</v>
      </c>
      <c r="F3023">
        <v>5</v>
      </c>
      <c r="G3023" t="s">
        <v>0</v>
      </c>
      <c r="H3023" t="s">
        <v>8670</v>
      </c>
      <c r="I3023" t="s">
        <v>30540</v>
      </c>
    </row>
    <row r="3024" spans="1:9">
      <c r="A3024" s="1">
        <v>0.89342030507535553</v>
      </c>
      <c r="B3024" s="1"/>
      <c r="C3024">
        <v>12</v>
      </c>
      <c r="D3024" t="s">
        <v>8671</v>
      </c>
      <c r="E3024" t="s">
        <v>31882</v>
      </c>
      <c r="F3024">
        <v>4</v>
      </c>
      <c r="G3024" t="s">
        <v>0</v>
      </c>
      <c r="H3024" t="s">
        <v>8672</v>
      </c>
      <c r="I3024" t="s">
        <v>30540</v>
      </c>
    </row>
    <row r="3025" spans="1:9">
      <c r="A3025" s="1">
        <v>0.33561912208837186</v>
      </c>
      <c r="B3025" s="1"/>
      <c r="C3025">
        <v>13</v>
      </c>
      <c r="D3025" t="s">
        <v>8673</v>
      </c>
      <c r="E3025" t="s">
        <v>31882</v>
      </c>
      <c r="F3025">
        <v>4</v>
      </c>
      <c r="G3025" t="s">
        <v>0</v>
      </c>
      <c r="H3025" t="s">
        <v>8674</v>
      </c>
      <c r="I3025" t="s">
        <v>30540</v>
      </c>
    </row>
    <row r="3026" spans="1:9">
      <c r="A3026" s="1">
        <v>0.82218897778075517</v>
      </c>
      <c r="B3026" s="1"/>
      <c r="C3026">
        <v>20</v>
      </c>
      <c r="D3026" t="s">
        <v>8677</v>
      </c>
      <c r="E3026" t="s">
        <v>31882</v>
      </c>
      <c r="F3026">
        <v>4</v>
      </c>
      <c r="G3026" t="s">
        <v>0</v>
      </c>
      <c r="H3026" t="s">
        <v>8678</v>
      </c>
      <c r="I3026" t="s">
        <v>30540</v>
      </c>
    </row>
    <row r="3027" spans="1:9">
      <c r="A3027" s="1">
        <v>0.78283194990171467</v>
      </c>
      <c r="B3027" s="1"/>
      <c r="C3027">
        <v>1</v>
      </c>
      <c r="D3027" t="s">
        <v>8663</v>
      </c>
      <c r="E3027" t="s">
        <v>31883</v>
      </c>
      <c r="F3027">
        <v>4</v>
      </c>
      <c r="G3027" t="s">
        <v>762</v>
      </c>
      <c r="H3027" t="s">
        <v>8664</v>
      </c>
      <c r="I3027" t="s">
        <v>30540</v>
      </c>
    </row>
    <row r="3028" spans="1:9">
      <c r="A3028" s="1">
        <v>0.57434508528216321</v>
      </c>
      <c r="B3028" s="1"/>
      <c r="C3028">
        <v>14</v>
      </c>
      <c r="D3028" t="s">
        <v>8667</v>
      </c>
      <c r="E3028" t="s">
        <v>31883</v>
      </c>
      <c r="F3028">
        <v>3</v>
      </c>
      <c r="G3028" t="s">
        <v>1</v>
      </c>
      <c r="H3028" t="s">
        <v>8668</v>
      </c>
      <c r="I3028" t="s">
        <v>30540</v>
      </c>
    </row>
    <row r="3029" spans="1:9">
      <c r="A3029" s="1">
        <v>0.96403952703705498</v>
      </c>
      <c r="B3029" s="1"/>
      <c r="C3029">
        <v>5</v>
      </c>
      <c r="D3029" t="s">
        <v>8665</v>
      </c>
      <c r="E3029" t="s">
        <v>31883</v>
      </c>
      <c r="F3029">
        <v>3</v>
      </c>
      <c r="G3029" t="s">
        <v>9</v>
      </c>
      <c r="H3029" t="s">
        <v>8666</v>
      </c>
      <c r="I3029" t="s">
        <v>30540</v>
      </c>
    </row>
    <row r="3030" spans="1:9">
      <c r="A3030" s="1">
        <v>3.7764178503296719E-2</v>
      </c>
      <c r="B3030" s="1"/>
      <c r="C3030">
        <v>1</v>
      </c>
      <c r="D3030" t="s">
        <v>8659</v>
      </c>
      <c r="E3030" t="s">
        <v>31884</v>
      </c>
      <c r="F3030">
        <v>5</v>
      </c>
      <c r="G3030" t="s">
        <v>0</v>
      </c>
      <c r="H3030" t="s">
        <v>8660</v>
      </c>
      <c r="I3030" t="s">
        <v>30540</v>
      </c>
    </row>
    <row r="3031" spans="1:9">
      <c r="A3031" s="1">
        <v>0.80763651048109852</v>
      </c>
      <c r="B3031" s="1"/>
      <c r="C3031">
        <v>4</v>
      </c>
      <c r="D3031" t="s">
        <v>8657</v>
      </c>
      <c r="E3031" t="s">
        <v>31885</v>
      </c>
      <c r="F3031">
        <v>4</v>
      </c>
      <c r="G3031" t="s">
        <v>762</v>
      </c>
      <c r="H3031" t="s">
        <v>8658</v>
      </c>
      <c r="I3031" t="s">
        <v>30540</v>
      </c>
    </row>
    <row r="3032" spans="1:9">
      <c r="A3032" s="1">
        <v>0.2781227978150651</v>
      </c>
      <c r="B3032" s="1"/>
      <c r="C3032">
        <v>1</v>
      </c>
      <c r="D3032" t="s">
        <v>8655</v>
      </c>
      <c r="E3032" t="s">
        <v>31885</v>
      </c>
      <c r="F3032">
        <v>3</v>
      </c>
      <c r="G3032" t="s">
        <v>0</v>
      </c>
      <c r="H3032" t="s">
        <v>8656</v>
      </c>
      <c r="I3032" t="s">
        <v>30540</v>
      </c>
    </row>
    <row r="3033" spans="1:9">
      <c r="A3033" s="1">
        <v>0.49401517786175908</v>
      </c>
      <c r="B3033" s="1"/>
      <c r="C3033">
        <v>20</v>
      </c>
      <c r="D3033" t="s">
        <v>8653</v>
      </c>
      <c r="E3033" t="s">
        <v>31886</v>
      </c>
      <c r="F3033">
        <v>5</v>
      </c>
      <c r="G3033" t="s">
        <v>15</v>
      </c>
      <c r="H3033" t="s">
        <v>8654</v>
      </c>
      <c r="I3033" t="s">
        <v>30540</v>
      </c>
    </row>
    <row r="3034" spans="1:9">
      <c r="A3034" s="1">
        <v>0.91084174702224041</v>
      </c>
      <c r="B3034" s="1"/>
      <c r="C3034">
        <v>17</v>
      </c>
      <c r="D3034" t="s">
        <v>8649</v>
      </c>
      <c r="E3034" t="s">
        <v>31886</v>
      </c>
      <c r="F3034">
        <v>4</v>
      </c>
      <c r="G3034" t="s">
        <v>0</v>
      </c>
      <c r="H3034" t="s">
        <v>8650</v>
      </c>
      <c r="I3034" t="s">
        <v>30540</v>
      </c>
    </row>
    <row r="3035" spans="1:9">
      <c r="A3035" s="1">
        <v>0.31799187312211818</v>
      </c>
      <c r="B3035" s="1"/>
      <c r="C3035">
        <v>11</v>
      </c>
      <c r="D3035" t="s">
        <v>8646</v>
      </c>
      <c r="E3035" t="s">
        <v>31886</v>
      </c>
      <c r="F3035">
        <v>4</v>
      </c>
      <c r="G3035" t="s">
        <v>1</v>
      </c>
      <c r="H3035" t="s">
        <v>8647</v>
      </c>
      <c r="I3035" t="s">
        <v>30540</v>
      </c>
    </row>
    <row r="3036" spans="1:9">
      <c r="A3036" s="1">
        <v>0.53059402887301943</v>
      </c>
      <c r="B3036" s="1"/>
      <c r="C3036">
        <v>12</v>
      </c>
      <c r="D3036" t="s">
        <v>6161</v>
      </c>
      <c r="E3036" t="s">
        <v>31886</v>
      </c>
      <c r="F3036">
        <v>4</v>
      </c>
      <c r="G3036" t="s">
        <v>9</v>
      </c>
      <c r="H3036" t="s">
        <v>8648</v>
      </c>
      <c r="I3036" t="s">
        <v>30540</v>
      </c>
    </row>
    <row r="3037" spans="1:9">
      <c r="A3037" s="1">
        <v>0.83241768379633019</v>
      </c>
      <c r="B3037" s="1"/>
      <c r="C3037">
        <v>18</v>
      </c>
      <c r="D3037" t="s">
        <v>8651</v>
      </c>
      <c r="E3037" t="s">
        <v>31886</v>
      </c>
      <c r="F3037">
        <v>3</v>
      </c>
      <c r="G3037" t="s">
        <v>0</v>
      </c>
      <c r="H3037" t="s">
        <v>8652</v>
      </c>
      <c r="I3037" t="s">
        <v>30540</v>
      </c>
    </row>
    <row r="3038" spans="1:9">
      <c r="A3038" s="1">
        <v>0.95194928821159785</v>
      </c>
      <c r="B3038" s="1"/>
      <c r="C3038">
        <v>16</v>
      </c>
      <c r="D3038" t="s">
        <v>8642</v>
      </c>
      <c r="E3038" t="s">
        <v>31887</v>
      </c>
      <c r="F3038">
        <v>5</v>
      </c>
      <c r="G3038" t="s">
        <v>2</v>
      </c>
      <c r="H3038" t="s">
        <v>8643</v>
      </c>
      <c r="I3038" t="s">
        <v>30540</v>
      </c>
    </row>
    <row r="3039" spans="1:9">
      <c r="A3039" s="1">
        <v>9.9417465486224099E-2</v>
      </c>
      <c r="B3039" s="1"/>
      <c r="C3039">
        <v>19</v>
      </c>
      <c r="D3039" t="s">
        <v>8644</v>
      </c>
      <c r="E3039" t="s">
        <v>31887</v>
      </c>
      <c r="F3039">
        <v>5</v>
      </c>
      <c r="G3039" t="s">
        <v>10</v>
      </c>
      <c r="H3039" t="s">
        <v>8645</v>
      </c>
      <c r="I3039" t="s">
        <v>30540</v>
      </c>
    </row>
    <row r="3040" spans="1:9">
      <c r="A3040" s="1">
        <v>0.66878895574484898</v>
      </c>
      <c r="B3040" s="1"/>
      <c r="C3040">
        <v>3</v>
      </c>
      <c r="D3040" t="s">
        <v>8640</v>
      </c>
      <c r="E3040" t="s">
        <v>31887</v>
      </c>
      <c r="F3040">
        <v>4</v>
      </c>
      <c r="G3040" t="s">
        <v>0</v>
      </c>
      <c r="H3040" t="s">
        <v>8641</v>
      </c>
      <c r="I3040" t="s">
        <v>30540</v>
      </c>
    </row>
    <row r="3041" spans="1:9">
      <c r="A3041" s="1">
        <v>0.74514505442223622</v>
      </c>
      <c r="B3041" s="1"/>
      <c r="C3041">
        <v>4</v>
      </c>
      <c r="D3041" t="s">
        <v>8634</v>
      </c>
      <c r="E3041" t="s">
        <v>31888</v>
      </c>
      <c r="F3041">
        <v>4</v>
      </c>
      <c r="G3041" t="s">
        <v>770</v>
      </c>
      <c r="H3041" t="s">
        <v>8635</v>
      </c>
      <c r="I3041" t="s">
        <v>30540</v>
      </c>
    </row>
    <row r="3042" spans="1:9">
      <c r="A3042" s="1">
        <v>9.3477561563437117E-2</v>
      </c>
      <c r="B3042" s="1"/>
      <c r="C3042">
        <v>1</v>
      </c>
      <c r="D3042" t="s">
        <v>8632</v>
      </c>
      <c r="E3042" t="s">
        <v>31888</v>
      </c>
      <c r="F3042">
        <v>4</v>
      </c>
      <c r="G3042" t="s">
        <v>762</v>
      </c>
      <c r="H3042" t="s">
        <v>8633</v>
      </c>
      <c r="I3042" t="s">
        <v>30540</v>
      </c>
    </row>
    <row r="3043" spans="1:9">
      <c r="A3043" s="1">
        <v>0.61417268674742265</v>
      </c>
      <c r="B3043" s="1"/>
      <c r="C3043">
        <v>7</v>
      </c>
      <c r="D3043" t="s">
        <v>8636</v>
      </c>
      <c r="E3043" t="s">
        <v>31888</v>
      </c>
      <c r="F3043">
        <v>3</v>
      </c>
      <c r="G3043" t="s">
        <v>0</v>
      </c>
      <c r="H3043" t="s">
        <v>8637</v>
      </c>
      <c r="I3043" t="s">
        <v>30540</v>
      </c>
    </row>
    <row r="3044" spans="1:9">
      <c r="A3044" s="1">
        <v>0.40928263728805858</v>
      </c>
      <c r="B3044" s="1"/>
      <c r="C3044">
        <v>9</v>
      </c>
      <c r="D3044" t="s">
        <v>8628</v>
      </c>
      <c r="E3044" t="s">
        <v>31889</v>
      </c>
      <c r="F3044">
        <v>4</v>
      </c>
      <c r="G3044" t="s">
        <v>0</v>
      </c>
      <c r="H3044" t="s">
        <v>8629</v>
      </c>
      <c r="I3044" t="s">
        <v>30540</v>
      </c>
    </row>
    <row r="3045" spans="1:9">
      <c r="A3045" s="1">
        <v>0.70941504327016247</v>
      </c>
      <c r="B3045" s="1"/>
      <c r="C3045">
        <v>13</v>
      </c>
      <c r="D3045" t="s">
        <v>8630</v>
      </c>
      <c r="E3045" t="s">
        <v>31889</v>
      </c>
      <c r="F3045">
        <v>4</v>
      </c>
      <c r="G3045" t="s">
        <v>0</v>
      </c>
      <c r="H3045" t="s">
        <v>8631</v>
      </c>
      <c r="I3045" t="s">
        <v>30540</v>
      </c>
    </row>
    <row r="3046" spans="1:9">
      <c r="A3046" s="1">
        <v>0.48570614787505628</v>
      </c>
      <c r="B3046" s="1"/>
      <c r="C3046">
        <v>5</v>
      </c>
      <c r="D3046" t="s">
        <v>8626</v>
      </c>
      <c r="E3046" t="s">
        <v>31889</v>
      </c>
      <c r="F3046">
        <v>4</v>
      </c>
      <c r="G3046" t="s">
        <v>14</v>
      </c>
      <c r="H3046" t="s">
        <v>8627</v>
      </c>
      <c r="I3046" t="s">
        <v>30540</v>
      </c>
    </row>
    <row r="3047" spans="1:9">
      <c r="A3047" s="1">
        <v>0.71089868928808153</v>
      </c>
      <c r="B3047" s="1"/>
      <c r="C3047">
        <v>1</v>
      </c>
      <c r="D3047" t="s">
        <v>8624</v>
      </c>
      <c r="E3047" t="s">
        <v>31889</v>
      </c>
      <c r="F3047">
        <v>3</v>
      </c>
      <c r="G3047" t="s">
        <v>15</v>
      </c>
      <c r="H3047" t="s">
        <v>8625</v>
      </c>
      <c r="I3047" t="s">
        <v>30540</v>
      </c>
    </row>
    <row r="3048" spans="1:9">
      <c r="A3048" s="1">
        <v>0.3299530320172841</v>
      </c>
      <c r="B3048" s="1"/>
      <c r="C3048">
        <v>14</v>
      </c>
      <c r="D3048" t="s">
        <v>8620</v>
      </c>
      <c r="E3048" t="s">
        <v>31890</v>
      </c>
      <c r="F3048">
        <v>5</v>
      </c>
      <c r="G3048" t="s">
        <v>0</v>
      </c>
      <c r="H3048" t="s">
        <v>8621</v>
      </c>
      <c r="I3048" t="s">
        <v>30540</v>
      </c>
    </row>
    <row r="3049" spans="1:9">
      <c r="A3049" s="1">
        <v>0.65036408481182839</v>
      </c>
      <c r="B3049" s="1"/>
      <c r="C3049">
        <v>18</v>
      </c>
      <c r="D3049" t="s">
        <v>8622</v>
      </c>
      <c r="E3049" t="s">
        <v>31890</v>
      </c>
      <c r="F3049">
        <v>5</v>
      </c>
      <c r="G3049" t="s">
        <v>2</v>
      </c>
      <c r="H3049" t="s">
        <v>8623</v>
      </c>
      <c r="I3049" t="s">
        <v>30540</v>
      </c>
    </row>
    <row r="3050" spans="1:9">
      <c r="A3050" s="1">
        <v>1.9057240531315967E-2</v>
      </c>
      <c r="B3050" s="1"/>
      <c r="C3050">
        <v>12</v>
      </c>
      <c r="D3050" t="s">
        <v>8612</v>
      </c>
      <c r="E3050" t="s">
        <v>31891</v>
      </c>
      <c r="F3050">
        <v>4</v>
      </c>
      <c r="G3050" t="s">
        <v>2</v>
      </c>
      <c r="H3050" t="s">
        <v>8613</v>
      </c>
      <c r="I3050" t="s">
        <v>30540</v>
      </c>
    </row>
    <row r="3051" spans="1:9">
      <c r="A3051" s="1">
        <v>0.6387108941822851</v>
      </c>
      <c r="B3051" s="1"/>
      <c r="C3051">
        <v>10</v>
      </c>
      <c r="D3051" t="s">
        <v>8610</v>
      </c>
      <c r="E3051" t="s">
        <v>31891</v>
      </c>
      <c r="F3051">
        <v>4</v>
      </c>
      <c r="G3051" t="s">
        <v>0</v>
      </c>
      <c r="H3051" t="s">
        <v>8611</v>
      </c>
      <c r="I3051" t="s">
        <v>30540</v>
      </c>
    </row>
    <row r="3052" spans="1:9">
      <c r="A3052" s="1">
        <v>0.18880432578975659</v>
      </c>
      <c r="B3052" s="1"/>
      <c r="C3052">
        <v>5</v>
      </c>
      <c r="D3052" t="s">
        <v>8606</v>
      </c>
      <c r="E3052" t="s">
        <v>31891</v>
      </c>
      <c r="F3052">
        <v>4</v>
      </c>
      <c r="G3052" t="s">
        <v>1</v>
      </c>
      <c r="H3052" t="s">
        <v>8607</v>
      </c>
      <c r="I3052" t="s">
        <v>30540</v>
      </c>
    </row>
    <row r="3053" spans="1:9">
      <c r="A3053" s="1">
        <v>0.22329637566866334</v>
      </c>
      <c r="B3053" s="1"/>
      <c r="C3053">
        <v>3</v>
      </c>
      <c r="D3053" t="s">
        <v>8604</v>
      </c>
      <c r="E3053" t="s">
        <v>31891</v>
      </c>
      <c r="F3053">
        <v>4</v>
      </c>
      <c r="G3053" t="s">
        <v>14</v>
      </c>
      <c r="H3053" t="s">
        <v>8605</v>
      </c>
      <c r="I3053" t="s">
        <v>30540</v>
      </c>
    </row>
    <row r="3054" spans="1:9">
      <c r="A3054" s="1">
        <v>0.88356265119889288</v>
      </c>
      <c r="B3054" s="1"/>
      <c r="C3054">
        <v>8</v>
      </c>
      <c r="D3054" t="s">
        <v>8608</v>
      </c>
      <c r="E3054" t="s">
        <v>31891</v>
      </c>
      <c r="F3054">
        <v>4</v>
      </c>
      <c r="G3054" t="s">
        <v>0</v>
      </c>
      <c r="H3054" t="s">
        <v>8609</v>
      </c>
      <c r="I3054" t="s">
        <v>30540</v>
      </c>
    </row>
    <row r="3055" spans="1:9">
      <c r="A3055" s="1">
        <v>0.29742585796772358</v>
      </c>
      <c r="B3055" s="1"/>
      <c r="C3055">
        <v>5</v>
      </c>
      <c r="D3055" t="s">
        <v>8596</v>
      </c>
      <c r="E3055" t="s">
        <v>31892</v>
      </c>
      <c r="F3055">
        <v>4</v>
      </c>
      <c r="G3055" t="s">
        <v>15</v>
      </c>
      <c r="H3055" t="s">
        <v>8597</v>
      </c>
      <c r="I3055" t="s">
        <v>30540</v>
      </c>
    </row>
    <row r="3056" spans="1:9">
      <c r="A3056" s="1">
        <v>0.6684743663555851</v>
      </c>
      <c r="B3056" s="1"/>
      <c r="C3056">
        <v>11</v>
      </c>
      <c r="D3056" t="s">
        <v>8598</v>
      </c>
      <c r="E3056" t="s">
        <v>31892</v>
      </c>
      <c r="F3056">
        <v>4</v>
      </c>
      <c r="G3056" t="s">
        <v>766</v>
      </c>
      <c r="H3056" t="s">
        <v>8599</v>
      </c>
      <c r="I3056" t="s">
        <v>30540</v>
      </c>
    </row>
    <row r="3057" spans="1:9">
      <c r="A3057" s="1">
        <v>0.46446125651907899</v>
      </c>
      <c r="B3057" s="1"/>
      <c r="C3057">
        <v>8</v>
      </c>
      <c r="D3057" t="s">
        <v>8594</v>
      </c>
      <c r="E3057" t="s">
        <v>31893</v>
      </c>
      <c r="F3057">
        <v>4</v>
      </c>
      <c r="G3057" t="s">
        <v>774</v>
      </c>
      <c r="H3057" t="s">
        <v>8595</v>
      </c>
      <c r="I3057" t="s">
        <v>30540</v>
      </c>
    </row>
    <row r="3058" spans="1:9">
      <c r="A3058" s="1">
        <v>0.55416899026768962</v>
      </c>
      <c r="B3058" s="1"/>
      <c r="C3058">
        <v>8</v>
      </c>
      <c r="D3058" t="s">
        <v>8590</v>
      </c>
      <c r="E3058" t="s">
        <v>31894</v>
      </c>
      <c r="F3058">
        <v>5</v>
      </c>
      <c r="G3058" t="s">
        <v>10</v>
      </c>
      <c r="H3058" t="s">
        <v>8591</v>
      </c>
      <c r="I3058" t="s">
        <v>30540</v>
      </c>
    </row>
    <row r="3059" spans="1:9">
      <c r="A3059" s="1">
        <v>4.1042087738100141E-2</v>
      </c>
      <c r="B3059" s="1"/>
      <c r="C3059">
        <v>11</v>
      </c>
      <c r="D3059" t="s">
        <v>8592</v>
      </c>
      <c r="E3059" t="s">
        <v>31894</v>
      </c>
      <c r="F3059">
        <v>5</v>
      </c>
      <c r="G3059" t="s">
        <v>0</v>
      </c>
      <c r="H3059" t="s">
        <v>8593</v>
      </c>
      <c r="I3059" t="s">
        <v>30540</v>
      </c>
    </row>
    <row r="3060" spans="1:9">
      <c r="A3060" s="1">
        <v>0.70818221126012249</v>
      </c>
      <c r="B3060" s="1"/>
      <c r="C3060">
        <v>9</v>
      </c>
      <c r="D3060" t="s">
        <v>8584</v>
      </c>
      <c r="E3060" t="s">
        <v>31895</v>
      </c>
      <c r="F3060">
        <v>5</v>
      </c>
      <c r="G3060" t="s">
        <v>2</v>
      </c>
      <c r="H3060" t="s">
        <v>8585</v>
      </c>
      <c r="I3060" t="s">
        <v>30540</v>
      </c>
    </row>
    <row r="3061" spans="1:9">
      <c r="A3061" s="1">
        <v>0.10064717440457815</v>
      </c>
      <c r="B3061" s="1"/>
      <c r="C3061">
        <v>1</v>
      </c>
      <c r="D3061" t="s">
        <v>8580</v>
      </c>
      <c r="E3061" t="s">
        <v>31895</v>
      </c>
      <c r="F3061">
        <v>4</v>
      </c>
      <c r="G3061" t="s">
        <v>769</v>
      </c>
      <c r="H3061" t="s">
        <v>8581</v>
      </c>
      <c r="I3061" t="s">
        <v>30540</v>
      </c>
    </row>
    <row r="3062" spans="1:9">
      <c r="A3062" s="1">
        <v>0.24209941024884463</v>
      </c>
      <c r="B3062" s="1"/>
      <c r="C3062">
        <v>5</v>
      </c>
      <c r="D3062" t="s">
        <v>8582</v>
      </c>
      <c r="E3062" t="s">
        <v>31895</v>
      </c>
      <c r="F3062">
        <v>4</v>
      </c>
      <c r="G3062" t="s">
        <v>0</v>
      </c>
      <c r="H3062" t="s">
        <v>8583</v>
      </c>
      <c r="I3062" t="s">
        <v>30540</v>
      </c>
    </row>
    <row r="3063" spans="1:9">
      <c r="A3063" s="1">
        <v>0.6448167941741062</v>
      </c>
      <c r="B3063" s="1"/>
      <c r="C3063">
        <v>20</v>
      </c>
      <c r="D3063" t="s">
        <v>8586</v>
      </c>
      <c r="E3063" t="s">
        <v>31895</v>
      </c>
      <c r="F3063">
        <v>4</v>
      </c>
      <c r="G3063" t="s">
        <v>770</v>
      </c>
      <c r="H3063" t="s">
        <v>8587</v>
      </c>
      <c r="I3063" t="s">
        <v>30540</v>
      </c>
    </row>
    <row r="3064" spans="1:9">
      <c r="A3064" s="1">
        <v>0.4938840848410414</v>
      </c>
      <c r="B3064" s="1"/>
      <c r="C3064">
        <v>9</v>
      </c>
      <c r="D3064" t="s">
        <v>8576</v>
      </c>
      <c r="E3064" t="s">
        <v>31896</v>
      </c>
      <c r="F3064">
        <v>4</v>
      </c>
      <c r="G3064" t="s">
        <v>0</v>
      </c>
      <c r="H3064" t="s">
        <v>8577</v>
      </c>
      <c r="I3064" t="s">
        <v>30540</v>
      </c>
    </row>
    <row r="3065" spans="1:9">
      <c r="A3065" s="1">
        <v>0.69117164710634826</v>
      </c>
      <c r="B3065" s="1"/>
      <c r="C3065">
        <v>6</v>
      </c>
      <c r="D3065" t="s">
        <v>8574</v>
      </c>
      <c r="E3065" t="s">
        <v>31896</v>
      </c>
      <c r="F3065">
        <v>3</v>
      </c>
      <c r="G3065" t="s">
        <v>10</v>
      </c>
      <c r="H3065" t="s">
        <v>8575</v>
      </c>
      <c r="I3065" t="s">
        <v>30540</v>
      </c>
    </row>
    <row r="3066" spans="1:9">
      <c r="A3066" s="1">
        <v>0.52810993898854075</v>
      </c>
      <c r="B3066" s="1"/>
      <c r="C3066">
        <v>16</v>
      </c>
      <c r="D3066" t="s">
        <v>8568</v>
      </c>
      <c r="E3066" t="s">
        <v>31897</v>
      </c>
      <c r="F3066">
        <v>5</v>
      </c>
      <c r="G3066" t="s">
        <v>0</v>
      </c>
      <c r="H3066" t="s">
        <v>8569</v>
      </c>
      <c r="I3066" t="s">
        <v>30540</v>
      </c>
    </row>
    <row r="3067" spans="1:9">
      <c r="A3067" s="1">
        <v>0.46903881697419292</v>
      </c>
      <c r="B3067" s="1"/>
      <c r="C3067">
        <v>5</v>
      </c>
      <c r="D3067" t="s">
        <v>8558</v>
      </c>
      <c r="E3067" t="s">
        <v>31897</v>
      </c>
      <c r="F3067">
        <v>5</v>
      </c>
      <c r="G3067" t="s">
        <v>10</v>
      </c>
      <c r="H3067" t="s">
        <v>8559</v>
      </c>
      <c r="I3067" t="s">
        <v>30540</v>
      </c>
    </row>
    <row r="3068" spans="1:9">
      <c r="A3068" s="1">
        <v>0.66070948079376679</v>
      </c>
      <c r="B3068" s="1"/>
      <c r="C3068">
        <v>14</v>
      </c>
      <c r="D3068" t="s">
        <v>8564</v>
      </c>
      <c r="E3068" t="s">
        <v>31897</v>
      </c>
      <c r="F3068">
        <v>4</v>
      </c>
      <c r="G3068" t="s">
        <v>0</v>
      </c>
      <c r="H3068" t="s">
        <v>8565</v>
      </c>
      <c r="I3068" t="s">
        <v>30540</v>
      </c>
    </row>
    <row r="3069" spans="1:9">
      <c r="A3069" s="1">
        <v>7.0651797850592835E-2</v>
      </c>
      <c r="B3069" s="1"/>
      <c r="C3069">
        <v>19</v>
      </c>
      <c r="D3069" t="s">
        <v>8572</v>
      </c>
      <c r="E3069" t="s">
        <v>31897</v>
      </c>
      <c r="F3069">
        <v>4</v>
      </c>
      <c r="G3069" t="s">
        <v>10</v>
      </c>
      <c r="H3069" t="s">
        <v>8573</v>
      </c>
      <c r="I3069" t="s">
        <v>30540</v>
      </c>
    </row>
    <row r="3070" spans="1:9">
      <c r="A3070" s="1">
        <v>0.13756446743844308</v>
      </c>
      <c r="B3070" s="1"/>
      <c r="C3070">
        <v>4</v>
      </c>
      <c r="D3070" t="s">
        <v>8556</v>
      </c>
      <c r="E3070" t="s">
        <v>31897</v>
      </c>
      <c r="F3070">
        <v>4</v>
      </c>
      <c r="G3070" t="s">
        <v>762</v>
      </c>
      <c r="H3070" t="s">
        <v>8557</v>
      </c>
      <c r="I3070" t="s">
        <v>30540</v>
      </c>
    </row>
    <row r="3071" spans="1:9">
      <c r="A3071" s="1">
        <v>0.2247420996114522</v>
      </c>
      <c r="B3071" s="1"/>
      <c r="C3071">
        <v>13</v>
      </c>
      <c r="D3071" t="s">
        <v>8562</v>
      </c>
      <c r="E3071" t="s">
        <v>31897</v>
      </c>
      <c r="F3071">
        <v>4</v>
      </c>
      <c r="G3071" t="s">
        <v>2</v>
      </c>
      <c r="H3071" t="s">
        <v>8563</v>
      </c>
      <c r="I3071" t="s">
        <v>30540</v>
      </c>
    </row>
    <row r="3072" spans="1:9">
      <c r="A3072" s="1">
        <v>0.24009007903771051</v>
      </c>
      <c r="B3072" s="1"/>
      <c r="C3072">
        <v>12</v>
      </c>
      <c r="D3072" t="s">
        <v>8560</v>
      </c>
      <c r="E3072" t="s">
        <v>31897</v>
      </c>
      <c r="F3072">
        <v>4</v>
      </c>
      <c r="G3072" t="s">
        <v>10</v>
      </c>
      <c r="H3072" t="s">
        <v>8561</v>
      </c>
      <c r="I3072" t="s">
        <v>30540</v>
      </c>
    </row>
    <row r="3073" spans="1:9">
      <c r="A3073" s="1">
        <v>0.95010101230103128</v>
      </c>
      <c r="B3073" s="1"/>
      <c r="C3073">
        <v>1</v>
      </c>
      <c r="D3073" t="s">
        <v>8554</v>
      </c>
      <c r="E3073" t="s">
        <v>31897</v>
      </c>
      <c r="F3073">
        <v>4</v>
      </c>
      <c r="G3073" t="s">
        <v>766</v>
      </c>
      <c r="H3073" t="s">
        <v>8555</v>
      </c>
      <c r="I3073" t="s">
        <v>30540</v>
      </c>
    </row>
    <row r="3074" spans="1:9">
      <c r="A3074" s="1">
        <v>0.61207226497589895</v>
      </c>
      <c r="B3074" s="1"/>
      <c r="C3074">
        <v>15</v>
      </c>
      <c r="D3074" t="s">
        <v>8566</v>
      </c>
      <c r="E3074" t="s">
        <v>31897</v>
      </c>
      <c r="F3074">
        <v>4</v>
      </c>
      <c r="G3074" t="s">
        <v>0</v>
      </c>
      <c r="H3074" t="s">
        <v>8567</v>
      </c>
      <c r="I3074" t="s">
        <v>30540</v>
      </c>
    </row>
    <row r="3075" spans="1:9">
      <c r="A3075" s="1">
        <v>3.1375881045715204E-2</v>
      </c>
      <c r="B3075" s="1"/>
      <c r="C3075">
        <v>17</v>
      </c>
      <c r="D3075" t="s">
        <v>8570</v>
      </c>
      <c r="E3075" t="s">
        <v>31897</v>
      </c>
      <c r="F3075">
        <v>3</v>
      </c>
      <c r="G3075" t="s">
        <v>0</v>
      </c>
      <c r="H3075" t="s">
        <v>8571</v>
      </c>
      <c r="I3075" t="s">
        <v>30540</v>
      </c>
    </row>
    <row r="3076" spans="1:9">
      <c r="A3076" s="1">
        <v>0.2239421745572503</v>
      </c>
      <c r="B3076" s="1"/>
      <c r="C3076">
        <v>7</v>
      </c>
      <c r="D3076" t="s">
        <v>8544</v>
      </c>
      <c r="E3076" t="s">
        <v>31898</v>
      </c>
      <c r="F3076">
        <v>4</v>
      </c>
      <c r="G3076" t="s">
        <v>770</v>
      </c>
      <c r="H3076" t="s">
        <v>8545</v>
      </c>
      <c r="I3076" t="s">
        <v>30540</v>
      </c>
    </row>
    <row r="3077" spans="1:9">
      <c r="A3077" s="1">
        <v>0.31404736839604463</v>
      </c>
      <c r="B3077" s="1"/>
      <c r="C3077">
        <v>6</v>
      </c>
      <c r="D3077" t="s">
        <v>8542</v>
      </c>
      <c r="E3077" t="s">
        <v>31898</v>
      </c>
      <c r="F3077">
        <v>4</v>
      </c>
      <c r="G3077" t="s">
        <v>0</v>
      </c>
      <c r="H3077" t="s">
        <v>8543</v>
      </c>
      <c r="I3077" t="s">
        <v>30540</v>
      </c>
    </row>
    <row r="3078" spans="1:9">
      <c r="A3078" s="1">
        <v>0.9591655994133792</v>
      </c>
      <c r="B3078" s="1"/>
      <c r="C3078">
        <v>12</v>
      </c>
      <c r="D3078" t="s">
        <v>8546</v>
      </c>
      <c r="E3078" t="s">
        <v>31898</v>
      </c>
      <c r="F3078">
        <v>3</v>
      </c>
      <c r="G3078" t="s">
        <v>2</v>
      </c>
      <c r="H3078" t="s">
        <v>8547</v>
      </c>
      <c r="I3078" t="s">
        <v>30540</v>
      </c>
    </row>
    <row r="3079" spans="1:9">
      <c r="A3079" s="1">
        <v>0.72430688911055963</v>
      </c>
      <c r="B3079" s="1"/>
      <c r="C3079">
        <v>2</v>
      </c>
      <c r="D3079" t="s">
        <v>8540</v>
      </c>
      <c r="E3079" t="s">
        <v>31898</v>
      </c>
      <c r="F3079">
        <v>3</v>
      </c>
      <c r="G3079" t="s">
        <v>2</v>
      </c>
      <c r="H3079" t="s">
        <v>8541</v>
      </c>
      <c r="I3079" t="s">
        <v>30540</v>
      </c>
    </row>
    <row r="3080" spans="1:9">
      <c r="A3080" s="1">
        <v>0.92480660157403083</v>
      </c>
      <c r="B3080" s="1"/>
      <c r="C3080">
        <v>7</v>
      </c>
      <c r="D3080" t="s">
        <v>8532</v>
      </c>
      <c r="E3080" t="s">
        <v>31899</v>
      </c>
      <c r="F3080">
        <v>5</v>
      </c>
      <c r="G3080" t="s">
        <v>0</v>
      </c>
      <c r="H3080" t="s">
        <v>8533</v>
      </c>
      <c r="I3080" t="s">
        <v>30540</v>
      </c>
    </row>
    <row r="3081" spans="1:9">
      <c r="A3081" s="1">
        <v>0.56267398208914599</v>
      </c>
      <c r="B3081" s="1"/>
      <c r="C3081">
        <v>1</v>
      </c>
      <c r="D3081" t="s">
        <v>8528</v>
      </c>
      <c r="E3081" t="s">
        <v>31899</v>
      </c>
      <c r="F3081">
        <v>4</v>
      </c>
      <c r="G3081" t="s">
        <v>10</v>
      </c>
      <c r="H3081" t="s">
        <v>8529</v>
      </c>
      <c r="I3081" t="s">
        <v>30540</v>
      </c>
    </row>
    <row r="3082" spans="1:9">
      <c r="A3082" s="1">
        <v>0.43977672265465384</v>
      </c>
      <c r="B3082" s="1"/>
      <c r="C3082">
        <v>11</v>
      </c>
      <c r="D3082" t="s">
        <v>8538</v>
      </c>
      <c r="E3082" t="s">
        <v>31899</v>
      </c>
      <c r="F3082">
        <v>4</v>
      </c>
      <c r="G3082" t="s">
        <v>10</v>
      </c>
      <c r="H3082" t="s">
        <v>8539</v>
      </c>
      <c r="I3082" t="s">
        <v>30540</v>
      </c>
    </row>
    <row r="3083" spans="1:9">
      <c r="A3083" s="1">
        <v>0.49780796492750456</v>
      </c>
      <c r="B3083" s="1"/>
      <c r="C3083">
        <v>9</v>
      </c>
      <c r="D3083" t="s">
        <v>8536</v>
      </c>
      <c r="E3083" t="s">
        <v>31899</v>
      </c>
      <c r="F3083">
        <v>4</v>
      </c>
      <c r="G3083" t="s">
        <v>0</v>
      </c>
      <c r="H3083" t="s">
        <v>8537</v>
      </c>
      <c r="I3083" t="s">
        <v>30540</v>
      </c>
    </row>
    <row r="3084" spans="1:9">
      <c r="A3084" s="1">
        <v>0.20498692749608183</v>
      </c>
      <c r="B3084" s="1"/>
      <c r="C3084">
        <v>2</v>
      </c>
      <c r="D3084" t="s">
        <v>8530</v>
      </c>
      <c r="E3084" t="s">
        <v>31899</v>
      </c>
      <c r="F3084">
        <v>4</v>
      </c>
      <c r="G3084" t="s">
        <v>2</v>
      </c>
      <c r="H3084" t="s">
        <v>8531</v>
      </c>
      <c r="I3084" t="s">
        <v>30540</v>
      </c>
    </row>
    <row r="3085" spans="1:9">
      <c r="A3085" s="1">
        <v>0.47395808793348793</v>
      </c>
      <c r="B3085" s="1"/>
      <c r="C3085">
        <v>8</v>
      </c>
      <c r="D3085" t="s">
        <v>8534</v>
      </c>
      <c r="E3085" t="s">
        <v>31899</v>
      </c>
      <c r="F3085">
        <v>3</v>
      </c>
      <c r="G3085" t="s">
        <v>0</v>
      </c>
      <c r="H3085" t="s">
        <v>8535</v>
      </c>
      <c r="I3085" t="s">
        <v>30540</v>
      </c>
    </row>
    <row r="3086" spans="1:9">
      <c r="A3086" s="1">
        <v>0.741253744445728</v>
      </c>
      <c r="B3086" s="1"/>
      <c r="C3086">
        <v>6</v>
      </c>
      <c r="D3086" t="s">
        <v>8526</v>
      </c>
      <c r="E3086" t="s">
        <v>31900</v>
      </c>
      <c r="F3086">
        <v>5</v>
      </c>
      <c r="G3086" t="s">
        <v>1295</v>
      </c>
      <c r="H3086" t="s">
        <v>8527</v>
      </c>
      <c r="I3086" t="s">
        <v>30540</v>
      </c>
    </row>
    <row r="3087" spans="1:9">
      <c r="A3087" s="1">
        <v>0.97888389908602513</v>
      </c>
      <c r="B3087" s="1"/>
      <c r="C3087">
        <v>2</v>
      </c>
      <c r="D3087" t="s">
        <v>8524</v>
      </c>
      <c r="E3087" t="s">
        <v>31900</v>
      </c>
      <c r="F3087">
        <v>5</v>
      </c>
      <c r="G3087" t="s">
        <v>769</v>
      </c>
      <c r="H3087" t="s">
        <v>8525</v>
      </c>
      <c r="I3087" t="s">
        <v>30540</v>
      </c>
    </row>
    <row r="3088" spans="1:9">
      <c r="A3088" s="1">
        <v>0.89461609574151602</v>
      </c>
      <c r="B3088" s="1"/>
      <c r="C3088">
        <v>11</v>
      </c>
      <c r="D3088" t="s">
        <v>8518</v>
      </c>
      <c r="E3088" t="s">
        <v>31901</v>
      </c>
      <c r="F3088">
        <v>4</v>
      </c>
      <c r="G3088" t="s">
        <v>0</v>
      </c>
      <c r="H3088" t="s">
        <v>8519</v>
      </c>
      <c r="I3088" t="s">
        <v>30540</v>
      </c>
    </row>
    <row r="3089" spans="1:9">
      <c r="A3089" s="1">
        <v>0.77881098754258304</v>
      </c>
      <c r="B3089" s="1"/>
      <c r="C3089">
        <v>5</v>
      </c>
      <c r="D3089" t="s">
        <v>8516</v>
      </c>
      <c r="E3089" t="s">
        <v>31901</v>
      </c>
      <c r="F3089">
        <v>4</v>
      </c>
      <c r="G3089" t="s">
        <v>0</v>
      </c>
      <c r="H3089" t="s">
        <v>8517</v>
      </c>
      <c r="I3089" t="s">
        <v>30540</v>
      </c>
    </row>
    <row r="3090" spans="1:9">
      <c r="A3090" s="1">
        <v>0.14472971579639038</v>
      </c>
      <c r="B3090" s="1"/>
      <c r="C3090">
        <v>13</v>
      </c>
      <c r="D3090" t="s">
        <v>8520</v>
      </c>
      <c r="E3090" t="s">
        <v>31901</v>
      </c>
      <c r="F3090">
        <v>4</v>
      </c>
      <c r="G3090" t="s">
        <v>0</v>
      </c>
      <c r="H3090" t="s">
        <v>8521</v>
      </c>
      <c r="I3090" t="s">
        <v>30540</v>
      </c>
    </row>
    <row r="3091" spans="1:9">
      <c r="A3091" s="1">
        <v>0.35999205208064566</v>
      </c>
      <c r="B3091" s="1"/>
      <c r="C3091">
        <v>1</v>
      </c>
      <c r="D3091" t="s">
        <v>8514</v>
      </c>
      <c r="E3091" t="s">
        <v>31901</v>
      </c>
      <c r="F3091">
        <v>4</v>
      </c>
      <c r="G3091" t="s">
        <v>13</v>
      </c>
      <c r="H3091" t="s">
        <v>8515</v>
      </c>
      <c r="I3091" t="s">
        <v>30540</v>
      </c>
    </row>
    <row r="3092" spans="1:9">
      <c r="A3092" s="1">
        <v>8.9539047924703685E-2</v>
      </c>
      <c r="B3092" s="1"/>
      <c r="C3092">
        <v>14</v>
      </c>
      <c r="D3092" t="s">
        <v>8522</v>
      </c>
      <c r="E3092" t="s">
        <v>31901</v>
      </c>
      <c r="F3092">
        <v>4</v>
      </c>
      <c r="G3092" t="s">
        <v>0</v>
      </c>
      <c r="H3092" t="s">
        <v>8523</v>
      </c>
      <c r="I3092" t="s">
        <v>30540</v>
      </c>
    </row>
    <row r="3093" spans="1:9">
      <c r="A3093" s="1">
        <v>0.14146334358545809</v>
      </c>
      <c r="B3093" s="1"/>
      <c r="C3093">
        <v>16</v>
      </c>
      <c r="D3093" t="s">
        <v>8508</v>
      </c>
      <c r="E3093" t="s">
        <v>31902</v>
      </c>
      <c r="F3093">
        <v>4</v>
      </c>
      <c r="G3093" t="s">
        <v>0</v>
      </c>
      <c r="H3093" t="s">
        <v>8509</v>
      </c>
      <c r="I3093" t="s">
        <v>30540</v>
      </c>
    </row>
    <row r="3094" spans="1:9">
      <c r="A3094" s="1">
        <v>0.51985625774487942</v>
      </c>
      <c r="B3094" s="1"/>
      <c r="C3094">
        <v>20</v>
      </c>
      <c r="D3094" t="s">
        <v>8512</v>
      </c>
      <c r="E3094" t="s">
        <v>31902</v>
      </c>
      <c r="F3094">
        <v>4</v>
      </c>
      <c r="G3094" t="s">
        <v>0</v>
      </c>
      <c r="H3094" t="s">
        <v>8513</v>
      </c>
      <c r="I3094" t="s">
        <v>30540</v>
      </c>
    </row>
    <row r="3095" spans="1:9">
      <c r="A3095" s="1">
        <v>0.74963664492170501</v>
      </c>
      <c r="B3095" s="1"/>
      <c r="C3095">
        <v>1</v>
      </c>
      <c r="D3095" t="s">
        <v>8504</v>
      </c>
      <c r="E3095" t="s">
        <v>31902</v>
      </c>
      <c r="F3095">
        <v>4</v>
      </c>
      <c r="G3095" t="s">
        <v>15</v>
      </c>
      <c r="H3095" t="s">
        <v>8505</v>
      </c>
      <c r="I3095" t="s">
        <v>30540</v>
      </c>
    </row>
    <row r="3096" spans="1:9">
      <c r="A3096" s="1">
        <v>0.90020274920088361</v>
      </c>
      <c r="B3096" s="1"/>
      <c r="C3096">
        <v>20</v>
      </c>
      <c r="D3096" t="s">
        <v>8502</v>
      </c>
      <c r="E3096" t="s">
        <v>31903</v>
      </c>
      <c r="F3096">
        <v>4</v>
      </c>
      <c r="G3096" t="s">
        <v>13</v>
      </c>
      <c r="H3096" t="s">
        <v>8503</v>
      </c>
      <c r="I3096" t="s">
        <v>30540</v>
      </c>
    </row>
    <row r="3097" spans="1:9">
      <c r="A3097" s="1">
        <v>0.53562684895506019</v>
      </c>
      <c r="B3097" s="1"/>
      <c r="C3097">
        <v>14</v>
      </c>
      <c r="D3097" t="s">
        <v>8500</v>
      </c>
      <c r="E3097" t="s">
        <v>31903</v>
      </c>
      <c r="F3097">
        <v>4</v>
      </c>
      <c r="G3097" t="s">
        <v>9</v>
      </c>
      <c r="H3097" t="s">
        <v>8501</v>
      </c>
      <c r="I3097" t="s">
        <v>30540</v>
      </c>
    </row>
    <row r="3098" spans="1:9">
      <c r="A3098" s="1">
        <v>0.561769273607722</v>
      </c>
      <c r="B3098" s="1"/>
      <c r="C3098">
        <v>5</v>
      </c>
      <c r="D3098" t="s">
        <v>8496</v>
      </c>
      <c r="E3098" t="s">
        <v>31903</v>
      </c>
      <c r="F3098">
        <v>4</v>
      </c>
      <c r="G3098" t="s">
        <v>774</v>
      </c>
      <c r="H3098" t="s">
        <v>8497</v>
      </c>
      <c r="I3098" t="s">
        <v>30540</v>
      </c>
    </row>
    <row r="3099" spans="1:9">
      <c r="A3099" s="1">
        <v>0.36930029314384194</v>
      </c>
      <c r="B3099" s="1"/>
      <c r="C3099">
        <v>13</v>
      </c>
      <c r="D3099" t="s">
        <v>8498</v>
      </c>
      <c r="E3099" t="s">
        <v>31903</v>
      </c>
      <c r="F3099">
        <v>4</v>
      </c>
      <c r="G3099" t="s">
        <v>774</v>
      </c>
      <c r="H3099" t="s">
        <v>8499</v>
      </c>
      <c r="I3099" t="s">
        <v>30540</v>
      </c>
    </row>
    <row r="3100" spans="1:9">
      <c r="A3100" s="1">
        <v>0.8049593852705581</v>
      </c>
      <c r="B3100" s="1"/>
      <c r="C3100">
        <v>11</v>
      </c>
      <c r="D3100" t="s">
        <v>8490</v>
      </c>
      <c r="E3100" t="s">
        <v>31904</v>
      </c>
      <c r="F3100">
        <v>5</v>
      </c>
      <c r="G3100" t="s">
        <v>0</v>
      </c>
      <c r="H3100" t="s">
        <v>8491</v>
      </c>
      <c r="I3100" t="s">
        <v>30540</v>
      </c>
    </row>
    <row r="3101" spans="1:9">
      <c r="A3101" s="1">
        <v>0.5182015224220895</v>
      </c>
      <c r="B3101" s="1"/>
      <c r="C3101">
        <v>14</v>
      </c>
      <c r="D3101" t="s">
        <v>8494</v>
      </c>
      <c r="E3101" t="s">
        <v>31904</v>
      </c>
      <c r="F3101">
        <v>4</v>
      </c>
      <c r="G3101" t="s">
        <v>9</v>
      </c>
      <c r="H3101" t="s">
        <v>8495</v>
      </c>
      <c r="I3101" t="s">
        <v>30540</v>
      </c>
    </row>
    <row r="3102" spans="1:9">
      <c r="A3102" s="1">
        <v>0.87271835187828317</v>
      </c>
      <c r="B3102" s="1"/>
      <c r="C3102">
        <v>13</v>
      </c>
      <c r="D3102" t="s">
        <v>8492</v>
      </c>
      <c r="E3102" t="s">
        <v>31904</v>
      </c>
      <c r="F3102">
        <v>4</v>
      </c>
      <c r="G3102" t="s">
        <v>0</v>
      </c>
      <c r="H3102" t="s">
        <v>8493</v>
      </c>
      <c r="I3102" t="s">
        <v>30540</v>
      </c>
    </row>
    <row r="3103" spans="1:9">
      <c r="A3103" s="1">
        <v>0.42901006476615777</v>
      </c>
      <c r="B3103" s="1"/>
      <c r="C3103">
        <v>19</v>
      </c>
      <c r="D3103" t="s">
        <v>8484</v>
      </c>
      <c r="E3103" t="s">
        <v>31905</v>
      </c>
      <c r="F3103">
        <v>4</v>
      </c>
      <c r="G3103" t="s">
        <v>2</v>
      </c>
      <c r="H3103" t="s">
        <v>8485</v>
      </c>
      <c r="I3103" t="s">
        <v>30540</v>
      </c>
    </row>
    <row r="3104" spans="1:9">
      <c r="A3104" s="1">
        <v>0.1520893594531818</v>
      </c>
      <c r="B3104" s="1"/>
      <c r="C3104">
        <v>6</v>
      </c>
      <c r="D3104" t="s">
        <v>8482</v>
      </c>
      <c r="E3104" t="s">
        <v>31905</v>
      </c>
      <c r="F3104">
        <v>4</v>
      </c>
      <c r="G3104" t="s">
        <v>0</v>
      </c>
      <c r="H3104" t="s">
        <v>8483</v>
      </c>
      <c r="I3104" t="s">
        <v>30540</v>
      </c>
    </row>
    <row r="3105" spans="1:9">
      <c r="A3105" s="1">
        <v>0.53237298544460154</v>
      </c>
      <c r="B3105" s="1"/>
      <c r="C3105">
        <v>12</v>
      </c>
      <c r="D3105" t="s">
        <v>8478</v>
      </c>
      <c r="E3105" t="s">
        <v>31906</v>
      </c>
      <c r="F3105">
        <v>4</v>
      </c>
      <c r="G3105" t="s">
        <v>0</v>
      </c>
      <c r="H3105" t="s">
        <v>8479</v>
      </c>
      <c r="I3105" t="s">
        <v>30540</v>
      </c>
    </row>
    <row r="3106" spans="1:9">
      <c r="A3106" s="1">
        <v>0.49790324810928788</v>
      </c>
      <c r="B3106" s="1"/>
      <c r="C3106">
        <v>8</v>
      </c>
      <c r="D3106" t="s">
        <v>8474</v>
      </c>
      <c r="E3106" t="s">
        <v>31906</v>
      </c>
      <c r="F3106">
        <v>4</v>
      </c>
      <c r="G3106" t="s">
        <v>2</v>
      </c>
      <c r="H3106" t="s">
        <v>8475</v>
      </c>
      <c r="I3106" t="s">
        <v>30540</v>
      </c>
    </row>
    <row r="3107" spans="1:9">
      <c r="A3107" s="1">
        <v>0.87829574936846078</v>
      </c>
      <c r="B3107" s="1"/>
      <c r="C3107">
        <v>11</v>
      </c>
      <c r="D3107" t="s">
        <v>8476</v>
      </c>
      <c r="E3107" t="s">
        <v>31906</v>
      </c>
      <c r="F3107">
        <v>4</v>
      </c>
      <c r="G3107" t="s">
        <v>0</v>
      </c>
      <c r="H3107" t="s">
        <v>8477</v>
      </c>
      <c r="I3107" t="s">
        <v>30540</v>
      </c>
    </row>
    <row r="3108" spans="1:9">
      <c r="A3108" s="1">
        <v>0.8248437646004817</v>
      </c>
      <c r="B3108" s="1"/>
      <c r="C3108">
        <v>6</v>
      </c>
      <c r="D3108" t="s">
        <v>8472</v>
      </c>
      <c r="E3108" t="s">
        <v>31906</v>
      </c>
      <c r="F3108">
        <v>4</v>
      </c>
      <c r="G3108" t="s">
        <v>2</v>
      </c>
      <c r="H3108" t="s">
        <v>8473</v>
      </c>
      <c r="I3108" t="s">
        <v>30540</v>
      </c>
    </row>
    <row r="3109" spans="1:9">
      <c r="A3109" s="1">
        <v>0.8987436980334168</v>
      </c>
      <c r="B3109" s="1"/>
      <c r="C3109">
        <v>1</v>
      </c>
      <c r="D3109" t="s">
        <v>8468</v>
      </c>
      <c r="E3109" t="s">
        <v>31906</v>
      </c>
      <c r="F3109">
        <v>3</v>
      </c>
      <c r="G3109" t="s">
        <v>14</v>
      </c>
      <c r="H3109" t="s">
        <v>8469</v>
      </c>
      <c r="I3109" t="s">
        <v>30540</v>
      </c>
    </row>
    <row r="3110" spans="1:9">
      <c r="A3110" s="1">
        <v>0.75692390721180658</v>
      </c>
      <c r="B3110" s="1"/>
      <c r="C3110">
        <v>19</v>
      </c>
      <c r="D3110" t="s">
        <v>8464</v>
      </c>
      <c r="E3110" t="s">
        <v>31907</v>
      </c>
      <c r="F3110">
        <v>5</v>
      </c>
      <c r="G3110" t="s">
        <v>0</v>
      </c>
      <c r="H3110" t="s">
        <v>8465</v>
      </c>
      <c r="I3110" t="s">
        <v>30540</v>
      </c>
    </row>
    <row r="3111" spans="1:9">
      <c r="A3111" s="1">
        <v>0.83726165835628341</v>
      </c>
      <c r="B3111" s="1"/>
      <c r="C3111">
        <v>12</v>
      </c>
      <c r="D3111" t="s">
        <v>8458</v>
      </c>
      <c r="E3111" t="s">
        <v>31907</v>
      </c>
      <c r="F3111">
        <v>4</v>
      </c>
      <c r="G3111" t="s">
        <v>0</v>
      </c>
      <c r="H3111" t="s">
        <v>8459</v>
      </c>
      <c r="I3111" t="s">
        <v>30540</v>
      </c>
    </row>
    <row r="3112" spans="1:9">
      <c r="A3112" s="1">
        <v>0.47425452996201756</v>
      </c>
      <c r="B3112" s="1"/>
      <c r="C3112">
        <v>16</v>
      </c>
      <c r="D3112" t="s">
        <v>8462</v>
      </c>
      <c r="E3112" t="s">
        <v>31907</v>
      </c>
      <c r="F3112">
        <v>4</v>
      </c>
      <c r="G3112" t="s">
        <v>0</v>
      </c>
      <c r="H3112" t="s">
        <v>8463</v>
      </c>
      <c r="I3112" t="s">
        <v>30540</v>
      </c>
    </row>
    <row r="3113" spans="1:9">
      <c r="A3113" s="1">
        <v>2.9219309669042737E-2</v>
      </c>
      <c r="B3113" s="1"/>
      <c r="C3113">
        <v>20</v>
      </c>
      <c r="D3113" t="s">
        <v>8466</v>
      </c>
      <c r="E3113" t="s">
        <v>31907</v>
      </c>
      <c r="F3113">
        <v>4</v>
      </c>
      <c r="G3113" t="s">
        <v>0</v>
      </c>
      <c r="H3113" t="s">
        <v>8467</v>
      </c>
      <c r="I3113" t="s">
        <v>30540</v>
      </c>
    </row>
    <row r="3114" spans="1:9">
      <c r="A3114" s="1">
        <v>0.85625011110232463</v>
      </c>
      <c r="B3114" s="1"/>
      <c r="C3114">
        <v>4</v>
      </c>
      <c r="D3114" t="s">
        <v>8454</v>
      </c>
      <c r="E3114" t="s">
        <v>31908</v>
      </c>
      <c r="F3114">
        <v>4</v>
      </c>
      <c r="G3114" t="s">
        <v>0</v>
      </c>
      <c r="H3114" t="s">
        <v>8455</v>
      </c>
      <c r="I3114" t="s">
        <v>30540</v>
      </c>
    </row>
    <row r="3115" spans="1:9">
      <c r="A3115" s="1">
        <v>0.7454628189554412</v>
      </c>
      <c r="B3115" s="1"/>
      <c r="C3115">
        <v>7</v>
      </c>
      <c r="D3115" t="s">
        <v>8456</v>
      </c>
      <c r="E3115" t="s">
        <v>31908</v>
      </c>
      <c r="F3115">
        <v>4</v>
      </c>
      <c r="G3115" t="s">
        <v>0</v>
      </c>
      <c r="H3115" t="s">
        <v>8457</v>
      </c>
      <c r="I3115" t="s">
        <v>30540</v>
      </c>
    </row>
    <row r="3116" spans="1:9">
      <c r="A3116" s="1">
        <v>0.92827684508442398</v>
      </c>
      <c r="B3116" s="1"/>
      <c r="C3116">
        <v>13</v>
      </c>
      <c r="D3116" t="s">
        <v>8450</v>
      </c>
      <c r="E3116" t="s">
        <v>31909</v>
      </c>
      <c r="F3116">
        <v>4</v>
      </c>
      <c r="G3116" t="s">
        <v>0</v>
      </c>
      <c r="H3116" t="s">
        <v>8451</v>
      </c>
      <c r="I3116" t="s">
        <v>30540</v>
      </c>
    </row>
    <row r="3117" spans="1:9">
      <c r="A3117" s="1">
        <v>0.60594449475712753</v>
      </c>
      <c r="B3117" s="1"/>
      <c r="C3117">
        <v>7</v>
      </c>
      <c r="D3117" t="s">
        <v>8448</v>
      </c>
      <c r="E3117" t="s">
        <v>31909</v>
      </c>
      <c r="F3117">
        <v>3</v>
      </c>
      <c r="G3117" t="s">
        <v>14</v>
      </c>
      <c r="H3117" t="s">
        <v>8449</v>
      </c>
      <c r="I3117" t="s">
        <v>30540</v>
      </c>
    </row>
    <row r="3118" spans="1:9">
      <c r="A3118" s="1">
        <v>0.27759529520885917</v>
      </c>
      <c r="B3118" s="1"/>
      <c r="C3118">
        <v>14</v>
      </c>
      <c r="D3118" t="s">
        <v>8446</v>
      </c>
      <c r="E3118" t="s">
        <v>31910</v>
      </c>
      <c r="F3118">
        <v>5</v>
      </c>
      <c r="G3118" t="s">
        <v>10</v>
      </c>
      <c r="H3118" t="s">
        <v>8447</v>
      </c>
      <c r="I3118" t="s">
        <v>30540</v>
      </c>
    </row>
    <row r="3119" spans="1:9">
      <c r="A3119" s="1">
        <v>0.78503910694323475</v>
      </c>
      <c r="B3119" s="1"/>
      <c r="C3119">
        <v>9</v>
      </c>
      <c r="D3119" t="s">
        <v>8438</v>
      </c>
      <c r="E3119" t="s">
        <v>31910</v>
      </c>
      <c r="F3119">
        <v>5</v>
      </c>
      <c r="G3119" t="s">
        <v>0</v>
      </c>
      <c r="H3119" t="s">
        <v>8439</v>
      </c>
      <c r="I3119" t="s">
        <v>30540</v>
      </c>
    </row>
    <row r="3120" spans="1:9">
      <c r="A3120" s="1">
        <v>0.47072974619550345</v>
      </c>
      <c r="B3120" s="1"/>
      <c r="C3120">
        <v>10</v>
      </c>
      <c r="D3120" t="s">
        <v>8440</v>
      </c>
      <c r="E3120" t="s">
        <v>31910</v>
      </c>
      <c r="F3120">
        <v>4</v>
      </c>
      <c r="G3120" t="s">
        <v>0</v>
      </c>
      <c r="H3120" t="s">
        <v>8441</v>
      </c>
      <c r="I3120" t="s">
        <v>30540</v>
      </c>
    </row>
    <row r="3121" spans="1:9">
      <c r="A3121" s="1">
        <v>0.72702954466744563</v>
      </c>
      <c r="B3121" s="1"/>
      <c r="C3121">
        <v>13</v>
      </c>
      <c r="D3121" t="s">
        <v>8444</v>
      </c>
      <c r="E3121" t="s">
        <v>31910</v>
      </c>
      <c r="F3121">
        <v>4</v>
      </c>
      <c r="G3121" t="s">
        <v>10</v>
      </c>
      <c r="H3121" t="s">
        <v>8445</v>
      </c>
      <c r="I3121" t="s">
        <v>30540</v>
      </c>
    </row>
    <row r="3122" spans="1:9">
      <c r="A3122" s="1">
        <v>7.97986125999397E-2</v>
      </c>
      <c r="B3122" s="1"/>
      <c r="C3122">
        <v>8</v>
      </c>
      <c r="D3122" t="s">
        <v>8436</v>
      </c>
      <c r="E3122" t="s">
        <v>31910</v>
      </c>
      <c r="F3122">
        <v>4</v>
      </c>
      <c r="G3122" t="s">
        <v>0</v>
      </c>
      <c r="H3122" t="s">
        <v>8437</v>
      </c>
      <c r="I3122" t="s">
        <v>30540</v>
      </c>
    </row>
    <row r="3123" spans="1:9">
      <c r="A3123" s="1">
        <v>0.60509224990766819</v>
      </c>
      <c r="B3123" s="1"/>
      <c r="C3123">
        <v>6</v>
      </c>
      <c r="D3123" t="s">
        <v>8434</v>
      </c>
      <c r="E3123" t="s">
        <v>31910</v>
      </c>
      <c r="F3123">
        <v>4</v>
      </c>
      <c r="G3123" t="s">
        <v>0</v>
      </c>
      <c r="H3123" t="s">
        <v>8435</v>
      </c>
      <c r="I3123" t="s">
        <v>30540</v>
      </c>
    </row>
    <row r="3124" spans="1:9">
      <c r="A3124" s="1">
        <v>0.12133648564715582</v>
      </c>
      <c r="B3124" s="1"/>
      <c r="C3124">
        <v>12</v>
      </c>
      <c r="D3124" t="s">
        <v>8442</v>
      </c>
      <c r="E3124" t="s">
        <v>31910</v>
      </c>
      <c r="F3124">
        <v>4</v>
      </c>
      <c r="G3124" t="s">
        <v>0</v>
      </c>
      <c r="H3124" t="s">
        <v>8443</v>
      </c>
      <c r="I3124" t="s">
        <v>30540</v>
      </c>
    </row>
    <row r="3125" spans="1:9">
      <c r="A3125" s="1">
        <v>0.28274739455325015</v>
      </c>
      <c r="B3125" s="1"/>
      <c r="C3125">
        <v>4</v>
      </c>
      <c r="D3125" t="s">
        <v>8428</v>
      </c>
      <c r="E3125" t="s">
        <v>31911</v>
      </c>
      <c r="F3125">
        <v>5</v>
      </c>
      <c r="G3125" t="s">
        <v>14</v>
      </c>
      <c r="H3125" t="s">
        <v>8429</v>
      </c>
      <c r="I3125" t="s">
        <v>30540</v>
      </c>
    </row>
    <row r="3126" spans="1:9">
      <c r="A3126" s="1">
        <v>0.31480395427957786</v>
      </c>
      <c r="B3126" s="1"/>
      <c r="C3126">
        <v>11</v>
      </c>
      <c r="D3126" t="s">
        <v>8430</v>
      </c>
      <c r="E3126" t="s">
        <v>31911</v>
      </c>
      <c r="F3126">
        <v>4</v>
      </c>
      <c r="G3126" t="s">
        <v>14</v>
      </c>
      <c r="H3126" t="s">
        <v>8431</v>
      </c>
      <c r="I3126" t="s">
        <v>30540</v>
      </c>
    </row>
    <row r="3127" spans="1:9">
      <c r="A3127" s="1">
        <v>7.9993192809538316E-2</v>
      </c>
      <c r="B3127" s="1"/>
      <c r="C3127">
        <v>13</v>
      </c>
      <c r="D3127" t="s">
        <v>8432</v>
      </c>
      <c r="E3127" t="s">
        <v>31911</v>
      </c>
      <c r="F3127">
        <v>4</v>
      </c>
      <c r="G3127" t="s">
        <v>2</v>
      </c>
      <c r="H3127" t="s">
        <v>8433</v>
      </c>
      <c r="I3127" t="s">
        <v>30540</v>
      </c>
    </row>
    <row r="3128" spans="1:9">
      <c r="A3128" s="1">
        <v>0.95448919989292436</v>
      </c>
      <c r="B3128" s="1"/>
      <c r="C3128">
        <v>7</v>
      </c>
      <c r="D3128" t="s">
        <v>8422</v>
      </c>
      <c r="E3128" t="s">
        <v>31912</v>
      </c>
      <c r="F3128">
        <v>5</v>
      </c>
      <c r="G3128" t="s">
        <v>1</v>
      </c>
      <c r="H3128" t="s">
        <v>8423</v>
      </c>
      <c r="I3128" t="s">
        <v>30540</v>
      </c>
    </row>
    <row r="3129" spans="1:9">
      <c r="A3129" s="1">
        <v>0.87939760451675664</v>
      </c>
      <c r="B3129" s="1"/>
      <c r="C3129">
        <v>13</v>
      </c>
      <c r="D3129" t="s">
        <v>8426</v>
      </c>
      <c r="E3129" t="s">
        <v>31912</v>
      </c>
      <c r="F3129">
        <v>4</v>
      </c>
      <c r="G3129" t="s">
        <v>0</v>
      </c>
      <c r="H3129" t="s">
        <v>8427</v>
      </c>
      <c r="I3129" t="s">
        <v>30540</v>
      </c>
    </row>
    <row r="3130" spans="1:9">
      <c r="A3130" s="1">
        <v>0.88652821610654997</v>
      </c>
      <c r="B3130" s="1"/>
      <c r="C3130">
        <v>11</v>
      </c>
      <c r="D3130" t="s">
        <v>8424</v>
      </c>
      <c r="E3130" t="s">
        <v>31912</v>
      </c>
      <c r="F3130">
        <v>4</v>
      </c>
      <c r="G3130" t="s">
        <v>15</v>
      </c>
      <c r="H3130" t="s">
        <v>8425</v>
      </c>
      <c r="I3130" t="s">
        <v>30540</v>
      </c>
    </row>
    <row r="3131" spans="1:9">
      <c r="A3131" s="1">
        <v>0.74273994494883633</v>
      </c>
      <c r="B3131" s="1"/>
      <c r="C3131">
        <v>17</v>
      </c>
      <c r="D3131" t="s">
        <v>8418</v>
      </c>
      <c r="E3131" t="s">
        <v>31913</v>
      </c>
      <c r="F3131">
        <v>5</v>
      </c>
      <c r="G3131" t="s">
        <v>0</v>
      </c>
      <c r="H3131" t="s">
        <v>8419</v>
      </c>
      <c r="I3131" t="s">
        <v>30540</v>
      </c>
    </row>
    <row r="3132" spans="1:9">
      <c r="A3132" s="1">
        <v>0.53456817852737692</v>
      </c>
      <c r="B3132" s="1"/>
      <c r="C3132">
        <v>6</v>
      </c>
      <c r="D3132" t="s">
        <v>8410</v>
      </c>
      <c r="E3132" t="s">
        <v>31913</v>
      </c>
      <c r="F3132">
        <v>5</v>
      </c>
      <c r="G3132" t="s">
        <v>774</v>
      </c>
      <c r="H3132" t="s">
        <v>8411</v>
      </c>
      <c r="I3132" t="s">
        <v>30540</v>
      </c>
    </row>
    <row r="3133" spans="1:9">
      <c r="A3133" s="1">
        <v>0.65933430271256332</v>
      </c>
      <c r="B3133" s="1"/>
      <c r="C3133">
        <v>20</v>
      </c>
      <c r="D3133" t="s">
        <v>8420</v>
      </c>
      <c r="E3133" t="s">
        <v>31913</v>
      </c>
      <c r="F3133">
        <v>5</v>
      </c>
      <c r="G3133" t="s">
        <v>0</v>
      </c>
      <c r="H3133" t="s">
        <v>8421</v>
      </c>
      <c r="I3133" t="s">
        <v>30540</v>
      </c>
    </row>
    <row r="3134" spans="1:9">
      <c r="A3134" s="1">
        <v>0.27114144092320891</v>
      </c>
      <c r="B3134" s="1"/>
      <c r="C3134">
        <v>15</v>
      </c>
      <c r="D3134" t="s">
        <v>8414</v>
      </c>
      <c r="E3134" t="s">
        <v>31913</v>
      </c>
      <c r="F3134">
        <v>5</v>
      </c>
      <c r="G3134" t="s">
        <v>0</v>
      </c>
      <c r="H3134" t="s">
        <v>8415</v>
      </c>
      <c r="I3134" t="s">
        <v>30540</v>
      </c>
    </row>
    <row r="3135" spans="1:9">
      <c r="A3135" s="1">
        <v>0.49785233564377884</v>
      </c>
      <c r="B3135" s="1"/>
      <c r="C3135">
        <v>12</v>
      </c>
      <c r="D3135" t="s">
        <v>8412</v>
      </c>
      <c r="E3135" t="s">
        <v>31913</v>
      </c>
      <c r="F3135">
        <v>4</v>
      </c>
      <c r="G3135" t="s">
        <v>2</v>
      </c>
      <c r="H3135" t="s">
        <v>8413</v>
      </c>
      <c r="I3135" t="s">
        <v>30540</v>
      </c>
    </row>
    <row r="3136" spans="1:9">
      <c r="A3136" s="1">
        <v>0.31237019679224642</v>
      </c>
      <c r="B3136" s="1"/>
      <c r="C3136">
        <v>16</v>
      </c>
      <c r="D3136" t="s">
        <v>8416</v>
      </c>
      <c r="E3136" t="s">
        <v>31913</v>
      </c>
      <c r="F3136">
        <v>4</v>
      </c>
      <c r="G3136" t="s">
        <v>0</v>
      </c>
      <c r="H3136" t="s">
        <v>8417</v>
      </c>
      <c r="I3136" t="s">
        <v>30540</v>
      </c>
    </row>
    <row r="3137" spans="1:9">
      <c r="A3137" s="1">
        <v>0.71896770463745407</v>
      </c>
      <c r="B3137" s="1"/>
      <c r="C3137">
        <v>2</v>
      </c>
      <c r="D3137" t="s">
        <v>8408</v>
      </c>
      <c r="E3137" t="s">
        <v>31913</v>
      </c>
      <c r="F3137">
        <v>4</v>
      </c>
      <c r="G3137" t="s">
        <v>15</v>
      </c>
      <c r="H3137" t="s">
        <v>8409</v>
      </c>
      <c r="I3137" t="s">
        <v>30540</v>
      </c>
    </row>
    <row r="3138" spans="1:9">
      <c r="A3138" s="1">
        <v>0.42724350153800295</v>
      </c>
      <c r="B3138" s="1"/>
      <c r="C3138">
        <v>20</v>
      </c>
      <c r="D3138" t="s">
        <v>8406</v>
      </c>
      <c r="E3138" t="s">
        <v>31914</v>
      </c>
      <c r="F3138">
        <v>4</v>
      </c>
      <c r="G3138" t="s">
        <v>9</v>
      </c>
      <c r="H3138" t="s">
        <v>8407</v>
      </c>
      <c r="I3138" t="s">
        <v>30540</v>
      </c>
    </row>
    <row r="3139" spans="1:9">
      <c r="A3139" s="1">
        <v>0.718947089261598</v>
      </c>
      <c r="B3139" s="1"/>
      <c r="C3139">
        <v>19</v>
      </c>
      <c r="D3139" t="s">
        <v>8404</v>
      </c>
      <c r="E3139" t="s">
        <v>31914</v>
      </c>
      <c r="F3139">
        <v>4</v>
      </c>
      <c r="G3139" t="s">
        <v>10</v>
      </c>
      <c r="H3139" t="s">
        <v>8405</v>
      </c>
      <c r="I3139" t="s">
        <v>30540</v>
      </c>
    </row>
    <row r="3140" spans="1:9">
      <c r="A3140" s="1">
        <v>0.16328907669699844</v>
      </c>
      <c r="B3140" s="1"/>
      <c r="C3140">
        <v>8</v>
      </c>
      <c r="D3140" t="s">
        <v>8390</v>
      </c>
      <c r="E3140" t="s">
        <v>31915</v>
      </c>
      <c r="F3140">
        <v>5</v>
      </c>
      <c r="G3140" t="s">
        <v>14</v>
      </c>
      <c r="H3140" t="s">
        <v>8391</v>
      </c>
      <c r="I3140" t="s">
        <v>30540</v>
      </c>
    </row>
    <row r="3141" spans="1:9">
      <c r="A3141" s="1">
        <v>1.0188996197243783E-2</v>
      </c>
      <c r="B3141" s="1"/>
      <c r="C3141">
        <v>3</v>
      </c>
      <c r="D3141" t="s">
        <v>8388</v>
      </c>
      <c r="E3141" t="s">
        <v>31915</v>
      </c>
      <c r="F3141">
        <v>5</v>
      </c>
      <c r="G3141" t="s">
        <v>762</v>
      </c>
      <c r="H3141" t="s">
        <v>8389</v>
      </c>
      <c r="I3141" t="s">
        <v>30540</v>
      </c>
    </row>
    <row r="3142" spans="1:9">
      <c r="A3142" s="1">
        <v>0.27119113059883182</v>
      </c>
      <c r="B3142" s="1"/>
      <c r="C3142">
        <v>16</v>
      </c>
      <c r="D3142" t="s">
        <v>8396</v>
      </c>
      <c r="E3142" t="s">
        <v>31915</v>
      </c>
      <c r="F3142">
        <v>5</v>
      </c>
      <c r="G3142" t="s">
        <v>766</v>
      </c>
      <c r="H3142" t="s">
        <v>8397</v>
      </c>
      <c r="I3142" t="s">
        <v>30540</v>
      </c>
    </row>
    <row r="3143" spans="1:9">
      <c r="A3143" s="1">
        <v>0.59715212177164401</v>
      </c>
      <c r="B3143" s="1"/>
      <c r="C3143">
        <v>15</v>
      </c>
      <c r="D3143" t="s">
        <v>8394</v>
      </c>
      <c r="E3143" t="s">
        <v>31915</v>
      </c>
      <c r="F3143">
        <v>5</v>
      </c>
      <c r="G3143" t="s">
        <v>0</v>
      </c>
      <c r="H3143" t="s">
        <v>8395</v>
      </c>
      <c r="I3143" t="s">
        <v>30540</v>
      </c>
    </row>
    <row r="3144" spans="1:9">
      <c r="A3144" s="1">
        <v>0.47469184576565482</v>
      </c>
      <c r="B3144" s="1"/>
      <c r="C3144">
        <v>1</v>
      </c>
      <c r="D3144" t="s">
        <v>8386</v>
      </c>
      <c r="E3144" t="s">
        <v>31915</v>
      </c>
      <c r="F3144">
        <v>4</v>
      </c>
      <c r="G3144" t="s">
        <v>770</v>
      </c>
      <c r="H3144" t="s">
        <v>8387</v>
      </c>
      <c r="I3144" t="s">
        <v>30540</v>
      </c>
    </row>
    <row r="3145" spans="1:9">
      <c r="A3145" s="1">
        <v>8.52528646885925E-2</v>
      </c>
      <c r="B3145" s="1"/>
      <c r="C3145">
        <v>14</v>
      </c>
      <c r="D3145" t="s">
        <v>8392</v>
      </c>
      <c r="E3145" t="s">
        <v>31915</v>
      </c>
      <c r="F3145">
        <v>4</v>
      </c>
      <c r="G3145" t="s">
        <v>0</v>
      </c>
      <c r="H3145" t="s">
        <v>8393</v>
      </c>
      <c r="I3145" t="s">
        <v>30540</v>
      </c>
    </row>
    <row r="3146" spans="1:9">
      <c r="A3146" s="1">
        <v>0.14495157320727536</v>
      </c>
      <c r="B3146" s="1"/>
      <c r="C3146">
        <v>17</v>
      </c>
      <c r="D3146" t="s">
        <v>8384</v>
      </c>
      <c r="E3146" t="s">
        <v>31916</v>
      </c>
      <c r="F3146">
        <v>4</v>
      </c>
      <c r="G3146" t="s">
        <v>766</v>
      </c>
      <c r="H3146" t="s">
        <v>8385</v>
      </c>
      <c r="I3146" t="s">
        <v>30540</v>
      </c>
    </row>
    <row r="3147" spans="1:9">
      <c r="A3147" s="1">
        <v>0.51042666713977347</v>
      </c>
      <c r="B3147" s="1"/>
      <c r="C3147">
        <v>11</v>
      </c>
      <c r="D3147" t="s">
        <v>8382</v>
      </c>
      <c r="E3147" t="s">
        <v>31916</v>
      </c>
      <c r="F3147">
        <v>4</v>
      </c>
      <c r="G3147" t="s">
        <v>766</v>
      </c>
      <c r="H3147" t="s">
        <v>8383</v>
      </c>
      <c r="I3147" t="s">
        <v>30540</v>
      </c>
    </row>
    <row r="3148" spans="1:9">
      <c r="A3148" s="1">
        <v>0.85833802120863345</v>
      </c>
      <c r="B3148" s="1"/>
      <c r="C3148">
        <v>7</v>
      </c>
      <c r="D3148" t="s">
        <v>8378</v>
      </c>
      <c r="E3148" t="s">
        <v>31916</v>
      </c>
      <c r="F3148">
        <v>4</v>
      </c>
      <c r="G3148" t="s">
        <v>0</v>
      </c>
      <c r="H3148" t="s">
        <v>8379</v>
      </c>
      <c r="I3148" t="s">
        <v>30540</v>
      </c>
    </row>
    <row r="3149" spans="1:9">
      <c r="A3149" s="1">
        <v>0.10630115150483033</v>
      </c>
      <c r="B3149" s="1"/>
      <c r="C3149">
        <v>10</v>
      </c>
      <c r="D3149" t="s">
        <v>8380</v>
      </c>
      <c r="E3149" t="s">
        <v>31916</v>
      </c>
      <c r="F3149">
        <v>4</v>
      </c>
      <c r="G3149" t="s">
        <v>774</v>
      </c>
      <c r="H3149" t="s">
        <v>8381</v>
      </c>
      <c r="I3149" t="s">
        <v>30540</v>
      </c>
    </row>
    <row r="3150" spans="1:9">
      <c r="A3150" s="1">
        <v>0.58268743313879012</v>
      </c>
      <c r="B3150" s="1"/>
      <c r="C3150">
        <v>7</v>
      </c>
      <c r="D3150" t="s">
        <v>8368</v>
      </c>
      <c r="E3150" t="s">
        <v>31917</v>
      </c>
      <c r="F3150">
        <v>4</v>
      </c>
      <c r="G3150" t="s">
        <v>0</v>
      </c>
      <c r="H3150" t="s">
        <v>8369</v>
      </c>
      <c r="I3150" t="s">
        <v>30540</v>
      </c>
    </row>
    <row r="3151" spans="1:9">
      <c r="A3151" s="1">
        <v>0.32712681629145879</v>
      </c>
      <c r="B3151" s="1"/>
      <c r="C3151">
        <v>12</v>
      </c>
      <c r="D3151" t="s">
        <v>8370</v>
      </c>
      <c r="E3151" t="s">
        <v>31917</v>
      </c>
      <c r="F3151">
        <v>4</v>
      </c>
      <c r="G3151" t="s">
        <v>0</v>
      </c>
      <c r="H3151" t="s">
        <v>8371</v>
      </c>
      <c r="I3151" t="s">
        <v>30540</v>
      </c>
    </row>
    <row r="3152" spans="1:9">
      <c r="A3152" s="1">
        <v>8.1079934127688991E-2</v>
      </c>
      <c r="B3152" s="1"/>
      <c r="C3152">
        <v>13</v>
      </c>
      <c r="D3152" t="s">
        <v>8364</v>
      </c>
      <c r="E3152" t="s">
        <v>31918</v>
      </c>
      <c r="F3152">
        <v>5</v>
      </c>
      <c r="G3152" t="s">
        <v>765</v>
      </c>
      <c r="H3152" t="s">
        <v>8365</v>
      </c>
      <c r="I3152" t="s">
        <v>30540</v>
      </c>
    </row>
    <row r="3153" spans="1:9">
      <c r="A3153" s="1">
        <v>0.639189605299462</v>
      </c>
      <c r="B3153" s="1"/>
      <c r="C3153">
        <v>5</v>
      </c>
      <c r="D3153" t="s">
        <v>8358</v>
      </c>
      <c r="E3153" t="s">
        <v>31918</v>
      </c>
      <c r="F3153">
        <v>4</v>
      </c>
      <c r="G3153" t="s">
        <v>0</v>
      </c>
      <c r="H3153" t="s">
        <v>8359</v>
      </c>
      <c r="I3153" t="s">
        <v>30540</v>
      </c>
    </row>
    <row r="3154" spans="1:9">
      <c r="A3154" s="1">
        <v>0.40724485948796141</v>
      </c>
      <c r="B3154" s="1"/>
      <c r="C3154">
        <v>15</v>
      </c>
      <c r="D3154" t="s">
        <v>8366</v>
      </c>
      <c r="E3154" t="s">
        <v>31918</v>
      </c>
      <c r="F3154">
        <v>4</v>
      </c>
      <c r="G3154" t="s">
        <v>9</v>
      </c>
      <c r="H3154" t="s">
        <v>8367</v>
      </c>
      <c r="I3154" t="s">
        <v>30540</v>
      </c>
    </row>
    <row r="3155" spans="1:9">
      <c r="A3155" s="1">
        <v>0.12009805685974706</v>
      </c>
      <c r="B3155" s="1"/>
      <c r="C3155">
        <v>9</v>
      </c>
      <c r="D3155" t="s">
        <v>8360</v>
      </c>
      <c r="E3155" t="s">
        <v>31918</v>
      </c>
      <c r="F3155">
        <v>4</v>
      </c>
      <c r="G3155" t="s">
        <v>2</v>
      </c>
      <c r="H3155" t="s">
        <v>8361</v>
      </c>
      <c r="I3155" t="s">
        <v>30540</v>
      </c>
    </row>
    <row r="3156" spans="1:9">
      <c r="A3156" s="1">
        <v>0.7101927539406232</v>
      </c>
      <c r="B3156" s="1"/>
      <c r="C3156">
        <v>10</v>
      </c>
      <c r="D3156" t="s">
        <v>8362</v>
      </c>
      <c r="E3156" t="s">
        <v>31918</v>
      </c>
      <c r="F3156">
        <v>4</v>
      </c>
      <c r="G3156" t="s">
        <v>0</v>
      </c>
      <c r="H3156" t="s">
        <v>8363</v>
      </c>
      <c r="I3156" t="s">
        <v>30540</v>
      </c>
    </row>
    <row r="3157" spans="1:9">
      <c r="A3157" s="1">
        <v>0.82190959864083768</v>
      </c>
      <c r="B3157" s="1"/>
      <c r="C3157">
        <v>1</v>
      </c>
      <c r="D3157" t="s">
        <v>8356</v>
      </c>
      <c r="E3157" t="s">
        <v>31919</v>
      </c>
      <c r="F3157">
        <v>4</v>
      </c>
      <c r="G3157" t="s">
        <v>0</v>
      </c>
      <c r="H3157" t="s">
        <v>8357</v>
      </c>
      <c r="I3157" t="s">
        <v>30540</v>
      </c>
    </row>
    <row r="3158" spans="1:9">
      <c r="A3158" s="1">
        <v>0.89350023058659789</v>
      </c>
      <c r="B3158" s="1"/>
      <c r="C3158">
        <v>18</v>
      </c>
      <c r="D3158" t="s">
        <v>8354</v>
      </c>
      <c r="E3158" t="s">
        <v>31920</v>
      </c>
      <c r="F3158">
        <v>5</v>
      </c>
      <c r="G3158" t="s">
        <v>0</v>
      </c>
      <c r="H3158" t="s">
        <v>8355</v>
      </c>
      <c r="I3158" t="s">
        <v>30540</v>
      </c>
    </row>
    <row r="3159" spans="1:9">
      <c r="A3159" s="1">
        <v>0.75098421357643608</v>
      </c>
      <c r="B3159" s="1"/>
      <c r="C3159">
        <v>15</v>
      </c>
      <c r="D3159" t="s">
        <v>8352</v>
      </c>
      <c r="E3159" t="s">
        <v>31920</v>
      </c>
      <c r="F3159">
        <v>5</v>
      </c>
      <c r="G3159" t="s">
        <v>0</v>
      </c>
      <c r="H3159" t="s">
        <v>8353</v>
      </c>
      <c r="I3159" t="s">
        <v>30540</v>
      </c>
    </row>
    <row r="3160" spans="1:9">
      <c r="A3160" s="1">
        <v>0.64980896459083537</v>
      </c>
      <c r="B3160" s="1"/>
      <c r="C3160">
        <v>19</v>
      </c>
      <c r="D3160" t="s">
        <v>8350</v>
      </c>
      <c r="E3160" t="s">
        <v>31921</v>
      </c>
      <c r="F3160">
        <v>4</v>
      </c>
      <c r="G3160" t="s">
        <v>0</v>
      </c>
      <c r="H3160" t="s">
        <v>8351</v>
      </c>
      <c r="I3160" t="s">
        <v>30540</v>
      </c>
    </row>
    <row r="3161" spans="1:9">
      <c r="A3161" s="1">
        <v>0.59495656330573288</v>
      </c>
      <c r="B3161" s="1"/>
      <c r="C3161">
        <v>10</v>
      </c>
      <c r="D3161" t="s">
        <v>8344</v>
      </c>
      <c r="E3161" t="s">
        <v>31922</v>
      </c>
      <c r="F3161">
        <v>4</v>
      </c>
      <c r="G3161" t="s">
        <v>0</v>
      </c>
      <c r="H3161" t="s">
        <v>8345</v>
      </c>
      <c r="I3161" t="s">
        <v>30540</v>
      </c>
    </row>
    <row r="3162" spans="1:9">
      <c r="A3162" s="1">
        <v>0.9145868926569185</v>
      </c>
      <c r="B3162" s="1"/>
      <c r="C3162">
        <v>5</v>
      </c>
      <c r="D3162" t="s">
        <v>8338</v>
      </c>
      <c r="E3162" t="s">
        <v>31923</v>
      </c>
      <c r="F3162">
        <v>5</v>
      </c>
      <c r="G3162" t="s">
        <v>1</v>
      </c>
      <c r="H3162" t="s">
        <v>8339</v>
      </c>
      <c r="I3162" t="s">
        <v>30540</v>
      </c>
    </row>
    <row r="3163" spans="1:9">
      <c r="A3163" s="1">
        <v>0.11066837137600505</v>
      </c>
      <c r="B3163" s="1"/>
      <c r="C3163">
        <v>18</v>
      </c>
      <c r="D3163" t="s">
        <v>8340</v>
      </c>
      <c r="E3163" t="s">
        <v>31923</v>
      </c>
      <c r="F3163">
        <v>4</v>
      </c>
      <c r="G3163" t="s">
        <v>9</v>
      </c>
      <c r="H3163" t="s">
        <v>8341</v>
      </c>
      <c r="I3163" t="s">
        <v>30540</v>
      </c>
    </row>
    <row r="3164" spans="1:9">
      <c r="A3164" s="1">
        <v>0.2902410199940143</v>
      </c>
      <c r="B3164" s="1"/>
      <c r="C3164">
        <v>1</v>
      </c>
      <c r="D3164" t="s">
        <v>8336</v>
      </c>
      <c r="E3164" t="s">
        <v>31923</v>
      </c>
      <c r="F3164">
        <v>3</v>
      </c>
      <c r="G3164" t="s">
        <v>15</v>
      </c>
      <c r="H3164" t="s">
        <v>8337</v>
      </c>
      <c r="I3164" t="s">
        <v>30540</v>
      </c>
    </row>
    <row r="3165" spans="1:9">
      <c r="A3165" s="1">
        <v>0.11610239984390114</v>
      </c>
      <c r="B3165" s="1"/>
      <c r="C3165">
        <v>6</v>
      </c>
      <c r="D3165" t="s">
        <v>8332</v>
      </c>
      <c r="E3165" t="s">
        <v>31924</v>
      </c>
      <c r="F3165">
        <v>4</v>
      </c>
      <c r="G3165" t="s">
        <v>14</v>
      </c>
      <c r="H3165" t="s">
        <v>8333</v>
      </c>
      <c r="I3165" t="s">
        <v>30540</v>
      </c>
    </row>
    <row r="3166" spans="1:9">
      <c r="A3166" s="1">
        <v>0.37572134781322652</v>
      </c>
      <c r="B3166" s="1"/>
      <c r="C3166">
        <v>4</v>
      </c>
      <c r="D3166" t="s">
        <v>8330</v>
      </c>
      <c r="E3166" t="s">
        <v>31924</v>
      </c>
      <c r="F3166">
        <v>4</v>
      </c>
      <c r="G3166" t="s">
        <v>765</v>
      </c>
      <c r="H3166" t="s">
        <v>8331</v>
      </c>
      <c r="I3166" t="s">
        <v>30540</v>
      </c>
    </row>
    <row r="3167" spans="1:9">
      <c r="A3167" s="1">
        <v>0.57521207977751609</v>
      </c>
      <c r="B3167" s="1"/>
      <c r="C3167">
        <v>18</v>
      </c>
      <c r="D3167" t="s">
        <v>8334</v>
      </c>
      <c r="E3167" t="s">
        <v>31924</v>
      </c>
      <c r="F3167">
        <v>4</v>
      </c>
      <c r="G3167" t="s">
        <v>15</v>
      </c>
      <c r="H3167" t="s">
        <v>8335</v>
      </c>
      <c r="I3167" t="s">
        <v>30540</v>
      </c>
    </row>
    <row r="3168" spans="1:9">
      <c r="A3168" s="1">
        <v>0.88842601572425184</v>
      </c>
      <c r="B3168" s="1"/>
      <c r="C3168">
        <v>3</v>
      </c>
      <c r="D3168" t="s">
        <v>8328</v>
      </c>
      <c r="E3168" t="s">
        <v>31924</v>
      </c>
      <c r="F3168">
        <v>3</v>
      </c>
      <c r="G3168" t="s">
        <v>0</v>
      </c>
      <c r="H3168" t="s">
        <v>8329</v>
      </c>
      <c r="I3168" t="s">
        <v>30540</v>
      </c>
    </row>
    <row r="3169" spans="1:9">
      <c r="A3169" s="1">
        <v>0.34250891815353535</v>
      </c>
      <c r="B3169" s="1"/>
      <c r="C3169">
        <v>1</v>
      </c>
      <c r="D3169" t="s">
        <v>8322</v>
      </c>
      <c r="E3169" t="s">
        <v>31925</v>
      </c>
      <c r="F3169">
        <v>4</v>
      </c>
      <c r="G3169" t="s">
        <v>0</v>
      </c>
      <c r="H3169" t="s">
        <v>8323</v>
      </c>
      <c r="I3169" t="s">
        <v>30540</v>
      </c>
    </row>
    <row r="3170" spans="1:9">
      <c r="A3170" s="1">
        <v>0.88923353947053541</v>
      </c>
      <c r="B3170" s="1"/>
      <c r="C3170">
        <v>7</v>
      </c>
      <c r="D3170" t="s">
        <v>8326</v>
      </c>
      <c r="E3170" t="s">
        <v>31925</v>
      </c>
      <c r="F3170">
        <v>4</v>
      </c>
      <c r="G3170" t="s">
        <v>14</v>
      </c>
      <c r="H3170" t="s">
        <v>8327</v>
      </c>
      <c r="I3170" t="s">
        <v>30540</v>
      </c>
    </row>
    <row r="3171" spans="1:9">
      <c r="A3171" s="1">
        <v>0.59879028214308216</v>
      </c>
      <c r="B3171" s="1"/>
      <c r="C3171">
        <v>4</v>
      </c>
      <c r="D3171" t="s">
        <v>8318</v>
      </c>
      <c r="E3171" t="s">
        <v>31926</v>
      </c>
      <c r="F3171">
        <v>4</v>
      </c>
      <c r="G3171" t="s">
        <v>770</v>
      </c>
      <c r="H3171" t="s">
        <v>8319</v>
      </c>
      <c r="I3171" t="s">
        <v>30540</v>
      </c>
    </row>
    <row r="3172" spans="1:9">
      <c r="A3172" s="1">
        <v>0.31318937377953282</v>
      </c>
      <c r="B3172" s="1"/>
      <c r="C3172">
        <v>3</v>
      </c>
      <c r="D3172" t="s">
        <v>8316</v>
      </c>
      <c r="E3172" t="s">
        <v>31926</v>
      </c>
      <c r="F3172">
        <v>4</v>
      </c>
      <c r="G3172" t="s">
        <v>770</v>
      </c>
      <c r="H3172" t="s">
        <v>8317</v>
      </c>
      <c r="I3172" t="s">
        <v>30540</v>
      </c>
    </row>
    <row r="3173" spans="1:9">
      <c r="A3173" s="1">
        <v>0.63667079818802008</v>
      </c>
      <c r="B3173" s="1"/>
      <c r="C3173">
        <v>20</v>
      </c>
      <c r="D3173" t="s">
        <v>8320</v>
      </c>
      <c r="E3173" t="s">
        <v>31926</v>
      </c>
      <c r="F3173">
        <v>3</v>
      </c>
      <c r="G3173" t="s">
        <v>10</v>
      </c>
      <c r="H3173" t="s">
        <v>8321</v>
      </c>
      <c r="I3173" t="s">
        <v>30540</v>
      </c>
    </row>
    <row r="3174" spans="1:9">
      <c r="A3174" s="1">
        <v>0.81720235271256036</v>
      </c>
      <c r="B3174" s="1"/>
      <c r="C3174">
        <v>12</v>
      </c>
      <c r="D3174" t="s">
        <v>8314</v>
      </c>
      <c r="E3174" t="s">
        <v>31927</v>
      </c>
      <c r="F3174">
        <v>5</v>
      </c>
      <c r="G3174" t="s">
        <v>0</v>
      </c>
      <c r="H3174" t="s">
        <v>8315</v>
      </c>
      <c r="I3174" t="s">
        <v>30540</v>
      </c>
    </row>
    <row r="3175" spans="1:9">
      <c r="A3175" s="1">
        <v>0.14649965168176071</v>
      </c>
      <c r="B3175" s="1"/>
      <c r="C3175">
        <v>5</v>
      </c>
      <c r="D3175" t="s">
        <v>8310</v>
      </c>
      <c r="E3175" t="s">
        <v>31927</v>
      </c>
      <c r="F3175">
        <v>4</v>
      </c>
      <c r="G3175" t="s">
        <v>2</v>
      </c>
      <c r="H3175" t="s">
        <v>8311</v>
      </c>
      <c r="I3175" t="s">
        <v>30540</v>
      </c>
    </row>
    <row r="3176" spans="1:9">
      <c r="A3176" s="1">
        <v>0.79230615279116234</v>
      </c>
      <c r="B3176" s="1"/>
      <c r="C3176">
        <v>4</v>
      </c>
      <c r="D3176" t="s">
        <v>8308</v>
      </c>
      <c r="E3176" t="s">
        <v>31927</v>
      </c>
      <c r="F3176">
        <v>4</v>
      </c>
      <c r="G3176" t="s">
        <v>0</v>
      </c>
      <c r="H3176" t="s">
        <v>8309</v>
      </c>
      <c r="I3176" t="s">
        <v>30540</v>
      </c>
    </row>
    <row r="3177" spans="1:9">
      <c r="A3177" s="1">
        <v>0.50695578502546113</v>
      </c>
      <c r="B3177" s="1"/>
      <c r="C3177">
        <v>7</v>
      </c>
      <c r="D3177" t="s">
        <v>8312</v>
      </c>
      <c r="E3177" t="s">
        <v>31927</v>
      </c>
      <c r="F3177">
        <v>4</v>
      </c>
      <c r="G3177" t="s">
        <v>0</v>
      </c>
      <c r="H3177" t="s">
        <v>8313</v>
      </c>
      <c r="I3177" t="s">
        <v>30540</v>
      </c>
    </row>
    <row r="3178" spans="1:9">
      <c r="A3178" s="1">
        <v>0.74780814444732058</v>
      </c>
      <c r="B3178" s="1"/>
      <c r="C3178">
        <v>1</v>
      </c>
      <c r="D3178" t="s">
        <v>8306</v>
      </c>
      <c r="E3178" t="s">
        <v>31927</v>
      </c>
      <c r="F3178">
        <v>4</v>
      </c>
      <c r="G3178" t="s">
        <v>9</v>
      </c>
      <c r="H3178" t="s">
        <v>8307</v>
      </c>
      <c r="I3178" t="s">
        <v>30540</v>
      </c>
    </row>
    <row r="3179" spans="1:9">
      <c r="A3179" s="1">
        <v>0.48653113298428641</v>
      </c>
      <c r="B3179" s="1"/>
      <c r="C3179">
        <v>18</v>
      </c>
      <c r="D3179" t="s">
        <v>8302</v>
      </c>
      <c r="E3179" t="s">
        <v>31928</v>
      </c>
      <c r="F3179">
        <v>4</v>
      </c>
      <c r="G3179" t="s">
        <v>0</v>
      </c>
      <c r="H3179" t="s">
        <v>8303</v>
      </c>
      <c r="I3179" t="s">
        <v>30540</v>
      </c>
    </row>
    <row r="3180" spans="1:9">
      <c r="A3180" s="1">
        <v>0.31292551680569247</v>
      </c>
      <c r="B3180" s="1"/>
      <c r="C3180">
        <v>15</v>
      </c>
      <c r="D3180" t="s">
        <v>8298</v>
      </c>
      <c r="E3180" t="s">
        <v>31928</v>
      </c>
      <c r="F3180">
        <v>4</v>
      </c>
      <c r="G3180" t="s">
        <v>15</v>
      </c>
      <c r="H3180" t="s">
        <v>8299</v>
      </c>
      <c r="I3180" t="s">
        <v>30540</v>
      </c>
    </row>
    <row r="3181" spans="1:9">
      <c r="A3181" s="1">
        <v>0.51866001370032178</v>
      </c>
      <c r="B3181" s="1"/>
      <c r="C3181">
        <v>17</v>
      </c>
      <c r="D3181" t="s">
        <v>8300</v>
      </c>
      <c r="E3181" t="s">
        <v>31928</v>
      </c>
      <c r="F3181">
        <v>4</v>
      </c>
      <c r="G3181" t="s">
        <v>15</v>
      </c>
      <c r="H3181" t="s">
        <v>8301</v>
      </c>
      <c r="I3181" t="s">
        <v>30540</v>
      </c>
    </row>
    <row r="3182" spans="1:9">
      <c r="A3182" s="1">
        <v>0.60996115936680906</v>
      </c>
      <c r="B3182" s="1"/>
      <c r="C3182">
        <v>20</v>
      </c>
      <c r="D3182" t="s">
        <v>8304</v>
      </c>
      <c r="E3182" t="s">
        <v>31928</v>
      </c>
      <c r="F3182">
        <v>4</v>
      </c>
      <c r="G3182" t="s">
        <v>0</v>
      </c>
      <c r="H3182" t="s">
        <v>8305</v>
      </c>
      <c r="I3182" t="s">
        <v>30540</v>
      </c>
    </row>
    <row r="3183" spans="1:9">
      <c r="A3183" s="1">
        <v>0.34399883628440242</v>
      </c>
      <c r="B3183" s="1"/>
      <c r="C3183">
        <v>3</v>
      </c>
      <c r="D3183" t="s">
        <v>8296</v>
      </c>
      <c r="E3183" t="s">
        <v>31928</v>
      </c>
      <c r="F3183">
        <v>4</v>
      </c>
      <c r="G3183" t="s">
        <v>765</v>
      </c>
      <c r="H3183" t="s">
        <v>8297</v>
      </c>
      <c r="I3183" t="s">
        <v>30540</v>
      </c>
    </row>
    <row r="3184" spans="1:9">
      <c r="A3184" s="1">
        <v>4.1199291651748293E-2</v>
      </c>
      <c r="B3184" s="1"/>
      <c r="C3184">
        <v>16</v>
      </c>
      <c r="D3184" t="s">
        <v>8292</v>
      </c>
      <c r="E3184" t="s">
        <v>31929</v>
      </c>
      <c r="F3184">
        <v>5</v>
      </c>
      <c r="G3184" t="s">
        <v>15</v>
      </c>
      <c r="H3184" t="s">
        <v>8293</v>
      </c>
      <c r="I3184" t="s">
        <v>30540</v>
      </c>
    </row>
    <row r="3185" spans="1:9">
      <c r="A3185" s="1">
        <v>0.28909256847034637</v>
      </c>
      <c r="B3185" s="1"/>
      <c r="C3185">
        <v>18</v>
      </c>
      <c r="D3185" t="s">
        <v>8294</v>
      </c>
      <c r="E3185" t="s">
        <v>31929</v>
      </c>
      <c r="F3185">
        <v>4</v>
      </c>
      <c r="G3185" t="s">
        <v>0</v>
      </c>
      <c r="H3185" t="s">
        <v>8295</v>
      </c>
      <c r="I3185" t="s">
        <v>30540</v>
      </c>
    </row>
    <row r="3186" spans="1:9">
      <c r="A3186" s="1">
        <v>0.28762058959512571</v>
      </c>
      <c r="B3186" s="1"/>
      <c r="C3186">
        <v>11</v>
      </c>
      <c r="D3186" t="s">
        <v>8288</v>
      </c>
      <c r="E3186" t="s">
        <v>31929</v>
      </c>
      <c r="F3186">
        <v>4</v>
      </c>
      <c r="G3186" t="s">
        <v>2</v>
      </c>
      <c r="H3186" t="s">
        <v>8289</v>
      </c>
      <c r="I3186" t="s">
        <v>30540</v>
      </c>
    </row>
    <row r="3187" spans="1:9">
      <c r="A3187" s="1">
        <v>0.53482690497109353</v>
      </c>
      <c r="B3187" s="1"/>
      <c r="C3187">
        <v>9</v>
      </c>
      <c r="D3187" t="s">
        <v>8286</v>
      </c>
      <c r="E3187" t="s">
        <v>31929</v>
      </c>
      <c r="F3187">
        <v>4</v>
      </c>
      <c r="G3187" t="s">
        <v>0</v>
      </c>
      <c r="H3187" t="s">
        <v>8287</v>
      </c>
      <c r="I3187" t="s">
        <v>30540</v>
      </c>
    </row>
    <row r="3188" spans="1:9">
      <c r="A3188" s="1">
        <v>0.99719603267598922</v>
      </c>
      <c r="B3188" s="1"/>
      <c r="C3188">
        <v>20</v>
      </c>
      <c r="D3188" t="s">
        <v>8282</v>
      </c>
      <c r="E3188" t="s">
        <v>31930</v>
      </c>
      <c r="F3188">
        <v>4</v>
      </c>
      <c r="G3188" t="s">
        <v>0</v>
      </c>
      <c r="H3188" t="s">
        <v>8283</v>
      </c>
      <c r="I3188" t="s">
        <v>30540</v>
      </c>
    </row>
    <row r="3189" spans="1:9">
      <c r="A3189" s="1">
        <v>0.10066580477508003</v>
      </c>
      <c r="B3189" s="1"/>
      <c r="C3189">
        <v>5</v>
      </c>
      <c r="D3189" t="s">
        <v>8276</v>
      </c>
      <c r="E3189" t="s">
        <v>31930</v>
      </c>
      <c r="F3189">
        <v>4</v>
      </c>
      <c r="G3189" t="s">
        <v>769</v>
      </c>
      <c r="H3189" t="s">
        <v>8277</v>
      </c>
      <c r="I3189" t="s">
        <v>30540</v>
      </c>
    </row>
    <row r="3190" spans="1:9">
      <c r="A3190" s="1">
        <v>0.27022137772639754</v>
      </c>
      <c r="B3190" s="1"/>
      <c r="C3190">
        <v>7</v>
      </c>
      <c r="D3190" t="s">
        <v>8278</v>
      </c>
      <c r="E3190" t="s">
        <v>31930</v>
      </c>
      <c r="F3190">
        <v>4</v>
      </c>
      <c r="G3190" t="s">
        <v>2</v>
      </c>
      <c r="H3190" t="s">
        <v>8279</v>
      </c>
      <c r="I3190" t="s">
        <v>30540</v>
      </c>
    </row>
    <row r="3191" spans="1:9">
      <c r="A3191" s="1">
        <v>0.61444854474231503</v>
      </c>
      <c r="B3191" s="1"/>
      <c r="C3191">
        <v>19</v>
      </c>
      <c r="D3191" t="s">
        <v>8280</v>
      </c>
      <c r="E3191" t="s">
        <v>31930</v>
      </c>
      <c r="F3191">
        <v>3</v>
      </c>
      <c r="G3191" t="s">
        <v>0</v>
      </c>
      <c r="H3191" t="s">
        <v>8281</v>
      </c>
      <c r="I3191" t="s">
        <v>30540</v>
      </c>
    </row>
    <row r="3192" spans="1:9">
      <c r="A3192" s="1">
        <v>0.87491103982270402</v>
      </c>
      <c r="B3192" s="1"/>
      <c r="C3192">
        <v>3</v>
      </c>
      <c r="D3192" t="s">
        <v>8272</v>
      </c>
      <c r="E3192" t="s">
        <v>31931</v>
      </c>
      <c r="F3192">
        <v>4</v>
      </c>
      <c r="G3192" t="s">
        <v>770</v>
      </c>
      <c r="H3192" t="s">
        <v>8273</v>
      </c>
      <c r="I3192" t="s">
        <v>30540</v>
      </c>
    </row>
    <row r="3193" spans="1:9">
      <c r="A3193" s="1">
        <v>0.28451375367526177</v>
      </c>
      <c r="B3193" s="1"/>
      <c r="C3193">
        <v>14</v>
      </c>
      <c r="D3193" t="s">
        <v>8274</v>
      </c>
      <c r="E3193" t="s">
        <v>31931</v>
      </c>
      <c r="F3193">
        <v>3</v>
      </c>
      <c r="G3193" t="s">
        <v>769</v>
      </c>
      <c r="H3193" t="s">
        <v>8275</v>
      </c>
      <c r="I3193" t="s">
        <v>30540</v>
      </c>
    </row>
    <row r="3194" spans="1:9">
      <c r="A3194" s="1">
        <v>3.9012315236552353E-2</v>
      </c>
      <c r="B3194" s="1"/>
      <c r="C3194">
        <v>3</v>
      </c>
      <c r="D3194" t="s">
        <v>8260</v>
      </c>
      <c r="E3194" t="s">
        <v>31932</v>
      </c>
      <c r="F3194">
        <v>5</v>
      </c>
      <c r="G3194" t="s">
        <v>2</v>
      </c>
      <c r="H3194" t="s">
        <v>8261</v>
      </c>
      <c r="I3194" t="s">
        <v>30540</v>
      </c>
    </row>
    <row r="3195" spans="1:9">
      <c r="A3195" s="1">
        <v>0.10742475699893128</v>
      </c>
      <c r="B3195" s="1"/>
      <c r="C3195">
        <v>10</v>
      </c>
      <c r="D3195" t="s">
        <v>8264</v>
      </c>
      <c r="E3195" t="s">
        <v>31932</v>
      </c>
      <c r="F3195">
        <v>4</v>
      </c>
      <c r="G3195" t="s">
        <v>13</v>
      </c>
      <c r="H3195" t="s">
        <v>8265</v>
      </c>
      <c r="I3195" t="s">
        <v>30540</v>
      </c>
    </row>
    <row r="3196" spans="1:9">
      <c r="A3196" s="1">
        <v>0.25226941338444353</v>
      </c>
      <c r="B3196" s="1"/>
      <c r="C3196">
        <v>1</v>
      </c>
      <c r="D3196" t="s">
        <v>8258</v>
      </c>
      <c r="E3196" t="s">
        <v>31932</v>
      </c>
      <c r="F3196">
        <v>4</v>
      </c>
      <c r="G3196" t="s">
        <v>0</v>
      </c>
      <c r="H3196" t="s">
        <v>8259</v>
      </c>
      <c r="I3196" t="s">
        <v>30540</v>
      </c>
    </row>
    <row r="3197" spans="1:9">
      <c r="A3197" s="1">
        <v>0.45041003929750301</v>
      </c>
      <c r="B3197" s="1"/>
      <c r="C3197">
        <v>17</v>
      </c>
      <c r="D3197" t="s">
        <v>8268</v>
      </c>
      <c r="E3197" t="s">
        <v>31932</v>
      </c>
      <c r="F3197">
        <v>4</v>
      </c>
      <c r="G3197" t="s">
        <v>0</v>
      </c>
      <c r="H3197" t="s">
        <v>8269</v>
      </c>
      <c r="I3197" t="s">
        <v>30540</v>
      </c>
    </row>
    <row r="3198" spans="1:9">
      <c r="A3198" s="1">
        <v>0.79134816120141216</v>
      </c>
      <c r="B3198" s="1"/>
      <c r="C3198">
        <v>13</v>
      </c>
      <c r="D3198" t="s">
        <v>8266</v>
      </c>
      <c r="E3198" t="s">
        <v>31932</v>
      </c>
      <c r="F3198">
        <v>4</v>
      </c>
      <c r="G3198" t="s">
        <v>0</v>
      </c>
      <c r="H3198" t="s">
        <v>8267</v>
      </c>
      <c r="I3198" t="s">
        <v>30540</v>
      </c>
    </row>
    <row r="3199" spans="1:9">
      <c r="A3199" s="1">
        <v>0.21007187500998337</v>
      </c>
      <c r="B3199" s="1"/>
      <c r="C3199">
        <v>18</v>
      </c>
      <c r="D3199" t="s">
        <v>8270</v>
      </c>
      <c r="E3199" t="s">
        <v>31932</v>
      </c>
      <c r="F3199">
        <v>4</v>
      </c>
      <c r="G3199" t="s">
        <v>0</v>
      </c>
      <c r="H3199" t="s">
        <v>8271</v>
      </c>
      <c r="I3199" t="s">
        <v>30540</v>
      </c>
    </row>
    <row r="3200" spans="1:9">
      <c r="A3200" s="1">
        <v>6.8588386361195464E-2</v>
      </c>
      <c r="B3200" s="1"/>
      <c r="C3200">
        <v>6</v>
      </c>
      <c r="D3200" t="s">
        <v>8262</v>
      </c>
      <c r="E3200" t="s">
        <v>31932</v>
      </c>
      <c r="F3200">
        <v>4</v>
      </c>
      <c r="G3200" t="s">
        <v>1</v>
      </c>
      <c r="H3200" t="s">
        <v>8263</v>
      </c>
      <c r="I3200" t="s">
        <v>30540</v>
      </c>
    </row>
    <row r="3201" spans="1:9">
      <c r="A3201" s="1">
        <v>0.49165461562924251</v>
      </c>
      <c r="B3201" s="1"/>
      <c r="C3201">
        <v>6</v>
      </c>
      <c r="D3201" t="s">
        <v>8246</v>
      </c>
      <c r="E3201" t="s">
        <v>31933</v>
      </c>
      <c r="F3201">
        <v>5</v>
      </c>
      <c r="G3201" t="s">
        <v>762</v>
      </c>
      <c r="H3201" t="s">
        <v>8247</v>
      </c>
      <c r="I3201" t="s">
        <v>30540</v>
      </c>
    </row>
    <row r="3202" spans="1:9">
      <c r="A3202" s="1">
        <v>0.98459362183109111</v>
      </c>
      <c r="B3202" s="1"/>
      <c r="C3202">
        <v>18</v>
      </c>
      <c r="D3202" t="s">
        <v>8252</v>
      </c>
      <c r="E3202" t="s">
        <v>31933</v>
      </c>
      <c r="F3202">
        <v>5</v>
      </c>
      <c r="G3202" t="s">
        <v>0</v>
      </c>
      <c r="H3202" t="s">
        <v>8253</v>
      </c>
      <c r="I3202" t="s">
        <v>30540</v>
      </c>
    </row>
    <row r="3203" spans="1:9">
      <c r="A3203" s="1">
        <v>0.66328171735835395</v>
      </c>
      <c r="B3203" s="1"/>
      <c r="C3203">
        <v>20</v>
      </c>
      <c r="D3203" t="s">
        <v>8256</v>
      </c>
      <c r="E3203" t="s">
        <v>31933</v>
      </c>
      <c r="F3203">
        <v>4</v>
      </c>
      <c r="G3203" t="s">
        <v>0</v>
      </c>
      <c r="H3203" t="s">
        <v>8257</v>
      </c>
      <c r="I3203" t="s">
        <v>30540</v>
      </c>
    </row>
    <row r="3204" spans="1:9">
      <c r="A3204" s="1">
        <v>0.93746021670816082</v>
      </c>
      <c r="B3204" s="1"/>
      <c r="C3204">
        <v>19</v>
      </c>
      <c r="D3204" t="s">
        <v>8254</v>
      </c>
      <c r="E3204" t="s">
        <v>31933</v>
      </c>
      <c r="F3204">
        <v>3</v>
      </c>
      <c r="G3204" t="s">
        <v>0</v>
      </c>
      <c r="H3204" t="s">
        <v>8255</v>
      </c>
      <c r="I3204" t="s">
        <v>30540</v>
      </c>
    </row>
    <row r="3205" spans="1:9">
      <c r="A3205" s="1">
        <v>0.7035243487232854</v>
      </c>
      <c r="B3205" s="1"/>
      <c r="C3205">
        <v>9</v>
      </c>
      <c r="D3205" t="s">
        <v>8248</v>
      </c>
      <c r="E3205" t="s">
        <v>31933</v>
      </c>
      <c r="F3205">
        <v>3</v>
      </c>
      <c r="G3205" t="s">
        <v>1295</v>
      </c>
      <c r="H3205" t="s">
        <v>8249</v>
      </c>
      <c r="I3205" t="s">
        <v>30540</v>
      </c>
    </row>
    <row r="3206" spans="1:9">
      <c r="A3206" s="1">
        <v>0.2082731063439095</v>
      </c>
      <c r="B3206" s="1"/>
      <c r="C3206">
        <v>11</v>
      </c>
      <c r="D3206" t="s">
        <v>8240</v>
      </c>
      <c r="E3206" t="s">
        <v>31934</v>
      </c>
      <c r="F3206">
        <v>4</v>
      </c>
      <c r="G3206" t="s">
        <v>0</v>
      </c>
      <c r="H3206" t="s">
        <v>8241</v>
      </c>
      <c r="I3206" t="s">
        <v>30540</v>
      </c>
    </row>
    <row r="3207" spans="1:9">
      <c r="A3207" s="1">
        <v>0.84545562962025933</v>
      </c>
      <c r="B3207" s="1"/>
      <c r="C3207">
        <v>8</v>
      </c>
      <c r="D3207" t="s">
        <v>8236</v>
      </c>
      <c r="E3207" t="s">
        <v>31934</v>
      </c>
      <c r="F3207">
        <v>4</v>
      </c>
      <c r="G3207" t="s">
        <v>0</v>
      </c>
      <c r="H3207" t="s">
        <v>8237</v>
      </c>
      <c r="I3207" t="s">
        <v>30540</v>
      </c>
    </row>
    <row r="3208" spans="1:9">
      <c r="A3208" s="1">
        <v>0.78117760114428847</v>
      </c>
      <c r="B3208" s="1"/>
      <c r="C3208">
        <v>6</v>
      </c>
      <c r="D3208" t="s">
        <v>8234</v>
      </c>
      <c r="E3208" t="s">
        <v>31934</v>
      </c>
      <c r="F3208">
        <v>4</v>
      </c>
      <c r="G3208" t="s">
        <v>0</v>
      </c>
      <c r="H3208" t="s">
        <v>8235</v>
      </c>
      <c r="I3208" t="s">
        <v>30540</v>
      </c>
    </row>
    <row r="3209" spans="1:9">
      <c r="A3209" s="1">
        <v>0.25381722829698083</v>
      </c>
      <c r="B3209" s="1"/>
      <c r="C3209">
        <v>18</v>
      </c>
      <c r="D3209" t="s">
        <v>8244</v>
      </c>
      <c r="E3209" t="s">
        <v>31934</v>
      </c>
      <c r="F3209">
        <v>4</v>
      </c>
      <c r="G3209" t="s">
        <v>10</v>
      </c>
      <c r="H3209" t="s">
        <v>8245</v>
      </c>
      <c r="I3209" t="s">
        <v>30540</v>
      </c>
    </row>
    <row r="3210" spans="1:9">
      <c r="A3210" s="1">
        <v>0.36327918266270753</v>
      </c>
      <c r="B3210" s="1"/>
      <c r="C3210">
        <v>17</v>
      </c>
      <c r="D3210" t="s">
        <v>8230</v>
      </c>
      <c r="E3210" t="s">
        <v>31935</v>
      </c>
      <c r="F3210">
        <v>4</v>
      </c>
      <c r="G3210" t="s">
        <v>0</v>
      </c>
      <c r="H3210" t="s">
        <v>8231</v>
      </c>
      <c r="I3210" t="s">
        <v>30540</v>
      </c>
    </row>
    <row r="3211" spans="1:9">
      <c r="A3211" s="1">
        <v>0.86069343132195242</v>
      </c>
      <c r="B3211" s="1"/>
      <c r="C3211">
        <v>9</v>
      </c>
      <c r="D3211" t="s">
        <v>8222</v>
      </c>
      <c r="E3211" t="s">
        <v>31935</v>
      </c>
      <c r="F3211">
        <v>4</v>
      </c>
      <c r="G3211" t="s">
        <v>10</v>
      </c>
      <c r="H3211" t="s">
        <v>8223</v>
      </c>
      <c r="I3211" t="s">
        <v>30540</v>
      </c>
    </row>
    <row r="3212" spans="1:9">
      <c r="A3212" s="1">
        <v>8.1904192689381539E-3</v>
      </c>
      <c r="B3212" s="1"/>
      <c r="C3212">
        <v>5</v>
      </c>
      <c r="D3212" t="s">
        <v>8218</v>
      </c>
      <c r="E3212" t="s">
        <v>31935</v>
      </c>
      <c r="F3212">
        <v>4</v>
      </c>
      <c r="G3212" t="s">
        <v>765</v>
      </c>
      <c r="H3212" t="s">
        <v>8219</v>
      </c>
      <c r="I3212" t="s">
        <v>30540</v>
      </c>
    </row>
    <row r="3213" spans="1:9">
      <c r="A3213" s="1">
        <v>0.66832761603001511</v>
      </c>
      <c r="B3213" s="1"/>
      <c r="C3213">
        <v>18</v>
      </c>
      <c r="D3213" t="s">
        <v>8232</v>
      </c>
      <c r="E3213" t="s">
        <v>31935</v>
      </c>
      <c r="F3213">
        <v>4</v>
      </c>
      <c r="G3213" t="s">
        <v>0</v>
      </c>
      <c r="H3213" t="s">
        <v>8233</v>
      </c>
      <c r="I3213" t="s">
        <v>30540</v>
      </c>
    </row>
    <row r="3214" spans="1:9">
      <c r="A3214" s="1">
        <v>0.64845268250412258</v>
      </c>
      <c r="B3214" s="1"/>
      <c r="C3214">
        <v>16</v>
      </c>
      <c r="D3214" t="s">
        <v>8228</v>
      </c>
      <c r="E3214" t="s">
        <v>31935</v>
      </c>
      <c r="F3214">
        <v>4</v>
      </c>
      <c r="G3214" t="s">
        <v>15</v>
      </c>
      <c r="H3214" t="s">
        <v>8229</v>
      </c>
      <c r="I3214" t="s">
        <v>30540</v>
      </c>
    </row>
    <row r="3215" spans="1:9">
      <c r="A3215" s="1">
        <v>0.7338607839880158</v>
      </c>
      <c r="B3215" s="1"/>
      <c r="C3215">
        <v>6</v>
      </c>
      <c r="D3215" t="s">
        <v>8220</v>
      </c>
      <c r="E3215" t="s">
        <v>31935</v>
      </c>
      <c r="F3215">
        <v>3</v>
      </c>
      <c r="G3215" t="s">
        <v>15</v>
      </c>
      <c r="H3215" t="s">
        <v>8221</v>
      </c>
      <c r="I3215" t="s">
        <v>30540</v>
      </c>
    </row>
    <row r="3216" spans="1:9">
      <c r="A3216" s="1">
        <v>0.32117353486748945</v>
      </c>
      <c r="B3216" s="1"/>
      <c r="C3216">
        <v>8</v>
      </c>
      <c r="D3216" t="s">
        <v>8214</v>
      </c>
      <c r="E3216" t="s">
        <v>31936</v>
      </c>
      <c r="F3216">
        <v>4</v>
      </c>
      <c r="G3216" t="s">
        <v>774</v>
      </c>
      <c r="H3216" t="s">
        <v>8215</v>
      </c>
      <c r="I3216" t="s">
        <v>30540</v>
      </c>
    </row>
    <row r="3217" spans="1:9">
      <c r="A3217" s="1">
        <v>0.45449532479918786</v>
      </c>
      <c r="B3217" s="1"/>
      <c r="C3217">
        <v>6</v>
      </c>
      <c r="D3217" t="s">
        <v>8212</v>
      </c>
      <c r="E3217" t="s">
        <v>31936</v>
      </c>
      <c r="F3217">
        <v>4</v>
      </c>
      <c r="G3217" t="s">
        <v>774</v>
      </c>
      <c r="H3217" t="s">
        <v>8213</v>
      </c>
      <c r="I3217" t="s">
        <v>30540</v>
      </c>
    </row>
    <row r="3218" spans="1:9">
      <c r="A3218" s="1">
        <v>0.15090600962095291</v>
      </c>
      <c r="B3218" s="1"/>
      <c r="C3218">
        <v>13</v>
      </c>
      <c r="D3218" t="s">
        <v>8206</v>
      </c>
      <c r="E3218" t="s">
        <v>31937</v>
      </c>
      <c r="F3218">
        <v>4</v>
      </c>
      <c r="G3218" t="s">
        <v>0</v>
      </c>
      <c r="H3218" t="s">
        <v>8207</v>
      </c>
      <c r="I3218" t="s">
        <v>30540</v>
      </c>
    </row>
    <row r="3219" spans="1:9">
      <c r="A3219" s="1">
        <v>0.22766912768189473</v>
      </c>
      <c r="B3219" s="1"/>
      <c r="C3219">
        <v>11</v>
      </c>
      <c r="D3219" t="s">
        <v>8202</v>
      </c>
      <c r="E3219" t="s">
        <v>31937</v>
      </c>
      <c r="F3219">
        <v>4</v>
      </c>
      <c r="G3219" t="s">
        <v>0</v>
      </c>
      <c r="H3219" t="s">
        <v>8203</v>
      </c>
      <c r="I3219" t="s">
        <v>30540</v>
      </c>
    </row>
    <row r="3220" spans="1:9">
      <c r="A3220" s="1">
        <v>0.16774520721280806</v>
      </c>
      <c r="B3220" s="1"/>
      <c r="C3220">
        <v>10</v>
      </c>
      <c r="D3220" t="s">
        <v>8200</v>
      </c>
      <c r="E3220" t="s">
        <v>31937</v>
      </c>
      <c r="F3220">
        <v>4</v>
      </c>
      <c r="G3220" t="s">
        <v>0</v>
      </c>
      <c r="H3220" t="s">
        <v>8201</v>
      </c>
      <c r="I3220" t="s">
        <v>30540</v>
      </c>
    </row>
    <row r="3221" spans="1:9">
      <c r="A3221" s="1">
        <v>0.78545262808363048</v>
      </c>
      <c r="B3221" s="1"/>
      <c r="C3221">
        <v>12</v>
      </c>
      <c r="D3221" t="s">
        <v>8204</v>
      </c>
      <c r="E3221" t="s">
        <v>31937</v>
      </c>
      <c r="F3221">
        <v>4</v>
      </c>
      <c r="G3221" t="s">
        <v>0</v>
      </c>
      <c r="H3221" t="s">
        <v>8205</v>
      </c>
      <c r="I3221" t="s">
        <v>30540</v>
      </c>
    </row>
    <row r="3222" spans="1:9">
      <c r="A3222" s="1">
        <v>0.84368686263204051</v>
      </c>
      <c r="B3222" s="1"/>
      <c r="C3222">
        <v>6</v>
      </c>
      <c r="D3222" t="s">
        <v>8194</v>
      </c>
      <c r="E3222" t="s">
        <v>31938</v>
      </c>
      <c r="F3222">
        <v>4</v>
      </c>
      <c r="G3222" t="s">
        <v>769</v>
      </c>
      <c r="H3222" t="s">
        <v>8195</v>
      </c>
      <c r="I3222" t="s">
        <v>30540</v>
      </c>
    </row>
    <row r="3223" spans="1:9">
      <c r="A3223" s="1">
        <v>0.24101748901427522</v>
      </c>
      <c r="B3223" s="1"/>
      <c r="C3223">
        <v>19</v>
      </c>
      <c r="D3223" t="s">
        <v>8198</v>
      </c>
      <c r="E3223" t="s">
        <v>31938</v>
      </c>
      <c r="F3223">
        <v>4</v>
      </c>
      <c r="G3223" t="s">
        <v>762</v>
      </c>
      <c r="H3223" t="s">
        <v>8199</v>
      </c>
      <c r="I3223" t="s">
        <v>30540</v>
      </c>
    </row>
    <row r="3224" spans="1:9">
      <c r="A3224" s="1">
        <v>0.12109074343631188</v>
      </c>
      <c r="B3224" s="1"/>
      <c r="C3224">
        <v>12</v>
      </c>
      <c r="D3224" t="s">
        <v>8190</v>
      </c>
      <c r="E3224" t="s">
        <v>31939</v>
      </c>
      <c r="F3224">
        <v>5</v>
      </c>
      <c r="G3224" t="s">
        <v>0</v>
      </c>
      <c r="H3224" t="s">
        <v>8191</v>
      </c>
      <c r="I3224" t="s">
        <v>30540</v>
      </c>
    </row>
    <row r="3225" spans="1:9">
      <c r="A3225" s="1">
        <v>9.3738747152363522E-2</v>
      </c>
      <c r="B3225" s="1"/>
      <c r="C3225">
        <v>5</v>
      </c>
      <c r="D3225" t="s">
        <v>8188</v>
      </c>
      <c r="E3225" t="s">
        <v>31939</v>
      </c>
      <c r="F3225">
        <v>4</v>
      </c>
      <c r="G3225" t="s">
        <v>15</v>
      </c>
      <c r="H3225" t="s">
        <v>8189</v>
      </c>
      <c r="I3225" t="s">
        <v>30540</v>
      </c>
    </row>
    <row r="3226" spans="1:9">
      <c r="A3226" s="1">
        <v>0.68006292545664038</v>
      </c>
      <c r="B3226" s="1"/>
      <c r="C3226">
        <v>2</v>
      </c>
      <c r="D3226" t="s">
        <v>8184</v>
      </c>
      <c r="E3226" t="s">
        <v>31939</v>
      </c>
      <c r="F3226">
        <v>4</v>
      </c>
      <c r="G3226" t="s">
        <v>0</v>
      </c>
      <c r="H3226" t="s">
        <v>8185</v>
      </c>
      <c r="I3226" t="s">
        <v>30540</v>
      </c>
    </row>
    <row r="3227" spans="1:9">
      <c r="A3227" s="1">
        <v>0.43783907839959035</v>
      </c>
      <c r="B3227" s="1"/>
      <c r="C3227">
        <v>4</v>
      </c>
      <c r="D3227" t="s">
        <v>8186</v>
      </c>
      <c r="E3227" t="s">
        <v>31939</v>
      </c>
      <c r="F3227">
        <v>4</v>
      </c>
      <c r="G3227" t="s">
        <v>9</v>
      </c>
      <c r="H3227" t="s">
        <v>8187</v>
      </c>
      <c r="I3227" t="s">
        <v>30540</v>
      </c>
    </row>
    <row r="3228" spans="1:9">
      <c r="A3228" s="1">
        <v>0.52506431399124787</v>
      </c>
      <c r="B3228" s="1"/>
      <c r="C3228">
        <v>16</v>
      </c>
      <c r="D3228" t="s">
        <v>8192</v>
      </c>
      <c r="E3228" t="s">
        <v>31939</v>
      </c>
      <c r="F3228">
        <v>3</v>
      </c>
      <c r="G3228" t="s">
        <v>0</v>
      </c>
      <c r="H3228" t="s">
        <v>8193</v>
      </c>
      <c r="I3228" t="s">
        <v>30540</v>
      </c>
    </row>
    <row r="3229" spans="1:9">
      <c r="A3229" s="1">
        <v>0.69523874104162109</v>
      </c>
      <c r="B3229" s="1"/>
      <c r="C3229">
        <v>18</v>
      </c>
      <c r="D3229" t="s">
        <v>8180</v>
      </c>
      <c r="E3229" t="s">
        <v>31940</v>
      </c>
      <c r="F3229">
        <v>4</v>
      </c>
      <c r="G3229" t="s">
        <v>0</v>
      </c>
      <c r="H3229" t="s">
        <v>8181</v>
      </c>
      <c r="I3229" t="s">
        <v>30540</v>
      </c>
    </row>
    <row r="3230" spans="1:9">
      <c r="A3230" s="1">
        <v>0.9134683391967221</v>
      </c>
      <c r="B3230" s="1"/>
      <c r="C3230">
        <v>14</v>
      </c>
      <c r="D3230" t="s">
        <v>8176</v>
      </c>
      <c r="E3230" t="s">
        <v>31940</v>
      </c>
      <c r="F3230">
        <v>4</v>
      </c>
      <c r="G3230" t="s">
        <v>0</v>
      </c>
      <c r="H3230" t="s">
        <v>8177</v>
      </c>
      <c r="I3230" t="s">
        <v>30540</v>
      </c>
    </row>
    <row r="3231" spans="1:9">
      <c r="A3231" s="1">
        <v>0.84885312630854848</v>
      </c>
      <c r="B3231" s="1"/>
      <c r="C3231">
        <v>4</v>
      </c>
      <c r="D3231" t="s">
        <v>8172</v>
      </c>
      <c r="E3231" t="s">
        <v>31941</v>
      </c>
      <c r="F3231">
        <v>4</v>
      </c>
      <c r="G3231" t="s">
        <v>770</v>
      </c>
      <c r="H3231" t="s">
        <v>8173</v>
      </c>
      <c r="I3231" t="s">
        <v>30540</v>
      </c>
    </row>
    <row r="3232" spans="1:9">
      <c r="A3232" s="1">
        <v>7.3793911588057592E-2</v>
      </c>
      <c r="B3232" s="1"/>
      <c r="C3232">
        <v>2</v>
      </c>
      <c r="D3232" t="s">
        <v>8170</v>
      </c>
      <c r="E3232" t="s">
        <v>31941</v>
      </c>
      <c r="F3232">
        <v>4</v>
      </c>
      <c r="G3232" t="s">
        <v>1</v>
      </c>
      <c r="H3232" t="s">
        <v>8171</v>
      </c>
      <c r="I3232" t="s">
        <v>30540</v>
      </c>
    </row>
    <row r="3233" spans="1:9">
      <c r="A3233" s="1">
        <v>0.84183967589193864</v>
      </c>
      <c r="B3233" s="1"/>
      <c r="C3233">
        <v>19</v>
      </c>
      <c r="D3233" t="s">
        <v>8174</v>
      </c>
      <c r="E3233" t="s">
        <v>31941</v>
      </c>
      <c r="F3233">
        <v>3</v>
      </c>
      <c r="G3233" t="s">
        <v>762</v>
      </c>
      <c r="H3233" t="s">
        <v>8175</v>
      </c>
      <c r="I3233" t="s">
        <v>30540</v>
      </c>
    </row>
    <row r="3234" spans="1:9">
      <c r="A3234" s="1">
        <v>0.66510646435060594</v>
      </c>
      <c r="B3234" s="1"/>
      <c r="C3234">
        <v>7</v>
      </c>
      <c r="D3234" t="s">
        <v>8162</v>
      </c>
      <c r="E3234" t="s">
        <v>31942</v>
      </c>
      <c r="F3234">
        <v>4</v>
      </c>
      <c r="G3234" t="s">
        <v>2</v>
      </c>
      <c r="H3234" t="s">
        <v>8163</v>
      </c>
      <c r="I3234" t="s">
        <v>30540</v>
      </c>
    </row>
    <row r="3235" spans="1:9">
      <c r="A3235" s="1">
        <v>0.76972526135600683</v>
      </c>
      <c r="B3235" s="1"/>
      <c r="C3235">
        <v>4</v>
      </c>
      <c r="D3235" t="s">
        <v>8160</v>
      </c>
      <c r="E3235" t="s">
        <v>31942</v>
      </c>
      <c r="F3235">
        <v>4</v>
      </c>
      <c r="G3235" t="s">
        <v>2</v>
      </c>
      <c r="H3235" t="s">
        <v>8161</v>
      </c>
      <c r="I3235" t="s">
        <v>30540</v>
      </c>
    </row>
    <row r="3236" spans="1:9">
      <c r="A3236" s="1">
        <v>0.50263000363239507</v>
      </c>
      <c r="B3236" s="1"/>
      <c r="C3236">
        <v>12</v>
      </c>
      <c r="D3236" t="s">
        <v>8168</v>
      </c>
      <c r="E3236" t="s">
        <v>31942</v>
      </c>
      <c r="F3236">
        <v>3</v>
      </c>
      <c r="G3236" t="s">
        <v>10</v>
      </c>
      <c r="H3236" t="s">
        <v>8169</v>
      </c>
      <c r="I3236" t="s">
        <v>30540</v>
      </c>
    </row>
    <row r="3237" spans="1:9">
      <c r="A3237" s="1">
        <v>0.62913870826234131</v>
      </c>
      <c r="B3237" s="1"/>
      <c r="C3237">
        <v>12</v>
      </c>
      <c r="D3237" t="s">
        <v>8156</v>
      </c>
      <c r="E3237" t="s">
        <v>31943</v>
      </c>
      <c r="F3237">
        <v>5</v>
      </c>
      <c r="G3237" t="s">
        <v>0</v>
      </c>
      <c r="H3237" t="s">
        <v>8157</v>
      </c>
      <c r="I3237" t="s">
        <v>30540</v>
      </c>
    </row>
    <row r="3238" spans="1:9">
      <c r="A3238" s="1">
        <v>0.21267622596129876</v>
      </c>
      <c r="B3238" s="1"/>
      <c r="C3238">
        <v>13</v>
      </c>
      <c r="D3238" t="s">
        <v>8158</v>
      </c>
      <c r="E3238" t="s">
        <v>31943</v>
      </c>
      <c r="F3238">
        <v>4</v>
      </c>
      <c r="G3238" t="s">
        <v>1295</v>
      </c>
      <c r="H3238" t="s">
        <v>8159</v>
      </c>
      <c r="I3238" t="s">
        <v>30540</v>
      </c>
    </row>
    <row r="3239" spans="1:9">
      <c r="A3239" s="1">
        <v>0.75476107904617906</v>
      </c>
      <c r="B3239" s="1"/>
      <c r="C3239">
        <v>3</v>
      </c>
      <c r="D3239" t="s">
        <v>8152</v>
      </c>
      <c r="E3239" t="s">
        <v>31943</v>
      </c>
      <c r="F3239">
        <v>3</v>
      </c>
      <c r="G3239" t="s">
        <v>774</v>
      </c>
      <c r="H3239" t="s">
        <v>8153</v>
      </c>
      <c r="I3239" t="s">
        <v>30540</v>
      </c>
    </row>
    <row r="3240" spans="1:9">
      <c r="A3240" s="1">
        <v>0.93324027816410249</v>
      </c>
      <c r="B3240" s="1"/>
      <c r="C3240">
        <v>16</v>
      </c>
      <c r="D3240" t="s">
        <v>8148</v>
      </c>
      <c r="E3240" t="s">
        <v>31944</v>
      </c>
      <c r="F3240">
        <v>5</v>
      </c>
      <c r="G3240" t="s">
        <v>15</v>
      </c>
      <c r="H3240" t="s">
        <v>8149</v>
      </c>
      <c r="I3240" t="s">
        <v>30540</v>
      </c>
    </row>
    <row r="3241" spans="1:9">
      <c r="A3241" s="1">
        <v>0.63978377862532032</v>
      </c>
      <c r="B3241" s="1"/>
      <c r="C3241">
        <v>7</v>
      </c>
      <c r="D3241" t="s">
        <v>8146</v>
      </c>
      <c r="E3241" t="s">
        <v>31944</v>
      </c>
      <c r="F3241">
        <v>4</v>
      </c>
      <c r="G3241" t="s">
        <v>0</v>
      </c>
      <c r="H3241" t="s">
        <v>8147</v>
      </c>
      <c r="I3241" t="s">
        <v>30540</v>
      </c>
    </row>
    <row r="3242" spans="1:9">
      <c r="A3242" s="1">
        <v>0.23203262125557911</v>
      </c>
      <c r="B3242" s="1"/>
      <c r="C3242">
        <v>4</v>
      </c>
      <c r="D3242" t="s">
        <v>8144</v>
      </c>
      <c r="E3242" t="s">
        <v>31944</v>
      </c>
      <c r="F3242">
        <v>4</v>
      </c>
      <c r="G3242" t="s">
        <v>0</v>
      </c>
      <c r="H3242" t="s">
        <v>8145</v>
      </c>
      <c r="I3242" t="s">
        <v>30540</v>
      </c>
    </row>
    <row r="3243" spans="1:9">
      <c r="A3243" s="1">
        <v>6.1689613161335366E-3</v>
      </c>
      <c r="B3243" s="1"/>
      <c r="C3243">
        <v>20</v>
      </c>
      <c r="D3243" t="s">
        <v>8142</v>
      </c>
      <c r="E3243" t="s">
        <v>31945</v>
      </c>
      <c r="F3243">
        <v>5</v>
      </c>
      <c r="G3243" t="s">
        <v>2</v>
      </c>
      <c r="H3243" t="s">
        <v>8143</v>
      </c>
      <c r="I3243" t="s">
        <v>30540</v>
      </c>
    </row>
    <row r="3244" spans="1:9">
      <c r="A3244" s="1">
        <v>0.519716426696336</v>
      </c>
      <c r="B3244" s="1"/>
      <c r="C3244">
        <v>11</v>
      </c>
      <c r="D3244" t="s">
        <v>8138</v>
      </c>
      <c r="E3244" t="s">
        <v>31945</v>
      </c>
      <c r="F3244">
        <v>4</v>
      </c>
      <c r="G3244" t="s">
        <v>0</v>
      </c>
      <c r="H3244" t="s">
        <v>8139</v>
      </c>
      <c r="I3244" t="s">
        <v>30540</v>
      </c>
    </row>
    <row r="3245" spans="1:9">
      <c r="A3245" s="1">
        <v>0.73136020050365591</v>
      </c>
      <c r="B3245" s="1"/>
      <c r="C3245">
        <v>4</v>
      </c>
      <c r="D3245" t="s">
        <v>8126</v>
      </c>
      <c r="E3245" t="s">
        <v>31946</v>
      </c>
      <c r="F3245">
        <v>4</v>
      </c>
      <c r="G3245" t="s">
        <v>770</v>
      </c>
      <c r="H3245" t="s">
        <v>8127</v>
      </c>
      <c r="I3245" t="s">
        <v>30540</v>
      </c>
    </row>
    <row r="3246" spans="1:9">
      <c r="A3246" s="1">
        <v>0.86101520427357869</v>
      </c>
      <c r="B3246" s="1"/>
      <c r="C3246">
        <v>16</v>
      </c>
      <c r="D3246" t="s">
        <v>8134</v>
      </c>
      <c r="E3246" t="s">
        <v>31946</v>
      </c>
      <c r="F3246">
        <v>4</v>
      </c>
      <c r="G3246" t="s">
        <v>771</v>
      </c>
      <c r="H3246" t="s">
        <v>8135</v>
      </c>
      <c r="I3246" t="s">
        <v>30540</v>
      </c>
    </row>
    <row r="3247" spans="1:9">
      <c r="A3247" s="1">
        <v>0.27792367609510871</v>
      </c>
      <c r="B3247" s="1"/>
      <c r="C3247">
        <v>10</v>
      </c>
      <c r="D3247" t="s">
        <v>8130</v>
      </c>
      <c r="E3247" t="s">
        <v>31946</v>
      </c>
      <c r="F3247">
        <v>4</v>
      </c>
      <c r="G3247" t="s">
        <v>769</v>
      </c>
      <c r="H3247" t="s">
        <v>8131</v>
      </c>
      <c r="I3247" t="s">
        <v>30540</v>
      </c>
    </row>
    <row r="3248" spans="1:9">
      <c r="A3248" s="1">
        <v>0.6854147272025648</v>
      </c>
      <c r="B3248" s="1"/>
      <c r="C3248">
        <v>15</v>
      </c>
      <c r="D3248" t="s">
        <v>8132</v>
      </c>
      <c r="E3248" t="s">
        <v>31946</v>
      </c>
      <c r="F3248">
        <v>4</v>
      </c>
      <c r="G3248" t="s">
        <v>766</v>
      </c>
      <c r="H3248" t="s">
        <v>8133</v>
      </c>
      <c r="I3248" t="s">
        <v>30540</v>
      </c>
    </row>
    <row r="3249" spans="1:9">
      <c r="A3249" s="1">
        <v>0.39709041722671468</v>
      </c>
      <c r="B3249" s="1"/>
      <c r="C3249">
        <v>18</v>
      </c>
      <c r="D3249" t="s">
        <v>8136</v>
      </c>
      <c r="E3249" t="s">
        <v>31946</v>
      </c>
      <c r="F3249">
        <v>4</v>
      </c>
      <c r="G3249" t="s">
        <v>0</v>
      </c>
      <c r="H3249" t="s">
        <v>8137</v>
      </c>
      <c r="I3249" t="s">
        <v>30540</v>
      </c>
    </row>
    <row r="3250" spans="1:9">
      <c r="A3250" s="1">
        <v>0.97784953039411393</v>
      </c>
      <c r="B3250" s="1"/>
      <c r="C3250">
        <v>9</v>
      </c>
      <c r="D3250" t="s">
        <v>8128</v>
      </c>
      <c r="E3250" t="s">
        <v>31946</v>
      </c>
      <c r="F3250">
        <v>4</v>
      </c>
      <c r="G3250" t="s">
        <v>770</v>
      </c>
      <c r="H3250" t="s">
        <v>8129</v>
      </c>
      <c r="I3250" t="s">
        <v>30540</v>
      </c>
    </row>
    <row r="3251" spans="1:9">
      <c r="A3251" s="1">
        <v>8.5960168499465861E-2</v>
      </c>
      <c r="B3251" s="1"/>
      <c r="C3251">
        <v>3</v>
      </c>
      <c r="D3251" t="s">
        <v>8124</v>
      </c>
      <c r="E3251" t="s">
        <v>31946</v>
      </c>
      <c r="F3251">
        <v>3</v>
      </c>
      <c r="G3251" t="s">
        <v>762</v>
      </c>
      <c r="H3251" t="s">
        <v>8125</v>
      </c>
      <c r="I3251" t="s">
        <v>30540</v>
      </c>
    </row>
    <row r="3252" spans="1:9">
      <c r="A3252" s="1">
        <v>0.52038250220201976</v>
      </c>
      <c r="B3252" s="1"/>
      <c r="C3252">
        <v>10</v>
      </c>
      <c r="D3252" t="s">
        <v>8118</v>
      </c>
      <c r="E3252" t="s">
        <v>31947</v>
      </c>
      <c r="F3252">
        <v>4</v>
      </c>
      <c r="G3252" t="s">
        <v>0</v>
      </c>
      <c r="H3252" t="s">
        <v>8119</v>
      </c>
      <c r="I3252" t="s">
        <v>30540</v>
      </c>
    </row>
    <row r="3253" spans="1:9">
      <c r="A3253" s="1">
        <v>0.41065186391399811</v>
      </c>
      <c r="B3253" s="1"/>
      <c r="C3253">
        <v>3</v>
      </c>
      <c r="D3253" t="s">
        <v>8112</v>
      </c>
      <c r="E3253" t="s">
        <v>31947</v>
      </c>
      <c r="F3253">
        <v>4</v>
      </c>
      <c r="G3253" t="s">
        <v>9</v>
      </c>
      <c r="H3253" t="s">
        <v>8113</v>
      </c>
      <c r="I3253" t="s">
        <v>30540</v>
      </c>
    </row>
    <row r="3254" spans="1:9">
      <c r="A3254" s="1">
        <v>0.57482133534416913</v>
      </c>
      <c r="B3254" s="1"/>
      <c r="C3254">
        <v>8</v>
      </c>
      <c r="D3254" t="s">
        <v>8116</v>
      </c>
      <c r="E3254" t="s">
        <v>31947</v>
      </c>
      <c r="F3254">
        <v>4</v>
      </c>
      <c r="G3254" t="s">
        <v>0</v>
      </c>
      <c r="H3254" t="s">
        <v>8117</v>
      </c>
      <c r="I3254" t="s">
        <v>30540</v>
      </c>
    </row>
    <row r="3255" spans="1:9">
      <c r="A3255" s="1">
        <v>0.58455579746170161</v>
      </c>
      <c r="B3255" s="1"/>
      <c r="C3255">
        <v>7</v>
      </c>
      <c r="D3255" t="s">
        <v>8114</v>
      </c>
      <c r="E3255" t="s">
        <v>31947</v>
      </c>
      <c r="F3255">
        <v>3</v>
      </c>
      <c r="G3255" t="s">
        <v>2</v>
      </c>
      <c r="H3255" t="s">
        <v>8115</v>
      </c>
      <c r="I3255" t="s">
        <v>30540</v>
      </c>
    </row>
    <row r="3256" spans="1:9">
      <c r="A3256" s="1">
        <v>0.72868612124545329</v>
      </c>
      <c r="B3256" s="1"/>
      <c r="C3256">
        <v>16</v>
      </c>
      <c r="D3256" t="s">
        <v>8110</v>
      </c>
      <c r="E3256" t="s">
        <v>31948</v>
      </c>
      <c r="F3256">
        <v>5</v>
      </c>
      <c r="G3256" t="s">
        <v>1</v>
      </c>
      <c r="H3256" t="s">
        <v>8111</v>
      </c>
      <c r="I3256" t="s">
        <v>30540</v>
      </c>
    </row>
    <row r="3257" spans="1:9">
      <c r="A3257" s="1">
        <v>0.28159501731749537</v>
      </c>
      <c r="B3257" s="1"/>
      <c r="C3257">
        <v>4</v>
      </c>
      <c r="D3257" t="s">
        <v>8108</v>
      </c>
      <c r="E3257" t="s">
        <v>31948</v>
      </c>
      <c r="F3257">
        <v>4</v>
      </c>
      <c r="G3257" t="s">
        <v>9</v>
      </c>
      <c r="H3257" t="s">
        <v>8109</v>
      </c>
      <c r="I3257" t="s">
        <v>30540</v>
      </c>
    </row>
    <row r="3258" spans="1:9">
      <c r="A3258" s="1">
        <v>9.014548741083761E-2</v>
      </c>
      <c r="B3258" s="1"/>
      <c r="C3258">
        <v>1</v>
      </c>
      <c r="D3258" t="s">
        <v>8106</v>
      </c>
      <c r="E3258" t="s">
        <v>31948</v>
      </c>
      <c r="F3258">
        <v>4</v>
      </c>
      <c r="G3258" t="s">
        <v>10</v>
      </c>
      <c r="H3258" t="s">
        <v>8107</v>
      </c>
      <c r="I3258" t="s">
        <v>30540</v>
      </c>
    </row>
    <row r="3259" spans="1:9">
      <c r="A3259" s="1">
        <v>0.52252690908226995</v>
      </c>
      <c r="B3259" s="1"/>
      <c r="C3259">
        <v>15</v>
      </c>
      <c r="D3259" t="s">
        <v>8104</v>
      </c>
      <c r="E3259" t="s">
        <v>31949</v>
      </c>
      <c r="F3259">
        <v>5</v>
      </c>
      <c r="G3259" t="s">
        <v>0</v>
      </c>
      <c r="H3259" t="s">
        <v>8105</v>
      </c>
      <c r="I3259" t="s">
        <v>30540</v>
      </c>
    </row>
    <row r="3260" spans="1:9">
      <c r="A3260" s="1">
        <v>0.19037293938527844</v>
      </c>
      <c r="B3260" s="1"/>
      <c r="C3260">
        <v>1</v>
      </c>
      <c r="D3260" t="s">
        <v>8102</v>
      </c>
      <c r="E3260" t="s">
        <v>31949</v>
      </c>
      <c r="F3260">
        <v>3</v>
      </c>
      <c r="G3260" t="s">
        <v>0</v>
      </c>
      <c r="H3260" t="s">
        <v>8103</v>
      </c>
      <c r="I3260" t="s">
        <v>30540</v>
      </c>
    </row>
    <row r="3261" spans="1:9">
      <c r="A3261" s="1">
        <v>0.1739179558915892</v>
      </c>
      <c r="B3261" s="1"/>
      <c r="C3261">
        <v>16</v>
      </c>
      <c r="D3261" t="s">
        <v>8096</v>
      </c>
      <c r="E3261" t="s">
        <v>31950</v>
      </c>
      <c r="F3261">
        <v>4</v>
      </c>
      <c r="G3261" t="s">
        <v>10</v>
      </c>
      <c r="H3261" t="s">
        <v>8097</v>
      </c>
      <c r="I3261" t="s">
        <v>30540</v>
      </c>
    </row>
    <row r="3262" spans="1:9">
      <c r="A3262" s="1">
        <v>7.0184406352025608E-2</v>
      </c>
      <c r="B3262" s="1"/>
      <c r="C3262">
        <v>17</v>
      </c>
      <c r="D3262" t="s">
        <v>8098</v>
      </c>
      <c r="E3262" t="s">
        <v>31950</v>
      </c>
      <c r="F3262">
        <v>4</v>
      </c>
      <c r="G3262" t="s">
        <v>0</v>
      </c>
      <c r="H3262" t="s">
        <v>8099</v>
      </c>
      <c r="I3262" t="s">
        <v>30540</v>
      </c>
    </row>
    <row r="3263" spans="1:9">
      <c r="A3263" s="1">
        <v>0.87892519246384015</v>
      </c>
      <c r="B3263" s="1"/>
      <c r="C3263">
        <v>5</v>
      </c>
      <c r="D3263" t="s">
        <v>8092</v>
      </c>
      <c r="E3263" t="s">
        <v>31950</v>
      </c>
      <c r="F3263">
        <v>4</v>
      </c>
      <c r="G3263" t="s">
        <v>0</v>
      </c>
      <c r="H3263" t="s">
        <v>8093</v>
      </c>
      <c r="I3263" t="s">
        <v>30540</v>
      </c>
    </row>
    <row r="3264" spans="1:9">
      <c r="A3264" s="1">
        <v>0.77863408567504921</v>
      </c>
      <c r="B3264" s="1"/>
      <c r="C3264">
        <v>13</v>
      </c>
      <c r="D3264" t="s">
        <v>8094</v>
      </c>
      <c r="E3264" t="s">
        <v>31950</v>
      </c>
      <c r="F3264">
        <v>4</v>
      </c>
      <c r="G3264" t="s">
        <v>774</v>
      </c>
      <c r="H3264" t="s">
        <v>8095</v>
      </c>
      <c r="I3264" t="s">
        <v>30540</v>
      </c>
    </row>
    <row r="3265" spans="1:9">
      <c r="A3265" s="1">
        <v>0.75484363330333804</v>
      </c>
      <c r="B3265" s="1"/>
      <c r="C3265">
        <v>18</v>
      </c>
      <c r="D3265" t="s">
        <v>8100</v>
      </c>
      <c r="E3265" t="s">
        <v>31950</v>
      </c>
      <c r="F3265">
        <v>4</v>
      </c>
      <c r="G3265" t="s">
        <v>0</v>
      </c>
      <c r="H3265" t="s">
        <v>8101</v>
      </c>
      <c r="I3265" t="s">
        <v>30540</v>
      </c>
    </row>
    <row r="3266" spans="1:9">
      <c r="A3266" s="1">
        <v>0.13978652160645966</v>
      </c>
      <c r="B3266" s="1"/>
      <c r="C3266">
        <v>7</v>
      </c>
      <c r="D3266" t="s">
        <v>8088</v>
      </c>
      <c r="E3266" t="s">
        <v>31951</v>
      </c>
      <c r="F3266">
        <v>4</v>
      </c>
      <c r="G3266" t="s">
        <v>9</v>
      </c>
      <c r="H3266" t="s">
        <v>8089</v>
      </c>
      <c r="I3266" t="s">
        <v>30540</v>
      </c>
    </row>
    <row r="3267" spans="1:9">
      <c r="A3267" s="1">
        <v>0.18260951657543312</v>
      </c>
      <c r="B3267" s="1"/>
      <c r="C3267">
        <v>6</v>
      </c>
      <c r="D3267" t="s">
        <v>8086</v>
      </c>
      <c r="E3267" t="s">
        <v>31951</v>
      </c>
      <c r="F3267">
        <v>4</v>
      </c>
      <c r="G3267" t="s">
        <v>0</v>
      </c>
      <c r="H3267" t="s">
        <v>8087</v>
      </c>
      <c r="I3267" t="s">
        <v>30540</v>
      </c>
    </row>
    <row r="3268" spans="1:9">
      <c r="A3268" s="1">
        <v>0.8470656346274209</v>
      </c>
      <c r="B3268" s="1"/>
      <c r="C3268">
        <v>2</v>
      </c>
      <c r="D3268" t="s">
        <v>8084</v>
      </c>
      <c r="E3268" t="s">
        <v>31951</v>
      </c>
      <c r="F3268">
        <v>4</v>
      </c>
      <c r="G3268" t="s">
        <v>0</v>
      </c>
      <c r="H3268" t="s">
        <v>8085</v>
      </c>
      <c r="I3268" t="s">
        <v>30540</v>
      </c>
    </row>
    <row r="3269" spans="1:9">
      <c r="A3269" s="1">
        <v>0.83938578157783739</v>
      </c>
      <c r="B3269" s="1"/>
      <c r="C3269">
        <v>17</v>
      </c>
      <c r="D3269" t="s">
        <v>8082</v>
      </c>
      <c r="E3269" t="s">
        <v>31952</v>
      </c>
      <c r="F3269">
        <v>4</v>
      </c>
      <c r="G3269" t="s">
        <v>770</v>
      </c>
      <c r="H3269" t="s">
        <v>8083</v>
      </c>
      <c r="I3269" t="s">
        <v>30540</v>
      </c>
    </row>
    <row r="3270" spans="1:9">
      <c r="A3270" s="1">
        <v>0.5703190721826219</v>
      </c>
      <c r="B3270" s="1"/>
      <c r="C3270">
        <v>15</v>
      </c>
      <c r="D3270" t="s">
        <v>8080</v>
      </c>
      <c r="E3270" t="s">
        <v>31952</v>
      </c>
      <c r="F3270">
        <v>3</v>
      </c>
      <c r="G3270" t="s">
        <v>771</v>
      </c>
      <c r="H3270" t="s">
        <v>8081</v>
      </c>
      <c r="I3270" t="s">
        <v>30540</v>
      </c>
    </row>
    <row r="3271" spans="1:9">
      <c r="A3271" s="1">
        <v>0.91913248979063633</v>
      </c>
      <c r="B3271" s="1"/>
      <c r="C3271">
        <v>5</v>
      </c>
      <c r="D3271" t="s">
        <v>8068</v>
      </c>
      <c r="E3271" t="s">
        <v>31953</v>
      </c>
      <c r="F3271">
        <v>5</v>
      </c>
      <c r="G3271" t="s">
        <v>14</v>
      </c>
      <c r="H3271" t="s">
        <v>8069</v>
      </c>
      <c r="I3271" t="s">
        <v>30540</v>
      </c>
    </row>
    <row r="3272" spans="1:9">
      <c r="A3272" s="1">
        <v>0.67249747716112218</v>
      </c>
      <c r="B3272" s="1"/>
      <c r="C3272">
        <v>2</v>
      </c>
      <c r="D3272" t="s">
        <v>8066</v>
      </c>
      <c r="E3272" t="s">
        <v>31953</v>
      </c>
      <c r="F3272">
        <v>4</v>
      </c>
      <c r="G3272" t="s">
        <v>0</v>
      </c>
      <c r="H3272" t="s">
        <v>8067</v>
      </c>
      <c r="I3272" t="s">
        <v>30540</v>
      </c>
    </row>
    <row r="3273" spans="1:9">
      <c r="A3273" s="1">
        <v>0.92889847907240219</v>
      </c>
      <c r="B3273" s="1"/>
      <c r="C3273">
        <v>9</v>
      </c>
      <c r="D3273" t="s">
        <v>8070</v>
      </c>
      <c r="E3273" t="s">
        <v>31953</v>
      </c>
      <c r="F3273">
        <v>4</v>
      </c>
      <c r="G3273" t="s">
        <v>14</v>
      </c>
      <c r="H3273" t="s">
        <v>8071</v>
      </c>
      <c r="I3273" t="s">
        <v>30540</v>
      </c>
    </row>
    <row r="3274" spans="1:9">
      <c r="A3274" s="1">
        <v>0.24816365478339508</v>
      </c>
      <c r="B3274" s="1"/>
      <c r="C3274">
        <v>1</v>
      </c>
      <c r="D3274" t="s">
        <v>8064</v>
      </c>
      <c r="E3274" t="s">
        <v>31953</v>
      </c>
      <c r="F3274">
        <v>4</v>
      </c>
      <c r="G3274" t="s">
        <v>15</v>
      </c>
      <c r="H3274" t="s">
        <v>8065</v>
      </c>
      <c r="I3274" t="s">
        <v>30540</v>
      </c>
    </row>
    <row r="3275" spans="1:9">
      <c r="A3275" s="1">
        <v>0.56004715585853859</v>
      </c>
      <c r="B3275" s="1"/>
      <c r="C3275">
        <v>13</v>
      </c>
      <c r="D3275" t="s">
        <v>8074</v>
      </c>
      <c r="E3275" t="s">
        <v>31953</v>
      </c>
      <c r="F3275">
        <v>4</v>
      </c>
      <c r="G3275" t="s">
        <v>0</v>
      </c>
      <c r="H3275" t="s">
        <v>8075</v>
      </c>
      <c r="I3275" t="s">
        <v>30540</v>
      </c>
    </row>
    <row r="3276" spans="1:9">
      <c r="A3276" s="1">
        <v>0.61218236773949652</v>
      </c>
      <c r="B3276" s="1"/>
      <c r="C3276">
        <v>12</v>
      </c>
      <c r="D3276" t="s">
        <v>8072</v>
      </c>
      <c r="E3276" t="s">
        <v>31953</v>
      </c>
      <c r="F3276">
        <v>4</v>
      </c>
      <c r="G3276" t="s">
        <v>0</v>
      </c>
      <c r="H3276" t="s">
        <v>8073</v>
      </c>
      <c r="I3276" t="s">
        <v>30540</v>
      </c>
    </row>
    <row r="3277" spans="1:9">
      <c r="A3277" s="1">
        <v>0.43757284172108646</v>
      </c>
      <c r="B3277" s="1"/>
      <c r="C3277">
        <v>19</v>
      </c>
      <c r="D3277" t="s">
        <v>8062</v>
      </c>
      <c r="E3277" t="s">
        <v>31954</v>
      </c>
      <c r="F3277">
        <v>5</v>
      </c>
      <c r="G3277" t="s">
        <v>0</v>
      </c>
      <c r="H3277" t="s">
        <v>8063</v>
      </c>
      <c r="I3277" t="s">
        <v>30540</v>
      </c>
    </row>
    <row r="3278" spans="1:9">
      <c r="A3278" s="1">
        <v>0.9124580263634362</v>
      </c>
      <c r="B3278" s="1"/>
      <c r="C3278">
        <v>14</v>
      </c>
      <c r="D3278" t="s">
        <v>8060</v>
      </c>
      <c r="E3278" t="s">
        <v>31954</v>
      </c>
      <c r="F3278">
        <v>4</v>
      </c>
      <c r="G3278" t="s">
        <v>9</v>
      </c>
      <c r="H3278" t="s">
        <v>8061</v>
      </c>
      <c r="I3278" t="s">
        <v>30540</v>
      </c>
    </row>
    <row r="3279" spans="1:9">
      <c r="A3279" s="1">
        <v>0.93388394247968443</v>
      </c>
      <c r="B3279" s="1"/>
      <c r="C3279">
        <v>12</v>
      </c>
      <c r="D3279" t="s">
        <v>8058</v>
      </c>
      <c r="E3279" t="s">
        <v>31954</v>
      </c>
      <c r="F3279">
        <v>4</v>
      </c>
      <c r="G3279" t="s">
        <v>15</v>
      </c>
      <c r="H3279" t="s">
        <v>8059</v>
      </c>
      <c r="I3279" t="s">
        <v>30540</v>
      </c>
    </row>
    <row r="3280" spans="1:9">
      <c r="A3280" s="1">
        <v>0.60414146181061201</v>
      </c>
      <c r="B3280" s="1"/>
      <c r="C3280">
        <v>10</v>
      </c>
      <c r="D3280" t="s">
        <v>8052</v>
      </c>
      <c r="E3280" t="s">
        <v>31955</v>
      </c>
      <c r="F3280">
        <v>4</v>
      </c>
      <c r="G3280" t="s">
        <v>2</v>
      </c>
      <c r="H3280" t="s">
        <v>8053</v>
      </c>
      <c r="I3280" t="s">
        <v>30540</v>
      </c>
    </row>
    <row r="3281" spans="1:9">
      <c r="A3281" s="1">
        <v>0.85312681811645363</v>
      </c>
      <c r="B3281" s="1"/>
      <c r="C3281">
        <v>12</v>
      </c>
      <c r="D3281" t="s">
        <v>8056</v>
      </c>
      <c r="E3281" t="s">
        <v>31955</v>
      </c>
      <c r="F3281">
        <v>4</v>
      </c>
      <c r="G3281" t="s">
        <v>0</v>
      </c>
      <c r="H3281" t="s">
        <v>8057</v>
      </c>
      <c r="I3281" t="s">
        <v>30540</v>
      </c>
    </row>
    <row r="3282" spans="1:9">
      <c r="A3282" s="1">
        <v>2.3926309327838569E-2</v>
      </c>
      <c r="B3282" s="1"/>
      <c r="C3282">
        <v>11</v>
      </c>
      <c r="D3282" t="s">
        <v>8054</v>
      </c>
      <c r="E3282" t="s">
        <v>31955</v>
      </c>
      <c r="F3282">
        <v>4</v>
      </c>
      <c r="G3282" t="s">
        <v>769</v>
      </c>
      <c r="H3282" t="s">
        <v>8055</v>
      </c>
      <c r="I3282" t="s">
        <v>30540</v>
      </c>
    </row>
    <row r="3283" spans="1:9">
      <c r="A3283" s="1">
        <v>0.88342682252445648</v>
      </c>
      <c r="B3283" s="1"/>
      <c r="C3283">
        <v>8</v>
      </c>
      <c r="D3283" t="s">
        <v>8050</v>
      </c>
      <c r="E3283" t="s">
        <v>31955</v>
      </c>
      <c r="F3283">
        <v>3</v>
      </c>
      <c r="G3283" t="s">
        <v>0</v>
      </c>
      <c r="H3283" t="s">
        <v>8051</v>
      </c>
      <c r="I3283" t="s">
        <v>30540</v>
      </c>
    </row>
    <row r="3284" spans="1:9">
      <c r="A3284" s="1">
        <v>0.11505244150480198</v>
      </c>
      <c r="B3284" s="1"/>
      <c r="C3284">
        <v>5</v>
      </c>
      <c r="D3284" t="s">
        <v>8046</v>
      </c>
      <c r="E3284" t="s">
        <v>31956</v>
      </c>
      <c r="F3284">
        <v>5</v>
      </c>
      <c r="G3284" t="s">
        <v>1</v>
      </c>
      <c r="H3284" t="s">
        <v>8047</v>
      </c>
      <c r="I3284" t="s">
        <v>30540</v>
      </c>
    </row>
    <row r="3285" spans="1:9">
      <c r="A3285" s="1">
        <v>0.6091377325969195</v>
      </c>
      <c r="B3285" s="1"/>
      <c r="C3285">
        <v>3</v>
      </c>
      <c r="D3285" t="s">
        <v>8044</v>
      </c>
      <c r="E3285" t="s">
        <v>31956</v>
      </c>
      <c r="F3285">
        <v>4</v>
      </c>
      <c r="G3285" t="s">
        <v>0</v>
      </c>
      <c r="H3285" t="s">
        <v>8045</v>
      </c>
      <c r="I3285" t="s">
        <v>30540</v>
      </c>
    </row>
    <row r="3286" spans="1:9">
      <c r="A3286" s="1">
        <v>0.18768077791956805</v>
      </c>
      <c r="B3286" s="1"/>
      <c r="C3286">
        <v>7</v>
      </c>
      <c r="D3286" t="s">
        <v>8048</v>
      </c>
      <c r="E3286" t="s">
        <v>31956</v>
      </c>
      <c r="F3286">
        <v>3</v>
      </c>
      <c r="G3286" t="s">
        <v>15</v>
      </c>
      <c r="H3286" t="s">
        <v>8049</v>
      </c>
      <c r="I3286" t="s">
        <v>30540</v>
      </c>
    </row>
    <row r="3287" spans="1:9">
      <c r="A3287" s="1">
        <v>0.35840877627607737</v>
      </c>
      <c r="B3287" s="1"/>
      <c r="C3287">
        <v>9</v>
      </c>
      <c r="D3287" t="s">
        <v>8042</v>
      </c>
      <c r="E3287" t="s">
        <v>31957</v>
      </c>
      <c r="F3287">
        <v>5</v>
      </c>
      <c r="G3287" t="s">
        <v>9</v>
      </c>
      <c r="H3287" t="s">
        <v>8043</v>
      </c>
      <c r="I3287" t="s">
        <v>30540</v>
      </c>
    </row>
    <row r="3288" spans="1:9">
      <c r="A3288" s="1">
        <v>0.44040623065187556</v>
      </c>
      <c r="B3288" s="1"/>
      <c r="C3288">
        <v>1</v>
      </c>
      <c r="D3288" t="s">
        <v>8040</v>
      </c>
      <c r="E3288" t="s">
        <v>31957</v>
      </c>
      <c r="F3288">
        <v>4</v>
      </c>
      <c r="G3288" t="s">
        <v>770</v>
      </c>
      <c r="H3288" t="s">
        <v>8041</v>
      </c>
      <c r="I3288" t="s">
        <v>30540</v>
      </c>
    </row>
    <row r="3289" spans="1:9">
      <c r="A3289" s="1">
        <v>1.9947659499021442E-2</v>
      </c>
      <c r="B3289" s="1"/>
      <c r="C3289">
        <v>11</v>
      </c>
      <c r="D3289" t="s">
        <v>8036</v>
      </c>
      <c r="E3289" t="s">
        <v>31958</v>
      </c>
      <c r="F3289">
        <v>4</v>
      </c>
      <c r="G3289" t="s">
        <v>0</v>
      </c>
      <c r="H3289" t="s">
        <v>8037</v>
      </c>
      <c r="I3289" t="s">
        <v>30540</v>
      </c>
    </row>
    <row r="3290" spans="1:9">
      <c r="A3290" s="1">
        <v>0.41355252912596674</v>
      </c>
      <c r="B3290" s="1"/>
      <c r="C3290">
        <v>2</v>
      </c>
      <c r="D3290" t="s">
        <v>8034</v>
      </c>
      <c r="E3290" t="s">
        <v>31958</v>
      </c>
      <c r="F3290">
        <v>4</v>
      </c>
      <c r="G3290" t="s">
        <v>2</v>
      </c>
      <c r="H3290" t="s">
        <v>8035</v>
      </c>
      <c r="I3290" t="s">
        <v>30540</v>
      </c>
    </row>
    <row r="3291" spans="1:9">
      <c r="A3291" s="1">
        <v>0.75895097631077413</v>
      </c>
      <c r="B3291" s="1"/>
      <c r="C3291">
        <v>13</v>
      </c>
      <c r="D3291" t="s">
        <v>8038</v>
      </c>
      <c r="E3291" t="s">
        <v>31958</v>
      </c>
      <c r="F3291">
        <v>3</v>
      </c>
      <c r="G3291" t="s">
        <v>15</v>
      </c>
      <c r="H3291" t="s">
        <v>8039</v>
      </c>
      <c r="I3291" t="s">
        <v>30540</v>
      </c>
    </row>
    <row r="3292" spans="1:9">
      <c r="A3292" s="1">
        <v>0.67686228117599256</v>
      </c>
      <c r="B3292" s="1"/>
      <c r="C3292">
        <v>15</v>
      </c>
      <c r="D3292" t="s">
        <v>8030</v>
      </c>
      <c r="E3292" t="s">
        <v>31959</v>
      </c>
      <c r="F3292">
        <v>5</v>
      </c>
      <c r="G3292" t="s">
        <v>762</v>
      </c>
      <c r="H3292" t="s">
        <v>8031</v>
      </c>
      <c r="I3292" t="s">
        <v>30540</v>
      </c>
    </row>
    <row r="3293" spans="1:9">
      <c r="A3293" s="1">
        <v>0.64589239970050405</v>
      </c>
      <c r="B3293" s="1"/>
      <c r="C3293">
        <v>20</v>
      </c>
      <c r="D3293" t="s">
        <v>8032</v>
      </c>
      <c r="E3293" t="s">
        <v>31959</v>
      </c>
      <c r="F3293">
        <v>5</v>
      </c>
      <c r="G3293" t="s">
        <v>774</v>
      </c>
      <c r="H3293" t="s">
        <v>8033</v>
      </c>
      <c r="I3293" t="s">
        <v>30540</v>
      </c>
    </row>
    <row r="3294" spans="1:9">
      <c r="A3294" s="1">
        <v>0.90720054433060904</v>
      </c>
      <c r="B3294" s="1"/>
      <c r="C3294">
        <v>11</v>
      </c>
      <c r="D3294" t="s">
        <v>8024</v>
      </c>
      <c r="E3294" t="s">
        <v>31960</v>
      </c>
      <c r="F3294">
        <v>4</v>
      </c>
      <c r="G3294" t="s">
        <v>0</v>
      </c>
      <c r="H3294" t="s">
        <v>8025</v>
      </c>
      <c r="I3294" t="s">
        <v>30540</v>
      </c>
    </row>
    <row r="3295" spans="1:9">
      <c r="A3295" s="1">
        <v>0.53825014396734794</v>
      </c>
      <c r="B3295" s="1"/>
      <c r="C3295">
        <v>12</v>
      </c>
      <c r="D3295" t="s">
        <v>8026</v>
      </c>
      <c r="E3295" t="s">
        <v>31960</v>
      </c>
      <c r="F3295">
        <v>4</v>
      </c>
      <c r="G3295" t="s">
        <v>770</v>
      </c>
      <c r="H3295" t="s">
        <v>8027</v>
      </c>
      <c r="I3295" t="s">
        <v>30540</v>
      </c>
    </row>
    <row r="3296" spans="1:9">
      <c r="A3296" s="1">
        <v>0.30288007139159712</v>
      </c>
      <c r="B3296" s="1"/>
      <c r="C3296">
        <v>19</v>
      </c>
      <c r="D3296" t="s">
        <v>8028</v>
      </c>
      <c r="E3296" t="s">
        <v>31960</v>
      </c>
      <c r="F3296">
        <v>4</v>
      </c>
      <c r="G3296" t="s">
        <v>2</v>
      </c>
      <c r="H3296" t="s">
        <v>8029</v>
      </c>
      <c r="I3296" t="s">
        <v>30540</v>
      </c>
    </row>
    <row r="3297" spans="1:9">
      <c r="A3297" s="1">
        <v>0.51795765363573776</v>
      </c>
      <c r="B3297" s="1"/>
      <c r="C3297">
        <v>5</v>
      </c>
      <c r="D3297" t="s">
        <v>8022</v>
      </c>
      <c r="E3297" t="s">
        <v>31960</v>
      </c>
      <c r="F3297">
        <v>4</v>
      </c>
      <c r="G3297" t="s">
        <v>15</v>
      </c>
      <c r="H3297" t="s">
        <v>8023</v>
      </c>
      <c r="I3297" t="s">
        <v>30540</v>
      </c>
    </row>
    <row r="3298" spans="1:9">
      <c r="A3298" s="1">
        <v>0.679593707676312</v>
      </c>
      <c r="B3298" s="1"/>
      <c r="C3298">
        <v>2</v>
      </c>
      <c r="D3298" t="s">
        <v>8016</v>
      </c>
      <c r="E3298" t="s">
        <v>31960</v>
      </c>
      <c r="F3298">
        <v>4</v>
      </c>
      <c r="G3298" t="s">
        <v>14</v>
      </c>
      <c r="H3298" t="s">
        <v>8017</v>
      </c>
      <c r="I3298" t="s">
        <v>30540</v>
      </c>
    </row>
    <row r="3299" spans="1:9">
      <c r="A3299" s="1">
        <v>4.3479419991870327E-2</v>
      </c>
      <c r="B3299" s="1"/>
      <c r="C3299">
        <v>3</v>
      </c>
      <c r="D3299" t="s">
        <v>8018</v>
      </c>
      <c r="E3299" t="s">
        <v>31960</v>
      </c>
      <c r="F3299">
        <v>4</v>
      </c>
      <c r="G3299" t="s">
        <v>774</v>
      </c>
      <c r="H3299" t="s">
        <v>8019</v>
      </c>
      <c r="I3299" t="s">
        <v>30540</v>
      </c>
    </row>
    <row r="3300" spans="1:9">
      <c r="A3300" s="1">
        <v>0.13381958331365973</v>
      </c>
      <c r="B3300" s="1"/>
      <c r="C3300">
        <v>4</v>
      </c>
      <c r="D3300" t="s">
        <v>8020</v>
      </c>
      <c r="E3300" t="s">
        <v>31960</v>
      </c>
      <c r="F3300">
        <v>4</v>
      </c>
      <c r="G3300" t="s">
        <v>770</v>
      </c>
      <c r="H3300" t="s">
        <v>8021</v>
      </c>
      <c r="I3300" t="s">
        <v>30540</v>
      </c>
    </row>
    <row r="3301" spans="1:9">
      <c r="A3301" s="1">
        <v>0.49329760237983322</v>
      </c>
      <c r="B3301" s="1"/>
      <c r="C3301">
        <v>12</v>
      </c>
      <c r="D3301" t="s">
        <v>8014</v>
      </c>
      <c r="E3301" t="s">
        <v>31961</v>
      </c>
      <c r="F3301">
        <v>5</v>
      </c>
      <c r="G3301" t="s">
        <v>0</v>
      </c>
      <c r="H3301" t="s">
        <v>8015</v>
      </c>
      <c r="I3301" t="s">
        <v>30540</v>
      </c>
    </row>
    <row r="3302" spans="1:9">
      <c r="A3302" s="1">
        <v>0.18737860718431354</v>
      </c>
      <c r="B3302" s="1"/>
      <c r="C3302">
        <v>6</v>
      </c>
      <c r="D3302" t="s">
        <v>8010</v>
      </c>
      <c r="E3302" t="s">
        <v>31961</v>
      </c>
      <c r="F3302">
        <v>4</v>
      </c>
      <c r="G3302" t="s">
        <v>0</v>
      </c>
      <c r="H3302" t="s">
        <v>8011</v>
      </c>
      <c r="I3302" t="s">
        <v>30540</v>
      </c>
    </row>
    <row r="3303" spans="1:9">
      <c r="A3303" s="1">
        <v>0.78983302026530755</v>
      </c>
      <c r="B3303" s="1"/>
      <c r="C3303">
        <v>11</v>
      </c>
      <c r="D3303" t="s">
        <v>8012</v>
      </c>
      <c r="E3303" t="s">
        <v>31961</v>
      </c>
      <c r="F3303">
        <v>4</v>
      </c>
      <c r="G3303" t="s">
        <v>0</v>
      </c>
      <c r="H3303" t="s">
        <v>8013</v>
      </c>
      <c r="I3303" t="s">
        <v>30540</v>
      </c>
    </row>
    <row r="3304" spans="1:9">
      <c r="A3304" s="1">
        <v>0.35749691467386857</v>
      </c>
      <c r="B3304" s="1"/>
      <c r="C3304">
        <v>2</v>
      </c>
      <c r="D3304" t="s">
        <v>8004</v>
      </c>
      <c r="E3304" t="s">
        <v>31962</v>
      </c>
      <c r="F3304">
        <v>4</v>
      </c>
      <c r="G3304" t="s">
        <v>770</v>
      </c>
      <c r="H3304" t="s">
        <v>8005</v>
      </c>
      <c r="I3304" t="s">
        <v>30540</v>
      </c>
    </row>
    <row r="3305" spans="1:9">
      <c r="A3305" s="1">
        <v>0.12640594965870589</v>
      </c>
      <c r="B3305" s="1"/>
      <c r="C3305">
        <v>7</v>
      </c>
      <c r="D3305" t="s">
        <v>8006</v>
      </c>
      <c r="E3305" t="s">
        <v>31962</v>
      </c>
      <c r="F3305">
        <v>4</v>
      </c>
      <c r="G3305" t="s">
        <v>15</v>
      </c>
      <c r="H3305" t="s">
        <v>8007</v>
      </c>
      <c r="I3305" t="s">
        <v>30540</v>
      </c>
    </row>
    <row r="3306" spans="1:9">
      <c r="A3306" s="1">
        <v>8.4011416672072015E-2</v>
      </c>
      <c r="B3306" s="1"/>
      <c r="C3306">
        <v>16</v>
      </c>
      <c r="D3306" t="s">
        <v>8008</v>
      </c>
      <c r="E3306" t="s">
        <v>31962</v>
      </c>
      <c r="F3306">
        <v>4</v>
      </c>
      <c r="G3306" t="s">
        <v>0</v>
      </c>
      <c r="H3306" t="s">
        <v>8009</v>
      </c>
      <c r="I3306" t="s">
        <v>30540</v>
      </c>
    </row>
    <row r="3307" spans="1:9">
      <c r="A3307" s="1">
        <v>0.46149420390623153</v>
      </c>
      <c r="B3307" s="1"/>
      <c r="C3307">
        <v>3</v>
      </c>
      <c r="D3307" t="s">
        <v>7996</v>
      </c>
      <c r="E3307" t="s">
        <v>31963</v>
      </c>
      <c r="F3307">
        <v>5</v>
      </c>
      <c r="G3307" t="s">
        <v>9</v>
      </c>
      <c r="H3307" t="s">
        <v>7997</v>
      </c>
      <c r="I3307" t="s">
        <v>30540</v>
      </c>
    </row>
    <row r="3308" spans="1:9">
      <c r="A3308" s="1">
        <v>0.88166532575718093</v>
      </c>
      <c r="B3308" s="1"/>
      <c r="C3308">
        <v>11</v>
      </c>
      <c r="D3308" t="s">
        <v>8002</v>
      </c>
      <c r="E3308" t="s">
        <v>31963</v>
      </c>
      <c r="F3308">
        <v>4</v>
      </c>
      <c r="G3308" t="s">
        <v>0</v>
      </c>
      <c r="H3308" t="s">
        <v>8003</v>
      </c>
      <c r="I3308" t="s">
        <v>30540</v>
      </c>
    </row>
    <row r="3309" spans="1:9">
      <c r="A3309" s="1">
        <v>0.36068326166406384</v>
      </c>
      <c r="B3309" s="1"/>
      <c r="C3309">
        <v>8</v>
      </c>
      <c r="D3309" t="s">
        <v>8000</v>
      </c>
      <c r="E3309" t="s">
        <v>31963</v>
      </c>
      <c r="F3309">
        <v>4</v>
      </c>
      <c r="G3309" t="s">
        <v>9</v>
      </c>
      <c r="H3309" t="s">
        <v>8001</v>
      </c>
      <c r="I3309" t="s">
        <v>30540</v>
      </c>
    </row>
    <row r="3310" spans="1:9">
      <c r="A3310" s="1">
        <v>0.60557299557289679</v>
      </c>
      <c r="B3310" s="1"/>
      <c r="C3310">
        <v>9</v>
      </c>
      <c r="D3310" t="s">
        <v>7990</v>
      </c>
      <c r="E3310" t="s">
        <v>31964</v>
      </c>
      <c r="F3310">
        <v>5</v>
      </c>
      <c r="G3310" t="s">
        <v>0</v>
      </c>
      <c r="H3310" t="s">
        <v>7991</v>
      </c>
      <c r="I3310" t="s">
        <v>30540</v>
      </c>
    </row>
    <row r="3311" spans="1:9">
      <c r="A3311" s="1">
        <v>0.60438666794047424</v>
      </c>
      <c r="B3311" s="1"/>
      <c r="C3311">
        <v>16</v>
      </c>
      <c r="D3311" t="s">
        <v>7992</v>
      </c>
      <c r="E3311" t="s">
        <v>31964</v>
      </c>
      <c r="F3311">
        <v>4</v>
      </c>
      <c r="G3311" t="s">
        <v>9</v>
      </c>
      <c r="H3311" t="s">
        <v>7993</v>
      </c>
      <c r="I3311" t="s">
        <v>30540</v>
      </c>
    </row>
    <row r="3312" spans="1:9">
      <c r="A3312" s="1">
        <v>0.9472551087105282</v>
      </c>
      <c r="B3312" s="1"/>
      <c r="C3312">
        <v>17</v>
      </c>
      <c r="D3312" t="s">
        <v>7994</v>
      </c>
      <c r="E3312" t="s">
        <v>31964</v>
      </c>
      <c r="F3312">
        <v>3</v>
      </c>
      <c r="G3312" t="s">
        <v>0</v>
      </c>
      <c r="H3312" t="s">
        <v>7995</v>
      </c>
      <c r="I3312" t="s">
        <v>30540</v>
      </c>
    </row>
    <row r="3313" spans="1:9">
      <c r="A3313" s="1">
        <v>0.41183084586552621</v>
      </c>
      <c r="B3313" s="1"/>
      <c r="C3313">
        <v>20</v>
      </c>
      <c r="D3313" t="s">
        <v>7988</v>
      </c>
      <c r="E3313" t="s">
        <v>31965</v>
      </c>
      <c r="F3313">
        <v>5</v>
      </c>
      <c r="G3313" t="s">
        <v>0</v>
      </c>
      <c r="H3313" t="s">
        <v>7989</v>
      </c>
      <c r="I3313" t="s">
        <v>30540</v>
      </c>
    </row>
    <row r="3314" spans="1:9">
      <c r="A3314" s="1">
        <v>0.18578232121549798</v>
      </c>
      <c r="B3314" s="1"/>
      <c r="C3314">
        <v>5</v>
      </c>
      <c r="D3314" t="s">
        <v>7986</v>
      </c>
      <c r="E3314" t="s">
        <v>31965</v>
      </c>
      <c r="F3314">
        <v>4</v>
      </c>
      <c r="G3314" t="s">
        <v>770</v>
      </c>
      <c r="H3314" t="s">
        <v>7987</v>
      </c>
      <c r="I3314" t="s">
        <v>30540</v>
      </c>
    </row>
    <row r="3315" spans="1:9">
      <c r="A3315" s="1">
        <v>0.2304967740012116</v>
      </c>
      <c r="B3315" s="1"/>
      <c r="C3315">
        <v>6</v>
      </c>
      <c r="D3315" t="s">
        <v>7978</v>
      </c>
      <c r="E3315" t="s">
        <v>31966</v>
      </c>
      <c r="F3315">
        <v>4</v>
      </c>
      <c r="G3315" t="s">
        <v>13</v>
      </c>
      <c r="H3315" t="s">
        <v>7979</v>
      </c>
      <c r="I3315" t="s">
        <v>30540</v>
      </c>
    </row>
    <row r="3316" spans="1:9">
      <c r="A3316" s="1">
        <v>0.75781116524341641</v>
      </c>
      <c r="B3316" s="1"/>
      <c r="C3316">
        <v>12</v>
      </c>
      <c r="D3316" t="s">
        <v>7982</v>
      </c>
      <c r="E3316" t="s">
        <v>31966</v>
      </c>
      <c r="F3316">
        <v>4</v>
      </c>
      <c r="G3316" t="s">
        <v>2</v>
      </c>
      <c r="H3316" t="s">
        <v>7983</v>
      </c>
      <c r="I3316" t="s">
        <v>30540</v>
      </c>
    </row>
    <row r="3317" spans="1:9">
      <c r="A3317" s="1">
        <v>0.22872274314818553</v>
      </c>
      <c r="B3317" s="1"/>
      <c r="C3317">
        <v>14</v>
      </c>
      <c r="D3317" t="s">
        <v>7984</v>
      </c>
      <c r="E3317" t="s">
        <v>31966</v>
      </c>
      <c r="F3317">
        <v>3</v>
      </c>
      <c r="G3317" t="s">
        <v>0</v>
      </c>
      <c r="H3317" t="s">
        <v>7985</v>
      </c>
      <c r="I3317" t="s">
        <v>30540</v>
      </c>
    </row>
    <row r="3318" spans="1:9">
      <c r="A3318" s="1">
        <v>0.78042013753728012</v>
      </c>
      <c r="B3318" s="1"/>
      <c r="C3318">
        <v>3</v>
      </c>
      <c r="D3318" t="s">
        <v>7972</v>
      </c>
      <c r="E3318" t="s">
        <v>31967</v>
      </c>
      <c r="F3318">
        <v>4</v>
      </c>
      <c r="G3318" t="s">
        <v>15</v>
      </c>
      <c r="H3318" t="s">
        <v>7973</v>
      </c>
      <c r="I3318" t="s">
        <v>30540</v>
      </c>
    </row>
    <row r="3319" spans="1:9">
      <c r="A3319" s="1">
        <v>7.1496639716257082E-2</v>
      </c>
      <c r="B3319" s="1"/>
      <c r="C3319">
        <v>16</v>
      </c>
      <c r="D3319" t="s">
        <v>7976</v>
      </c>
      <c r="E3319" t="s">
        <v>31967</v>
      </c>
      <c r="F3319">
        <v>4</v>
      </c>
      <c r="G3319" t="s">
        <v>0</v>
      </c>
      <c r="H3319" t="s">
        <v>7977</v>
      </c>
      <c r="I3319" t="s">
        <v>30540</v>
      </c>
    </row>
    <row r="3320" spans="1:9">
      <c r="A3320" s="1">
        <v>0.16303465010924767</v>
      </c>
      <c r="B3320" s="1"/>
      <c r="C3320">
        <v>17</v>
      </c>
      <c r="D3320" t="s">
        <v>7968</v>
      </c>
      <c r="E3320" t="s">
        <v>31968</v>
      </c>
      <c r="F3320">
        <v>5</v>
      </c>
      <c r="G3320" t="s">
        <v>0</v>
      </c>
      <c r="H3320" t="s">
        <v>7969</v>
      </c>
      <c r="I3320" t="s">
        <v>30540</v>
      </c>
    </row>
    <row r="3321" spans="1:9">
      <c r="A3321" s="1">
        <v>0.99572091448841116</v>
      </c>
      <c r="B3321" s="1"/>
      <c r="C3321">
        <v>5</v>
      </c>
      <c r="D3321" t="s">
        <v>7960</v>
      </c>
      <c r="E3321" t="s">
        <v>31968</v>
      </c>
      <c r="F3321">
        <v>4</v>
      </c>
      <c r="G3321" t="s">
        <v>0</v>
      </c>
      <c r="H3321" t="s">
        <v>7961</v>
      </c>
      <c r="I3321" t="s">
        <v>30540</v>
      </c>
    </row>
    <row r="3322" spans="1:9">
      <c r="A3322" s="1">
        <v>0.42408075330088113</v>
      </c>
      <c r="B3322" s="1"/>
      <c r="C3322">
        <v>20</v>
      </c>
      <c r="D3322" t="s">
        <v>7970</v>
      </c>
      <c r="E3322" t="s">
        <v>31968</v>
      </c>
      <c r="F3322">
        <v>4</v>
      </c>
      <c r="G3322" t="s">
        <v>10</v>
      </c>
      <c r="H3322" t="s">
        <v>7971</v>
      </c>
      <c r="I3322" t="s">
        <v>30540</v>
      </c>
    </row>
    <row r="3323" spans="1:9">
      <c r="A3323" s="1">
        <v>0.91567861728294164</v>
      </c>
      <c r="B3323" s="1"/>
      <c r="C3323">
        <v>8</v>
      </c>
      <c r="D3323" t="s">
        <v>7962</v>
      </c>
      <c r="E3323" t="s">
        <v>31968</v>
      </c>
      <c r="F3323">
        <v>4</v>
      </c>
      <c r="G3323" t="s">
        <v>2</v>
      </c>
      <c r="H3323" t="s">
        <v>7963</v>
      </c>
      <c r="I3323" t="s">
        <v>30540</v>
      </c>
    </row>
    <row r="3324" spans="1:9">
      <c r="A3324" s="1">
        <v>0.19973210387234985</v>
      </c>
      <c r="B3324" s="1"/>
      <c r="C3324">
        <v>14</v>
      </c>
      <c r="D3324" t="s">
        <v>7966</v>
      </c>
      <c r="E3324" t="s">
        <v>31968</v>
      </c>
      <c r="F3324">
        <v>4</v>
      </c>
      <c r="G3324" t="s">
        <v>0</v>
      </c>
      <c r="H3324" t="s">
        <v>7967</v>
      </c>
      <c r="I3324" t="s">
        <v>30540</v>
      </c>
    </row>
    <row r="3325" spans="1:9">
      <c r="A3325" s="1">
        <v>0.54523030814434115</v>
      </c>
      <c r="B3325" s="1"/>
      <c r="C3325">
        <v>6</v>
      </c>
      <c r="D3325" t="s">
        <v>7948</v>
      </c>
      <c r="E3325" t="s">
        <v>31969</v>
      </c>
      <c r="F3325">
        <v>4</v>
      </c>
      <c r="G3325" t="s">
        <v>774</v>
      </c>
      <c r="H3325" t="s">
        <v>7949</v>
      </c>
      <c r="I3325" t="s">
        <v>30540</v>
      </c>
    </row>
    <row r="3326" spans="1:9">
      <c r="A3326" s="1">
        <v>0.87034309222254347</v>
      </c>
      <c r="B3326" s="1"/>
      <c r="C3326">
        <v>10</v>
      </c>
      <c r="D3326" t="s">
        <v>7950</v>
      </c>
      <c r="E3326" t="s">
        <v>31969</v>
      </c>
      <c r="F3326">
        <v>4</v>
      </c>
      <c r="G3326" t="s">
        <v>1295</v>
      </c>
      <c r="H3326" t="s">
        <v>7951</v>
      </c>
      <c r="I3326" t="s">
        <v>30540</v>
      </c>
    </row>
    <row r="3327" spans="1:9">
      <c r="A3327" s="1">
        <v>0.4720541071189599</v>
      </c>
      <c r="B3327" s="1"/>
      <c r="C3327">
        <v>18</v>
      </c>
      <c r="D3327" t="s">
        <v>7954</v>
      </c>
      <c r="E3327" t="s">
        <v>31969</v>
      </c>
      <c r="F3327">
        <v>4</v>
      </c>
      <c r="G3327" t="s">
        <v>10</v>
      </c>
      <c r="H3327" t="s">
        <v>7955</v>
      </c>
      <c r="I3327" t="s">
        <v>30540</v>
      </c>
    </row>
    <row r="3328" spans="1:9">
      <c r="A3328" s="1">
        <v>0.86476364513013548</v>
      </c>
      <c r="B3328" s="1"/>
      <c r="C3328">
        <v>15</v>
      </c>
      <c r="D3328" t="s">
        <v>7952</v>
      </c>
      <c r="E3328" t="s">
        <v>31969</v>
      </c>
      <c r="F3328">
        <v>3</v>
      </c>
      <c r="G3328" t="s">
        <v>9</v>
      </c>
      <c r="H3328" t="s">
        <v>7953</v>
      </c>
      <c r="I3328" t="s">
        <v>30540</v>
      </c>
    </row>
    <row r="3329" spans="1:9">
      <c r="A3329" s="1">
        <v>0.68561189017427315</v>
      </c>
      <c r="B3329" s="1"/>
      <c r="C3329">
        <v>14</v>
      </c>
      <c r="D3329" t="s">
        <v>7942</v>
      </c>
      <c r="E3329" t="s">
        <v>31970</v>
      </c>
      <c r="F3329">
        <v>5</v>
      </c>
      <c r="G3329" t="s">
        <v>0</v>
      </c>
      <c r="H3329" t="s">
        <v>7943</v>
      </c>
      <c r="I3329" t="s">
        <v>30540</v>
      </c>
    </row>
    <row r="3330" spans="1:9">
      <c r="A3330" s="1">
        <v>0.73504448630520447</v>
      </c>
      <c r="B3330" s="1"/>
      <c r="C3330">
        <v>17</v>
      </c>
      <c r="D3330" t="s">
        <v>7946</v>
      </c>
      <c r="E3330" t="s">
        <v>31970</v>
      </c>
      <c r="F3330">
        <v>5</v>
      </c>
      <c r="G3330" t="s">
        <v>0</v>
      </c>
      <c r="H3330" t="s">
        <v>7947</v>
      </c>
      <c r="I3330" t="s">
        <v>30540</v>
      </c>
    </row>
    <row r="3331" spans="1:9">
      <c r="A3331" s="1">
        <v>0.68150365139598845</v>
      </c>
      <c r="B3331" s="1"/>
      <c r="C3331">
        <v>15</v>
      </c>
      <c r="D3331" t="s">
        <v>7944</v>
      </c>
      <c r="E3331" t="s">
        <v>31970</v>
      </c>
      <c r="F3331">
        <v>5</v>
      </c>
      <c r="G3331" t="s">
        <v>0</v>
      </c>
      <c r="H3331" t="s">
        <v>7945</v>
      </c>
      <c r="I3331" t="s">
        <v>30540</v>
      </c>
    </row>
    <row r="3332" spans="1:9">
      <c r="A3332" s="1">
        <v>0.74553584431405873</v>
      </c>
      <c r="B3332" s="1"/>
      <c r="C3332">
        <v>4</v>
      </c>
      <c r="D3332" t="s">
        <v>7938</v>
      </c>
      <c r="E3332" t="s">
        <v>31970</v>
      </c>
      <c r="F3332">
        <v>4</v>
      </c>
      <c r="G3332" t="s">
        <v>770</v>
      </c>
      <c r="H3332" t="s">
        <v>7939</v>
      </c>
      <c r="I3332" t="s">
        <v>30540</v>
      </c>
    </row>
    <row r="3333" spans="1:9">
      <c r="A3333" s="1">
        <v>0.86785591592383038</v>
      </c>
      <c r="B3333" s="1"/>
      <c r="C3333">
        <v>6</v>
      </c>
      <c r="D3333" t="s">
        <v>7928</v>
      </c>
      <c r="E3333" t="s">
        <v>31971</v>
      </c>
      <c r="F3333">
        <v>5</v>
      </c>
      <c r="G3333" t="s">
        <v>0</v>
      </c>
      <c r="H3333" t="s">
        <v>7929</v>
      </c>
      <c r="I3333" t="s">
        <v>30540</v>
      </c>
    </row>
    <row r="3334" spans="1:9">
      <c r="A3334" s="1">
        <v>0.89348144276142827</v>
      </c>
      <c r="B3334" s="1"/>
      <c r="C3334">
        <v>4</v>
      </c>
      <c r="D3334" t="s">
        <v>7926</v>
      </c>
      <c r="E3334" t="s">
        <v>31971</v>
      </c>
      <c r="F3334">
        <v>5</v>
      </c>
      <c r="G3334" t="s">
        <v>0</v>
      </c>
      <c r="H3334" t="s">
        <v>7927</v>
      </c>
      <c r="I3334" t="s">
        <v>30540</v>
      </c>
    </row>
    <row r="3335" spans="1:9">
      <c r="A3335" s="1">
        <v>0.76434431776471101</v>
      </c>
      <c r="B3335" s="1"/>
      <c r="C3335">
        <v>20</v>
      </c>
      <c r="D3335" t="s">
        <v>7934</v>
      </c>
      <c r="E3335" t="s">
        <v>31971</v>
      </c>
      <c r="F3335">
        <v>4</v>
      </c>
      <c r="G3335" t="s">
        <v>10</v>
      </c>
      <c r="H3335" t="s">
        <v>7935</v>
      </c>
      <c r="I3335" t="s">
        <v>30540</v>
      </c>
    </row>
    <row r="3336" spans="1:9">
      <c r="A3336" s="1">
        <v>0.73262520889263638</v>
      </c>
      <c r="B3336" s="1"/>
      <c r="C3336">
        <v>14</v>
      </c>
      <c r="D3336" t="s">
        <v>7930</v>
      </c>
      <c r="E3336" t="s">
        <v>31971</v>
      </c>
      <c r="F3336">
        <v>4</v>
      </c>
      <c r="G3336" t="s">
        <v>15</v>
      </c>
      <c r="H3336" t="s">
        <v>7931</v>
      </c>
      <c r="I3336" t="s">
        <v>30540</v>
      </c>
    </row>
    <row r="3337" spans="1:9">
      <c r="A3337" s="1">
        <v>0.11755498393722286</v>
      </c>
      <c r="B3337" s="1"/>
      <c r="C3337">
        <v>17</v>
      </c>
      <c r="D3337" t="s">
        <v>7932</v>
      </c>
      <c r="E3337" t="s">
        <v>31971</v>
      </c>
      <c r="F3337">
        <v>4</v>
      </c>
      <c r="G3337" t="s">
        <v>0</v>
      </c>
      <c r="H3337" t="s">
        <v>7933</v>
      </c>
      <c r="I3337" t="s">
        <v>30540</v>
      </c>
    </row>
    <row r="3338" spans="1:9">
      <c r="A3338" s="1">
        <v>0.14254090953485787</v>
      </c>
      <c r="B3338" s="1"/>
      <c r="C3338">
        <v>5</v>
      </c>
      <c r="D3338" t="s">
        <v>7920</v>
      </c>
      <c r="E3338" t="s">
        <v>31972</v>
      </c>
      <c r="F3338">
        <v>5</v>
      </c>
      <c r="G3338" t="s">
        <v>0</v>
      </c>
      <c r="H3338" t="s">
        <v>7921</v>
      </c>
      <c r="I3338" t="s">
        <v>30540</v>
      </c>
    </row>
    <row r="3339" spans="1:9">
      <c r="A3339" s="1">
        <v>0.55373882705503208</v>
      </c>
      <c r="B3339" s="1"/>
      <c r="C3339">
        <v>7</v>
      </c>
      <c r="D3339" t="s">
        <v>7922</v>
      </c>
      <c r="E3339" t="s">
        <v>31972</v>
      </c>
      <c r="F3339">
        <v>5</v>
      </c>
      <c r="G3339" t="s">
        <v>1295</v>
      </c>
      <c r="H3339" t="s">
        <v>7923</v>
      </c>
      <c r="I3339" t="s">
        <v>30540</v>
      </c>
    </row>
    <row r="3340" spans="1:9">
      <c r="A3340" s="1">
        <v>2.1414887717512432E-2</v>
      </c>
      <c r="B3340" s="1"/>
      <c r="C3340">
        <v>15</v>
      </c>
      <c r="D3340" t="s">
        <v>7924</v>
      </c>
      <c r="E3340" t="s">
        <v>31972</v>
      </c>
      <c r="F3340">
        <v>4</v>
      </c>
      <c r="G3340" t="s">
        <v>0</v>
      </c>
      <c r="H3340" t="s">
        <v>7925</v>
      </c>
      <c r="I3340" t="s">
        <v>30540</v>
      </c>
    </row>
    <row r="3341" spans="1:9">
      <c r="A3341" s="1">
        <v>0.83836152697755628</v>
      </c>
      <c r="B3341" s="1"/>
      <c r="C3341">
        <v>15</v>
      </c>
      <c r="D3341" t="s">
        <v>7910</v>
      </c>
      <c r="E3341" t="s">
        <v>31973</v>
      </c>
      <c r="F3341">
        <v>5</v>
      </c>
      <c r="G3341" t="s">
        <v>0</v>
      </c>
      <c r="H3341" t="s">
        <v>7911</v>
      </c>
      <c r="I3341" t="s">
        <v>30540</v>
      </c>
    </row>
    <row r="3342" spans="1:9">
      <c r="A3342" s="1">
        <v>0.71719541395112085</v>
      </c>
      <c r="B3342" s="1"/>
      <c r="C3342">
        <v>20</v>
      </c>
      <c r="D3342" t="s">
        <v>7916</v>
      </c>
      <c r="E3342" t="s">
        <v>31973</v>
      </c>
      <c r="F3342">
        <v>5</v>
      </c>
      <c r="G3342" t="s">
        <v>10</v>
      </c>
      <c r="H3342" t="s">
        <v>7917</v>
      </c>
      <c r="I3342" t="s">
        <v>30540</v>
      </c>
    </row>
    <row r="3343" spans="1:9">
      <c r="A3343" s="1">
        <v>0.28934190753992617</v>
      </c>
      <c r="B3343" s="1"/>
      <c r="C3343">
        <v>5</v>
      </c>
      <c r="D3343" t="s">
        <v>7904</v>
      </c>
      <c r="E3343" t="s">
        <v>31973</v>
      </c>
      <c r="F3343">
        <v>5</v>
      </c>
      <c r="G3343" t="s">
        <v>0</v>
      </c>
      <c r="H3343" t="s">
        <v>7905</v>
      </c>
      <c r="I3343" t="s">
        <v>30540</v>
      </c>
    </row>
    <row r="3344" spans="1:9">
      <c r="A3344" s="1">
        <v>0.76473052243479367</v>
      </c>
      <c r="B3344" s="1"/>
      <c r="C3344">
        <v>7</v>
      </c>
      <c r="D3344" t="s">
        <v>7906</v>
      </c>
      <c r="E3344" t="s">
        <v>31973</v>
      </c>
      <c r="F3344">
        <v>4</v>
      </c>
      <c r="G3344" t="s">
        <v>9</v>
      </c>
      <c r="H3344" t="s">
        <v>7907</v>
      </c>
      <c r="I3344" t="s">
        <v>30540</v>
      </c>
    </row>
    <row r="3345" spans="1:9">
      <c r="A3345" s="1">
        <v>0.50257437123604387</v>
      </c>
      <c r="B3345" s="1"/>
      <c r="C3345">
        <v>18</v>
      </c>
      <c r="D3345" t="s">
        <v>7914</v>
      </c>
      <c r="E3345" t="s">
        <v>31973</v>
      </c>
      <c r="F3345">
        <v>3</v>
      </c>
      <c r="G3345" t="s">
        <v>0</v>
      </c>
      <c r="H3345" t="s">
        <v>7915</v>
      </c>
      <c r="I3345" t="s">
        <v>30540</v>
      </c>
    </row>
    <row r="3346" spans="1:9">
      <c r="A3346" s="1">
        <v>0.88641106740373021</v>
      </c>
      <c r="B3346" s="1"/>
      <c r="C3346">
        <v>17</v>
      </c>
      <c r="D3346" t="s">
        <v>7898</v>
      </c>
      <c r="E3346" t="s">
        <v>31974</v>
      </c>
      <c r="F3346">
        <v>5</v>
      </c>
      <c r="G3346" t="s">
        <v>0</v>
      </c>
      <c r="H3346" t="s">
        <v>7899</v>
      </c>
      <c r="I3346" t="s">
        <v>30540</v>
      </c>
    </row>
    <row r="3347" spans="1:9">
      <c r="A3347" s="1">
        <v>0.82876972297211449</v>
      </c>
      <c r="B3347" s="1"/>
      <c r="C3347">
        <v>20</v>
      </c>
      <c r="D3347" t="s">
        <v>7900</v>
      </c>
      <c r="E3347" t="s">
        <v>31974</v>
      </c>
      <c r="F3347">
        <v>5</v>
      </c>
      <c r="G3347" t="s">
        <v>762</v>
      </c>
      <c r="H3347" t="s">
        <v>7901</v>
      </c>
      <c r="I3347" t="s">
        <v>30540</v>
      </c>
    </row>
    <row r="3348" spans="1:9">
      <c r="A3348" s="1">
        <v>0.45550632886847153</v>
      </c>
      <c r="B3348" s="1"/>
      <c r="C3348">
        <v>16</v>
      </c>
      <c r="D3348" t="s">
        <v>7896</v>
      </c>
      <c r="E3348" t="s">
        <v>31974</v>
      </c>
      <c r="F3348">
        <v>4</v>
      </c>
      <c r="G3348" t="s">
        <v>0</v>
      </c>
      <c r="H3348" t="s">
        <v>7897</v>
      </c>
      <c r="I3348" t="s">
        <v>30540</v>
      </c>
    </row>
    <row r="3349" spans="1:9">
      <c r="A3349" s="1">
        <v>0.11915375729246991</v>
      </c>
      <c r="B3349" s="1"/>
      <c r="C3349">
        <v>2</v>
      </c>
      <c r="D3349" t="s">
        <v>7894</v>
      </c>
      <c r="E3349" t="s">
        <v>31974</v>
      </c>
      <c r="F3349">
        <v>4</v>
      </c>
      <c r="G3349" t="s">
        <v>774</v>
      </c>
      <c r="H3349" t="s">
        <v>7895</v>
      </c>
      <c r="I3349" t="s">
        <v>30540</v>
      </c>
    </row>
    <row r="3350" spans="1:9">
      <c r="A3350" s="1">
        <v>0.46628901767247555</v>
      </c>
      <c r="B3350" s="1"/>
      <c r="C3350">
        <v>7</v>
      </c>
      <c r="D3350" t="s">
        <v>7884</v>
      </c>
      <c r="E3350" t="s">
        <v>31975</v>
      </c>
      <c r="F3350">
        <v>5</v>
      </c>
      <c r="G3350" t="s">
        <v>0</v>
      </c>
      <c r="H3350" t="s">
        <v>7885</v>
      </c>
      <c r="I3350" t="s">
        <v>30540</v>
      </c>
    </row>
    <row r="3351" spans="1:9">
      <c r="A3351" s="1">
        <v>9.5085112288987306E-2</v>
      </c>
      <c r="B3351" s="1"/>
      <c r="C3351">
        <v>6</v>
      </c>
      <c r="D3351" t="s">
        <v>7882</v>
      </c>
      <c r="E3351" t="s">
        <v>31975</v>
      </c>
      <c r="F3351">
        <v>4</v>
      </c>
      <c r="G3351" t="s">
        <v>0</v>
      </c>
      <c r="H3351" t="s">
        <v>7883</v>
      </c>
      <c r="I3351" t="s">
        <v>30540</v>
      </c>
    </row>
    <row r="3352" spans="1:9">
      <c r="A3352" s="1">
        <v>0.36354018722269321</v>
      </c>
      <c r="B3352" s="1"/>
      <c r="C3352">
        <v>9</v>
      </c>
      <c r="D3352" t="s">
        <v>7886</v>
      </c>
      <c r="E3352" t="s">
        <v>31975</v>
      </c>
      <c r="F3352">
        <v>4</v>
      </c>
      <c r="G3352" t="s">
        <v>0</v>
      </c>
      <c r="H3352" t="s">
        <v>7887</v>
      </c>
      <c r="I3352" t="s">
        <v>30540</v>
      </c>
    </row>
    <row r="3353" spans="1:9">
      <c r="A3353" s="1">
        <v>0.11915555488995588</v>
      </c>
      <c r="B3353" s="1"/>
      <c r="C3353">
        <v>3</v>
      </c>
      <c r="D3353" t="s">
        <v>7880</v>
      </c>
      <c r="E3353" t="s">
        <v>31975</v>
      </c>
      <c r="F3353">
        <v>4</v>
      </c>
      <c r="G3353" t="s">
        <v>0</v>
      </c>
      <c r="H3353" t="s">
        <v>7881</v>
      </c>
      <c r="I3353" t="s">
        <v>30540</v>
      </c>
    </row>
    <row r="3354" spans="1:9">
      <c r="A3354" s="1">
        <v>0.1161978445344628</v>
      </c>
      <c r="B3354" s="1"/>
      <c r="C3354">
        <v>12</v>
      </c>
      <c r="D3354" t="s">
        <v>7892</v>
      </c>
      <c r="E3354" t="s">
        <v>31975</v>
      </c>
      <c r="F3354">
        <v>4</v>
      </c>
      <c r="G3354" t="s">
        <v>2</v>
      </c>
      <c r="H3354" t="s">
        <v>7893</v>
      </c>
      <c r="I3354" t="s">
        <v>30540</v>
      </c>
    </row>
    <row r="3355" spans="1:9">
      <c r="A3355" s="1">
        <v>0.59402620334084189</v>
      </c>
      <c r="B3355" s="1"/>
      <c r="C3355">
        <v>11</v>
      </c>
      <c r="D3355" t="s">
        <v>7890</v>
      </c>
      <c r="E3355" t="s">
        <v>31975</v>
      </c>
      <c r="F3355">
        <v>4</v>
      </c>
      <c r="G3355" t="s">
        <v>9</v>
      </c>
      <c r="H3355" t="s">
        <v>7891</v>
      </c>
      <c r="I3355" t="s">
        <v>30540</v>
      </c>
    </row>
    <row r="3356" spans="1:9">
      <c r="A3356" s="1">
        <v>0.54905918007825927</v>
      </c>
      <c r="B3356" s="1"/>
      <c r="C3356">
        <v>10</v>
      </c>
      <c r="D3356" t="s">
        <v>7888</v>
      </c>
      <c r="E3356" t="s">
        <v>31975</v>
      </c>
      <c r="F3356">
        <v>3</v>
      </c>
      <c r="G3356" t="s">
        <v>13</v>
      </c>
      <c r="H3356" t="s">
        <v>7889</v>
      </c>
      <c r="I3356" t="s">
        <v>30540</v>
      </c>
    </row>
    <row r="3357" spans="1:9">
      <c r="A3357" s="1">
        <v>1.2413493414009991E-2</v>
      </c>
      <c r="B3357" s="1"/>
      <c r="C3357">
        <v>15</v>
      </c>
      <c r="D3357" t="s">
        <v>7872</v>
      </c>
      <c r="E3357" t="s">
        <v>31976</v>
      </c>
      <c r="F3357">
        <v>5</v>
      </c>
      <c r="G3357" t="s">
        <v>9</v>
      </c>
      <c r="H3357" t="s">
        <v>7873</v>
      </c>
      <c r="I3357" t="s">
        <v>30540</v>
      </c>
    </row>
    <row r="3358" spans="1:9">
      <c r="A3358" s="1">
        <v>0.49149604625502707</v>
      </c>
      <c r="B3358" s="1"/>
      <c r="C3358">
        <v>20</v>
      </c>
      <c r="D3358" t="s">
        <v>7878</v>
      </c>
      <c r="E3358" t="s">
        <v>31976</v>
      </c>
      <c r="F3358">
        <v>5</v>
      </c>
      <c r="G3358" t="s">
        <v>0</v>
      </c>
      <c r="H3358" t="s">
        <v>7879</v>
      </c>
      <c r="I3358" t="s">
        <v>30540</v>
      </c>
    </row>
    <row r="3359" spans="1:9">
      <c r="A3359" s="1">
        <v>7.1283558806210623E-2</v>
      </c>
      <c r="B3359" s="1"/>
      <c r="C3359">
        <v>3</v>
      </c>
      <c r="D3359" t="s">
        <v>7868</v>
      </c>
      <c r="E3359" t="s">
        <v>31976</v>
      </c>
      <c r="F3359">
        <v>4</v>
      </c>
      <c r="G3359" t="s">
        <v>9</v>
      </c>
      <c r="H3359" t="s">
        <v>7869</v>
      </c>
      <c r="I3359" t="s">
        <v>30540</v>
      </c>
    </row>
    <row r="3360" spans="1:9">
      <c r="A3360" s="1">
        <v>0.98254010694674587</v>
      </c>
      <c r="B3360" s="1"/>
      <c r="C3360">
        <v>18</v>
      </c>
      <c r="D3360" t="s">
        <v>7874</v>
      </c>
      <c r="E3360" t="s">
        <v>31976</v>
      </c>
      <c r="F3360">
        <v>4</v>
      </c>
      <c r="G3360" t="s">
        <v>771</v>
      </c>
      <c r="H3360" t="s">
        <v>7875</v>
      </c>
      <c r="I3360" t="s">
        <v>30540</v>
      </c>
    </row>
    <row r="3361" spans="1:9">
      <c r="A3361" s="1">
        <v>0.72943099873521267</v>
      </c>
      <c r="B3361" s="1"/>
      <c r="C3361">
        <v>19</v>
      </c>
      <c r="D3361" t="s">
        <v>7876</v>
      </c>
      <c r="E3361" t="s">
        <v>31976</v>
      </c>
      <c r="F3361">
        <v>4</v>
      </c>
      <c r="G3361" t="s">
        <v>0</v>
      </c>
      <c r="H3361" t="s">
        <v>7877</v>
      </c>
      <c r="I3361" t="s">
        <v>30540</v>
      </c>
    </row>
    <row r="3362" spans="1:9">
      <c r="A3362" s="1">
        <v>0.82682728053848598</v>
      </c>
      <c r="B3362" s="1"/>
      <c r="C3362">
        <v>12</v>
      </c>
      <c r="D3362" t="s">
        <v>7860</v>
      </c>
      <c r="E3362" t="s">
        <v>31977</v>
      </c>
      <c r="F3362">
        <v>4</v>
      </c>
      <c r="G3362" t="s">
        <v>0</v>
      </c>
      <c r="H3362" t="s">
        <v>7861</v>
      </c>
      <c r="I3362" t="s">
        <v>30540</v>
      </c>
    </row>
    <row r="3363" spans="1:9">
      <c r="A3363" s="1">
        <v>4.7584368037918989E-2</v>
      </c>
      <c r="B3363" s="1"/>
      <c r="C3363">
        <v>8</v>
      </c>
      <c r="D3363" t="s">
        <v>7858</v>
      </c>
      <c r="E3363" t="s">
        <v>31977</v>
      </c>
      <c r="F3363">
        <v>4</v>
      </c>
      <c r="G3363" t="s">
        <v>0</v>
      </c>
      <c r="H3363" t="s">
        <v>7859</v>
      </c>
      <c r="I3363" t="s">
        <v>30540</v>
      </c>
    </row>
    <row r="3364" spans="1:9">
      <c r="A3364" s="1">
        <v>0.12157781993649308</v>
      </c>
      <c r="B3364" s="1"/>
      <c r="C3364">
        <v>15</v>
      </c>
      <c r="D3364" t="s">
        <v>7864</v>
      </c>
      <c r="E3364" t="s">
        <v>31977</v>
      </c>
      <c r="F3364">
        <v>4</v>
      </c>
      <c r="G3364" t="s">
        <v>0</v>
      </c>
      <c r="H3364" t="s">
        <v>7865</v>
      </c>
      <c r="I3364" t="s">
        <v>30540</v>
      </c>
    </row>
    <row r="3365" spans="1:9">
      <c r="A3365" s="1">
        <v>0.19598712841570443</v>
      </c>
      <c r="B3365" s="1"/>
      <c r="C3365">
        <v>16</v>
      </c>
      <c r="D3365" t="s">
        <v>7866</v>
      </c>
      <c r="E3365" t="s">
        <v>31977</v>
      </c>
      <c r="F3365">
        <v>3</v>
      </c>
      <c r="G3365" t="s">
        <v>10</v>
      </c>
      <c r="H3365" t="s">
        <v>7867</v>
      </c>
      <c r="I3365" t="s">
        <v>30540</v>
      </c>
    </row>
    <row r="3366" spans="1:9">
      <c r="A3366" s="1">
        <v>0.17334370379685993</v>
      </c>
      <c r="B3366" s="1"/>
      <c r="C3366">
        <v>19</v>
      </c>
      <c r="D3366" t="s">
        <v>7854</v>
      </c>
      <c r="E3366" t="s">
        <v>31978</v>
      </c>
      <c r="F3366">
        <v>5</v>
      </c>
      <c r="G3366" t="s">
        <v>0</v>
      </c>
      <c r="H3366" t="s">
        <v>7855</v>
      </c>
      <c r="I3366" t="s">
        <v>30540</v>
      </c>
    </row>
    <row r="3367" spans="1:9">
      <c r="A3367" s="1">
        <v>1.6256039501755915E-2</v>
      </c>
      <c r="B3367" s="1"/>
      <c r="C3367">
        <v>11</v>
      </c>
      <c r="D3367" t="s">
        <v>7844</v>
      </c>
      <c r="E3367" t="s">
        <v>31978</v>
      </c>
      <c r="F3367">
        <v>5</v>
      </c>
      <c r="G3367" t="s">
        <v>2</v>
      </c>
      <c r="H3367" t="s">
        <v>7845</v>
      </c>
      <c r="I3367" t="s">
        <v>30540</v>
      </c>
    </row>
    <row r="3368" spans="1:9">
      <c r="A3368" s="1">
        <v>4.3892249673275985E-2</v>
      </c>
      <c r="B3368" s="1"/>
      <c r="C3368">
        <v>14</v>
      </c>
      <c r="D3368" t="s">
        <v>7848</v>
      </c>
      <c r="E3368" t="s">
        <v>31978</v>
      </c>
      <c r="F3368">
        <v>4</v>
      </c>
      <c r="G3368" t="s">
        <v>9</v>
      </c>
      <c r="H3368" t="s">
        <v>7849</v>
      </c>
      <c r="I3368" t="s">
        <v>30540</v>
      </c>
    </row>
    <row r="3369" spans="1:9">
      <c r="A3369" s="1">
        <v>0.77155495348373726</v>
      </c>
      <c r="B3369" s="1"/>
      <c r="C3369">
        <v>2</v>
      </c>
      <c r="D3369" t="s">
        <v>7840</v>
      </c>
      <c r="E3369" t="s">
        <v>31978</v>
      </c>
      <c r="F3369">
        <v>3</v>
      </c>
      <c r="G3369" t="s">
        <v>762</v>
      </c>
      <c r="H3369" t="s">
        <v>7841</v>
      </c>
      <c r="I3369" t="s">
        <v>30540</v>
      </c>
    </row>
    <row r="3370" spans="1:9">
      <c r="A3370" s="1">
        <v>0.60279543238840039</v>
      </c>
      <c r="B3370" s="1"/>
      <c r="C3370">
        <v>16</v>
      </c>
      <c r="D3370" t="s">
        <v>7850</v>
      </c>
      <c r="E3370" t="s">
        <v>31978</v>
      </c>
      <c r="F3370">
        <v>3</v>
      </c>
      <c r="G3370" t="s">
        <v>0</v>
      </c>
      <c r="H3370" t="s">
        <v>7851</v>
      </c>
      <c r="I3370" t="s">
        <v>30540</v>
      </c>
    </row>
    <row r="3371" spans="1:9">
      <c r="A3371" s="1">
        <v>0.5126943069870018</v>
      </c>
      <c r="B3371" s="1"/>
      <c r="C3371">
        <v>7</v>
      </c>
      <c r="D3371" t="s">
        <v>7838</v>
      </c>
      <c r="E3371" t="s">
        <v>31979</v>
      </c>
      <c r="F3371">
        <v>4</v>
      </c>
      <c r="G3371" t="s">
        <v>0</v>
      </c>
      <c r="H3371" t="s">
        <v>7839</v>
      </c>
      <c r="I3371" t="s">
        <v>30540</v>
      </c>
    </row>
    <row r="3372" spans="1:9">
      <c r="A3372" s="1">
        <v>0.65293724898393801</v>
      </c>
      <c r="B3372" s="1"/>
      <c r="C3372">
        <v>4</v>
      </c>
      <c r="D3372" t="s">
        <v>7836</v>
      </c>
      <c r="E3372" t="s">
        <v>31979</v>
      </c>
      <c r="F3372">
        <v>4</v>
      </c>
      <c r="G3372" t="s">
        <v>770</v>
      </c>
      <c r="H3372" t="s">
        <v>7837</v>
      </c>
      <c r="I3372" t="s">
        <v>30540</v>
      </c>
    </row>
    <row r="3373" spans="1:9">
      <c r="A3373" s="1">
        <v>0.49622346514465399</v>
      </c>
      <c r="B3373" s="1"/>
      <c r="C3373">
        <v>10</v>
      </c>
      <c r="D3373" t="s">
        <v>7830</v>
      </c>
      <c r="E3373" t="s">
        <v>31980</v>
      </c>
      <c r="F3373">
        <v>4</v>
      </c>
      <c r="G3373" t="s">
        <v>13</v>
      </c>
      <c r="H3373" t="s">
        <v>7831</v>
      </c>
      <c r="I3373" t="s">
        <v>30540</v>
      </c>
    </row>
    <row r="3374" spans="1:9">
      <c r="A3374" s="1">
        <v>8.3458417384784211E-2</v>
      </c>
      <c r="B3374" s="1"/>
      <c r="C3374">
        <v>11</v>
      </c>
      <c r="D3374" t="s">
        <v>7832</v>
      </c>
      <c r="E3374" t="s">
        <v>31980</v>
      </c>
      <c r="F3374">
        <v>4</v>
      </c>
      <c r="G3374" t="s">
        <v>10</v>
      </c>
      <c r="H3374" t="s">
        <v>7833</v>
      </c>
      <c r="I3374" t="s">
        <v>30540</v>
      </c>
    </row>
    <row r="3375" spans="1:9">
      <c r="A3375" s="1">
        <v>0.4793800444080818</v>
      </c>
      <c r="B3375" s="1"/>
      <c r="C3375">
        <v>15</v>
      </c>
      <c r="D3375" t="s">
        <v>7834</v>
      </c>
      <c r="E3375" t="s">
        <v>31980</v>
      </c>
      <c r="F3375">
        <v>4</v>
      </c>
      <c r="G3375" t="s">
        <v>10</v>
      </c>
      <c r="H3375" t="s">
        <v>7835</v>
      </c>
      <c r="I3375" t="s">
        <v>30540</v>
      </c>
    </row>
    <row r="3376" spans="1:9">
      <c r="A3376" s="1">
        <v>0.42339741442603041</v>
      </c>
      <c r="B3376" s="1"/>
      <c r="C3376">
        <v>5</v>
      </c>
      <c r="D3376" t="s">
        <v>7824</v>
      </c>
      <c r="E3376" t="s">
        <v>31981</v>
      </c>
      <c r="F3376">
        <v>4</v>
      </c>
      <c r="G3376" t="s">
        <v>774</v>
      </c>
      <c r="H3376" t="s">
        <v>7825</v>
      </c>
      <c r="I3376" t="s">
        <v>30540</v>
      </c>
    </row>
    <row r="3377" spans="1:9">
      <c r="A3377" s="1">
        <v>0.31953980350915323</v>
      </c>
      <c r="B3377" s="1"/>
      <c r="C3377">
        <v>18</v>
      </c>
      <c r="D3377" t="s">
        <v>7828</v>
      </c>
      <c r="E3377" t="s">
        <v>31981</v>
      </c>
      <c r="F3377">
        <v>4</v>
      </c>
      <c r="G3377" t="s">
        <v>762</v>
      </c>
      <c r="H3377" t="s">
        <v>7829</v>
      </c>
      <c r="I3377" t="s">
        <v>30540</v>
      </c>
    </row>
    <row r="3378" spans="1:9">
      <c r="A3378" s="1">
        <v>0.88342461609802847</v>
      </c>
      <c r="B3378" s="1"/>
      <c r="C3378">
        <v>13</v>
      </c>
      <c r="D3378" t="s">
        <v>7826</v>
      </c>
      <c r="E3378" t="s">
        <v>31981</v>
      </c>
      <c r="F3378">
        <v>3</v>
      </c>
      <c r="G3378" t="s">
        <v>10</v>
      </c>
      <c r="H3378" t="s">
        <v>7827</v>
      </c>
      <c r="I3378" t="s">
        <v>30540</v>
      </c>
    </row>
    <row r="3379" spans="1:9">
      <c r="A3379" s="1">
        <v>0.72985745781205702</v>
      </c>
      <c r="B3379" s="1"/>
      <c r="C3379">
        <v>18</v>
      </c>
      <c r="D3379" t="s">
        <v>7822</v>
      </c>
      <c r="E3379" t="s">
        <v>31982</v>
      </c>
      <c r="F3379">
        <v>5</v>
      </c>
      <c r="G3379" t="s">
        <v>0</v>
      </c>
      <c r="H3379" t="s">
        <v>7823</v>
      </c>
      <c r="I3379" t="s">
        <v>30540</v>
      </c>
    </row>
    <row r="3380" spans="1:9">
      <c r="A3380" s="1">
        <v>0.61063287002265743</v>
      </c>
      <c r="B3380" s="1"/>
      <c r="C3380">
        <v>17</v>
      </c>
      <c r="D3380" t="s">
        <v>7820</v>
      </c>
      <c r="E3380" t="s">
        <v>31982</v>
      </c>
      <c r="F3380">
        <v>4</v>
      </c>
      <c r="G3380" t="s">
        <v>9</v>
      </c>
      <c r="H3380" t="s">
        <v>7821</v>
      </c>
      <c r="I3380" t="s">
        <v>30540</v>
      </c>
    </row>
    <row r="3381" spans="1:9">
      <c r="A3381" s="1">
        <v>0.53393679250216231</v>
      </c>
      <c r="B3381" s="1"/>
      <c r="C3381">
        <v>10</v>
      </c>
      <c r="D3381" t="s">
        <v>7814</v>
      </c>
      <c r="E3381" t="s">
        <v>31982</v>
      </c>
      <c r="F3381">
        <v>4</v>
      </c>
      <c r="G3381" t="s">
        <v>0</v>
      </c>
      <c r="H3381" t="s">
        <v>7815</v>
      </c>
      <c r="I3381" t="s">
        <v>30540</v>
      </c>
    </row>
    <row r="3382" spans="1:9">
      <c r="A3382" s="1">
        <v>0.34446975696328708</v>
      </c>
      <c r="B3382" s="1"/>
      <c r="C3382">
        <v>5</v>
      </c>
      <c r="D3382" t="s">
        <v>7812</v>
      </c>
      <c r="E3382" t="s">
        <v>31982</v>
      </c>
      <c r="F3382">
        <v>4</v>
      </c>
      <c r="G3382" t="s">
        <v>15</v>
      </c>
      <c r="H3382" t="s">
        <v>7813</v>
      </c>
      <c r="I3382" t="s">
        <v>30540</v>
      </c>
    </row>
    <row r="3383" spans="1:9">
      <c r="A3383" s="1">
        <v>0.25642569694907991</v>
      </c>
      <c r="B3383" s="1"/>
      <c r="C3383">
        <v>11</v>
      </c>
      <c r="D3383" t="s">
        <v>7816</v>
      </c>
      <c r="E3383" t="s">
        <v>31982</v>
      </c>
      <c r="F3383">
        <v>4</v>
      </c>
      <c r="G3383" t="s">
        <v>0</v>
      </c>
      <c r="H3383" t="s">
        <v>7817</v>
      </c>
      <c r="I3383" t="s">
        <v>30540</v>
      </c>
    </row>
    <row r="3384" spans="1:9">
      <c r="A3384" s="1">
        <v>5.1358232104917745E-3</v>
      </c>
      <c r="B3384" s="1"/>
      <c r="C3384">
        <v>4</v>
      </c>
      <c r="D3384" t="s">
        <v>7810</v>
      </c>
      <c r="E3384" t="s">
        <v>31982</v>
      </c>
      <c r="F3384">
        <v>4</v>
      </c>
      <c r="G3384" t="s">
        <v>0</v>
      </c>
      <c r="H3384" t="s">
        <v>7811</v>
      </c>
      <c r="I3384" t="s">
        <v>30540</v>
      </c>
    </row>
    <row r="3385" spans="1:9">
      <c r="A3385" s="1">
        <v>0.1258228637000337</v>
      </c>
      <c r="B3385" s="1"/>
      <c r="C3385">
        <v>13</v>
      </c>
      <c r="D3385" t="s">
        <v>7818</v>
      </c>
      <c r="E3385" t="s">
        <v>31982</v>
      </c>
      <c r="F3385">
        <v>4</v>
      </c>
      <c r="G3385" t="s">
        <v>0</v>
      </c>
      <c r="H3385" t="s">
        <v>7819</v>
      </c>
      <c r="I3385" t="s">
        <v>30540</v>
      </c>
    </row>
    <row r="3386" spans="1:9">
      <c r="A3386" s="1">
        <v>0.44927682494531362</v>
      </c>
      <c r="B3386" s="1"/>
      <c r="C3386">
        <v>1</v>
      </c>
      <c r="D3386" t="s">
        <v>7808</v>
      </c>
      <c r="E3386" t="s">
        <v>31982</v>
      </c>
      <c r="F3386">
        <v>3</v>
      </c>
      <c r="G3386" t="s">
        <v>9</v>
      </c>
      <c r="H3386" t="s">
        <v>7809</v>
      </c>
      <c r="I3386" t="s">
        <v>30540</v>
      </c>
    </row>
    <row r="3387" spans="1:9">
      <c r="A3387" s="1">
        <v>0.58451299186249894</v>
      </c>
      <c r="B3387" s="1"/>
      <c r="C3387">
        <v>3</v>
      </c>
      <c r="D3387" t="s">
        <v>7802</v>
      </c>
      <c r="E3387" t="s">
        <v>31983</v>
      </c>
      <c r="F3387">
        <v>5</v>
      </c>
      <c r="G3387" t="s">
        <v>774</v>
      </c>
      <c r="H3387" t="s">
        <v>7803</v>
      </c>
      <c r="I3387" t="s">
        <v>30540</v>
      </c>
    </row>
    <row r="3388" spans="1:9">
      <c r="A3388" s="1">
        <v>0.49864865155591542</v>
      </c>
      <c r="B3388" s="1"/>
      <c r="C3388">
        <v>13</v>
      </c>
      <c r="D3388" t="s">
        <v>7804</v>
      </c>
      <c r="E3388" t="s">
        <v>31983</v>
      </c>
      <c r="F3388">
        <v>4</v>
      </c>
      <c r="G3388" t="s">
        <v>14</v>
      </c>
      <c r="H3388" t="s">
        <v>7805</v>
      </c>
      <c r="I3388" t="s">
        <v>30540</v>
      </c>
    </row>
    <row r="3389" spans="1:9">
      <c r="A3389" s="1">
        <v>7.5440528550106412E-2</v>
      </c>
      <c r="B3389" s="1"/>
      <c r="C3389">
        <v>14</v>
      </c>
      <c r="D3389" t="s">
        <v>7806</v>
      </c>
      <c r="E3389" t="s">
        <v>31983</v>
      </c>
      <c r="F3389">
        <v>4</v>
      </c>
      <c r="G3389" t="s">
        <v>0</v>
      </c>
      <c r="H3389" t="s">
        <v>7807</v>
      </c>
      <c r="I3389" t="s">
        <v>30540</v>
      </c>
    </row>
    <row r="3390" spans="1:9">
      <c r="A3390" s="1">
        <v>0.649707114218111</v>
      </c>
      <c r="B3390" s="1"/>
      <c r="C3390">
        <v>16</v>
      </c>
      <c r="D3390" t="s">
        <v>7800</v>
      </c>
      <c r="E3390" t="s">
        <v>31984</v>
      </c>
      <c r="F3390">
        <v>4</v>
      </c>
      <c r="G3390" t="s">
        <v>0</v>
      </c>
      <c r="H3390" t="s">
        <v>7801</v>
      </c>
      <c r="I3390" t="s">
        <v>30540</v>
      </c>
    </row>
    <row r="3391" spans="1:9">
      <c r="A3391" s="1">
        <v>0.32048090620659619</v>
      </c>
      <c r="B3391" s="1"/>
      <c r="C3391">
        <v>1</v>
      </c>
      <c r="D3391" t="s">
        <v>7792</v>
      </c>
      <c r="E3391" t="s">
        <v>31985</v>
      </c>
      <c r="F3391">
        <v>4</v>
      </c>
      <c r="G3391" t="s">
        <v>1</v>
      </c>
      <c r="H3391" t="s">
        <v>7793</v>
      </c>
      <c r="I3391" t="s">
        <v>30540</v>
      </c>
    </row>
    <row r="3392" spans="1:9">
      <c r="A3392" s="1">
        <v>0.24645581520895432</v>
      </c>
      <c r="B3392" s="1"/>
      <c r="C3392">
        <v>15</v>
      </c>
      <c r="D3392" t="s">
        <v>7796</v>
      </c>
      <c r="E3392" t="s">
        <v>31985</v>
      </c>
      <c r="F3392">
        <v>4</v>
      </c>
      <c r="G3392" t="s">
        <v>15</v>
      </c>
      <c r="H3392" t="s">
        <v>7797</v>
      </c>
      <c r="I3392" t="s">
        <v>30540</v>
      </c>
    </row>
    <row r="3393" spans="1:9">
      <c r="A3393" s="1">
        <v>0.67079130417305965</v>
      </c>
      <c r="B3393" s="1"/>
      <c r="C3393">
        <v>8</v>
      </c>
      <c r="D3393" t="s">
        <v>7794</v>
      </c>
      <c r="E3393" t="s">
        <v>31985</v>
      </c>
      <c r="F3393">
        <v>4</v>
      </c>
      <c r="G3393" t="s">
        <v>9</v>
      </c>
      <c r="H3393" t="s">
        <v>7795</v>
      </c>
      <c r="I3393" t="s">
        <v>30540</v>
      </c>
    </row>
    <row r="3394" spans="1:9">
      <c r="A3394" s="1">
        <v>0.71893633818523328</v>
      </c>
      <c r="B3394" s="1"/>
      <c r="C3394">
        <v>1</v>
      </c>
      <c r="D3394" t="s">
        <v>7784</v>
      </c>
      <c r="E3394" t="s">
        <v>31986</v>
      </c>
      <c r="F3394">
        <v>4</v>
      </c>
      <c r="G3394" t="s">
        <v>771</v>
      </c>
      <c r="H3394" t="s">
        <v>7785</v>
      </c>
      <c r="I3394" t="s">
        <v>30540</v>
      </c>
    </row>
    <row r="3395" spans="1:9">
      <c r="A3395" s="1">
        <v>0.322175558640315</v>
      </c>
      <c r="B3395" s="1"/>
      <c r="C3395">
        <v>10</v>
      </c>
      <c r="D3395" t="s">
        <v>7790</v>
      </c>
      <c r="E3395" t="s">
        <v>31986</v>
      </c>
      <c r="F3395">
        <v>4</v>
      </c>
      <c r="G3395" t="s">
        <v>9</v>
      </c>
      <c r="H3395" t="s">
        <v>7791</v>
      </c>
      <c r="I3395" t="s">
        <v>30540</v>
      </c>
    </row>
    <row r="3396" spans="1:9">
      <c r="A3396" s="1">
        <v>2.0927710718783965E-2</v>
      </c>
      <c r="B3396" s="1"/>
      <c r="C3396">
        <v>5</v>
      </c>
      <c r="D3396" t="s">
        <v>7788</v>
      </c>
      <c r="E3396" t="s">
        <v>31986</v>
      </c>
      <c r="F3396">
        <v>4</v>
      </c>
      <c r="G3396" t="s">
        <v>0</v>
      </c>
      <c r="H3396" t="s">
        <v>7789</v>
      </c>
      <c r="I3396" t="s">
        <v>30540</v>
      </c>
    </row>
    <row r="3397" spans="1:9">
      <c r="A3397" s="1">
        <v>0.22923006219062603</v>
      </c>
      <c r="B3397" s="1"/>
      <c r="C3397">
        <v>2</v>
      </c>
      <c r="D3397" t="s">
        <v>7786</v>
      </c>
      <c r="E3397" t="s">
        <v>31986</v>
      </c>
      <c r="F3397">
        <v>4</v>
      </c>
      <c r="G3397" t="s">
        <v>14</v>
      </c>
      <c r="H3397" t="s">
        <v>7787</v>
      </c>
      <c r="I3397" t="s">
        <v>30540</v>
      </c>
    </row>
    <row r="3398" spans="1:9">
      <c r="A3398" s="1">
        <v>0.96784317171816781</v>
      </c>
      <c r="B3398" s="1"/>
      <c r="C3398">
        <v>20</v>
      </c>
      <c r="D3398" t="s">
        <v>7782</v>
      </c>
      <c r="E3398" t="s">
        <v>31987</v>
      </c>
      <c r="F3398">
        <v>5</v>
      </c>
      <c r="G3398" t="s">
        <v>0</v>
      </c>
      <c r="H3398" t="s">
        <v>7783</v>
      </c>
      <c r="I3398" t="s">
        <v>30540</v>
      </c>
    </row>
    <row r="3399" spans="1:9">
      <c r="A3399" s="1">
        <v>0.16560253796823654</v>
      </c>
      <c r="B3399" s="1"/>
      <c r="C3399">
        <v>12</v>
      </c>
      <c r="D3399" t="s">
        <v>7778</v>
      </c>
      <c r="E3399" t="s">
        <v>31987</v>
      </c>
      <c r="F3399">
        <v>5</v>
      </c>
      <c r="G3399" t="s">
        <v>0</v>
      </c>
      <c r="H3399" t="s">
        <v>7779</v>
      </c>
      <c r="I3399" t="s">
        <v>30540</v>
      </c>
    </row>
    <row r="3400" spans="1:9">
      <c r="A3400" s="1">
        <v>0.20931193058666686</v>
      </c>
      <c r="B3400" s="1"/>
      <c r="C3400">
        <v>18</v>
      </c>
      <c r="D3400" t="s">
        <v>7780</v>
      </c>
      <c r="E3400" t="s">
        <v>31987</v>
      </c>
      <c r="F3400">
        <v>4</v>
      </c>
      <c r="G3400" t="s">
        <v>0</v>
      </c>
      <c r="H3400" t="s">
        <v>7781</v>
      </c>
      <c r="I3400" t="s">
        <v>30540</v>
      </c>
    </row>
    <row r="3401" spans="1:9">
      <c r="A3401" s="1">
        <v>0.20875420619636031</v>
      </c>
      <c r="B3401" s="1"/>
      <c r="C3401">
        <v>20</v>
      </c>
      <c r="D3401" t="s">
        <v>7776</v>
      </c>
      <c r="E3401" t="s">
        <v>31988</v>
      </c>
      <c r="F3401">
        <v>4</v>
      </c>
      <c r="G3401" t="s">
        <v>0</v>
      </c>
      <c r="H3401" t="s">
        <v>7777</v>
      </c>
      <c r="I3401" t="s">
        <v>30540</v>
      </c>
    </row>
    <row r="3402" spans="1:9">
      <c r="A3402" s="1">
        <v>0.77970138939499001</v>
      </c>
      <c r="B3402" s="1"/>
      <c r="C3402">
        <v>18</v>
      </c>
      <c r="D3402" t="s">
        <v>7774</v>
      </c>
      <c r="E3402" t="s">
        <v>31988</v>
      </c>
      <c r="F3402">
        <v>4</v>
      </c>
      <c r="G3402" t="s">
        <v>0</v>
      </c>
      <c r="H3402" t="s">
        <v>7775</v>
      </c>
      <c r="I3402" t="s">
        <v>30540</v>
      </c>
    </row>
    <row r="3403" spans="1:9">
      <c r="A3403" s="1">
        <v>0.58412619857661752</v>
      </c>
      <c r="B3403" s="1"/>
      <c r="C3403">
        <v>16</v>
      </c>
      <c r="D3403" t="s">
        <v>7770</v>
      </c>
      <c r="E3403" t="s">
        <v>31989</v>
      </c>
      <c r="F3403">
        <v>5</v>
      </c>
      <c r="G3403" t="s">
        <v>0</v>
      </c>
      <c r="H3403" t="s">
        <v>7771</v>
      </c>
      <c r="I3403" t="s">
        <v>30540</v>
      </c>
    </row>
    <row r="3404" spans="1:9">
      <c r="A3404" s="1">
        <v>0.95609108665883524</v>
      </c>
      <c r="B3404" s="1"/>
      <c r="C3404">
        <v>1</v>
      </c>
      <c r="D3404" t="s">
        <v>7764</v>
      </c>
      <c r="E3404" t="s">
        <v>31989</v>
      </c>
      <c r="F3404">
        <v>4</v>
      </c>
      <c r="G3404" t="s">
        <v>769</v>
      </c>
      <c r="H3404" t="s">
        <v>7765</v>
      </c>
      <c r="I3404" t="s">
        <v>30540</v>
      </c>
    </row>
    <row r="3405" spans="1:9">
      <c r="A3405" s="1">
        <v>7.4694505398265498E-2</v>
      </c>
      <c r="B3405" s="1"/>
      <c r="C3405">
        <v>5</v>
      </c>
      <c r="D3405" t="s">
        <v>7766</v>
      </c>
      <c r="E3405" t="s">
        <v>31989</v>
      </c>
      <c r="F3405">
        <v>4</v>
      </c>
      <c r="G3405" t="s">
        <v>774</v>
      </c>
      <c r="H3405" t="s">
        <v>7767</v>
      </c>
      <c r="I3405" t="s">
        <v>30540</v>
      </c>
    </row>
    <row r="3406" spans="1:9">
      <c r="A3406" s="1">
        <v>0.11509380408805192</v>
      </c>
      <c r="B3406" s="1"/>
      <c r="C3406">
        <v>12</v>
      </c>
      <c r="D3406" t="s">
        <v>7768</v>
      </c>
      <c r="E3406" t="s">
        <v>31989</v>
      </c>
      <c r="F3406">
        <v>3</v>
      </c>
      <c r="G3406" t="s">
        <v>0</v>
      </c>
      <c r="H3406" t="s">
        <v>7769</v>
      </c>
      <c r="I3406" t="s">
        <v>30540</v>
      </c>
    </row>
    <row r="3407" spans="1:9">
      <c r="A3407" s="1">
        <v>0.44271618446487948</v>
      </c>
      <c r="B3407" s="1"/>
      <c r="C3407">
        <v>13</v>
      </c>
      <c r="D3407" t="s">
        <v>7762</v>
      </c>
      <c r="E3407" t="s">
        <v>31990</v>
      </c>
      <c r="F3407">
        <v>5</v>
      </c>
      <c r="G3407" t="s">
        <v>0</v>
      </c>
      <c r="H3407" t="s">
        <v>7763</v>
      </c>
      <c r="I3407" t="s">
        <v>30540</v>
      </c>
    </row>
    <row r="3408" spans="1:9">
      <c r="A3408" s="1">
        <v>0.34805418205966443</v>
      </c>
      <c r="B3408" s="1"/>
      <c r="C3408">
        <v>6</v>
      </c>
      <c r="D3408" t="s">
        <v>7756</v>
      </c>
      <c r="E3408" t="s">
        <v>31990</v>
      </c>
      <c r="F3408">
        <v>5</v>
      </c>
      <c r="G3408" t="s">
        <v>14</v>
      </c>
      <c r="H3408" t="s">
        <v>7757</v>
      </c>
      <c r="I3408" t="s">
        <v>30540</v>
      </c>
    </row>
    <row r="3409" spans="1:9">
      <c r="A3409" s="1">
        <v>0.41696454496137381</v>
      </c>
      <c r="B3409" s="1"/>
      <c r="C3409">
        <v>12</v>
      </c>
      <c r="D3409" t="s">
        <v>7760</v>
      </c>
      <c r="E3409" t="s">
        <v>31990</v>
      </c>
      <c r="F3409">
        <v>4</v>
      </c>
      <c r="G3409" t="s">
        <v>0</v>
      </c>
      <c r="H3409" t="s">
        <v>7761</v>
      </c>
      <c r="I3409" t="s">
        <v>30540</v>
      </c>
    </row>
    <row r="3410" spans="1:9">
      <c r="A3410" s="1">
        <v>0.96968008337814937</v>
      </c>
      <c r="B3410" s="1"/>
      <c r="C3410">
        <v>10</v>
      </c>
      <c r="D3410" t="s">
        <v>7758</v>
      </c>
      <c r="E3410" t="s">
        <v>31990</v>
      </c>
      <c r="F3410">
        <v>4</v>
      </c>
      <c r="G3410" t="s">
        <v>0</v>
      </c>
      <c r="H3410" t="s">
        <v>7759</v>
      </c>
      <c r="I3410" t="s">
        <v>30540</v>
      </c>
    </row>
    <row r="3411" spans="1:9">
      <c r="A3411" s="1">
        <v>0.57567819473351212</v>
      </c>
      <c r="B3411" s="1"/>
      <c r="C3411">
        <v>4</v>
      </c>
      <c r="D3411" t="s">
        <v>7754</v>
      </c>
      <c r="E3411" t="s">
        <v>31990</v>
      </c>
      <c r="F3411">
        <v>4</v>
      </c>
      <c r="G3411" t="s">
        <v>0</v>
      </c>
      <c r="H3411" t="s">
        <v>7755</v>
      </c>
      <c r="I3411" t="s">
        <v>30540</v>
      </c>
    </row>
    <row r="3412" spans="1:9">
      <c r="A3412" s="1">
        <v>0.88962317876233654</v>
      </c>
      <c r="B3412" s="1"/>
      <c r="C3412">
        <v>17</v>
      </c>
      <c r="D3412" t="s">
        <v>7752</v>
      </c>
      <c r="E3412" t="s">
        <v>31991</v>
      </c>
      <c r="F3412">
        <v>4</v>
      </c>
      <c r="G3412" t="s">
        <v>1295</v>
      </c>
      <c r="H3412" t="s">
        <v>7753</v>
      </c>
      <c r="I3412" t="s">
        <v>30540</v>
      </c>
    </row>
    <row r="3413" spans="1:9">
      <c r="A3413" s="1">
        <v>0.68250131519366264</v>
      </c>
      <c r="B3413" s="1"/>
      <c r="C3413">
        <v>18</v>
      </c>
      <c r="D3413" t="s">
        <v>7746</v>
      </c>
      <c r="E3413" t="s">
        <v>31992</v>
      </c>
      <c r="F3413">
        <v>4</v>
      </c>
      <c r="G3413" t="s">
        <v>10</v>
      </c>
      <c r="H3413" t="s">
        <v>7747</v>
      </c>
      <c r="I3413" t="s">
        <v>30540</v>
      </c>
    </row>
    <row r="3414" spans="1:9">
      <c r="A3414" s="1">
        <v>6.5477221195544777E-2</v>
      </c>
      <c r="B3414" s="1"/>
      <c r="C3414">
        <v>3</v>
      </c>
      <c r="D3414" t="s">
        <v>7740</v>
      </c>
      <c r="E3414" t="s">
        <v>31992</v>
      </c>
      <c r="F3414">
        <v>4</v>
      </c>
      <c r="G3414" t="s">
        <v>0</v>
      </c>
      <c r="H3414" t="s">
        <v>7741</v>
      </c>
      <c r="I3414" t="s">
        <v>30540</v>
      </c>
    </row>
    <row r="3415" spans="1:9">
      <c r="A3415" s="1">
        <v>8.0249895095467094E-2</v>
      </c>
      <c r="B3415" s="1"/>
      <c r="C3415">
        <v>7</v>
      </c>
      <c r="D3415" t="s">
        <v>7742</v>
      </c>
      <c r="E3415" t="s">
        <v>31992</v>
      </c>
      <c r="F3415">
        <v>4</v>
      </c>
      <c r="G3415" t="s">
        <v>0</v>
      </c>
      <c r="H3415" t="s">
        <v>7743</v>
      </c>
      <c r="I3415" t="s">
        <v>30540</v>
      </c>
    </row>
    <row r="3416" spans="1:9">
      <c r="A3416" s="1">
        <v>0.94833609304451605</v>
      </c>
      <c r="B3416" s="1"/>
      <c r="C3416">
        <v>14</v>
      </c>
      <c r="D3416" t="s">
        <v>7736</v>
      </c>
      <c r="E3416" t="s">
        <v>31993</v>
      </c>
      <c r="F3416">
        <v>5</v>
      </c>
      <c r="G3416" t="s">
        <v>14</v>
      </c>
      <c r="H3416" t="s">
        <v>7737</v>
      </c>
      <c r="I3416" t="s">
        <v>30540</v>
      </c>
    </row>
    <row r="3417" spans="1:9">
      <c r="A3417" s="1">
        <v>0.93163449907801599</v>
      </c>
      <c r="B3417" s="1"/>
      <c r="C3417">
        <v>11</v>
      </c>
      <c r="D3417" t="s">
        <v>7734</v>
      </c>
      <c r="E3417" t="s">
        <v>31993</v>
      </c>
      <c r="F3417">
        <v>5</v>
      </c>
      <c r="G3417" t="s">
        <v>766</v>
      </c>
      <c r="H3417" t="s">
        <v>7735</v>
      </c>
      <c r="I3417" t="s">
        <v>30540</v>
      </c>
    </row>
    <row r="3418" spans="1:9">
      <c r="A3418" s="1">
        <v>0.57404249243794681</v>
      </c>
      <c r="B3418" s="1"/>
      <c r="C3418">
        <v>4</v>
      </c>
      <c r="D3418" t="s">
        <v>7732</v>
      </c>
      <c r="E3418" t="s">
        <v>31993</v>
      </c>
      <c r="F3418">
        <v>3</v>
      </c>
      <c r="G3418" t="s">
        <v>14</v>
      </c>
      <c r="H3418" t="s">
        <v>7733</v>
      </c>
      <c r="I3418" t="s">
        <v>30540</v>
      </c>
    </row>
    <row r="3419" spans="1:9">
      <c r="A3419" s="1">
        <v>0.46651789000371802</v>
      </c>
      <c r="B3419" s="1"/>
      <c r="C3419">
        <v>17</v>
      </c>
      <c r="D3419" t="s">
        <v>7730</v>
      </c>
      <c r="E3419" t="s">
        <v>31994</v>
      </c>
      <c r="F3419">
        <v>5</v>
      </c>
      <c r="G3419" t="s">
        <v>0</v>
      </c>
      <c r="H3419" t="s">
        <v>7731</v>
      </c>
      <c r="I3419" t="s">
        <v>30540</v>
      </c>
    </row>
    <row r="3420" spans="1:9">
      <c r="A3420" s="1">
        <v>0.56731745361593033</v>
      </c>
      <c r="B3420" s="1"/>
      <c r="C3420">
        <v>10</v>
      </c>
      <c r="D3420" t="s">
        <v>7726</v>
      </c>
      <c r="E3420" t="s">
        <v>31994</v>
      </c>
      <c r="F3420">
        <v>4</v>
      </c>
      <c r="G3420" t="s">
        <v>15</v>
      </c>
      <c r="H3420" t="s">
        <v>7727</v>
      </c>
      <c r="I3420" t="s">
        <v>30540</v>
      </c>
    </row>
    <row r="3421" spans="1:9">
      <c r="A3421" s="1">
        <v>0.43899125845746911</v>
      </c>
      <c r="B3421" s="1"/>
      <c r="C3421">
        <v>17</v>
      </c>
      <c r="D3421" t="s">
        <v>7722</v>
      </c>
      <c r="E3421" t="s">
        <v>31995</v>
      </c>
      <c r="F3421">
        <v>5</v>
      </c>
      <c r="G3421" t="s">
        <v>10</v>
      </c>
      <c r="H3421" t="s">
        <v>7723</v>
      </c>
      <c r="I3421" t="s">
        <v>30540</v>
      </c>
    </row>
    <row r="3422" spans="1:9">
      <c r="A3422" s="1">
        <v>0.44877518543319828</v>
      </c>
      <c r="B3422" s="1"/>
      <c r="C3422">
        <v>6</v>
      </c>
      <c r="D3422" t="s">
        <v>7710</v>
      </c>
      <c r="E3422" t="s">
        <v>31995</v>
      </c>
      <c r="F3422">
        <v>5</v>
      </c>
      <c r="G3422" t="s">
        <v>0</v>
      </c>
      <c r="H3422" t="s">
        <v>7711</v>
      </c>
      <c r="I3422" t="s">
        <v>30540</v>
      </c>
    </row>
    <row r="3423" spans="1:9">
      <c r="A3423" s="1">
        <v>0.91611501377962046</v>
      </c>
      <c r="B3423" s="1"/>
      <c r="C3423">
        <v>3</v>
      </c>
      <c r="D3423" t="s">
        <v>7708</v>
      </c>
      <c r="E3423" t="s">
        <v>31995</v>
      </c>
      <c r="F3423">
        <v>4</v>
      </c>
      <c r="G3423" t="s">
        <v>2</v>
      </c>
      <c r="H3423" t="s">
        <v>7709</v>
      </c>
      <c r="I3423" t="s">
        <v>30540</v>
      </c>
    </row>
    <row r="3424" spans="1:9">
      <c r="A3424" s="1">
        <v>0.49936707512220768</v>
      </c>
      <c r="B3424" s="1"/>
      <c r="C3424">
        <v>16</v>
      </c>
      <c r="D3424" t="s">
        <v>7720</v>
      </c>
      <c r="E3424" t="s">
        <v>31995</v>
      </c>
      <c r="F3424">
        <v>4</v>
      </c>
      <c r="G3424" t="s">
        <v>0</v>
      </c>
      <c r="H3424" t="s">
        <v>7721</v>
      </c>
      <c r="I3424" t="s">
        <v>30540</v>
      </c>
    </row>
    <row r="3425" spans="1:9">
      <c r="A3425" s="1">
        <v>0.21266449099876916</v>
      </c>
      <c r="B3425" s="1"/>
      <c r="C3425">
        <v>1</v>
      </c>
      <c r="D3425" t="s">
        <v>7706</v>
      </c>
      <c r="E3425" t="s">
        <v>31995</v>
      </c>
      <c r="F3425">
        <v>4</v>
      </c>
      <c r="G3425" t="s">
        <v>9</v>
      </c>
      <c r="H3425" t="s">
        <v>7707</v>
      </c>
      <c r="I3425" t="s">
        <v>30540</v>
      </c>
    </row>
    <row r="3426" spans="1:9">
      <c r="A3426" s="1">
        <v>0.14879004391395889</v>
      </c>
      <c r="B3426" s="1"/>
      <c r="C3426">
        <v>19</v>
      </c>
      <c r="D3426" t="s">
        <v>7724</v>
      </c>
      <c r="E3426" t="s">
        <v>31995</v>
      </c>
      <c r="F3426">
        <v>3</v>
      </c>
      <c r="G3426" t="s">
        <v>0</v>
      </c>
      <c r="H3426" t="s">
        <v>7725</v>
      </c>
      <c r="I3426" t="s">
        <v>30540</v>
      </c>
    </row>
    <row r="3427" spans="1:9">
      <c r="A3427" s="1">
        <v>0.31762167643200279</v>
      </c>
      <c r="B3427" s="1"/>
      <c r="C3427">
        <v>9</v>
      </c>
      <c r="D3427" t="s">
        <v>7714</v>
      </c>
      <c r="E3427" t="s">
        <v>31995</v>
      </c>
      <c r="F3427">
        <v>3</v>
      </c>
      <c r="G3427" t="s">
        <v>0</v>
      </c>
      <c r="H3427" t="s">
        <v>7715</v>
      </c>
      <c r="I3427" t="s">
        <v>30540</v>
      </c>
    </row>
    <row r="3428" spans="1:9">
      <c r="A3428" s="1">
        <v>0.37427803408935467</v>
      </c>
      <c r="B3428" s="1"/>
      <c r="C3428">
        <v>7</v>
      </c>
      <c r="D3428" t="s">
        <v>7712</v>
      </c>
      <c r="E3428" t="s">
        <v>31995</v>
      </c>
      <c r="F3428">
        <v>3</v>
      </c>
      <c r="G3428" t="s">
        <v>0</v>
      </c>
      <c r="H3428" t="s">
        <v>7713</v>
      </c>
      <c r="I3428" t="s">
        <v>30540</v>
      </c>
    </row>
    <row r="3429" spans="1:9">
      <c r="A3429" s="1">
        <v>0.53420684467062907</v>
      </c>
      <c r="B3429" s="1"/>
      <c r="C3429">
        <v>15</v>
      </c>
      <c r="D3429" t="s">
        <v>7718</v>
      </c>
      <c r="E3429" t="s">
        <v>31995</v>
      </c>
      <c r="F3429">
        <v>3</v>
      </c>
      <c r="G3429" t="s">
        <v>0</v>
      </c>
      <c r="H3429" t="s">
        <v>7719</v>
      </c>
      <c r="I3429" t="s">
        <v>30540</v>
      </c>
    </row>
    <row r="3430" spans="1:9">
      <c r="A3430" s="1">
        <v>8.4038124619286281E-2</v>
      </c>
      <c r="B3430" s="1"/>
      <c r="C3430">
        <v>12</v>
      </c>
      <c r="D3430" t="s">
        <v>7700</v>
      </c>
      <c r="E3430" t="s">
        <v>31996</v>
      </c>
      <c r="F3430">
        <v>4</v>
      </c>
      <c r="G3430" t="s">
        <v>15</v>
      </c>
      <c r="H3430" t="s">
        <v>7701</v>
      </c>
      <c r="I3430" t="s">
        <v>30540</v>
      </c>
    </row>
    <row r="3431" spans="1:9">
      <c r="A3431" s="1">
        <v>0.61687435046264771</v>
      </c>
      <c r="B3431" s="1"/>
      <c r="C3431">
        <v>14</v>
      </c>
      <c r="D3431" t="s">
        <v>7702</v>
      </c>
      <c r="E3431" t="s">
        <v>31996</v>
      </c>
      <c r="F3431">
        <v>4</v>
      </c>
      <c r="G3431" t="s">
        <v>770</v>
      </c>
      <c r="H3431" t="s">
        <v>7703</v>
      </c>
      <c r="I3431" t="s">
        <v>30540</v>
      </c>
    </row>
    <row r="3432" spans="1:9">
      <c r="A3432" s="1">
        <v>0.58957547948983635</v>
      </c>
      <c r="B3432" s="1"/>
      <c r="C3432">
        <v>11</v>
      </c>
      <c r="D3432" t="s">
        <v>7698</v>
      </c>
      <c r="E3432" t="s">
        <v>31996</v>
      </c>
      <c r="F3432">
        <v>3</v>
      </c>
      <c r="G3432" t="s">
        <v>15</v>
      </c>
      <c r="H3432" t="s">
        <v>7699</v>
      </c>
      <c r="I3432" t="s">
        <v>30540</v>
      </c>
    </row>
    <row r="3433" spans="1:9">
      <c r="A3433" s="1">
        <v>0.97596399308732229</v>
      </c>
      <c r="B3433" s="1"/>
      <c r="C3433">
        <v>19</v>
      </c>
      <c r="D3433" t="s">
        <v>7694</v>
      </c>
      <c r="E3433" t="s">
        <v>31997</v>
      </c>
      <c r="F3433">
        <v>5</v>
      </c>
      <c r="G3433" t="s">
        <v>0</v>
      </c>
      <c r="H3433" t="s">
        <v>7695</v>
      </c>
      <c r="I3433" t="s">
        <v>30540</v>
      </c>
    </row>
    <row r="3434" spans="1:9">
      <c r="A3434" s="1">
        <v>0.24543119543925118</v>
      </c>
      <c r="B3434" s="1"/>
      <c r="C3434">
        <v>12</v>
      </c>
      <c r="D3434" t="s">
        <v>7692</v>
      </c>
      <c r="E3434" t="s">
        <v>31997</v>
      </c>
      <c r="F3434">
        <v>4</v>
      </c>
      <c r="G3434" t="s">
        <v>0</v>
      </c>
      <c r="H3434" t="s">
        <v>7693</v>
      </c>
      <c r="I3434" t="s">
        <v>30540</v>
      </c>
    </row>
    <row r="3435" spans="1:9">
      <c r="A3435" s="1">
        <v>5.6436266760999554E-2</v>
      </c>
      <c r="B3435" s="1"/>
      <c r="C3435">
        <v>20</v>
      </c>
      <c r="D3435" t="s">
        <v>7696</v>
      </c>
      <c r="E3435" t="s">
        <v>31997</v>
      </c>
      <c r="F3435">
        <v>4</v>
      </c>
      <c r="G3435" t="s">
        <v>0</v>
      </c>
      <c r="H3435" t="s">
        <v>7697</v>
      </c>
      <c r="I3435" t="s">
        <v>30540</v>
      </c>
    </row>
    <row r="3436" spans="1:9">
      <c r="A3436" s="1">
        <v>0.26476332952172876</v>
      </c>
      <c r="B3436" s="1"/>
      <c r="C3436">
        <v>8</v>
      </c>
      <c r="D3436" t="s">
        <v>7686</v>
      </c>
      <c r="E3436" t="s">
        <v>31998</v>
      </c>
      <c r="F3436">
        <v>4</v>
      </c>
      <c r="G3436" t="s">
        <v>2</v>
      </c>
      <c r="H3436" t="s">
        <v>7687</v>
      </c>
      <c r="I3436" t="s">
        <v>30540</v>
      </c>
    </row>
    <row r="3437" spans="1:9">
      <c r="A3437" s="1">
        <v>6.1621431749562805E-2</v>
      </c>
      <c r="B3437" s="1"/>
      <c r="C3437">
        <v>2</v>
      </c>
      <c r="D3437" t="s">
        <v>7682</v>
      </c>
      <c r="E3437" t="s">
        <v>31998</v>
      </c>
      <c r="F3437">
        <v>4</v>
      </c>
      <c r="G3437" t="s">
        <v>15</v>
      </c>
      <c r="H3437" t="s">
        <v>7683</v>
      </c>
      <c r="I3437" t="s">
        <v>30540</v>
      </c>
    </row>
    <row r="3438" spans="1:9">
      <c r="A3438" s="1">
        <v>0.24011973829413358</v>
      </c>
      <c r="B3438" s="1"/>
      <c r="C3438">
        <v>19</v>
      </c>
      <c r="D3438" t="s">
        <v>7688</v>
      </c>
      <c r="E3438" t="s">
        <v>31998</v>
      </c>
      <c r="F3438">
        <v>4</v>
      </c>
      <c r="G3438" t="s">
        <v>770</v>
      </c>
      <c r="H3438" t="s">
        <v>7689</v>
      </c>
      <c r="I3438" t="s">
        <v>30540</v>
      </c>
    </row>
    <row r="3439" spans="1:9">
      <c r="A3439" s="1">
        <v>0.89423564384854237</v>
      </c>
      <c r="B3439" s="1"/>
      <c r="C3439">
        <v>20</v>
      </c>
      <c r="D3439" t="s">
        <v>7680</v>
      </c>
      <c r="E3439" t="s">
        <v>31999</v>
      </c>
      <c r="F3439">
        <v>4</v>
      </c>
      <c r="G3439" t="s">
        <v>1</v>
      </c>
      <c r="H3439" t="s">
        <v>7681</v>
      </c>
      <c r="I3439" t="s">
        <v>30540</v>
      </c>
    </row>
    <row r="3440" spans="1:9">
      <c r="A3440" s="1">
        <v>0.64851567443025371</v>
      </c>
      <c r="B3440" s="1"/>
      <c r="C3440">
        <v>11</v>
      </c>
      <c r="D3440" t="s">
        <v>7674</v>
      </c>
      <c r="E3440" t="s">
        <v>31999</v>
      </c>
      <c r="F3440">
        <v>4</v>
      </c>
      <c r="G3440" t="s">
        <v>0</v>
      </c>
      <c r="H3440" t="s">
        <v>7675</v>
      </c>
      <c r="I3440" t="s">
        <v>30540</v>
      </c>
    </row>
    <row r="3441" spans="1:9">
      <c r="A3441" s="1">
        <v>0.4195248836234039</v>
      </c>
      <c r="B3441" s="1"/>
      <c r="C3441">
        <v>13</v>
      </c>
      <c r="D3441" t="s">
        <v>7676</v>
      </c>
      <c r="E3441" t="s">
        <v>31999</v>
      </c>
      <c r="F3441">
        <v>4</v>
      </c>
      <c r="G3441" t="s">
        <v>15</v>
      </c>
      <c r="H3441" t="s">
        <v>7677</v>
      </c>
      <c r="I3441" t="s">
        <v>30540</v>
      </c>
    </row>
    <row r="3442" spans="1:9">
      <c r="A3442" s="1">
        <v>0.59024220718179943</v>
      </c>
      <c r="B3442" s="1"/>
      <c r="C3442">
        <v>10</v>
      </c>
      <c r="D3442" t="s">
        <v>7670</v>
      </c>
      <c r="E3442" t="s">
        <v>32000</v>
      </c>
      <c r="F3442">
        <v>4</v>
      </c>
      <c r="G3442" t="s">
        <v>2</v>
      </c>
      <c r="H3442" t="s">
        <v>7671</v>
      </c>
      <c r="I3442" t="s">
        <v>30540</v>
      </c>
    </row>
    <row r="3443" spans="1:9">
      <c r="A3443" s="1">
        <v>7.1671272012111875E-2</v>
      </c>
      <c r="B3443" s="1"/>
      <c r="C3443">
        <v>13</v>
      </c>
      <c r="D3443" t="s">
        <v>7666</v>
      </c>
      <c r="E3443" t="s">
        <v>32001</v>
      </c>
      <c r="F3443">
        <v>4</v>
      </c>
      <c r="G3443" t="s">
        <v>15</v>
      </c>
      <c r="H3443" t="s">
        <v>7667</v>
      </c>
      <c r="I3443" t="s">
        <v>30540</v>
      </c>
    </row>
    <row r="3444" spans="1:9">
      <c r="A3444" s="1">
        <v>0.87817765785551971</v>
      </c>
      <c r="B3444" s="1"/>
      <c r="C3444">
        <v>18</v>
      </c>
      <c r="D3444" t="s">
        <v>7668</v>
      </c>
      <c r="E3444" t="s">
        <v>32001</v>
      </c>
      <c r="F3444">
        <v>4</v>
      </c>
      <c r="G3444" t="s">
        <v>0</v>
      </c>
      <c r="H3444" t="s">
        <v>7669</v>
      </c>
      <c r="I3444" t="s">
        <v>30540</v>
      </c>
    </row>
    <row r="3445" spans="1:9">
      <c r="A3445" s="1">
        <v>8.1414926837272694E-2</v>
      </c>
      <c r="B3445" s="1"/>
      <c r="C3445">
        <v>15</v>
      </c>
      <c r="D3445" t="s">
        <v>7660</v>
      </c>
      <c r="E3445" t="s">
        <v>32002</v>
      </c>
      <c r="F3445">
        <v>4</v>
      </c>
      <c r="G3445" t="s">
        <v>0</v>
      </c>
      <c r="H3445" t="s">
        <v>7661</v>
      </c>
      <c r="I3445" t="s">
        <v>30540</v>
      </c>
    </row>
    <row r="3446" spans="1:9">
      <c r="A3446" s="1">
        <v>0.27107839769669317</v>
      </c>
      <c r="B3446" s="1"/>
      <c r="C3446">
        <v>9</v>
      </c>
      <c r="D3446" t="s">
        <v>7656</v>
      </c>
      <c r="E3446" t="s">
        <v>32002</v>
      </c>
      <c r="F3446">
        <v>4</v>
      </c>
      <c r="G3446" t="s">
        <v>2</v>
      </c>
      <c r="H3446" t="s">
        <v>7657</v>
      </c>
      <c r="I3446" t="s">
        <v>30540</v>
      </c>
    </row>
    <row r="3447" spans="1:9">
      <c r="A3447" s="1">
        <v>9.727261472905957E-2</v>
      </c>
      <c r="B3447" s="1"/>
      <c r="C3447">
        <v>19</v>
      </c>
      <c r="D3447" t="s">
        <v>7662</v>
      </c>
      <c r="E3447" t="s">
        <v>32002</v>
      </c>
      <c r="F3447">
        <v>4</v>
      </c>
      <c r="G3447" t="s">
        <v>10</v>
      </c>
      <c r="H3447" t="s">
        <v>7663</v>
      </c>
      <c r="I3447" t="s">
        <v>30540</v>
      </c>
    </row>
    <row r="3448" spans="1:9">
      <c r="A3448" s="1">
        <v>0.84157636614435882</v>
      </c>
      <c r="B3448" s="1"/>
      <c r="C3448">
        <v>10</v>
      </c>
      <c r="D3448" t="s">
        <v>7658</v>
      </c>
      <c r="E3448" t="s">
        <v>32002</v>
      </c>
      <c r="F3448">
        <v>4</v>
      </c>
      <c r="G3448" t="s">
        <v>0</v>
      </c>
      <c r="H3448" t="s">
        <v>7659</v>
      </c>
      <c r="I3448" t="s">
        <v>30540</v>
      </c>
    </row>
    <row r="3449" spans="1:9">
      <c r="A3449" s="1">
        <v>0.72510798017955436</v>
      </c>
      <c r="B3449" s="1"/>
      <c r="C3449">
        <v>1</v>
      </c>
      <c r="D3449" t="s">
        <v>7652</v>
      </c>
      <c r="E3449" t="s">
        <v>32002</v>
      </c>
      <c r="F3449">
        <v>4</v>
      </c>
      <c r="G3449" t="s">
        <v>14</v>
      </c>
      <c r="H3449" t="s">
        <v>7653</v>
      </c>
      <c r="I3449" t="s">
        <v>30540</v>
      </c>
    </row>
    <row r="3450" spans="1:9">
      <c r="A3450" s="1">
        <v>0.21015086653396975</v>
      </c>
      <c r="B3450" s="1"/>
      <c r="C3450">
        <v>8</v>
      </c>
      <c r="D3450" t="s">
        <v>7654</v>
      </c>
      <c r="E3450" t="s">
        <v>32002</v>
      </c>
      <c r="F3450">
        <v>3</v>
      </c>
      <c r="G3450" t="s">
        <v>0</v>
      </c>
      <c r="H3450" t="s">
        <v>7655</v>
      </c>
      <c r="I3450" t="s">
        <v>30540</v>
      </c>
    </row>
    <row r="3451" spans="1:9">
      <c r="A3451" s="1">
        <v>0.26161639333741005</v>
      </c>
      <c r="B3451" s="1"/>
      <c r="C3451">
        <v>19</v>
      </c>
      <c r="D3451" t="s">
        <v>7650</v>
      </c>
      <c r="E3451" t="s">
        <v>32003</v>
      </c>
      <c r="F3451">
        <v>4</v>
      </c>
      <c r="G3451" t="s">
        <v>0</v>
      </c>
      <c r="H3451" t="s">
        <v>7651</v>
      </c>
      <c r="I3451" t="s">
        <v>30540</v>
      </c>
    </row>
    <row r="3452" spans="1:9">
      <c r="A3452" s="1">
        <v>0.42800852729275696</v>
      </c>
      <c r="B3452" s="1"/>
      <c r="C3452">
        <v>14</v>
      </c>
      <c r="D3452" t="s">
        <v>7648</v>
      </c>
      <c r="E3452" t="s">
        <v>32003</v>
      </c>
      <c r="F3452">
        <v>4</v>
      </c>
      <c r="G3452" t="s">
        <v>771</v>
      </c>
      <c r="H3452" t="s">
        <v>7649</v>
      </c>
      <c r="I3452" t="s">
        <v>30540</v>
      </c>
    </row>
    <row r="3453" spans="1:9">
      <c r="A3453" s="1">
        <v>0.1487503532423109</v>
      </c>
      <c r="B3453" s="1"/>
      <c r="C3453">
        <v>6</v>
      </c>
      <c r="D3453" t="s">
        <v>7646</v>
      </c>
      <c r="E3453" t="s">
        <v>32003</v>
      </c>
      <c r="F3453">
        <v>3</v>
      </c>
      <c r="G3453" t="s">
        <v>14</v>
      </c>
      <c r="H3453" t="s">
        <v>7647</v>
      </c>
      <c r="I3453" t="s">
        <v>30540</v>
      </c>
    </row>
    <row r="3454" spans="1:9">
      <c r="A3454" s="1">
        <v>0.22331790557640563</v>
      </c>
      <c r="B3454" s="1"/>
      <c r="C3454">
        <v>20</v>
      </c>
      <c r="D3454" t="s">
        <v>7644</v>
      </c>
      <c r="E3454" t="s">
        <v>32004</v>
      </c>
      <c r="F3454">
        <v>4</v>
      </c>
      <c r="G3454" t="s">
        <v>9</v>
      </c>
      <c r="H3454" t="s">
        <v>7645</v>
      </c>
      <c r="I3454" t="s">
        <v>30540</v>
      </c>
    </row>
    <row r="3455" spans="1:9">
      <c r="A3455" s="1">
        <v>0.10199370798332319</v>
      </c>
      <c r="B3455" s="1"/>
      <c r="C3455">
        <v>2</v>
      </c>
      <c r="D3455" t="s">
        <v>7630</v>
      </c>
      <c r="E3455" t="s">
        <v>32005</v>
      </c>
      <c r="F3455">
        <v>4</v>
      </c>
      <c r="G3455" t="s">
        <v>15</v>
      </c>
      <c r="H3455" t="s">
        <v>7631</v>
      </c>
      <c r="I3455" t="s">
        <v>30540</v>
      </c>
    </row>
    <row r="3456" spans="1:9">
      <c r="A3456" s="1">
        <v>8.3097640321508792E-2</v>
      </c>
      <c r="B3456" s="1"/>
      <c r="C3456">
        <v>13</v>
      </c>
      <c r="D3456" t="s">
        <v>7640</v>
      </c>
      <c r="E3456" t="s">
        <v>32005</v>
      </c>
      <c r="F3456">
        <v>4</v>
      </c>
      <c r="G3456" t="s">
        <v>10</v>
      </c>
      <c r="H3456" t="s">
        <v>7641</v>
      </c>
      <c r="I3456" t="s">
        <v>30540</v>
      </c>
    </row>
    <row r="3457" spans="1:9">
      <c r="A3457" s="1">
        <v>0.63319559535039549</v>
      </c>
      <c r="B3457" s="1"/>
      <c r="C3457">
        <v>3</v>
      </c>
      <c r="D3457" t="s">
        <v>7632</v>
      </c>
      <c r="E3457" t="s">
        <v>32005</v>
      </c>
      <c r="F3457">
        <v>4</v>
      </c>
      <c r="G3457" t="s">
        <v>0</v>
      </c>
      <c r="H3457" t="s">
        <v>7633</v>
      </c>
      <c r="I3457" t="s">
        <v>30540</v>
      </c>
    </row>
    <row r="3458" spans="1:9">
      <c r="A3458" s="1">
        <v>0.64866910362857799</v>
      </c>
      <c r="B3458" s="1"/>
      <c r="C3458">
        <v>7</v>
      </c>
      <c r="D3458" t="s">
        <v>7634</v>
      </c>
      <c r="E3458" t="s">
        <v>32005</v>
      </c>
      <c r="F3458">
        <v>4</v>
      </c>
      <c r="G3458" t="s">
        <v>0</v>
      </c>
      <c r="H3458" t="s">
        <v>7635</v>
      </c>
      <c r="I3458" t="s">
        <v>30540</v>
      </c>
    </row>
    <row r="3459" spans="1:9">
      <c r="A3459" s="1">
        <v>0.99582071539044514</v>
      </c>
      <c r="B3459" s="1"/>
      <c r="C3459">
        <v>9</v>
      </c>
      <c r="D3459" t="s">
        <v>7636</v>
      </c>
      <c r="E3459" t="s">
        <v>32005</v>
      </c>
      <c r="F3459">
        <v>3</v>
      </c>
      <c r="G3459" t="s">
        <v>14</v>
      </c>
      <c r="H3459" t="s">
        <v>7637</v>
      </c>
      <c r="I3459" t="s">
        <v>30540</v>
      </c>
    </row>
    <row r="3460" spans="1:9">
      <c r="A3460" s="1">
        <v>0.46056077439822485</v>
      </c>
      <c r="B3460" s="1"/>
      <c r="C3460">
        <v>8</v>
      </c>
      <c r="D3460" t="s">
        <v>7628</v>
      </c>
      <c r="E3460" t="s">
        <v>32006</v>
      </c>
      <c r="F3460">
        <v>3</v>
      </c>
      <c r="G3460" t="s">
        <v>0</v>
      </c>
      <c r="H3460" t="s">
        <v>7629</v>
      </c>
      <c r="I3460" t="s">
        <v>30540</v>
      </c>
    </row>
    <row r="3461" spans="1:9">
      <c r="A3461" s="1">
        <v>0.59777057589353477</v>
      </c>
      <c r="B3461" s="1"/>
      <c r="C3461">
        <v>2</v>
      </c>
      <c r="D3461" t="s">
        <v>7622</v>
      </c>
      <c r="E3461" t="s">
        <v>32007</v>
      </c>
      <c r="F3461">
        <v>4</v>
      </c>
      <c r="G3461" t="s">
        <v>0</v>
      </c>
      <c r="H3461" t="s">
        <v>7623</v>
      </c>
      <c r="I3461" t="s">
        <v>30540</v>
      </c>
    </row>
    <row r="3462" spans="1:9">
      <c r="A3462" s="1">
        <v>0.20071968078277047</v>
      </c>
      <c r="B3462" s="1"/>
      <c r="C3462">
        <v>11</v>
      </c>
      <c r="D3462" t="s">
        <v>7624</v>
      </c>
      <c r="E3462" t="s">
        <v>32007</v>
      </c>
      <c r="F3462">
        <v>4</v>
      </c>
      <c r="G3462" t="s">
        <v>0</v>
      </c>
      <c r="H3462" t="s">
        <v>7625</v>
      </c>
      <c r="I3462" t="s">
        <v>30540</v>
      </c>
    </row>
    <row r="3463" spans="1:9">
      <c r="A3463" s="1">
        <v>0.75136664485940841</v>
      </c>
      <c r="B3463" s="1"/>
      <c r="C3463">
        <v>14</v>
      </c>
      <c r="D3463" t="s">
        <v>7626</v>
      </c>
      <c r="E3463" t="s">
        <v>32007</v>
      </c>
      <c r="F3463">
        <v>4</v>
      </c>
      <c r="G3463" t="s">
        <v>10</v>
      </c>
      <c r="H3463" t="s">
        <v>7627</v>
      </c>
      <c r="I3463" t="s">
        <v>30540</v>
      </c>
    </row>
    <row r="3464" spans="1:9">
      <c r="A3464" s="1">
        <v>0.12307638618663996</v>
      </c>
      <c r="B3464" s="1"/>
      <c r="C3464">
        <v>16</v>
      </c>
      <c r="D3464" t="s">
        <v>7620</v>
      </c>
      <c r="E3464" t="s">
        <v>32008</v>
      </c>
      <c r="F3464">
        <v>4</v>
      </c>
      <c r="G3464" t="s">
        <v>769</v>
      </c>
      <c r="H3464" t="s">
        <v>7621</v>
      </c>
      <c r="I3464" t="s">
        <v>30540</v>
      </c>
    </row>
    <row r="3465" spans="1:9">
      <c r="A3465" s="1">
        <v>4.7771736636286977E-2</v>
      </c>
      <c r="B3465" s="1"/>
      <c r="C3465">
        <v>14</v>
      </c>
      <c r="D3465" t="s">
        <v>7618</v>
      </c>
      <c r="E3465" t="s">
        <v>32009</v>
      </c>
      <c r="F3465">
        <v>4</v>
      </c>
      <c r="G3465" t="s">
        <v>0</v>
      </c>
      <c r="H3465" t="s">
        <v>7619</v>
      </c>
      <c r="I3465" t="s">
        <v>30540</v>
      </c>
    </row>
    <row r="3466" spans="1:9">
      <c r="A3466" s="1">
        <v>0.90241063127271659</v>
      </c>
      <c r="B3466" s="1"/>
      <c r="C3466">
        <v>4</v>
      </c>
      <c r="D3466" t="s">
        <v>7610</v>
      </c>
      <c r="E3466" t="s">
        <v>32010</v>
      </c>
      <c r="F3466">
        <v>5</v>
      </c>
      <c r="G3466" t="s">
        <v>9</v>
      </c>
      <c r="H3466" t="s">
        <v>7611</v>
      </c>
      <c r="I3466" t="s">
        <v>30540</v>
      </c>
    </row>
    <row r="3467" spans="1:9">
      <c r="A3467" s="1">
        <v>0.68366468848839268</v>
      </c>
      <c r="B3467" s="1"/>
      <c r="C3467">
        <v>7</v>
      </c>
      <c r="D3467" t="s">
        <v>7612</v>
      </c>
      <c r="E3467" t="s">
        <v>32010</v>
      </c>
      <c r="F3467">
        <v>4</v>
      </c>
      <c r="G3467" t="s">
        <v>2</v>
      </c>
      <c r="H3467" t="s">
        <v>7613</v>
      </c>
      <c r="I3467" t="s">
        <v>30540</v>
      </c>
    </row>
    <row r="3468" spans="1:9">
      <c r="A3468" s="1">
        <v>0.21039716945292142</v>
      </c>
      <c r="B3468" s="1"/>
      <c r="C3468">
        <v>11</v>
      </c>
      <c r="D3468" t="s">
        <v>7614</v>
      </c>
      <c r="E3468" t="s">
        <v>32010</v>
      </c>
      <c r="F3468">
        <v>4</v>
      </c>
      <c r="G3468" t="s">
        <v>0</v>
      </c>
      <c r="H3468" t="s">
        <v>7615</v>
      </c>
      <c r="I3468" t="s">
        <v>30540</v>
      </c>
    </row>
    <row r="3469" spans="1:9">
      <c r="A3469" s="1">
        <v>0.61819096335190615</v>
      </c>
      <c r="B3469" s="1"/>
      <c r="C3469">
        <v>2</v>
      </c>
      <c r="D3469" t="s">
        <v>7606</v>
      </c>
      <c r="E3469" t="s">
        <v>32010</v>
      </c>
      <c r="F3469">
        <v>4</v>
      </c>
      <c r="G3469" t="s">
        <v>13</v>
      </c>
      <c r="H3469" t="s">
        <v>7607</v>
      </c>
      <c r="I3469" t="s">
        <v>30540</v>
      </c>
    </row>
    <row r="3470" spans="1:9">
      <c r="A3470" s="1">
        <v>2.1235166518162374E-2</v>
      </c>
      <c r="B3470" s="1"/>
      <c r="C3470">
        <v>13</v>
      </c>
      <c r="D3470" t="s">
        <v>7616</v>
      </c>
      <c r="E3470" t="s">
        <v>32010</v>
      </c>
      <c r="F3470">
        <v>4</v>
      </c>
      <c r="G3470" t="s">
        <v>10</v>
      </c>
      <c r="H3470" t="s">
        <v>7617</v>
      </c>
      <c r="I3470" t="s">
        <v>30540</v>
      </c>
    </row>
    <row r="3471" spans="1:9">
      <c r="A3471" s="1">
        <v>0.55707752702281343</v>
      </c>
      <c r="B3471" s="1"/>
      <c r="C3471">
        <v>14</v>
      </c>
      <c r="D3471" t="s">
        <v>7602</v>
      </c>
      <c r="E3471" t="s">
        <v>32011</v>
      </c>
      <c r="F3471">
        <v>5</v>
      </c>
      <c r="G3471" t="s">
        <v>1295</v>
      </c>
      <c r="H3471" t="s">
        <v>7603</v>
      </c>
      <c r="I3471" t="s">
        <v>30540</v>
      </c>
    </row>
    <row r="3472" spans="1:9">
      <c r="A3472" s="1">
        <v>0.48916951845462442</v>
      </c>
      <c r="B3472" s="1"/>
      <c r="C3472">
        <v>13</v>
      </c>
      <c r="D3472" t="s">
        <v>7600</v>
      </c>
      <c r="E3472" t="s">
        <v>32011</v>
      </c>
      <c r="F3472">
        <v>5</v>
      </c>
      <c r="G3472" t="s">
        <v>769</v>
      </c>
      <c r="H3472" t="s">
        <v>7601</v>
      </c>
      <c r="I3472" t="s">
        <v>30540</v>
      </c>
    </row>
    <row r="3473" spans="1:9">
      <c r="A3473" s="1">
        <v>0.17971221897422585</v>
      </c>
      <c r="B3473" s="1"/>
      <c r="C3473">
        <v>20</v>
      </c>
      <c r="D3473" t="s">
        <v>7604</v>
      </c>
      <c r="E3473" t="s">
        <v>32011</v>
      </c>
      <c r="F3473">
        <v>4</v>
      </c>
      <c r="G3473" t="s">
        <v>0</v>
      </c>
      <c r="H3473" t="s">
        <v>7605</v>
      </c>
      <c r="I3473" t="s">
        <v>30540</v>
      </c>
    </row>
    <row r="3474" spans="1:9">
      <c r="A3474" s="1">
        <v>0.50829366887095173</v>
      </c>
      <c r="B3474" s="1"/>
      <c r="C3474">
        <v>17</v>
      </c>
      <c r="D3474" t="s">
        <v>7596</v>
      </c>
      <c r="E3474" t="s">
        <v>32012</v>
      </c>
      <c r="F3474">
        <v>4</v>
      </c>
      <c r="G3474" t="s">
        <v>10</v>
      </c>
      <c r="H3474" t="s">
        <v>7597</v>
      </c>
      <c r="I3474" t="s">
        <v>30540</v>
      </c>
    </row>
    <row r="3475" spans="1:9">
      <c r="A3475" s="1">
        <v>0.23223329031611306</v>
      </c>
      <c r="B3475" s="1"/>
      <c r="C3475">
        <v>12</v>
      </c>
      <c r="D3475" t="s">
        <v>7592</v>
      </c>
      <c r="E3475" t="s">
        <v>32012</v>
      </c>
      <c r="F3475">
        <v>4</v>
      </c>
      <c r="G3475" t="s">
        <v>0</v>
      </c>
      <c r="H3475" t="s">
        <v>7593</v>
      </c>
      <c r="I3475" t="s">
        <v>30540</v>
      </c>
    </row>
    <row r="3476" spans="1:9">
      <c r="A3476" s="1">
        <v>0.17143231598423858</v>
      </c>
      <c r="B3476" s="1"/>
      <c r="C3476">
        <v>13</v>
      </c>
      <c r="D3476" t="s">
        <v>7594</v>
      </c>
      <c r="E3476" t="s">
        <v>32012</v>
      </c>
      <c r="F3476">
        <v>4</v>
      </c>
      <c r="G3476" t="s">
        <v>0</v>
      </c>
      <c r="H3476" t="s">
        <v>7595</v>
      </c>
      <c r="I3476" t="s">
        <v>30540</v>
      </c>
    </row>
    <row r="3477" spans="1:9">
      <c r="A3477" s="1">
        <v>0.6970630893288523</v>
      </c>
      <c r="B3477" s="1"/>
      <c r="C3477">
        <v>3</v>
      </c>
      <c r="D3477" t="s">
        <v>7590</v>
      </c>
      <c r="E3477" t="s">
        <v>32013</v>
      </c>
      <c r="F3477">
        <v>3</v>
      </c>
      <c r="G3477" t="s">
        <v>15</v>
      </c>
      <c r="H3477" t="s">
        <v>7591</v>
      </c>
      <c r="I3477" t="s">
        <v>30540</v>
      </c>
    </row>
    <row r="3478" spans="1:9">
      <c r="A3478" s="1">
        <v>0.9146361234152951</v>
      </c>
      <c r="B3478" s="1"/>
      <c r="C3478">
        <v>11</v>
      </c>
      <c r="D3478" t="s">
        <v>7584</v>
      </c>
      <c r="E3478" t="s">
        <v>32014</v>
      </c>
      <c r="F3478">
        <v>5</v>
      </c>
      <c r="G3478" t="s">
        <v>765</v>
      </c>
      <c r="H3478" t="s">
        <v>7585</v>
      </c>
      <c r="I3478" t="s">
        <v>30540</v>
      </c>
    </row>
    <row r="3479" spans="1:9">
      <c r="A3479" s="1">
        <v>0.70684058719248866</v>
      </c>
      <c r="B3479" s="1"/>
      <c r="C3479">
        <v>16</v>
      </c>
      <c r="D3479" t="s">
        <v>7586</v>
      </c>
      <c r="E3479" t="s">
        <v>32014</v>
      </c>
      <c r="F3479">
        <v>4</v>
      </c>
      <c r="G3479" t="s">
        <v>0</v>
      </c>
      <c r="H3479" t="s">
        <v>7587</v>
      </c>
      <c r="I3479" t="s">
        <v>30540</v>
      </c>
    </row>
    <row r="3480" spans="1:9">
      <c r="A3480" s="1">
        <v>0.81544898364218066</v>
      </c>
      <c r="B3480" s="1"/>
      <c r="C3480">
        <v>1</v>
      </c>
      <c r="D3480" t="s">
        <v>7582</v>
      </c>
      <c r="E3480" t="s">
        <v>32014</v>
      </c>
      <c r="F3480">
        <v>4</v>
      </c>
      <c r="G3480" t="s">
        <v>0</v>
      </c>
      <c r="H3480" t="s">
        <v>7583</v>
      </c>
      <c r="I3480" t="s">
        <v>30540</v>
      </c>
    </row>
    <row r="3481" spans="1:9">
      <c r="A3481" s="1">
        <v>2.7915973099229219E-2</v>
      </c>
      <c r="B3481" s="1"/>
      <c r="C3481">
        <v>20</v>
      </c>
      <c r="D3481" t="s">
        <v>7588</v>
      </c>
      <c r="E3481" t="s">
        <v>32014</v>
      </c>
      <c r="F3481">
        <v>3</v>
      </c>
      <c r="G3481" t="s">
        <v>10</v>
      </c>
      <c r="H3481" t="s">
        <v>7589</v>
      </c>
      <c r="I3481" t="s">
        <v>30540</v>
      </c>
    </row>
    <row r="3482" spans="1:9">
      <c r="A3482" s="1">
        <v>0.92221611715388896</v>
      </c>
      <c r="B3482" s="1"/>
      <c r="C3482">
        <v>4</v>
      </c>
      <c r="D3482" t="s">
        <v>7567</v>
      </c>
      <c r="E3482" t="s">
        <v>32015</v>
      </c>
      <c r="F3482">
        <v>5</v>
      </c>
      <c r="G3482" t="s">
        <v>2</v>
      </c>
      <c r="H3482" t="s">
        <v>7568</v>
      </c>
      <c r="I3482" t="s">
        <v>30540</v>
      </c>
    </row>
    <row r="3483" spans="1:9">
      <c r="A3483" s="1">
        <v>0.55288437105679877</v>
      </c>
      <c r="B3483" s="1"/>
      <c r="C3483">
        <v>11</v>
      </c>
      <c r="D3483" t="s">
        <v>7573</v>
      </c>
      <c r="E3483" t="s">
        <v>32015</v>
      </c>
      <c r="F3483">
        <v>4</v>
      </c>
      <c r="G3483" t="s">
        <v>0</v>
      </c>
      <c r="H3483" t="s">
        <v>7574</v>
      </c>
      <c r="I3483" t="s">
        <v>30540</v>
      </c>
    </row>
    <row r="3484" spans="1:9">
      <c r="A3484" s="1">
        <v>0.16629402206192356</v>
      </c>
      <c r="B3484" s="1"/>
      <c r="C3484">
        <v>9</v>
      </c>
      <c r="D3484" t="s">
        <v>7571</v>
      </c>
      <c r="E3484" t="s">
        <v>32015</v>
      </c>
      <c r="F3484">
        <v>4</v>
      </c>
      <c r="G3484" t="s">
        <v>0</v>
      </c>
      <c r="H3484" t="s">
        <v>7572</v>
      </c>
      <c r="I3484" t="s">
        <v>30540</v>
      </c>
    </row>
    <row r="3485" spans="1:9">
      <c r="A3485" s="1">
        <v>0.90006618915734837</v>
      </c>
      <c r="B3485" s="1"/>
      <c r="C3485">
        <v>18</v>
      </c>
      <c r="D3485" t="s">
        <v>6988</v>
      </c>
      <c r="E3485" t="s">
        <v>32015</v>
      </c>
      <c r="F3485">
        <v>4</v>
      </c>
      <c r="G3485" t="s">
        <v>10</v>
      </c>
      <c r="H3485" t="s">
        <v>7581</v>
      </c>
      <c r="I3485" t="s">
        <v>30540</v>
      </c>
    </row>
    <row r="3486" spans="1:9">
      <c r="A3486" s="1">
        <v>0.4453783188143966</v>
      </c>
      <c r="B3486" s="1"/>
      <c r="C3486">
        <v>13</v>
      </c>
      <c r="D3486" t="s">
        <v>7577</v>
      </c>
      <c r="E3486" t="s">
        <v>32015</v>
      </c>
      <c r="F3486">
        <v>4</v>
      </c>
      <c r="G3486" t="s">
        <v>0</v>
      </c>
      <c r="H3486" t="s">
        <v>7578</v>
      </c>
      <c r="I3486" t="s">
        <v>30540</v>
      </c>
    </row>
    <row r="3487" spans="1:9">
      <c r="A3487" s="1">
        <v>0.10154088976427267</v>
      </c>
      <c r="B3487" s="1"/>
      <c r="C3487">
        <v>12</v>
      </c>
      <c r="D3487" t="s">
        <v>7575</v>
      </c>
      <c r="E3487" t="s">
        <v>32015</v>
      </c>
      <c r="F3487">
        <v>4</v>
      </c>
      <c r="G3487" t="s">
        <v>0</v>
      </c>
      <c r="H3487" t="s">
        <v>7576</v>
      </c>
      <c r="I3487" t="s">
        <v>30540</v>
      </c>
    </row>
    <row r="3488" spans="1:9">
      <c r="A3488" s="1">
        <v>0.31273417901769907</v>
      </c>
      <c r="B3488" s="1"/>
      <c r="C3488">
        <v>14</v>
      </c>
      <c r="D3488" t="s">
        <v>7579</v>
      </c>
      <c r="E3488" t="s">
        <v>32015</v>
      </c>
      <c r="F3488">
        <v>4</v>
      </c>
      <c r="G3488" t="s">
        <v>0</v>
      </c>
      <c r="H3488" t="s">
        <v>7580</v>
      </c>
      <c r="I3488" t="s">
        <v>30540</v>
      </c>
    </row>
    <row r="3489" spans="1:9">
      <c r="A3489" s="1">
        <v>0.33668235665815394</v>
      </c>
      <c r="B3489" s="1"/>
      <c r="C3489">
        <v>8</v>
      </c>
      <c r="D3489" t="s">
        <v>7569</v>
      </c>
      <c r="E3489" t="s">
        <v>32015</v>
      </c>
      <c r="F3489">
        <v>3</v>
      </c>
      <c r="G3489" t="s">
        <v>0</v>
      </c>
      <c r="H3489" t="s">
        <v>7570</v>
      </c>
      <c r="I3489" t="s">
        <v>30540</v>
      </c>
    </row>
    <row r="3490" spans="1:9">
      <c r="A3490" s="1">
        <v>0.87222643494650798</v>
      </c>
      <c r="B3490" s="1"/>
      <c r="C3490">
        <v>17</v>
      </c>
      <c r="D3490" t="s">
        <v>7565</v>
      </c>
      <c r="E3490" t="s">
        <v>32016</v>
      </c>
      <c r="F3490">
        <v>4</v>
      </c>
      <c r="G3490" t="s">
        <v>0</v>
      </c>
      <c r="H3490" t="s">
        <v>7566</v>
      </c>
      <c r="I3490" t="s">
        <v>30540</v>
      </c>
    </row>
    <row r="3491" spans="1:9">
      <c r="A3491" s="1">
        <v>8.0398247915836052E-6</v>
      </c>
      <c r="B3491" s="1"/>
      <c r="C3491">
        <v>11</v>
      </c>
      <c r="D3491" t="s">
        <v>7563</v>
      </c>
      <c r="E3491" t="s">
        <v>32016</v>
      </c>
      <c r="F3491">
        <v>4</v>
      </c>
      <c r="G3491" t="s">
        <v>766</v>
      </c>
      <c r="H3491" t="s">
        <v>7564</v>
      </c>
      <c r="I3491" t="s">
        <v>30540</v>
      </c>
    </row>
    <row r="3492" spans="1:9">
      <c r="A3492" s="1">
        <v>0.69007574877408739</v>
      </c>
      <c r="B3492" s="1"/>
      <c r="C3492">
        <v>17</v>
      </c>
      <c r="D3492" t="s">
        <v>7555</v>
      </c>
      <c r="E3492" t="s">
        <v>32017</v>
      </c>
      <c r="F3492">
        <v>4</v>
      </c>
      <c r="G3492" t="s">
        <v>15</v>
      </c>
      <c r="H3492" t="s">
        <v>7556</v>
      </c>
      <c r="I3492" t="s">
        <v>30540</v>
      </c>
    </row>
    <row r="3493" spans="1:9">
      <c r="A3493" s="1">
        <v>0.34066470132928595</v>
      </c>
      <c r="B3493" s="1"/>
      <c r="C3493">
        <v>18</v>
      </c>
      <c r="D3493" t="s">
        <v>7557</v>
      </c>
      <c r="E3493" t="s">
        <v>32017</v>
      </c>
      <c r="F3493">
        <v>4</v>
      </c>
      <c r="G3493" t="s">
        <v>0</v>
      </c>
      <c r="H3493" t="s">
        <v>7558</v>
      </c>
      <c r="I3493" t="s">
        <v>30540</v>
      </c>
    </row>
    <row r="3494" spans="1:9">
      <c r="A3494" s="1">
        <v>0.89374966784681609</v>
      </c>
      <c r="B3494" s="1"/>
      <c r="C3494">
        <v>14</v>
      </c>
      <c r="D3494" t="s">
        <v>7553</v>
      </c>
      <c r="E3494" t="s">
        <v>32017</v>
      </c>
      <c r="F3494">
        <v>4</v>
      </c>
      <c r="G3494" t="s">
        <v>0</v>
      </c>
      <c r="H3494" t="s">
        <v>7554</v>
      </c>
      <c r="I3494" t="s">
        <v>30540</v>
      </c>
    </row>
    <row r="3495" spans="1:9">
      <c r="A3495" s="1">
        <v>0.44951879112763726</v>
      </c>
      <c r="B3495" s="1"/>
      <c r="C3495">
        <v>12</v>
      </c>
      <c r="D3495" t="s">
        <v>7551</v>
      </c>
      <c r="E3495" t="s">
        <v>32017</v>
      </c>
      <c r="F3495">
        <v>4</v>
      </c>
      <c r="G3495" t="s">
        <v>0</v>
      </c>
      <c r="H3495" t="s">
        <v>7552</v>
      </c>
      <c r="I3495" t="s">
        <v>30540</v>
      </c>
    </row>
    <row r="3496" spans="1:9">
      <c r="A3496" s="1">
        <v>0.17791399435206368</v>
      </c>
      <c r="B3496" s="1"/>
      <c r="C3496">
        <v>11</v>
      </c>
      <c r="D3496" t="s">
        <v>7549</v>
      </c>
      <c r="E3496" t="s">
        <v>32017</v>
      </c>
      <c r="F3496">
        <v>4</v>
      </c>
      <c r="G3496" t="s">
        <v>0</v>
      </c>
      <c r="H3496" t="s">
        <v>7550</v>
      </c>
      <c r="I3496" t="s">
        <v>30540</v>
      </c>
    </row>
    <row r="3497" spans="1:9">
      <c r="A3497" s="1">
        <v>0.36351233090049662</v>
      </c>
      <c r="B3497" s="1"/>
      <c r="C3497">
        <v>2</v>
      </c>
      <c r="D3497" t="s">
        <v>7547</v>
      </c>
      <c r="E3497" t="s">
        <v>32017</v>
      </c>
      <c r="F3497">
        <v>4</v>
      </c>
      <c r="G3497" t="s">
        <v>0</v>
      </c>
      <c r="H3497" t="s">
        <v>7548</v>
      </c>
      <c r="I3497" t="s">
        <v>30540</v>
      </c>
    </row>
    <row r="3498" spans="1:9">
      <c r="A3498" s="1">
        <v>0.45153495952692291</v>
      </c>
      <c r="B3498" s="1"/>
      <c r="C3498">
        <v>6</v>
      </c>
      <c r="D3498" t="s">
        <v>7541</v>
      </c>
      <c r="E3498" t="s">
        <v>32018</v>
      </c>
      <c r="F3498">
        <v>4</v>
      </c>
      <c r="G3498" t="s">
        <v>15</v>
      </c>
      <c r="H3498" t="s">
        <v>7542</v>
      </c>
      <c r="I3498" t="s">
        <v>30540</v>
      </c>
    </row>
    <row r="3499" spans="1:9">
      <c r="A3499" s="1">
        <v>4.1135002034244916E-2</v>
      </c>
      <c r="B3499" s="1"/>
      <c r="C3499">
        <v>9</v>
      </c>
      <c r="D3499" t="s">
        <v>7543</v>
      </c>
      <c r="E3499" t="s">
        <v>32018</v>
      </c>
      <c r="F3499">
        <v>4</v>
      </c>
      <c r="G3499" t="s">
        <v>9</v>
      </c>
      <c r="H3499" t="s">
        <v>7544</v>
      </c>
      <c r="I3499" t="s">
        <v>30540</v>
      </c>
    </row>
    <row r="3500" spans="1:9">
      <c r="A3500" s="1">
        <v>0.87417082363023324</v>
      </c>
      <c r="B3500" s="1"/>
      <c r="C3500">
        <v>12</v>
      </c>
      <c r="D3500" t="s">
        <v>7545</v>
      </c>
      <c r="E3500" t="s">
        <v>32018</v>
      </c>
      <c r="F3500">
        <v>4</v>
      </c>
      <c r="G3500" t="s">
        <v>15</v>
      </c>
      <c r="H3500" t="s">
        <v>7546</v>
      </c>
      <c r="I3500" t="s">
        <v>30540</v>
      </c>
    </row>
    <row r="3501" spans="1:9">
      <c r="A3501" s="1">
        <v>0.82493120977106382</v>
      </c>
      <c r="B3501" s="1"/>
      <c r="C3501">
        <v>4</v>
      </c>
      <c r="D3501" t="s">
        <v>7539</v>
      </c>
      <c r="E3501" t="s">
        <v>32018</v>
      </c>
      <c r="F3501">
        <v>3</v>
      </c>
      <c r="G3501" t="s">
        <v>0</v>
      </c>
      <c r="H3501" t="s">
        <v>7540</v>
      </c>
      <c r="I3501" t="s">
        <v>30540</v>
      </c>
    </row>
    <row r="3502" spans="1:9">
      <c r="A3502" s="1">
        <v>0.44254973260320551</v>
      </c>
      <c r="B3502" s="1"/>
      <c r="C3502">
        <v>12</v>
      </c>
      <c r="D3502" t="s">
        <v>7537</v>
      </c>
      <c r="E3502" t="s">
        <v>32019</v>
      </c>
      <c r="F3502">
        <v>4</v>
      </c>
      <c r="G3502" t="s">
        <v>1295</v>
      </c>
      <c r="H3502" t="s">
        <v>7538</v>
      </c>
      <c r="I3502" t="s">
        <v>30540</v>
      </c>
    </row>
    <row r="3503" spans="1:9">
      <c r="A3503" s="1">
        <v>0.92254579930638569</v>
      </c>
      <c r="B3503" s="1"/>
      <c r="C3503">
        <v>2</v>
      </c>
      <c r="D3503" t="s">
        <v>7535</v>
      </c>
      <c r="E3503" t="s">
        <v>32019</v>
      </c>
      <c r="F3503">
        <v>4</v>
      </c>
      <c r="G3503" t="s">
        <v>765</v>
      </c>
      <c r="H3503" t="s">
        <v>7536</v>
      </c>
      <c r="I3503" t="s">
        <v>30540</v>
      </c>
    </row>
    <row r="3504" spans="1:9">
      <c r="A3504" s="1">
        <v>0.38509840422626129</v>
      </c>
      <c r="B3504" s="1"/>
      <c r="C3504">
        <v>7</v>
      </c>
      <c r="D3504" t="s">
        <v>7525</v>
      </c>
      <c r="E3504" t="s">
        <v>32020</v>
      </c>
      <c r="F3504">
        <v>5</v>
      </c>
      <c r="G3504" t="s">
        <v>0</v>
      </c>
      <c r="H3504" t="s">
        <v>7526</v>
      </c>
      <c r="I3504" t="s">
        <v>30540</v>
      </c>
    </row>
    <row r="3505" spans="1:9">
      <c r="A3505" s="1">
        <v>0.15325532791515917</v>
      </c>
      <c r="B3505" s="1"/>
      <c r="C3505">
        <v>9</v>
      </c>
      <c r="D3505" t="s">
        <v>7527</v>
      </c>
      <c r="E3505" t="s">
        <v>32020</v>
      </c>
      <c r="F3505">
        <v>4</v>
      </c>
      <c r="G3505" t="s">
        <v>0</v>
      </c>
      <c r="H3505" t="s">
        <v>7528</v>
      </c>
      <c r="I3505" t="s">
        <v>30540</v>
      </c>
    </row>
    <row r="3506" spans="1:9">
      <c r="A3506" s="1">
        <v>0.59316912052970461</v>
      </c>
      <c r="B3506" s="1"/>
      <c r="C3506">
        <v>13</v>
      </c>
      <c r="D3506" t="s">
        <v>7531</v>
      </c>
      <c r="E3506" t="s">
        <v>32020</v>
      </c>
      <c r="F3506">
        <v>4</v>
      </c>
      <c r="G3506" t="s">
        <v>0</v>
      </c>
      <c r="H3506" t="s">
        <v>7532</v>
      </c>
      <c r="I3506" t="s">
        <v>30540</v>
      </c>
    </row>
    <row r="3507" spans="1:9">
      <c r="A3507" s="1">
        <v>0.68443588211275519</v>
      </c>
      <c r="B3507" s="1"/>
      <c r="C3507">
        <v>19</v>
      </c>
      <c r="D3507" t="s">
        <v>7533</v>
      </c>
      <c r="E3507" t="s">
        <v>32020</v>
      </c>
      <c r="F3507">
        <v>4</v>
      </c>
      <c r="G3507" t="s">
        <v>10</v>
      </c>
      <c r="H3507" t="s">
        <v>7534</v>
      </c>
      <c r="I3507" t="s">
        <v>30540</v>
      </c>
    </row>
    <row r="3508" spans="1:9">
      <c r="A3508" s="1">
        <v>0.21120400525638838</v>
      </c>
      <c r="B3508" s="1"/>
      <c r="C3508">
        <v>8</v>
      </c>
      <c r="D3508" t="s">
        <v>7521</v>
      </c>
      <c r="E3508" t="s">
        <v>32021</v>
      </c>
      <c r="F3508">
        <v>4</v>
      </c>
      <c r="G3508" t="s">
        <v>0</v>
      </c>
      <c r="H3508" t="s">
        <v>7522</v>
      </c>
      <c r="I3508" t="s">
        <v>30540</v>
      </c>
    </row>
    <row r="3509" spans="1:9">
      <c r="A3509" s="1">
        <v>0.69931017705737031</v>
      </c>
      <c r="B3509" s="1"/>
      <c r="C3509">
        <v>10</v>
      </c>
      <c r="D3509" t="s">
        <v>7523</v>
      </c>
      <c r="E3509" t="s">
        <v>32021</v>
      </c>
      <c r="F3509">
        <v>4</v>
      </c>
      <c r="G3509" t="s">
        <v>14</v>
      </c>
      <c r="H3509" t="s">
        <v>7524</v>
      </c>
      <c r="I3509" t="s">
        <v>30540</v>
      </c>
    </row>
    <row r="3510" spans="1:9">
      <c r="A3510" s="1">
        <v>0.71835179726470255</v>
      </c>
      <c r="B3510" s="1"/>
      <c r="C3510">
        <v>9</v>
      </c>
      <c r="D3510" t="s">
        <v>7513</v>
      </c>
      <c r="E3510" t="s">
        <v>32022</v>
      </c>
      <c r="F3510">
        <v>4</v>
      </c>
      <c r="G3510" t="s">
        <v>0</v>
      </c>
      <c r="H3510" t="s">
        <v>7514</v>
      </c>
      <c r="I3510" t="s">
        <v>30540</v>
      </c>
    </row>
    <row r="3511" spans="1:9">
      <c r="A3511" s="1">
        <v>0.78613667018189692</v>
      </c>
      <c r="B3511" s="1"/>
      <c r="C3511">
        <v>8</v>
      </c>
      <c r="D3511" t="s">
        <v>7511</v>
      </c>
      <c r="E3511" t="s">
        <v>32022</v>
      </c>
      <c r="F3511">
        <v>4</v>
      </c>
      <c r="G3511" t="s">
        <v>0</v>
      </c>
      <c r="H3511" t="s">
        <v>7512</v>
      </c>
      <c r="I3511" t="s">
        <v>30540</v>
      </c>
    </row>
    <row r="3512" spans="1:9">
      <c r="A3512" s="1">
        <v>0.88455698126554649</v>
      </c>
      <c r="B3512" s="1"/>
      <c r="C3512">
        <v>17</v>
      </c>
      <c r="D3512" t="s">
        <v>7515</v>
      </c>
      <c r="E3512" t="s">
        <v>32022</v>
      </c>
      <c r="F3512">
        <v>4</v>
      </c>
      <c r="G3512" t="s">
        <v>0</v>
      </c>
      <c r="H3512" t="s">
        <v>7516</v>
      </c>
      <c r="I3512" t="s">
        <v>30540</v>
      </c>
    </row>
    <row r="3513" spans="1:9">
      <c r="A3513" s="1">
        <v>7.8618088119754015E-2</v>
      </c>
      <c r="B3513" s="1"/>
      <c r="C3513">
        <v>19</v>
      </c>
      <c r="D3513" t="s">
        <v>7517</v>
      </c>
      <c r="E3513" t="s">
        <v>32022</v>
      </c>
      <c r="F3513">
        <v>4</v>
      </c>
      <c r="G3513" t="s">
        <v>10</v>
      </c>
      <c r="H3513" t="s">
        <v>7518</v>
      </c>
      <c r="I3513" t="s">
        <v>30540</v>
      </c>
    </row>
    <row r="3514" spans="1:9">
      <c r="A3514" s="1">
        <v>0.34556579559249723</v>
      </c>
      <c r="B3514" s="1"/>
      <c r="C3514">
        <v>20</v>
      </c>
      <c r="D3514" t="s">
        <v>7507</v>
      </c>
      <c r="E3514" t="s">
        <v>32023</v>
      </c>
      <c r="F3514">
        <v>5</v>
      </c>
      <c r="G3514" t="s">
        <v>0</v>
      </c>
      <c r="H3514" t="s">
        <v>7508</v>
      </c>
      <c r="I3514" t="s">
        <v>30540</v>
      </c>
    </row>
    <row r="3515" spans="1:9">
      <c r="A3515" s="1">
        <v>0.76691554729110278</v>
      </c>
      <c r="B3515" s="1"/>
      <c r="C3515">
        <v>7</v>
      </c>
      <c r="D3515" t="s">
        <v>7505</v>
      </c>
      <c r="E3515" t="s">
        <v>32023</v>
      </c>
      <c r="F3515">
        <v>4</v>
      </c>
      <c r="G3515" t="s">
        <v>2</v>
      </c>
      <c r="H3515" t="s">
        <v>7506</v>
      </c>
      <c r="I3515" t="s">
        <v>30540</v>
      </c>
    </row>
    <row r="3516" spans="1:9">
      <c r="A3516" s="1">
        <v>0.1795660633165298</v>
      </c>
      <c r="B3516" s="1"/>
      <c r="C3516">
        <v>3</v>
      </c>
      <c r="D3516" t="s">
        <v>7503</v>
      </c>
      <c r="E3516" t="s">
        <v>32023</v>
      </c>
      <c r="F3516">
        <v>4</v>
      </c>
      <c r="G3516" t="s">
        <v>762</v>
      </c>
      <c r="H3516" t="s">
        <v>7504</v>
      </c>
      <c r="I3516" t="s">
        <v>30540</v>
      </c>
    </row>
    <row r="3517" spans="1:9">
      <c r="A3517" s="1">
        <v>0.15060021613602448</v>
      </c>
      <c r="B3517" s="1"/>
      <c r="C3517">
        <v>1</v>
      </c>
      <c r="D3517" t="s">
        <v>7501</v>
      </c>
      <c r="E3517" t="s">
        <v>32023</v>
      </c>
      <c r="F3517">
        <v>3</v>
      </c>
      <c r="G3517" t="s">
        <v>14</v>
      </c>
      <c r="H3517" t="s">
        <v>7502</v>
      </c>
      <c r="I3517" t="s">
        <v>30540</v>
      </c>
    </row>
    <row r="3518" spans="1:9">
      <c r="A3518" s="1">
        <v>0.1062998309629295</v>
      </c>
      <c r="B3518" s="1"/>
      <c r="C3518">
        <v>20</v>
      </c>
      <c r="D3518" t="s">
        <v>7499</v>
      </c>
      <c r="E3518" t="s">
        <v>32024</v>
      </c>
      <c r="F3518">
        <v>5</v>
      </c>
      <c r="G3518" t="s">
        <v>0</v>
      </c>
      <c r="H3518" t="s">
        <v>7500</v>
      </c>
      <c r="I3518" t="s">
        <v>30540</v>
      </c>
    </row>
    <row r="3519" spans="1:9">
      <c r="A3519" s="1">
        <v>0.78368868317724394</v>
      </c>
      <c r="B3519" s="1"/>
      <c r="C3519">
        <v>4</v>
      </c>
      <c r="D3519" t="s">
        <v>7491</v>
      </c>
      <c r="E3519" t="s">
        <v>32024</v>
      </c>
      <c r="F3519">
        <v>4</v>
      </c>
      <c r="G3519" t="s">
        <v>0</v>
      </c>
      <c r="H3519" t="s">
        <v>7492</v>
      </c>
      <c r="I3519" t="s">
        <v>30540</v>
      </c>
    </row>
    <row r="3520" spans="1:9">
      <c r="A3520" s="1">
        <v>0.87957014617390261</v>
      </c>
      <c r="B3520" s="1"/>
      <c r="C3520">
        <v>12</v>
      </c>
      <c r="D3520" t="s">
        <v>7483</v>
      </c>
      <c r="E3520" t="s">
        <v>32025</v>
      </c>
      <c r="F3520">
        <v>5</v>
      </c>
      <c r="G3520" t="s">
        <v>0</v>
      </c>
      <c r="H3520" t="s">
        <v>7484</v>
      </c>
      <c r="I3520" t="s">
        <v>30540</v>
      </c>
    </row>
    <row r="3521" spans="1:9">
      <c r="A3521" s="1">
        <v>0.70499904109012657</v>
      </c>
      <c r="B3521" s="1"/>
      <c r="C3521">
        <v>3</v>
      </c>
      <c r="D3521" t="s">
        <v>7477</v>
      </c>
      <c r="E3521" t="s">
        <v>32025</v>
      </c>
      <c r="F3521">
        <v>5</v>
      </c>
      <c r="G3521" t="s">
        <v>0</v>
      </c>
      <c r="H3521" t="s">
        <v>7478</v>
      </c>
      <c r="I3521" t="s">
        <v>30540</v>
      </c>
    </row>
    <row r="3522" spans="1:9">
      <c r="A3522" s="1">
        <v>0.10397333353616323</v>
      </c>
      <c r="B3522" s="1"/>
      <c r="C3522">
        <v>20</v>
      </c>
      <c r="D3522" t="s">
        <v>7487</v>
      </c>
      <c r="E3522" t="s">
        <v>32025</v>
      </c>
      <c r="F3522">
        <v>4</v>
      </c>
      <c r="G3522" t="s">
        <v>10</v>
      </c>
      <c r="H3522" t="s">
        <v>7488</v>
      </c>
      <c r="I3522" t="s">
        <v>30540</v>
      </c>
    </row>
    <row r="3523" spans="1:9">
      <c r="A3523" s="1">
        <v>0.68633513949836755</v>
      </c>
      <c r="B3523" s="1"/>
      <c r="C3523">
        <v>2</v>
      </c>
      <c r="D3523" t="s">
        <v>7475</v>
      </c>
      <c r="E3523" t="s">
        <v>32025</v>
      </c>
      <c r="F3523">
        <v>4</v>
      </c>
      <c r="G3523" t="s">
        <v>2</v>
      </c>
      <c r="H3523" t="s">
        <v>7476</v>
      </c>
      <c r="I3523" t="s">
        <v>30540</v>
      </c>
    </row>
    <row r="3524" spans="1:9">
      <c r="A3524" s="1">
        <v>0.23431206968449991</v>
      </c>
      <c r="B3524" s="1"/>
      <c r="C3524">
        <v>16</v>
      </c>
      <c r="D3524" t="s">
        <v>7485</v>
      </c>
      <c r="E3524" t="s">
        <v>32025</v>
      </c>
      <c r="F3524">
        <v>4</v>
      </c>
      <c r="G3524" t="s">
        <v>1</v>
      </c>
      <c r="H3524" t="s">
        <v>7486</v>
      </c>
      <c r="I3524" t="s">
        <v>30540</v>
      </c>
    </row>
    <row r="3525" spans="1:9">
      <c r="A3525" s="1">
        <v>0.27961128159117155</v>
      </c>
      <c r="B3525" s="1"/>
      <c r="C3525">
        <v>8</v>
      </c>
      <c r="D3525" t="s">
        <v>7481</v>
      </c>
      <c r="E3525" t="s">
        <v>32025</v>
      </c>
      <c r="F3525">
        <v>4</v>
      </c>
      <c r="G3525" t="s">
        <v>1</v>
      </c>
      <c r="H3525" t="s">
        <v>7482</v>
      </c>
      <c r="I3525" t="s">
        <v>30540</v>
      </c>
    </row>
    <row r="3526" spans="1:9">
      <c r="A3526" s="1">
        <v>0.13185763952193907</v>
      </c>
      <c r="B3526" s="1"/>
      <c r="C3526">
        <v>4</v>
      </c>
      <c r="D3526" t="s">
        <v>7479</v>
      </c>
      <c r="E3526" t="s">
        <v>32025</v>
      </c>
      <c r="F3526">
        <v>3</v>
      </c>
      <c r="G3526" t="s">
        <v>0</v>
      </c>
      <c r="H3526" t="s">
        <v>7480</v>
      </c>
      <c r="I3526" t="s">
        <v>30540</v>
      </c>
    </row>
    <row r="3527" spans="1:9">
      <c r="A3527" s="1">
        <v>0.40637545942738762</v>
      </c>
      <c r="B3527" s="1"/>
      <c r="C3527">
        <v>13</v>
      </c>
      <c r="D3527" t="s">
        <v>7467</v>
      </c>
      <c r="E3527" t="s">
        <v>32026</v>
      </c>
      <c r="F3527">
        <v>5</v>
      </c>
      <c r="G3527" t="s">
        <v>771</v>
      </c>
      <c r="H3527" t="s">
        <v>7468</v>
      </c>
      <c r="I3527" t="s">
        <v>30540</v>
      </c>
    </row>
    <row r="3528" spans="1:9">
      <c r="A3528" s="1">
        <v>0.21582371899832564</v>
      </c>
      <c r="B3528" s="1"/>
      <c r="C3528">
        <v>9</v>
      </c>
      <c r="D3528" t="s">
        <v>7465</v>
      </c>
      <c r="E3528" t="s">
        <v>32026</v>
      </c>
      <c r="F3528">
        <v>4</v>
      </c>
      <c r="G3528" t="s">
        <v>9</v>
      </c>
      <c r="H3528" t="s">
        <v>7466</v>
      </c>
      <c r="I3528" t="s">
        <v>30540</v>
      </c>
    </row>
    <row r="3529" spans="1:9">
      <c r="A3529" s="1">
        <v>0.52455694971719136</v>
      </c>
      <c r="B3529" s="1"/>
      <c r="C3529">
        <v>15</v>
      </c>
      <c r="D3529" t="s">
        <v>7469</v>
      </c>
      <c r="E3529" t="s">
        <v>32026</v>
      </c>
      <c r="F3529">
        <v>4</v>
      </c>
      <c r="G3529" t="s">
        <v>771</v>
      </c>
      <c r="H3529" t="s">
        <v>7470</v>
      </c>
      <c r="I3529" t="s">
        <v>30540</v>
      </c>
    </row>
    <row r="3530" spans="1:9">
      <c r="A3530" s="1">
        <v>8.1926830562915054E-2</v>
      </c>
      <c r="B3530" s="1"/>
      <c r="C3530">
        <v>19</v>
      </c>
      <c r="D3530" t="s">
        <v>7471</v>
      </c>
      <c r="E3530" t="s">
        <v>32026</v>
      </c>
      <c r="F3530">
        <v>4</v>
      </c>
      <c r="G3530" t="s">
        <v>15</v>
      </c>
      <c r="H3530" t="s">
        <v>7472</v>
      </c>
      <c r="I3530" t="s">
        <v>30540</v>
      </c>
    </row>
    <row r="3531" spans="1:9">
      <c r="A3531" s="1">
        <v>0.48277312110927828</v>
      </c>
      <c r="B3531" s="1"/>
      <c r="C3531">
        <v>20</v>
      </c>
      <c r="D3531" t="s">
        <v>7473</v>
      </c>
      <c r="E3531" t="s">
        <v>32026</v>
      </c>
      <c r="F3531">
        <v>4</v>
      </c>
      <c r="G3531" t="s">
        <v>0</v>
      </c>
      <c r="H3531" t="s">
        <v>7474</v>
      </c>
      <c r="I3531" t="s">
        <v>30540</v>
      </c>
    </row>
    <row r="3532" spans="1:9">
      <c r="A3532" s="1">
        <v>0.43838939666542442</v>
      </c>
      <c r="B3532" s="1"/>
      <c r="C3532">
        <v>6</v>
      </c>
      <c r="D3532" t="s">
        <v>7463</v>
      </c>
      <c r="E3532" t="s">
        <v>32026</v>
      </c>
      <c r="F3532">
        <v>4</v>
      </c>
      <c r="G3532" t="s">
        <v>13</v>
      </c>
      <c r="H3532" t="s">
        <v>7464</v>
      </c>
      <c r="I3532" t="s">
        <v>30540</v>
      </c>
    </row>
    <row r="3533" spans="1:9">
      <c r="A3533" s="1">
        <v>0.3540311125259693</v>
      </c>
      <c r="B3533" s="1"/>
      <c r="C3533">
        <v>3</v>
      </c>
      <c r="D3533" t="s">
        <v>7455</v>
      </c>
      <c r="E3533" t="s">
        <v>32027</v>
      </c>
      <c r="F3533">
        <v>5</v>
      </c>
      <c r="G3533" t="s">
        <v>13</v>
      </c>
      <c r="H3533" t="s">
        <v>7456</v>
      </c>
      <c r="I3533" t="s">
        <v>30540</v>
      </c>
    </row>
    <row r="3534" spans="1:9">
      <c r="A3534" s="1">
        <v>0.41691454064949951</v>
      </c>
      <c r="B3534" s="1"/>
      <c r="C3534">
        <v>17</v>
      </c>
      <c r="D3534" t="s">
        <v>7461</v>
      </c>
      <c r="E3534" t="s">
        <v>32027</v>
      </c>
      <c r="F3534">
        <v>4</v>
      </c>
      <c r="G3534" t="s">
        <v>0</v>
      </c>
      <c r="H3534" t="s">
        <v>7462</v>
      </c>
      <c r="I3534" t="s">
        <v>30540</v>
      </c>
    </row>
    <row r="3535" spans="1:9">
      <c r="A3535" s="1">
        <v>0.76923651940126903</v>
      </c>
      <c r="B3535" s="1"/>
      <c r="C3535">
        <v>13</v>
      </c>
      <c r="D3535" t="s">
        <v>7459</v>
      </c>
      <c r="E3535" t="s">
        <v>32027</v>
      </c>
      <c r="F3535">
        <v>4</v>
      </c>
      <c r="G3535" t="s">
        <v>0</v>
      </c>
      <c r="H3535" t="s">
        <v>7460</v>
      </c>
      <c r="I3535" t="s">
        <v>30540</v>
      </c>
    </row>
    <row r="3536" spans="1:9">
      <c r="A3536" s="1">
        <v>0.29372818618864749</v>
      </c>
      <c r="B3536" s="1"/>
      <c r="C3536">
        <v>12</v>
      </c>
      <c r="D3536" t="s">
        <v>7457</v>
      </c>
      <c r="E3536" t="s">
        <v>32027</v>
      </c>
      <c r="F3536">
        <v>4</v>
      </c>
      <c r="G3536" t="s">
        <v>0</v>
      </c>
      <c r="H3536" t="s">
        <v>7458</v>
      </c>
      <c r="I3536" t="s">
        <v>30540</v>
      </c>
    </row>
    <row r="3537" spans="1:9">
      <c r="A3537" s="1">
        <v>0.58230536714348646</v>
      </c>
      <c r="B3537" s="1"/>
      <c r="C3537">
        <v>6</v>
      </c>
      <c r="D3537" t="s">
        <v>7451</v>
      </c>
      <c r="E3537" t="s">
        <v>32028</v>
      </c>
      <c r="F3537">
        <v>5</v>
      </c>
      <c r="G3537" t="s">
        <v>15</v>
      </c>
      <c r="H3537" t="s">
        <v>7452</v>
      </c>
      <c r="I3537" t="s">
        <v>30540</v>
      </c>
    </row>
    <row r="3538" spans="1:9">
      <c r="A3538" s="1">
        <v>0.28563107101869911</v>
      </c>
      <c r="B3538" s="1"/>
      <c r="C3538">
        <v>10</v>
      </c>
      <c r="D3538" t="s">
        <v>7453</v>
      </c>
      <c r="E3538" t="s">
        <v>32028</v>
      </c>
      <c r="F3538">
        <v>5</v>
      </c>
      <c r="G3538" t="s">
        <v>9</v>
      </c>
      <c r="H3538" t="s">
        <v>7454</v>
      </c>
      <c r="I3538" t="s">
        <v>30540</v>
      </c>
    </row>
    <row r="3539" spans="1:9">
      <c r="A3539" s="1">
        <v>0.10345463934991062</v>
      </c>
      <c r="B3539" s="1"/>
      <c r="C3539">
        <v>4</v>
      </c>
      <c r="D3539" t="s">
        <v>7449</v>
      </c>
      <c r="E3539" t="s">
        <v>32028</v>
      </c>
      <c r="F3539">
        <v>4</v>
      </c>
      <c r="G3539" t="s">
        <v>1295</v>
      </c>
      <c r="H3539" t="s">
        <v>7450</v>
      </c>
      <c r="I3539" t="s">
        <v>30540</v>
      </c>
    </row>
    <row r="3540" spans="1:9">
      <c r="A3540" s="1">
        <v>0.17886648722251419</v>
      </c>
      <c r="B3540" s="1"/>
      <c r="C3540">
        <v>2</v>
      </c>
      <c r="D3540" t="s">
        <v>7447</v>
      </c>
      <c r="E3540" t="s">
        <v>32028</v>
      </c>
      <c r="F3540">
        <v>4</v>
      </c>
      <c r="G3540" t="s">
        <v>0</v>
      </c>
      <c r="H3540" t="s">
        <v>7448</v>
      </c>
      <c r="I3540" t="s">
        <v>30540</v>
      </c>
    </row>
    <row r="3541" spans="1:9">
      <c r="A3541" s="1">
        <v>1.2059392145138292E-2</v>
      </c>
      <c r="B3541" s="1"/>
      <c r="C3541">
        <v>2</v>
      </c>
      <c r="D3541" t="s">
        <v>7427</v>
      </c>
      <c r="E3541" t="s">
        <v>32029</v>
      </c>
      <c r="F3541">
        <v>5</v>
      </c>
      <c r="G3541" t="s">
        <v>14</v>
      </c>
      <c r="H3541" t="s">
        <v>7428</v>
      </c>
      <c r="I3541" t="s">
        <v>30540</v>
      </c>
    </row>
    <row r="3542" spans="1:9">
      <c r="A3542" s="1">
        <v>0.2029100685377131</v>
      </c>
      <c r="B3542" s="1"/>
      <c r="C3542">
        <v>15</v>
      </c>
      <c r="D3542" t="s">
        <v>7441</v>
      </c>
      <c r="E3542" t="s">
        <v>32029</v>
      </c>
      <c r="F3542">
        <v>4</v>
      </c>
      <c r="G3542" t="s">
        <v>0</v>
      </c>
      <c r="H3542" t="s">
        <v>7442</v>
      </c>
      <c r="I3542" t="s">
        <v>30540</v>
      </c>
    </row>
    <row r="3543" spans="1:9">
      <c r="A3543" s="1">
        <v>0.60188590237287964</v>
      </c>
      <c r="B3543" s="1"/>
      <c r="C3543">
        <v>10</v>
      </c>
      <c r="D3543" t="s">
        <v>7433</v>
      </c>
      <c r="E3543" t="s">
        <v>32029</v>
      </c>
      <c r="F3543">
        <v>4</v>
      </c>
      <c r="G3543" t="s">
        <v>0</v>
      </c>
      <c r="H3543" t="s">
        <v>7434</v>
      </c>
      <c r="I3543" t="s">
        <v>30540</v>
      </c>
    </row>
    <row r="3544" spans="1:9">
      <c r="A3544" s="1">
        <v>0.20334566521716879</v>
      </c>
      <c r="B3544" s="1"/>
      <c r="C3544">
        <v>4</v>
      </c>
      <c r="D3544" t="s">
        <v>7429</v>
      </c>
      <c r="E3544" t="s">
        <v>32029</v>
      </c>
      <c r="F3544">
        <v>4</v>
      </c>
      <c r="G3544" t="s">
        <v>0</v>
      </c>
      <c r="H3544" t="s">
        <v>7430</v>
      </c>
      <c r="I3544" t="s">
        <v>30540</v>
      </c>
    </row>
    <row r="3545" spans="1:9">
      <c r="A3545" s="1">
        <v>0.22702621449975369</v>
      </c>
      <c r="B3545" s="1"/>
      <c r="C3545">
        <v>16</v>
      </c>
      <c r="D3545" t="s">
        <v>7443</v>
      </c>
      <c r="E3545" t="s">
        <v>32029</v>
      </c>
      <c r="F3545">
        <v>4</v>
      </c>
      <c r="G3545" t="s">
        <v>0</v>
      </c>
      <c r="H3545" t="s">
        <v>7444</v>
      </c>
      <c r="I3545" t="s">
        <v>30540</v>
      </c>
    </row>
    <row r="3546" spans="1:9">
      <c r="A3546" s="1">
        <v>0.17963717307569993</v>
      </c>
      <c r="B3546" s="1"/>
      <c r="C3546">
        <v>14</v>
      </c>
      <c r="D3546" t="s">
        <v>7439</v>
      </c>
      <c r="E3546" t="s">
        <v>32029</v>
      </c>
      <c r="F3546">
        <v>4</v>
      </c>
      <c r="G3546" t="s">
        <v>0</v>
      </c>
      <c r="H3546" t="s">
        <v>7440</v>
      </c>
      <c r="I3546" t="s">
        <v>30540</v>
      </c>
    </row>
    <row r="3547" spans="1:9">
      <c r="A3547" s="1">
        <v>0.39606239851032032</v>
      </c>
      <c r="B3547" s="1"/>
      <c r="C3547">
        <v>12</v>
      </c>
      <c r="D3547" t="s">
        <v>7435</v>
      </c>
      <c r="E3547" t="s">
        <v>32029</v>
      </c>
      <c r="F3547">
        <v>4</v>
      </c>
      <c r="G3547" t="s">
        <v>0</v>
      </c>
      <c r="H3547" t="s">
        <v>7436</v>
      </c>
      <c r="I3547" t="s">
        <v>30540</v>
      </c>
    </row>
    <row r="3548" spans="1:9">
      <c r="A3548" s="1">
        <v>2.6668747390233838E-2</v>
      </c>
      <c r="B3548" s="1"/>
      <c r="C3548">
        <v>8</v>
      </c>
      <c r="D3548" t="s">
        <v>7431</v>
      </c>
      <c r="E3548" t="s">
        <v>32029</v>
      </c>
      <c r="F3548">
        <v>4</v>
      </c>
      <c r="G3548" t="s">
        <v>9</v>
      </c>
      <c r="H3548" t="s">
        <v>7432</v>
      </c>
      <c r="I3548" t="s">
        <v>30540</v>
      </c>
    </row>
    <row r="3549" spans="1:9">
      <c r="A3549" s="1">
        <v>0.907637334376039</v>
      </c>
      <c r="B3549" s="1"/>
      <c r="C3549">
        <v>19</v>
      </c>
      <c r="D3549" t="s">
        <v>7445</v>
      </c>
      <c r="E3549" t="s">
        <v>32029</v>
      </c>
      <c r="F3549">
        <v>3</v>
      </c>
      <c r="G3549" t="s">
        <v>0</v>
      </c>
      <c r="H3549" t="s">
        <v>7446</v>
      </c>
      <c r="I3549" t="s">
        <v>30540</v>
      </c>
    </row>
    <row r="3550" spans="1:9">
      <c r="A3550" s="1">
        <v>0.5065476700745517</v>
      </c>
      <c r="B3550" s="1"/>
      <c r="C3550">
        <v>14</v>
      </c>
      <c r="D3550" t="s">
        <v>7423</v>
      </c>
      <c r="E3550" t="s">
        <v>32030</v>
      </c>
      <c r="F3550">
        <v>5</v>
      </c>
      <c r="G3550" t="s">
        <v>0</v>
      </c>
      <c r="H3550" t="s">
        <v>7424</v>
      </c>
      <c r="I3550" t="s">
        <v>30540</v>
      </c>
    </row>
    <row r="3551" spans="1:9">
      <c r="A3551" s="1">
        <v>0.37378179004958378</v>
      </c>
      <c r="B3551" s="1"/>
      <c r="C3551">
        <v>8</v>
      </c>
      <c r="D3551" t="s">
        <v>7421</v>
      </c>
      <c r="E3551" t="s">
        <v>32031</v>
      </c>
      <c r="F3551">
        <v>5</v>
      </c>
      <c r="G3551" t="s">
        <v>0</v>
      </c>
      <c r="H3551" t="s">
        <v>7422</v>
      </c>
      <c r="I3551" t="s">
        <v>30540</v>
      </c>
    </row>
    <row r="3552" spans="1:9">
      <c r="A3552" s="1">
        <v>8.2849974207445554E-2</v>
      </c>
      <c r="B3552" s="1"/>
      <c r="C3552">
        <v>6</v>
      </c>
      <c r="D3552" t="s">
        <v>7419</v>
      </c>
      <c r="E3552" t="s">
        <v>32031</v>
      </c>
      <c r="F3552">
        <v>4</v>
      </c>
      <c r="G3552" t="s">
        <v>0</v>
      </c>
      <c r="H3552" t="s">
        <v>7420</v>
      </c>
      <c r="I3552" t="s">
        <v>30540</v>
      </c>
    </row>
    <row r="3553" spans="1:9">
      <c r="A3553" s="1">
        <v>0.39666497842516524</v>
      </c>
      <c r="B3553" s="1"/>
      <c r="C3553">
        <v>3</v>
      </c>
      <c r="D3553" t="s">
        <v>7417</v>
      </c>
      <c r="E3553" t="s">
        <v>32031</v>
      </c>
      <c r="F3553">
        <v>3</v>
      </c>
      <c r="G3553" t="s">
        <v>0</v>
      </c>
      <c r="H3553" t="s">
        <v>7418</v>
      </c>
      <c r="I3553" t="s">
        <v>30540</v>
      </c>
    </row>
    <row r="3554" spans="1:9">
      <c r="A3554" s="1">
        <v>3.0902400485595449E-2</v>
      </c>
      <c r="B3554" s="1"/>
      <c r="C3554">
        <v>12</v>
      </c>
      <c r="D3554" t="s">
        <v>7413</v>
      </c>
      <c r="E3554" t="s">
        <v>32032</v>
      </c>
      <c r="F3554">
        <v>4</v>
      </c>
      <c r="G3554" t="s">
        <v>0</v>
      </c>
      <c r="H3554" t="s">
        <v>7414</v>
      </c>
      <c r="I3554" t="s">
        <v>30540</v>
      </c>
    </row>
    <row r="3555" spans="1:9">
      <c r="A3555" s="1">
        <v>0.97161531924313915</v>
      </c>
      <c r="B3555" s="1"/>
      <c r="C3555">
        <v>2</v>
      </c>
      <c r="D3555" t="s">
        <v>7409</v>
      </c>
      <c r="E3555" t="s">
        <v>32032</v>
      </c>
      <c r="F3555">
        <v>4</v>
      </c>
      <c r="G3555" t="s">
        <v>0</v>
      </c>
      <c r="H3555" t="s">
        <v>7410</v>
      </c>
      <c r="I3555" t="s">
        <v>30540</v>
      </c>
    </row>
    <row r="3556" spans="1:9">
      <c r="A3556" s="1">
        <v>0.80769589502889916</v>
      </c>
      <c r="B3556" s="1"/>
      <c r="C3556">
        <v>13</v>
      </c>
      <c r="D3556" t="s">
        <v>7415</v>
      </c>
      <c r="E3556" t="s">
        <v>32032</v>
      </c>
      <c r="F3556">
        <v>4</v>
      </c>
      <c r="G3556" t="s">
        <v>774</v>
      </c>
      <c r="H3556" t="s">
        <v>7416</v>
      </c>
      <c r="I3556" t="s">
        <v>30540</v>
      </c>
    </row>
    <row r="3557" spans="1:9">
      <c r="A3557" s="1">
        <v>0.14417652332483955</v>
      </c>
      <c r="B3557" s="1"/>
      <c r="C3557">
        <v>20</v>
      </c>
      <c r="D3557" t="s">
        <v>7407</v>
      </c>
      <c r="E3557" t="s">
        <v>32033</v>
      </c>
      <c r="F3557">
        <v>4</v>
      </c>
      <c r="G3557" t="s">
        <v>0</v>
      </c>
      <c r="H3557" t="s">
        <v>7408</v>
      </c>
      <c r="I3557" t="s">
        <v>30540</v>
      </c>
    </row>
    <row r="3558" spans="1:9">
      <c r="A3558" s="1">
        <v>2.7550354393414023E-2</v>
      </c>
      <c r="B3558" s="1"/>
      <c r="C3558">
        <v>13</v>
      </c>
      <c r="D3558" t="s">
        <v>7405</v>
      </c>
      <c r="E3558" t="s">
        <v>32033</v>
      </c>
      <c r="F3558">
        <v>3</v>
      </c>
      <c r="G3558" t="s">
        <v>770</v>
      </c>
      <c r="H3558" t="s">
        <v>7406</v>
      </c>
      <c r="I3558" t="s">
        <v>30540</v>
      </c>
    </row>
    <row r="3559" spans="1:9">
      <c r="A3559" s="1">
        <v>0.7866758513569867</v>
      </c>
      <c r="B3559" s="1"/>
      <c r="C3559">
        <v>10</v>
      </c>
      <c r="D3559" t="s">
        <v>7403</v>
      </c>
      <c r="E3559" t="s">
        <v>32034</v>
      </c>
      <c r="F3559">
        <v>5</v>
      </c>
      <c r="G3559" t="s">
        <v>10</v>
      </c>
      <c r="H3559" t="s">
        <v>7404</v>
      </c>
      <c r="I3559" t="s">
        <v>30540</v>
      </c>
    </row>
    <row r="3560" spans="1:9">
      <c r="A3560" s="1">
        <v>0.17788985428171111</v>
      </c>
      <c r="B3560" s="1"/>
      <c r="C3560">
        <v>9</v>
      </c>
      <c r="D3560" t="s">
        <v>7401</v>
      </c>
      <c r="E3560" t="s">
        <v>32034</v>
      </c>
      <c r="F3560">
        <v>4</v>
      </c>
      <c r="G3560" t="s">
        <v>13</v>
      </c>
      <c r="H3560" t="s">
        <v>7402</v>
      </c>
      <c r="I3560" t="s">
        <v>30540</v>
      </c>
    </row>
    <row r="3561" spans="1:9">
      <c r="A3561" s="1">
        <v>0.75137114682540318</v>
      </c>
      <c r="B3561" s="1"/>
      <c r="C3561">
        <v>16</v>
      </c>
      <c r="D3561" t="s">
        <v>7395</v>
      </c>
      <c r="E3561" t="s">
        <v>32035</v>
      </c>
      <c r="F3561">
        <v>4</v>
      </c>
      <c r="G3561" t="s">
        <v>770</v>
      </c>
      <c r="H3561" t="s">
        <v>7396</v>
      </c>
      <c r="I3561" t="s">
        <v>30540</v>
      </c>
    </row>
    <row r="3562" spans="1:9">
      <c r="A3562" s="1">
        <v>1.0350869004279506E-2</v>
      </c>
      <c r="B3562" s="1"/>
      <c r="C3562">
        <v>17</v>
      </c>
      <c r="D3562" t="s">
        <v>7397</v>
      </c>
      <c r="E3562" t="s">
        <v>32035</v>
      </c>
      <c r="F3562">
        <v>4</v>
      </c>
      <c r="G3562" t="s">
        <v>9</v>
      </c>
      <c r="H3562" t="s">
        <v>7398</v>
      </c>
      <c r="I3562" t="s">
        <v>30540</v>
      </c>
    </row>
    <row r="3563" spans="1:9">
      <c r="A3563" s="1">
        <v>0.15158129571337531</v>
      </c>
      <c r="B3563" s="1"/>
      <c r="C3563">
        <v>8</v>
      </c>
      <c r="D3563" t="s">
        <v>7387</v>
      </c>
      <c r="E3563" t="s">
        <v>32036</v>
      </c>
      <c r="F3563">
        <v>5</v>
      </c>
      <c r="G3563" t="s">
        <v>0</v>
      </c>
      <c r="H3563" t="s">
        <v>7388</v>
      </c>
      <c r="I3563" t="s">
        <v>30540</v>
      </c>
    </row>
    <row r="3564" spans="1:9">
      <c r="A3564" s="1">
        <v>0.41021541111265947</v>
      </c>
      <c r="B3564" s="1"/>
      <c r="C3564">
        <v>7</v>
      </c>
      <c r="D3564" t="s">
        <v>7385</v>
      </c>
      <c r="E3564" t="s">
        <v>32036</v>
      </c>
      <c r="F3564">
        <v>4</v>
      </c>
      <c r="G3564" t="s">
        <v>0</v>
      </c>
      <c r="H3564" t="s">
        <v>7386</v>
      </c>
      <c r="I3564" t="s">
        <v>30540</v>
      </c>
    </row>
    <row r="3565" spans="1:9">
      <c r="A3565" s="1">
        <v>0.94635803380085548</v>
      </c>
      <c r="B3565" s="1"/>
      <c r="C3565">
        <v>9</v>
      </c>
      <c r="D3565" t="s">
        <v>7389</v>
      </c>
      <c r="E3565" t="s">
        <v>32036</v>
      </c>
      <c r="F3565">
        <v>4</v>
      </c>
      <c r="G3565" t="s">
        <v>0</v>
      </c>
      <c r="H3565" t="s">
        <v>7390</v>
      </c>
      <c r="I3565" t="s">
        <v>30540</v>
      </c>
    </row>
    <row r="3566" spans="1:9">
      <c r="A3566" s="1">
        <v>0.70473355786537017</v>
      </c>
      <c r="B3566" s="1"/>
      <c r="C3566">
        <v>16</v>
      </c>
      <c r="D3566" t="s">
        <v>7393</v>
      </c>
      <c r="E3566" t="s">
        <v>32036</v>
      </c>
      <c r="F3566">
        <v>4</v>
      </c>
      <c r="G3566" t="s">
        <v>0</v>
      </c>
      <c r="H3566" t="s">
        <v>7394</v>
      </c>
      <c r="I3566" t="s">
        <v>30540</v>
      </c>
    </row>
    <row r="3567" spans="1:9">
      <c r="A3567" s="1">
        <v>0.11439340440531387</v>
      </c>
      <c r="B3567" s="1"/>
      <c r="C3567">
        <v>10</v>
      </c>
      <c r="D3567" t="s">
        <v>7391</v>
      </c>
      <c r="E3567" t="s">
        <v>32036</v>
      </c>
      <c r="F3567">
        <v>4</v>
      </c>
      <c r="G3567" t="s">
        <v>0</v>
      </c>
      <c r="H3567" t="s">
        <v>7392</v>
      </c>
      <c r="I3567" t="s">
        <v>30540</v>
      </c>
    </row>
    <row r="3568" spans="1:9">
      <c r="A3568" s="1">
        <v>0.54569526266018464</v>
      </c>
      <c r="B3568" s="1"/>
      <c r="C3568">
        <v>1</v>
      </c>
      <c r="D3568" t="s">
        <v>7375</v>
      </c>
      <c r="E3568" t="s">
        <v>32037</v>
      </c>
      <c r="F3568">
        <v>5</v>
      </c>
      <c r="G3568" t="s">
        <v>1295</v>
      </c>
      <c r="H3568" t="s">
        <v>7376</v>
      </c>
      <c r="I3568" t="s">
        <v>30540</v>
      </c>
    </row>
    <row r="3569" spans="1:9">
      <c r="A3569" s="1">
        <v>0.7041531197271006</v>
      </c>
      <c r="B3569" s="1"/>
      <c r="C3569">
        <v>10</v>
      </c>
      <c r="D3569" t="s">
        <v>7379</v>
      </c>
      <c r="E3569" t="s">
        <v>32037</v>
      </c>
      <c r="F3569">
        <v>5</v>
      </c>
      <c r="G3569" t="s">
        <v>9</v>
      </c>
      <c r="H3569" t="s">
        <v>7380</v>
      </c>
      <c r="I3569" t="s">
        <v>30540</v>
      </c>
    </row>
    <row r="3570" spans="1:9">
      <c r="A3570" s="1">
        <v>0.31920564880038138</v>
      </c>
      <c r="B3570" s="1"/>
      <c r="C3570">
        <v>6</v>
      </c>
      <c r="D3570" t="s">
        <v>7377</v>
      </c>
      <c r="E3570" t="s">
        <v>32037</v>
      </c>
      <c r="F3570">
        <v>4</v>
      </c>
      <c r="G3570" t="s">
        <v>1</v>
      </c>
      <c r="H3570" t="s">
        <v>7378</v>
      </c>
      <c r="I3570" t="s">
        <v>30540</v>
      </c>
    </row>
    <row r="3571" spans="1:9">
      <c r="A3571" s="1">
        <v>0.79051785086360304</v>
      </c>
      <c r="B3571" s="1"/>
      <c r="C3571">
        <v>14</v>
      </c>
      <c r="D3571" t="s">
        <v>7381</v>
      </c>
      <c r="E3571" t="s">
        <v>32037</v>
      </c>
      <c r="F3571">
        <v>4</v>
      </c>
      <c r="G3571" t="s">
        <v>0</v>
      </c>
      <c r="H3571" t="s">
        <v>7382</v>
      </c>
      <c r="I3571" t="s">
        <v>30540</v>
      </c>
    </row>
    <row r="3572" spans="1:9">
      <c r="A3572" s="1">
        <v>0.40850544970798541</v>
      </c>
      <c r="B3572" s="1"/>
      <c r="C3572">
        <v>19</v>
      </c>
      <c r="D3572" t="s">
        <v>7383</v>
      </c>
      <c r="E3572" t="s">
        <v>32037</v>
      </c>
      <c r="F3572">
        <v>3</v>
      </c>
      <c r="G3572" t="s">
        <v>765</v>
      </c>
      <c r="H3572" t="s">
        <v>7384</v>
      </c>
      <c r="I3572" t="s">
        <v>30540</v>
      </c>
    </row>
    <row r="3573" spans="1:9">
      <c r="A3573" s="1">
        <v>0.74695868337309657</v>
      </c>
      <c r="B3573" s="1"/>
      <c r="C3573">
        <v>6</v>
      </c>
      <c r="D3573" t="s">
        <v>7369</v>
      </c>
      <c r="E3573" t="s">
        <v>32038</v>
      </c>
      <c r="F3573">
        <v>5</v>
      </c>
      <c r="G3573" t="s">
        <v>765</v>
      </c>
      <c r="H3573" t="s">
        <v>7370</v>
      </c>
      <c r="I3573" t="s">
        <v>30540</v>
      </c>
    </row>
    <row r="3574" spans="1:9">
      <c r="A3574" s="1">
        <v>0.87808792137272829</v>
      </c>
      <c r="B3574" s="1"/>
      <c r="C3574">
        <v>18</v>
      </c>
      <c r="D3574" t="s">
        <v>7373</v>
      </c>
      <c r="E3574" t="s">
        <v>32038</v>
      </c>
      <c r="F3574">
        <v>4</v>
      </c>
      <c r="G3574" t="s">
        <v>0</v>
      </c>
      <c r="H3574" t="s">
        <v>7374</v>
      </c>
      <c r="I3574" t="s">
        <v>30540</v>
      </c>
    </row>
    <row r="3575" spans="1:9">
      <c r="A3575" s="1">
        <v>0.43625291131664001</v>
      </c>
      <c r="B3575" s="1"/>
      <c r="C3575">
        <v>14</v>
      </c>
      <c r="D3575" t="s">
        <v>7371</v>
      </c>
      <c r="E3575" t="s">
        <v>32038</v>
      </c>
      <c r="F3575">
        <v>3</v>
      </c>
      <c r="G3575" t="s">
        <v>2</v>
      </c>
      <c r="H3575" t="s">
        <v>7372</v>
      </c>
      <c r="I3575" t="s">
        <v>30540</v>
      </c>
    </row>
    <row r="3576" spans="1:9">
      <c r="A3576" s="1">
        <v>0.37789917851558696</v>
      </c>
      <c r="B3576" s="1"/>
      <c r="C3576">
        <v>11</v>
      </c>
      <c r="D3576" t="s">
        <v>7365</v>
      </c>
      <c r="E3576" t="s">
        <v>32039</v>
      </c>
      <c r="F3576">
        <v>4</v>
      </c>
      <c r="G3576" t="s">
        <v>0</v>
      </c>
      <c r="H3576" t="s">
        <v>7366</v>
      </c>
      <c r="I3576" t="s">
        <v>30540</v>
      </c>
    </row>
    <row r="3577" spans="1:9">
      <c r="A3577" s="1">
        <v>0.66313166458558137</v>
      </c>
      <c r="B3577" s="1"/>
      <c r="C3577">
        <v>10</v>
      </c>
      <c r="D3577" t="s">
        <v>7363</v>
      </c>
      <c r="E3577" t="s">
        <v>32039</v>
      </c>
      <c r="F3577">
        <v>4</v>
      </c>
      <c r="G3577" t="s">
        <v>0</v>
      </c>
      <c r="H3577" t="s">
        <v>7364</v>
      </c>
      <c r="I3577" t="s">
        <v>30540</v>
      </c>
    </row>
    <row r="3578" spans="1:9">
      <c r="A3578" s="1">
        <v>0.56329616931622328</v>
      </c>
      <c r="B3578" s="1"/>
      <c r="C3578">
        <v>8</v>
      </c>
      <c r="D3578" t="s">
        <v>7361</v>
      </c>
      <c r="E3578" t="s">
        <v>32039</v>
      </c>
      <c r="F3578">
        <v>4</v>
      </c>
      <c r="G3578" t="s">
        <v>2</v>
      </c>
      <c r="H3578" t="s">
        <v>7362</v>
      </c>
      <c r="I3578" t="s">
        <v>30540</v>
      </c>
    </row>
    <row r="3579" spans="1:9">
      <c r="A3579" s="1">
        <v>0.80828143953943676</v>
      </c>
      <c r="B3579" s="1"/>
      <c r="C3579">
        <v>3</v>
      </c>
      <c r="D3579" t="s">
        <v>7359</v>
      </c>
      <c r="E3579" t="s">
        <v>32039</v>
      </c>
      <c r="F3579">
        <v>4</v>
      </c>
      <c r="G3579" t="s">
        <v>9</v>
      </c>
      <c r="H3579" t="s">
        <v>7360</v>
      </c>
      <c r="I3579" t="s">
        <v>30540</v>
      </c>
    </row>
    <row r="3580" spans="1:9">
      <c r="A3580" s="1">
        <v>0.69480191455641382</v>
      </c>
      <c r="B3580" s="1"/>
      <c r="C3580">
        <v>15</v>
      </c>
      <c r="D3580" t="s">
        <v>7367</v>
      </c>
      <c r="E3580" t="s">
        <v>32039</v>
      </c>
      <c r="F3580">
        <v>3</v>
      </c>
      <c r="G3580" t="s">
        <v>0</v>
      </c>
      <c r="H3580" t="s">
        <v>7368</v>
      </c>
      <c r="I3580" t="s">
        <v>30540</v>
      </c>
    </row>
    <row r="3581" spans="1:9">
      <c r="A3581" s="1">
        <v>0.98501804664277504</v>
      </c>
      <c r="B3581" s="1"/>
      <c r="C3581">
        <v>18</v>
      </c>
      <c r="D3581" t="s">
        <v>7357</v>
      </c>
      <c r="E3581" t="s">
        <v>32040</v>
      </c>
      <c r="F3581">
        <v>4</v>
      </c>
      <c r="G3581" t="s">
        <v>774</v>
      </c>
      <c r="H3581" t="s">
        <v>7358</v>
      </c>
      <c r="I3581" t="s">
        <v>30540</v>
      </c>
    </row>
    <row r="3582" spans="1:9">
      <c r="A3582" s="1">
        <v>0.99102311080087002</v>
      </c>
      <c r="B3582" s="1"/>
      <c r="C3582">
        <v>4</v>
      </c>
      <c r="D3582" t="s">
        <v>7349</v>
      </c>
      <c r="E3582" t="s">
        <v>32041</v>
      </c>
      <c r="F3582">
        <v>4</v>
      </c>
      <c r="G3582" t="s">
        <v>0</v>
      </c>
      <c r="H3582" t="s">
        <v>7350</v>
      </c>
      <c r="I3582" t="s">
        <v>30540</v>
      </c>
    </row>
    <row r="3583" spans="1:9">
      <c r="A3583" s="1">
        <v>0.21443074107170701</v>
      </c>
      <c r="B3583" s="1"/>
      <c r="C3583">
        <v>10</v>
      </c>
      <c r="D3583" t="s">
        <v>7353</v>
      </c>
      <c r="E3583" t="s">
        <v>32041</v>
      </c>
      <c r="F3583">
        <v>4</v>
      </c>
      <c r="G3583" t="s">
        <v>0</v>
      </c>
      <c r="H3583" t="s">
        <v>7354</v>
      </c>
      <c r="I3583" t="s">
        <v>30540</v>
      </c>
    </row>
    <row r="3584" spans="1:9">
      <c r="A3584" s="1">
        <v>0.48413883305614147</v>
      </c>
      <c r="B3584" s="1"/>
      <c r="C3584">
        <v>9</v>
      </c>
      <c r="D3584" t="s">
        <v>7351</v>
      </c>
      <c r="E3584" t="s">
        <v>32041</v>
      </c>
      <c r="F3584">
        <v>4</v>
      </c>
      <c r="G3584" t="s">
        <v>0</v>
      </c>
      <c r="H3584" t="s">
        <v>7352</v>
      </c>
      <c r="I3584" t="s">
        <v>30540</v>
      </c>
    </row>
    <row r="3585" spans="1:9">
      <c r="A3585" s="1">
        <v>0.45621811572628701</v>
      </c>
      <c r="B3585" s="1"/>
      <c r="C3585">
        <v>17</v>
      </c>
      <c r="D3585" t="s">
        <v>7345</v>
      </c>
      <c r="E3585" t="s">
        <v>32042</v>
      </c>
      <c r="F3585">
        <v>4</v>
      </c>
      <c r="G3585" t="s">
        <v>0</v>
      </c>
      <c r="H3585" t="s">
        <v>7346</v>
      </c>
      <c r="I3585" t="s">
        <v>30540</v>
      </c>
    </row>
    <row r="3586" spans="1:9">
      <c r="A3586" s="1">
        <v>0.55733578958230545</v>
      </c>
      <c r="B3586" s="1"/>
      <c r="C3586">
        <v>20</v>
      </c>
      <c r="D3586" t="s">
        <v>7347</v>
      </c>
      <c r="E3586" t="s">
        <v>32042</v>
      </c>
      <c r="F3586">
        <v>4</v>
      </c>
      <c r="G3586" t="s">
        <v>770</v>
      </c>
      <c r="H3586" t="s">
        <v>7348</v>
      </c>
      <c r="I3586" t="s">
        <v>30540</v>
      </c>
    </row>
    <row r="3587" spans="1:9">
      <c r="A3587" s="1">
        <v>5.9567534260922206E-2</v>
      </c>
      <c r="B3587" s="1"/>
      <c r="C3587">
        <v>11</v>
      </c>
      <c r="D3587" t="s">
        <v>7341</v>
      </c>
      <c r="E3587" t="s">
        <v>32042</v>
      </c>
      <c r="F3587">
        <v>4</v>
      </c>
      <c r="G3587" t="s">
        <v>762</v>
      </c>
      <c r="H3587" t="s">
        <v>7342</v>
      </c>
      <c r="I3587" t="s">
        <v>30540</v>
      </c>
    </row>
    <row r="3588" spans="1:9">
      <c r="A3588" s="1">
        <v>0.26061368301565968</v>
      </c>
      <c r="B3588" s="1"/>
      <c r="C3588">
        <v>3</v>
      </c>
      <c r="D3588" t="s">
        <v>7339</v>
      </c>
      <c r="E3588" t="s">
        <v>32042</v>
      </c>
      <c r="F3588">
        <v>3</v>
      </c>
      <c r="G3588" t="s">
        <v>774</v>
      </c>
      <c r="H3588" t="s">
        <v>7340</v>
      </c>
      <c r="I3588" t="s">
        <v>30540</v>
      </c>
    </row>
    <row r="3589" spans="1:9">
      <c r="A3589" s="1">
        <v>0.8459184583535202</v>
      </c>
      <c r="B3589" s="1"/>
      <c r="C3589">
        <v>15</v>
      </c>
      <c r="D3589" t="s">
        <v>7343</v>
      </c>
      <c r="E3589" t="s">
        <v>32042</v>
      </c>
      <c r="F3589">
        <v>3</v>
      </c>
      <c r="G3589" t="s">
        <v>0</v>
      </c>
      <c r="H3589" t="s">
        <v>7344</v>
      </c>
      <c r="I3589" t="s">
        <v>30540</v>
      </c>
    </row>
    <row r="3590" spans="1:9">
      <c r="A3590" s="1">
        <v>0.1536704521120118</v>
      </c>
      <c r="B3590" s="1"/>
      <c r="C3590">
        <v>4</v>
      </c>
      <c r="D3590" t="s">
        <v>7333</v>
      </c>
      <c r="E3590" t="s">
        <v>32043</v>
      </c>
      <c r="F3590">
        <v>5</v>
      </c>
      <c r="G3590" t="s">
        <v>765</v>
      </c>
      <c r="H3590" t="s">
        <v>7334</v>
      </c>
      <c r="I3590" t="s">
        <v>30540</v>
      </c>
    </row>
    <row r="3591" spans="1:9">
      <c r="A3591" s="1">
        <v>0.69601912305152036</v>
      </c>
      <c r="B3591" s="1"/>
      <c r="C3591">
        <v>10</v>
      </c>
      <c r="D3591" t="s">
        <v>7335</v>
      </c>
      <c r="E3591" t="s">
        <v>32043</v>
      </c>
      <c r="F3591">
        <v>4</v>
      </c>
      <c r="G3591" t="s">
        <v>0</v>
      </c>
      <c r="H3591" t="s">
        <v>7336</v>
      </c>
      <c r="I3591" t="s">
        <v>30540</v>
      </c>
    </row>
    <row r="3592" spans="1:9">
      <c r="A3592" s="1">
        <v>0.13381461876341794</v>
      </c>
      <c r="B3592" s="1"/>
      <c r="C3592">
        <v>16</v>
      </c>
      <c r="D3592" t="s">
        <v>7337</v>
      </c>
      <c r="E3592" t="s">
        <v>32043</v>
      </c>
      <c r="F3592">
        <v>4</v>
      </c>
      <c r="G3592" t="s">
        <v>0</v>
      </c>
      <c r="H3592" t="s">
        <v>7338</v>
      </c>
      <c r="I3592" t="s">
        <v>30540</v>
      </c>
    </row>
    <row r="3593" spans="1:9">
      <c r="A3593" s="1">
        <v>0.36520795238224601</v>
      </c>
      <c r="B3593" s="1"/>
      <c r="C3593">
        <v>6</v>
      </c>
      <c r="D3593" t="s">
        <v>7331</v>
      </c>
      <c r="E3593" t="s">
        <v>32044</v>
      </c>
      <c r="F3593">
        <v>4</v>
      </c>
      <c r="G3593" t="s">
        <v>14</v>
      </c>
      <c r="H3593" t="s">
        <v>7332</v>
      </c>
      <c r="I3593" t="s">
        <v>30540</v>
      </c>
    </row>
    <row r="3594" spans="1:9">
      <c r="A3594" s="1">
        <v>0.57492144819177127</v>
      </c>
      <c r="B3594" s="1"/>
      <c r="C3594">
        <v>5</v>
      </c>
      <c r="D3594" t="s">
        <v>7329</v>
      </c>
      <c r="E3594" t="s">
        <v>32044</v>
      </c>
      <c r="F3594">
        <v>4</v>
      </c>
      <c r="G3594" t="s">
        <v>0</v>
      </c>
      <c r="H3594" t="s">
        <v>7330</v>
      </c>
      <c r="I3594" t="s">
        <v>30540</v>
      </c>
    </row>
    <row r="3595" spans="1:9">
      <c r="A3595" s="1">
        <v>0.58465124175846317</v>
      </c>
      <c r="B3595" s="1"/>
      <c r="C3595">
        <v>4</v>
      </c>
      <c r="D3595" t="s">
        <v>7327</v>
      </c>
      <c r="E3595" t="s">
        <v>32044</v>
      </c>
      <c r="F3595">
        <v>4</v>
      </c>
      <c r="G3595" t="s">
        <v>13</v>
      </c>
      <c r="H3595" t="s">
        <v>7328</v>
      </c>
      <c r="I3595" t="s">
        <v>30540</v>
      </c>
    </row>
    <row r="3596" spans="1:9">
      <c r="A3596" s="1">
        <v>0.1970862780784165</v>
      </c>
      <c r="B3596" s="1"/>
      <c r="C3596">
        <v>2</v>
      </c>
      <c r="D3596" t="s">
        <v>7325</v>
      </c>
      <c r="E3596" t="s">
        <v>32044</v>
      </c>
      <c r="F3596">
        <v>4</v>
      </c>
      <c r="G3596" t="s">
        <v>9</v>
      </c>
      <c r="H3596" t="s">
        <v>7326</v>
      </c>
      <c r="I3596" t="s">
        <v>30540</v>
      </c>
    </row>
    <row r="3597" spans="1:9">
      <c r="A3597" s="1">
        <v>0.1227054464957652</v>
      </c>
      <c r="B3597" s="1"/>
      <c r="C3597">
        <v>15</v>
      </c>
      <c r="D3597" t="s">
        <v>7321</v>
      </c>
      <c r="E3597" t="s">
        <v>32045</v>
      </c>
      <c r="F3597">
        <v>4</v>
      </c>
      <c r="G3597" t="s">
        <v>0</v>
      </c>
      <c r="H3597" t="s">
        <v>7322</v>
      </c>
      <c r="I3597" t="s">
        <v>30540</v>
      </c>
    </row>
    <row r="3598" spans="1:9">
      <c r="A3598" s="1">
        <v>8.7621279000936636E-2</v>
      </c>
      <c r="B3598" s="1"/>
      <c r="C3598">
        <v>12</v>
      </c>
      <c r="D3598" t="s">
        <v>7309</v>
      </c>
      <c r="E3598" t="s">
        <v>32046</v>
      </c>
      <c r="F3598">
        <v>5</v>
      </c>
      <c r="G3598" t="s">
        <v>0</v>
      </c>
      <c r="H3598" t="s">
        <v>7310</v>
      </c>
      <c r="I3598" t="s">
        <v>30540</v>
      </c>
    </row>
    <row r="3599" spans="1:9">
      <c r="A3599" s="1">
        <v>0.62426030271114552</v>
      </c>
      <c r="B3599" s="1"/>
      <c r="C3599">
        <v>14</v>
      </c>
      <c r="D3599" t="s">
        <v>7311</v>
      </c>
      <c r="E3599" t="s">
        <v>32046</v>
      </c>
      <c r="F3599">
        <v>5</v>
      </c>
      <c r="G3599" t="s">
        <v>0</v>
      </c>
      <c r="H3599" t="s">
        <v>7312</v>
      </c>
      <c r="I3599" t="s">
        <v>30540</v>
      </c>
    </row>
    <row r="3600" spans="1:9">
      <c r="A3600" s="1">
        <v>0.5340459065720421</v>
      </c>
      <c r="B3600" s="1"/>
      <c r="C3600">
        <v>18</v>
      </c>
      <c r="D3600" t="s">
        <v>7313</v>
      </c>
      <c r="E3600" t="s">
        <v>32046</v>
      </c>
      <c r="F3600">
        <v>4</v>
      </c>
      <c r="G3600" t="s">
        <v>0</v>
      </c>
      <c r="H3600" t="s">
        <v>7314</v>
      </c>
      <c r="I3600" t="s">
        <v>30540</v>
      </c>
    </row>
    <row r="3601" spans="1:9">
      <c r="A3601" s="1">
        <v>0.37196690756439488</v>
      </c>
      <c r="B3601" s="1"/>
      <c r="C3601">
        <v>19</v>
      </c>
      <c r="D3601" t="s">
        <v>7315</v>
      </c>
      <c r="E3601" t="s">
        <v>32046</v>
      </c>
      <c r="F3601">
        <v>4</v>
      </c>
      <c r="G3601" t="s">
        <v>0</v>
      </c>
      <c r="H3601" t="s">
        <v>7316</v>
      </c>
      <c r="I3601" t="s">
        <v>30540</v>
      </c>
    </row>
    <row r="3602" spans="1:9">
      <c r="A3602" s="1">
        <v>0.22380625597083503</v>
      </c>
      <c r="B3602" s="1"/>
      <c r="C3602">
        <v>3</v>
      </c>
      <c r="D3602" t="s">
        <v>7295</v>
      </c>
      <c r="E3602" t="s">
        <v>32047</v>
      </c>
      <c r="F3602">
        <v>5</v>
      </c>
      <c r="G3602" t="s">
        <v>1295</v>
      </c>
      <c r="H3602" t="s">
        <v>7296</v>
      </c>
      <c r="I3602" t="s">
        <v>30540</v>
      </c>
    </row>
    <row r="3603" spans="1:9">
      <c r="A3603" s="1">
        <v>0.72191757761343667</v>
      </c>
      <c r="B3603" s="1"/>
      <c r="C3603">
        <v>13</v>
      </c>
      <c r="D3603" t="s">
        <v>7299</v>
      </c>
      <c r="E3603" t="s">
        <v>32047</v>
      </c>
      <c r="F3603">
        <v>4</v>
      </c>
      <c r="G3603" t="s">
        <v>10</v>
      </c>
      <c r="H3603" t="s">
        <v>7300</v>
      </c>
      <c r="I3603" t="s">
        <v>30540</v>
      </c>
    </row>
    <row r="3604" spans="1:9">
      <c r="A3604" s="1">
        <v>0.70106727026340265</v>
      </c>
      <c r="B3604" s="1"/>
      <c r="C3604">
        <v>15</v>
      </c>
      <c r="D3604" t="s">
        <v>7301</v>
      </c>
      <c r="E3604" t="s">
        <v>32047</v>
      </c>
      <c r="F3604">
        <v>4</v>
      </c>
      <c r="G3604" t="s">
        <v>0</v>
      </c>
      <c r="H3604" t="s">
        <v>7302</v>
      </c>
      <c r="I3604" t="s">
        <v>30540</v>
      </c>
    </row>
    <row r="3605" spans="1:9">
      <c r="A3605" s="1">
        <v>0.56157267268793931</v>
      </c>
      <c r="B3605" s="1"/>
      <c r="C3605">
        <v>1</v>
      </c>
      <c r="D3605" t="s">
        <v>7293</v>
      </c>
      <c r="E3605" t="s">
        <v>32047</v>
      </c>
      <c r="F3605">
        <v>4</v>
      </c>
      <c r="G3605" t="s">
        <v>762</v>
      </c>
      <c r="H3605" t="s">
        <v>7294</v>
      </c>
      <c r="I3605" t="s">
        <v>30540</v>
      </c>
    </row>
    <row r="3606" spans="1:9">
      <c r="A3606" s="1">
        <v>9.8975664071679237E-2</v>
      </c>
      <c r="B3606" s="1"/>
      <c r="C3606">
        <v>19</v>
      </c>
      <c r="D3606" t="s">
        <v>7303</v>
      </c>
      <c r="E3606" t="s">
        <v>32047</v>
      </c>
      <c r="F3606">
        <v>3</v>
      </c>
      <c r="G3606" t="s">
        <v>0</v>
      </c>
      <c r="H3606" t="s">
        <v>7304</v>
      </c>
      <c r="I3606" t="s">
        <v>30540</v>
      </c>
    </row>
    <row r="3607" spans="1:9">
      <c r="A3607" s="1">
        <v>0.24709757201277771</v>
      </c>
      <c r="B3607" s="1"/>
      <c r="C3607">
        <v>9</v>
      </c>
      <c r="D3607" t="s">
        <v>7297</v>
      </c>
      <c r="E3607" t="s">
        <v>32047</v>
      </c>
      <c r="F3607">
        <v>3</v>
      </c>
      <c r="G3607" t="s">
        <v>774</v>
      </c>
      <c r="H3607" t="s">
        <v>7298</v>
      </c>
      <c r="I3607" t="s">
        <v>30540</v>
      </c>
    </row>
    <row r="3608" spans="1:9">
      <c r="A3608" s="1">
        <v>0.6273919153418932</v>
      </c>
      <c r="B3608" s="1"/>
      <c r="C3608">
        <v>1</v>
      </c>
      <c r="D3608" t="s">
        <v>7287</v>
      </c>
      <c r="E3608" t="s">
        <v>32048</v>
      </c>
      <c r="F3608">
        <v>4</v>
      </c>
      <c r="G3608" t="s">
        <v>0</v>
      </c>
      <c r="H3608" t="s">
        <v>7288</v>
      </c>
      <c r="I3608" t="s">
        <v>30540</v>
      </c>
    </row>
    <row r="3609" spans="1:9">
      <c r="A3609" s="1">
        <v>0.91590162460106317</v>
      </c>
      <c r="B3609" s="1"/>
      <c r="C3609">
        <v>19</v>
      </c>
      <c r="D3609" t="s">
        <v>7289</v>
      </c>
      <c r="E3609" t="s">
        <v>32048</v>
      </c>
      <c r="F3609">
        <v>4</v>
      </c>
      <c r="G3609" t="s">
        <v>0</v>
      </c>
      <c r="H3609" t="s">
        <v>7290</v>
      </c>
      <c r="I3609" t="s">
        <v>30540</v>
      </c>
    </row>
    <row r="3610" spans="1:9">
      <c r="A3610" s="1">
        <v>0.84194989626220496</v>
      </c>
      <c r="B3610" s="1"/>
      <c r="C3610">
        <v>20</v>
      </c>
      <c r="D3610" t="s">
        <v>7291</v>
      </c>
      <c r="E3610" t="s">
        <v>32048</v>
      </c>
      <c r="F3610">
        <v>4</v>
      </c>
      <c r="G3610" t="s">
        <v>1295</v>
      </c>
      <c r="H3610" t="s">
        <v>7292</v>
      </c>
      <c r="I3610" t="s">
        <v>30540</v>
      </c>
    </row>
    <row r="3611" spans="1:9">
      <c r="A3611" s="1">
        <v>3.3180928105920549E-2</v>
      </c>
      <c r="B3611" s="1"/>
      <c r="C3611">
        <v>9</v>
      </c>
      <c r="D3611" t="s">
        <v>7283</v>
      </c>
      <c r="E3611" t="s">
        <v>32049</v>
      </c>
      <c r="F3611">
        <v>4</v>
      </c>
      <c r="G3611" t="s">
        <v>10</v>
      </c>
      <c r="H3611" t="s">
        <v>7284</v>
      </c>
      <c r="I3611" t="s">
        <v>30540</v>
      </c>
    </row>
    <row r="3612" spans="1:9">
      <c r="A3612" s="1">
        <v>0.30330486977437321</v>
      </c>
      <c r="B3612" s="1"/>
      <c r="C3612">
        <v>14</v>
      </c>
      <c r="D3612" t="s">
        <v>7285</v>
      </c>
      <c r="E3612" t="s">
        <v>32049</v>
      </c>
      <c r="F3612">
        <v>3</v>
      </c>
      <c r="G3612" t="s">
        <v>0</v>
      </c>
      <c r="H3612" t="s">
        <v>7286</v>
      </c>
      <c r="I3612" t="s">
        <v>30540</v>
      </c>
    </row>
    <row r="3613" spans="1:9">
      <c r="A3613" s="1">
        <v>0.98835690311816604</v>
      </c>
      <c r="B3613" s="1"/>
      <c r="C3613">
        <v>8</v>
      </c>
      <c r="D3613" t="s">
        <v>7275</v>
      </c>
      <c r="E3613" t="s">
        <v>32050</v>
      </c>
      <c r="F3613">
        <v>5</v>
      </c>
      <c r="G3613" t="s">
        <v>0</v>
      </c>
      <c r="H3613" t="s">
        <v>7276</v>
      </c>
      <c r="I3613" t="s">
        <v>30540</v>
      </c>
    </row>
    <row r="3614" spans="1:9">
      <c r="A3614" s="1">
        <v>0.90093872064532576</v>
      </c>
      <c r="B3614" s="1"/>
      <c r="C3614">
        <v>6</v>
      </c>
      <c r="D3614" t="s">
        <v>7273</v>
      </c>
      <c r="E3614" t="s">
        <v>32050</v>
      </c>
      <c r="F3614">
        <v>4</v>
      </c>
      <c r="G3614" t="s">
        <v>762</v>
      </c>
      <c r="H3614" t="s">
        <v>7274</v>
      </c>
      <c r="I3614" t="s">
        <v>30540</v>
      </c>
    </row>
    <row r="3615" spans="1:9">
      <c r="A3615" s="1">
        <v>0.16211740648040829</v>
      </c>
      <c r="B3615" s="1"/>
      <c r="C3615">
        <v>3</v>
      </c>
      <c r="D3615" t="s">
        <v>7271</v>
      </c>
      <c r="E3615" t="s">
        <v>32050</v>
      </c>
      <c r="F3615">
        <v>4</v>
      </c>
      <c r="G3615" t="s">
        <v>2</v>
      </c>
      <c r="H3615" t="s">
        <v>7272</v>
      </c>
      <c r="I3615" t="s">
        <v>30540</v>
      </c>
    </row>
    <row r="3616" spans="1:9">
      <c r="A3616" s="1">
        <v>0.32705510214691469</v>
      </c>
      <c r="B3616" s="1"/>
      <c r="C3616">
        <v>10</v>
      </c>
      <c r="D3616" t="s">
        <v>7277</v>
      </c>
      <c r="E3616" t="s">
        <v>32050</v>
      </c>
      <c r="F3616">
        <v>4</v>
      </c>
      <c r="G3616" t="s">
        <v>0</v>
      </c>
      <c r="H3616" t="s">
        <v>7278</v>
      </c>
      <c r="I3616" t="s">
        <v>30540</v>
      </c>
    </row>
    <row r="3617" spans="1:9">
      <c r="A3617" s="1">
        <v>0.46512658534883877</v>
      </c>
      <c r="B3617" s="1"/>
      <c r="C3617">
        <v>20</v>
      </c>
      <c r="D3617" t="s">
        <v>7281</v>
      </c>
      <c r="E3617" t="s">
        <v>32050</v>
      </c>
      <c r="F3617">
        <v>3</v>
      </c>
      <c r="G3617" t="s">
        <v>15</v>
      </c>
      <c r="H3617" t="s">
        <v>7282</v>
      </c>
      <c r="I3617" t="s">
        <v>30540</v>
      </c>
    </row>
    <row r="3618" spans="1:9">
      <c r="A3618" s="1">
        <v>5.634925292356785E-2</v>
      </c>
      <c r="B3618" s="1"/>
      <c r="C3618">
        <v>17</v>
      </c>
      <c r="D3618" t="s">
        <v>7279</v>
      </c>
      <c r="E3618" t="s">
        <v>32050</v>
      </c>
      <c r="F3618">
        <v>3</v>
      </c>
      <c r="G3618" t="s">
        <v>0</v>
      </c>
      <c r="H3618" t="s">
        <v>7280</v>
      </c>
      <c r="I3618" t="s">
        <v>30540</v>
      </c>
    </row>
    <row r="3619" spans="1:9">
      <c r="A3619" s="1">
        <v>0.59094885501500771</v>
      </c>
      <c r="B3619" s="1"/>
      <c r="C3619">
        <v>14</v>
      </c>
      <c r="D3619" t="s">
        <v>7269</v>
      </c>
      <c r="E3619" t="s">
        <v>32051</v>
      </c>
      <c r="F3619">
        <v>5</v>
      </c>
      <c r="G3619" t="s">
        <v>0</v>
      </c>
      <c r="H3619" t="s">
        <v>7270</v>
      </c>
      <c r="I3619" t="s">
        <v>30540</v>
      </c>
    </row>
    <row r="3620" spans="1:9">
      <c r="A3620" s="1">
        <v>0.90948760065228218</v>
      </c>
      <c r="B3620" s="1"/>
      <c r="C3620">
        <v>2</v>
      </c>
      <c r="D3620" t="s">
        <v>7259</v>
      </c>
      <c r="E3620" t="s">
        <v>32051</v>
      </c>
      <c r="F3620">
        <v>5</v>
      </c>
      <c r="G3620" t="s">
        <v>2</v>
      </c>
      <c r="H3620" t="s">
        <v>7260</v>
      </c>
      <c r="I3620" t="s">
        <v>30540</v>
      </c>
    </row>
    <row r="3621" spans="1:9">
      <c r="A3621" s="1">
        <v>0.71117546207607529</v>
      </c>
      <c r="B3621" s="1"/>
      <c r="C3621">
        <v>3</v>
      </c>
      <c r="D3621" t="s">
        <v>7261</v>
      </c>
      <c r="E3621" t="s">
        <v>32051</v>
      </c>
      <c r="F3621">
        <v>4</v>
      </c>
      <c r="G3621" t="s">
        <v>9</v>
      </c>
      <c r="H3621" t="s">
        <v>7262</v>
      </c>
      <c r="I3621" t="s">
        <v>30540</v>
      </c>
    </row>
    <row r="3622" spans="1:9">
      <c r="A3622" s="1">
        <v>1.9754815455930164E-3</v>
      </c>
      <c r="B3622" s="1"/>
      <c r="C3622">
        <v>7</v>
      </c>
      <c r="D3622" t="s">
        <v>7263</v>
      </c>
      <c r="E3622" t="s">
        <v>32051</v>
      </c>
      <c r="F3622">
        <v>4</v>
      </c>
      <c r="G3622" t="s">
        <v>1</v>
      </c>
      <c r="H3622" t="s">
        <v>7264</v>
      </c>
      <c r="I3622" t="s">
        <v>30540</v>
      </c>
    </row>
    <row r="3623" spans="1:9">
      <c r="A3623" s="1">
        <v>0.75396908623694625</v>
      </c>
      <c r="B3623" s="1"/>
      <c r="C3623">
        <v>9</v>
      </c>
      <c r="D3623" t="s">
        <v>7265</v>
      </c>
      <c r="E3623" t="s">
        <v>32051</v>
      </c>
      <c r="F3623">
        <v>4</v>
      </c>
      <c r="G3623" t="s">
        <v>10</v>
      </c>
      <c r="H3623" t="s">
        <v>7266</v>
      </c>
      <c r="I3623" t="s">
        <v>30540</v>
      </c>
    </row>
    <row r="3624" spans="1:9">
      <c r="A3624" s="1">
        <v>0.5368103590685589</v>
      </c>
      <c r="B3624" s="1"/>
      <c r="C3624">
        <v>1</v>
      </c>
      <c r="D3624" t="s">
        <v>7257</v>
      </c>
      <c r="E3624" t="s">
        <v>32051</v>
      </c>
      <c r="F3624">
        <v>3</v>
      </c>
      <c r="G3624" t="s">
        <v>9</v>
      </c>
      <c r="H3624" t="s">
        <v>7258</v>
      </c>
      <c r="I3624" t="s">
        <v>30540</v>
      </c>
    </row>
    <row r="3625" spans="1:9">
      <c r="A3625" s="1">
        <v>0.23158540127966587</v>
      </c>
      <c r="B3625" s="1"/>
      <c r="C3625">
        <v>12</v>
      </c>
      <c r="D3625" t="s">
        <v>7267</v>
      </c>
      <c r="E3625" t="s">
        <v>32051</v>
      </c>
      <c r="F3625">
        <v>3</v>
      </c>
      <c r="G3625" t="s">
        <v>0</v>
      </c>
      <c r="H3625" t="s">
        <v>7268</v>
      </c>
      <c r="I3625" t="s">
        <v>30540</v>
      </c>
    </row>
    <row r="3626" spans="1:9">
      <c r="A3626" s="1">
        <v>0.41282192273682028</v>
      </c>
      <c r="B3626" s="1"/>
      <c r="C3626">
        <v>19</v>
      </c>
      <c r="D3626" t="s">
        <v>7255</v>
      </c>
      <c r="E3626" t="s">
        <v>32052</v>
      </c>
      <c r="F3626">
        <v>4</v>
      </c>
      <c r="G3626" t="s">
        <v>771</v>
      </c>
      <c r="H3626" t="s">
        <v>7256</v>
      </c>
      <c r="I3626" t="s">
        <v>30540</v>
      </c>
    </row>
    <row r="3627" spans="1:9">
      <c r="A3627" s="1">
        <v>0.2828154914166886</v>
      </c>
      <c r="B3627" s="1"/>
      <c r="C3627">
        <v>1</v>
      </c>
      <c r="D3627" t="s">
        <v>7245</v>
      </c>
      <c r="E3627" t="s">
        <v>32052</v>
      </c>
      <c r="F3627">
        <v>4</v>
      </c>
      <c r="G3627" t="s">
        <v>1295</v>
      </c>
      <c r="H3627" t="s">
        <v>7246</v>
      </c>
      <c r="I3627" t="s">
        <v>30540</v>
      </c>
    </row>
    <row r="3628" spans="1:9">
      <c r="A3628" s="1">
        <v>0.12658445996857692</v>
      </c>
      <c r="B3628" s="1"/>
      <c r="C3628">
        <v>11</v>
      </c>
      <c r="D3628" t="s">
        <v>7249</v>
      </c>
      <c r="E3628" t="s">
        <v>32052</v>
      </c>
      <c r="F3628">
        <v>4</v>
      </c>
      <c r="G3628" t="s">
        <v>770</v>
      </c>
      <c r="H3628" t="s">
        <v>7250</v>
      </c>
      <c r="I3628" t="s">
        <v>30540</v>
      </c>
    </row>
    <row r="3629" spans="1:9">
      <c r="A3629" s="1">
        <v>0.27294513616624472</v>
      </c>
      <c r="B3629" s="1"/>
      <c r="C3629">
        <v>14</v>
      </c>
      <c r="D3629" t="s">
        <v>7251</v>
      </c>
      <c r="E3629" t="s">
        <v>32052</v>
      </c>
      <c r="F3629">
        <v>4</v>
      </c>
      <c r="G3629" t="s">
        <v>0</v>
      </c>
      <c r="H3629" t="s">
        <v>7252</v>
      </c>
      <c r="I3629" t="s">
        <v>30540</v>
      </c>
    </row>
    <row r="3630" spans="1:9">
      <c r="A3630" s="1">
        <v>0.9609037598279625</v>
      </c>
      <c r="B3630" s="1"/>
      <c r="C3630">
        <v>18</v>
      </c>
      <c r="D3630" t="s">
        <v>7253</v>
      </c>
      <c r="E3630" t="s">
        <v>32052</v>
      </c>
      <c r="F3630">
        <v>4</v>
      </c>
      <c r="G3630" t="s">
        <v>0</v>
      </c>
      <c r="H3630" t="s">
        <v>7254</v>
      </c>
      <c r="I3630" t="s">
        <v>30540</v>
      </c>
    </row>
    <row r="3631" spans="1:9">
      <c r="A3631" s="1">
        <v>0.17716794371904565</v>
      </c>
      <c r="B3631" s="1"/>
      <c r="C3631">
        <v>16</v>
      </c>
      <c r="D3631" t="s">
        <v>7243</v>
      </c>
      <c r="E3631" t="s">
        <v>32053</v>
      </c>
      <c r="F3631">
        <v>5</v>
      </c>
      <c r="G3631" t="s">
        <v>0</v>
      </c>
      <c r="H3631" t="s">
        <v>7244</v>
      </c>
      <c r="I3631" t="s">
        <v>30540</v>
      </c>
    </row>
    <row r="3632" spans="1:9">
      <c r="A3632" s="1">
        <v>0.21991781413980527</v>
      </c>
      <c r="B3632" s="1"/>
      <c r="C3632">
        <v>3</v>
      </c>
      <c r="D3632" t="s">
        <v>7239</v>
      </c>
      <c r="E3632" t="s">
        <v>32054</v>
      </c>
      <c r="F3632">
        <v>5</v>
      </c>
      <c r="G3632" t="s">
        <v>9</v>
      </c>
      <c r="H3632" t="s">
        <v>7240</v>
      </c>
      <c r="I3632" t="s">
        <v>30540</v>
      </c>
    </row>
    <row r="3633" spans="1:9">
      <c r="A3633" s="1">
        <v>0.18665739708093276</v>
      </c>
      <c r="B3633" s="1"/>
      <c r="C3633">
        <v>7</v>
      </c>
      <c r="D3633" t="s">
        <v>7231</v>
      </c>
      <c r="E3633" t="s">
        <v>32055</v>
      </c>
      <c r="F3633">
        <v>4</v>
      </c>
      <c r="G3633" t="s">
        <v>9</v>
      </c>
      <c r="H3633" t="s">
        <v>7232</v>
      </c>
      <c r="I3633" t="s">
        <v>30540</v>
      </c>
    </row>
    <row r="3634" spans="1:9">
      <c r="A3634" s="1">
        <v>0.3560199519640419</v>
      </c>
      <c r="B3634" s="1"/>
      <c r="C3634">
        <v>9</v>
      </c>
      <c r="D3634" t="s">
        <v>7233</v>
      </c>
      <c r="E3634" t="s">
        <v>32055</v>
      </c>
      <c r="F3634">
        <v>4</v>
      </c>
      <c r="G3634" t="s">
        <v>0</v>
      </c>
      <c r="H3634" t="s">
        <v>7234</v>
      </c>
      <c r="I3634" t="s">
        <v>30540</v>
      </c>
    </row>
    <row r="3635" spans="1:9">
      <c r="A3635" s="1">
        <v>0.18429223095249014</v>
      </c>
      <c r="B3635" s="1"/>
      <c r="C3635">
        <v>18</v>
      </c>
      <c r="D3635" t="s">
        <v>7237</v>
      </c>
      <c r="E3635" t="s">
        <v>32055</v>
      </c>
      <c r="F3635">
        <v>3</v>
      </c>
      <c r="G3635" t="s">
        <v>2</v>
      </c>
      <c r="H3635" t="s">
        <v>7238</v>
      </c>
      <c r="I3635" t="s">
        <v>30540</v>
      </c>
    </row>
    <row r="3636" spans="1:9">
      <c r="A3636" s="1">
        <v>0.91464157530810175</v>
      </c>
      <c r="B3636" s="1"/>
      <c r="C3636">
        <v>16</v>
      </c>
      <c r="D3636" t="s">
        <v>7235</v>
      </c>
      <c r="E3636" t="s">
        <v>32055</v>
      </c>
      <c r="F3636">
        <v>3</v>
      </c>
      <c r="G3636" t="s">
        <v>0</v>
      </c>
      <c r="H3636" t="s">
        <v>7236</v>
      </c>
      <c r="I3636" t="s">
        <v>30540</v>
      </c>
    </row>
    <row r="3637" spans="1:9">
      <c r="A3637" s="1">
        <v>0.84196512414755731</v>
      </c>
      <c r="B3637" s="1"/>
      <c r="C3637">
        <v>2</v>
      </c>
      <c r="D3637" t="s">
        <v>7225</v>
      </c>
      <c r="E3637" t="s">
        <v>32056</v>
      </c>
      <c r="F3637">
        <v>4</v>
      </c>
      <c r="G3637" t="s">
        <v>0</v>
      </c>
      <c r="H3637" t="s">
        <v>7226</v>
      </c>
      <c r="I3637" t="s">
        <v>30540</v>
      </c>
    </row>
    <row r="3638" spans="1:9">
      <c r="A3638" s="1">
        <v>0.70949176811678571</v>
      </c>
      <c r="B3638" s="1"/>
      <c r="C3638">
        <v>8</v>
      </c>
      <c r="D3638" t="s">
        <v>7227</v>
      </c>
      <c r="E3638" t="s">
        <v>32056</v>
      </c>
      <c r="F3638">
        <v>4</v>
      </c>
      <c r="G3638" t="s">
        <v>0</v>
      </c>
      <c r="H3638" t="s">
        <v>7228</v>
      </c>
      <c r="I3638" t="s">
        <v>30540</v>
      </c>
    </row>
    <row r="3639" spans="1:9">
      <c r="A3639" s="1">
        <v>0.66286463206490476</v>
      </c>
      <c r="B3639" s="1"/>
      <c r="C3639">
        <v>13</v>
      </c>
      <c r="D3639" t="s">
        <v>7229</v>
      </c>
      <c r="E3639" t="s">
        <v>32056</v>
      </c>
      <c r="F3639">
        <v>4</v>
      </c>
      <c r="G3639" t="s">
        <v>0</v>
      </c>
      <c r="H3639" t="s">
        <v>7230</v>
      </c>
      <c r="I3639" t="s">
        <v>30540</v>
      </c>
    </row>
    <row r="3640" spans="1:9">
      <c r="A3640" s="1">
        <v>0.6898153104818564</v>
      </c>
      <c r="B3640" s="1"/>
      <c r="C3640">
        <v>4</v>
      </c>
      <c r="D3640" t="s">
        <v>7217</v>
      </c>
      <c r="E3640" t="s">
        <v>32057</v>
      </c>
      <c r="F3640">
        <v>4</v>
      </c>
      <c r="G3640" t="s">
        <v>0</v>
      </c>
      <c r="H3640" t="s">
        <v>7218</v>
      </c>
      <c r="I3640" t="s">
        <v>30540</v>
      </c>
    </row>
    <row r="3641" spans="1:9">
      <c r="A3641" s="1">
        <v>0.24206253046336423</v>
      </c>
      <c r="B3641" s="1"/>
      <c r="C3641">
        <v>10</v>
      </c>
      <c r="D3641" t="s">
        <v>7219</v>
      </c>
      <c r="E3641" t="s">
        <v>32057</v>
      </c>
      <c r="F3641">
        <v>4</v>
      </c>
      <c r="G3641" t="s">
        <v>14</v>
      </c>
      <c r="H3641" t="s">
        <v>7220</v>
      </c>
      <c r="I3641" t="s">
        <v>30540</v>
      </c>
    </row>
    <row r="3642" spans="1:9">
      <c r="A3642" s="1">
        <v>0.80267953354725297</v>
      </c>
      <c r="B3642" s="1"/>
      <c r="C3642">
        <v>17</v>
      </c>
      <c r="D3642" t="s">
        <v>7223</v>
      </c>
      <c r="E3642" t="s">
        <v>32057</v>
      </c>
      <c r="F3642">
        <v>3</v>
      </c>
      <c r="G3642" t="s">
        <v>0</v>
      </c>
      <c r="H3642" t="s">
        <v>7224</v>
      </c>
      <c r="I3642" t="s">
        <v>30540</v>
      </c>
    </row>
    <row r="3643" spans="1:9">
      <c r="A3643" s="1">
        <v>1.2434356107272726E-2</v>
      </c>
      <c r="B3643" s="1"/>
      <c r="C3643">
        <v>18</v>
      </c>
      <c r="D3643" t="s">
        <v>7209</v>
      </c>
      <c r="E3643" t="s">
        <v>32058</v>
      </c>
      <c r="F3643">
        <v>5</v>
      </c>
      <c r="G3643" t="s">
        <v>0</v>
      </c>
      <c r="H3643" t="s">
        <v>7210</v>
      </c>
      <c r="I3643" t="s">
        <v>30540</v>
      </c>
    </row>
    <row r="3644" spans="1:9">
      <c r="A3644" s="1">
        <v>4.2312089819032783E-2</v>
      </c>
      <c r="B3644" s="1"/>
      <c r="C3644">
        <v>20</v>
      </c>
      <c r="D3644" t="s">
        <v>7213</v>
      </c>
      <c r="E3644" t="s">
        <v>32058</v>
      </c>
      <c r="F3644">
        <v>5</v>
      </c>
      <c r="G3644" t="s">
        <v>15</v>
      </c>
      <c r="H3644" t="s">
        <v>7214</v>
      </c>
      <c r="I3644" t="s">
        <v>30540</v>
      </c>
    </row>
    <row r="3645" spans="1:9">
      <c r="A3645" s="1">
        <v>0.25590356074471432</v>
      </c>
      <c r="B3645" s="1"/>
      <c r="C3645">
        <v>8</v>
      </c>
      <c r="D3645" t="s">
        <v>7203</v>
      </c>
      <c r="E3645" t="s">
        <v>32058</v>
      </c>
      <c r="F3645">
        <v>4</v>
      </c>
      <c r="G3645" t="s">
        <v>1</v>
      </c>
      <c r="H3645" t="s">
        <v>7204</v>
      </c>
      <c r="I3645" t="s">
        <v>30540</v>
      </c>
    </row>
    <row r="3646" spans="1:9">
      <c r="A3646" s="1">
        <v>6.9286166666173599E-2</v>
      </c>
      <c r="B3646" s="1"/>
      <c r="C3646">
        <v>17</v>
      </c>
      <c r="D3646" t="s">
        <v>7207</v>
      </c>
      <c r="E3646" t="s">
        <v>32058</v>
      </c>
      <c r="F3646">
        <v>4</v>
      </c>
      <c r="G3646" t="s">
        <v>9</v>
      </c>
      <c r="H3646" t="s">
        <v>7208</v>
      </c>
      <c r="I3646" t="s">
        <v>30540</v>
      </c>
    </row>
    <row r="3647" spans="1:9">
      <c r="A3647" s="1">
        <v>0.43022305439819752</v>
      </c>
      <c r="B3647" s="1"/>
      <c r="C3647">
        <v>5</v>
      </c>
      <c r="D3647" t="s">
        <v>7201</v>
      </c>
      <c r="E3647" t="s">
        <v>32058</v>
      </c>
      <c r="F3647">
        <v>4</v>
      </c>
      <c r="G3647" t="s">
        <v>9</v>
      </c>
      <c r="H3647" t="s">
        <v>7202</v>
      </c>
      <c r="I3647" t="s">
        <v>30540</v>
      </c>
    </row>
    <row r="3648" spans="1:9">
      <c r="A3648" s="1">
        <v>0.61618690735091053</v>
      </c>
      <c r="B3648" s="1"/>
      <c r="C3648">
        <v>19</v>
      </c>
      <c r="D3648" t="s">
        <v>7211</v>
      </c>
      <c r="E3648" t="s">
        <v>32058</v>
      </c>
      <c r="F3648">
        <v>3</v>
      </c>
      <c r="G3648" t="s">
        <v>15</v>
      </c>
      <c r="H3648" t="s">
        <v>7212</v>
      </c>
      <c r="I3648" t="s">
        <v>30540</v>
      </c>
    </row>
    <row r="3649" spans="1:9">
      <c r="A3649" s="1">
        <v>0.5358549622685056</v>
      </c>
      <c r="B3649" s="1"/>
      <c r="C3649">
        <v>10</v>
      </c>
      <c r="D3649" t="s">
        <v>7197</v>
      </c>
      <c r="E3649" t="s">
        <v>32059</v>
      </c>
      <c r="F3649">
        <v>5</v>
      </c>
      <c r="G3649" t="s">
        <v>0</v>
      </c>
      <c r="H3649" t="s">
        <v>7198</v>
      </c>
      <c r="I3649" t="s">
        <v>30540</v>
      </c>
    </row>
    <row r="3650" spans="1:9">
      <c r="A3650" s="1">
        <v>4.85199323970813E-2</v>
      </c>
      <c r="B3650" s="1"/>
      <c r="C3650">
        <v>3</v>
      </c>
      <c r="D3650" t="s">
        <v>7195</v>
      </c>
      <c r="E3650" t="s">
        <v>32059</v>
      </c>
      <c r="F3650">
        <v>4</v>
      </c>
      <c r="G3650" t="s">
        <v>2</v>
      </c>
      <c r="H3650" t="s">
        <v>7196</v>
      </c>
      <c r="I3650" t="s">
        <v>30540</v>
      </c>
    </row>
    <row r="3651" spans="1:9">
      <c r="A3651" s="1">
        <v>0.97686683919467221</v>
      </c>
      <c r="B3651" s="1"/>
      <c r="C3651">
        <v>12</v>
      </c>
      <c r="D3651" t="s">
        <v>7199</v>
      </c>
      <c r="E3651" t="s">
        <v>32059</v>
      </c>
      <c r="F3651">
        <v>4</v>
      </c>
      <c r="G3651" t="s">
        <v>0</v>
      </c>
      <c r="H3651" t="s">
        <v>7200</v>
      </c>
      <c r="I3651" t="s">
        <v>30540</v>
      </c>
    </row>
    <row r="3652" spans="1:9">
      <c r="A3652" s="1">
        <v>3.17264916646679E-2</v>
      </c>
      <c r="B3652" s="1"/>
      <c r="C3652">
        <v>11</v>
      </c>
      <c r="D3652" t="s">
        <v>7187</v>
      </c>
      <c r="E3652" t="s">
        <v>32060</v>
      </c>
      <c r="F3652">
        <v>5</v>
      </c>
      <c r="G3652" t="s">
        <v>0</v>
      </c>
      <c r="H3652" t="s">
        <v>7188</v>
      </c>
      <c r="I3652" t="s">
        <v>30540</v>
      </c>
    </row>
    <row r="3653" spans="1:9">
      <c r="A3653" s="1">
        <v>0.87122244268952631</v>
      </c>
      <c r="B3653" s="1"/>
      <c r="C3653">
        <v>18</v>
      </c>
      <c r="D3653" t="s">
        <v>7193</v>
      </c>
      <c r="E3653" t="s">
        <v>32060</v>
      </c>
      <c r="F3653">
        <v>4</v>
      </c>
      <c r="G3653" t="s">
        <v>0</v>
      </c>
      <c r="H3653" t="s">
        <v>7194</v>
      </c>
      <c r="I3653" t="s">
        <v>30540</v>
      </c>
    </row>
    <row r="3654" spans="1:9">
      <c r="A3654" s="1">
        <v>8.7903606652410815E-3</v>
      </c>
      <c r="B3654" s="1"/>
      <c r="C3654">
        <v>14</v>
      </c>
      <c r="D3654" t="s">
        <v>7189</v>
      </c>
      <c r="E3654" t="s">
        <v>32060</v>
      </c>
      <c r="F3654">
        <v>4</v>
      </c>
      <c r="G3654" t="s">
        <v>0</v>
      </c>
      <c r="H3654" t="s">
        <v>7190</v>
      </c>
      <c r="I3654" t="s">
        <v>30540</v>
      </c>
    </row>
    <row r="3655" spans="1:9">
      <c r="A3655" s="1">
        <v>0.65894597506830332</v>
      </c>
      <c r="B3655" s="1"/>
      <c r="C3655">
        <v>7</v>
      </c>
      <c r="D3655" t="s">
        <v>7179</v>
      </c>
      <c r="E3655" t="s">
        <v>32061</v>
      </c>
      <c r="F3655">
        <v>4</v>
      </c>
      <c r="G3655" t="s">
        <v>0</v>
      </c>
      <c r="H3655" t="s">
        <v>7180</v>
      </c>
      <c r="I3655" t="s">
        <v>30540</v>
      </c>
    </row>
    <row r="3656" spans="1:9">
      <c r="A3656" s="1">
        <v>0.51607207823163903</v>
      </c>
      <c r="B3656" s="1"/>
      <c r="C3656">
        <v>5</v>
      </c>
      <c r="D3656" t="s">
        <v>7177</v>
      </c>
      <c r="E3656" t="s">
        <v>32061</v>
      </c>
      <c r="F3656">
        <v>4</v>
      </c>
      <c r="G3656" t="s">
        <v>14</v>
      </c>
      <c r="H3656" t="s">
        <v>7178</v>
      </c>
      <c r="I3656" t="s">
        <v>30540</v>
      </c>
    </row>
    <row r="3657" spans="1:9">
      <c r="A3657" s="1">
        <v>0.31693055118867508</v>
      </c>
      <c r="B3657" s="1"/>
      <c r="C3657">
        <v>14</v>
      </c>
      <c r="D3657" t="s">
        <v>7185</v>
      </c>
      <c r="E3657" t="s">
        <v>32061</v>
      </c>
      <c r="F3657">
        <v>4</v>
      </c>
      <c r="G3657" t="s">
        <v>0</v>
      </c>
      <c r="H3657" t="s">
        <v>7186</v>
      </c>
      <c r="I3657" t="s">
        <v>30540</v>
      </c>
    </row>
    <row r="3658" spans="1:9">
      <c r="A3658" s="1">
        <v>0.13491693380023906</v>
      </c>
      <c r="B3658" s="1"/>
      <c r="C3658">
        <v>11</v>
      </c>
      <c r="D3658" t="s">
        <v>7183</v>
      </c>
      <c r="E3658" t="s">
        <v>32061</v>
      </c>
      <c r="F3658">
        <v>4</v>
      </c>
      <c r="G3658" t="s">
        <v>0</v>
      </c>
      <c r="H3658" t="s">
        <v>7184</v>
      </c>
      <c r="I3658" t="s">
        <v>30540</v>
      </c>
    </row>
    <row r="3659" spans="1:9">
      <c r="A3659" s="1">
        <v>0.11431677542693641</v>
      </c>
      <c r="B3659" s="1"/>
      <c r="C3659">
        <v>10</v>
      </c>
      <c r="D3659" t="s">
        <v>7181</v>
      </c>
      <c r="E3659" t="s">
        <v>32061</v>
      </c>
      <c r="F3659">
        <v>4</v>
      </c>
      <c r="G3659" t="s">
        <v>0</v>
      </c>
      <c r="H3659" t="s">
        <v>7182</v>
      </c>
      <c r="I3659" t="s">
        <v>30540</v>
      </c>
    </row>
    <row r="3660" spans="1:9">
      <c r="A3660" s="1">
        <v>0.28609441305680472</v>
      </c>
      <c r="B3660" s="1"/>
      <c r="C3660">
        <v>20</v>
      </c>
      <c r="D3660" t="s">
        <v>7175</v>
      </c>
      <c r="E3660" t="s">
        <v>32062</v>
      </c>
      <c r="F3660">
        <v>5</v>
      </c>
      <c r="G3660" t="s">
        <v>0</v>
      </c>
      <c r="H3660" t="s">
        <v>7176</v>
      </c>
      <c r="I3660" t="s">
        <v>30540</v>
      </c>
    </row>
    <row r="3661" spans="1:9">
      <c r="A3661" s="1">
        <v>0.69110200913237363</v>
      </c>
      <c r="B3661" s="1"/>
      <c r="C3661">
        <v>13</v>
      </c>
      <c r="D3661" t="s">
        <v>7173</v>
      </c>
      <c r="E3661" t="s">
        <v>32062</v>
      </c>
      <c r="F3661">
        <v>4</v>
      </c>
      <c r="G3661" t="s">
        <v>2</v>
      </c>
      <c r="H3661" t="s">
        <v>7174</v>
      </c>
      <c r="I3661" t="s">
        <v>30540</v>
      </c>
    </row>
    <row r="3662" spans="1:9">
      <c r="A3662" s="1">
        <v>0.80887658666557494</v>
      </c>
      <c r="B3662" s="1"/>
      <c r="C3662">
        <v>8</v>
      </c>
      <c r="D3662" t="s">
        <v>7171</v>
      </c>
      <c r="E3662" t="s">
        <v>32062</v>
      </c>
      <c r="F3662">
        <v>4</v>
      </c>
      <c r="G3662" t="s">
        <v>9</v>
      </c>
      <c r="H3662" t="s">
        <v>7172</v>
      </c>
      <c r="I3662" t="s">
        <v>30540</v>
      </c>
    </row>
    <row r="3663" spans="1:9">
      <c r="A3663" s="1">
        <v>0.57815321399802799</v>
      </c>
      <c r="B3663" s="1"/>
      <c r="C3663">
        <v>4</v>
      </c>
      <c r="D3663" t="s">
        <v>7165</v>
      </c>
      <c r="E3663" t="s">
        <v>32063</v>
      </c>
      <c r="F3663">
        <v>5</v>
      </c>
      <c r="G3663" t="s">
        <v>0</v>
      </c>
      <c r="H3663" t="s">
        <v>7166</v>
      </c>
      <c r="I3663" t="s">
        <v>30540</v>
      </c>
    </row>
    <row r="3664" spans="1:9">
      <c r="A3664" s="1">
        <v>0.99617259679107362</v>
      </c>
      <c r="B3664" s="1"/>
      <c r="C3664">
        <v>6</v>
      </c>
      <c r="D3664" t="s">
        <v>7167</v>
      </c>
      <c r="E3664" t="s">
        <v>32063</v>
      </c>
      <c r="F3664">
        <v>5</v>
      </c>
      <c r="G3664" t="s">
        <v>765</v>
      </c>
      <c r="H3664" t="s">
        <v>7168</v>
      </c>
      <c r="I3664" t="s">
        <v>30540</v>
      </c>
    </row>
    <row r="3665" spans="1:9">
      <c r="A3665" s="1">
        <v>0.50162340550826601</v>
      </c>
      <c r="B3665" s="1"/>
      <c r="C3665">
        <v>3</v>
      </c>
      <c r="D3665" t="s">
        <v>7159</v>
      </c>
      <c r="E3665" t="s">
        <v>32064</v>
      </c>
      <c r="F3665">
        <v>4</v>
      </c>
      <c r="G3665" t="s">
        <v>14</v>
      </c>
      <c r="H3665" t="s">
        <v>7160</v>
      </c>
      <c r="I3665" t="s">
        <v>30540</v>
      </c>
    </row>
    <row r="3666" spans="1:9">
      <c r="A3666" s="1">
        <v>0.1638843654747989</v>
      </c>
      <c r="B3666" s="1"/>
      <c r="C3666">
        <v>7</v>
      </c>
      <c r="D3666" t="s">
        <v>7163</v>
      </c>
      <c r="E3666" t="s">
        <v>32064</v>
      </c>
      <c r="F3666">
        <v>4</v>
      </c>
      <c r="G3666" t="s">
        <v>0</v>
      </c>
      <c r="H3666" t="s">
        <v>7164</v>
      </c>
      <c r="I3666" t="s">
        <v>30540</v>
      </c>
    </row>
    <row r="3667" spans="1:9">
      <c r="A3667" s="1">
        <v>0.48355661848330167</v>
      </c>
      <c r="B3667" s="1"/>
      <c r="C3667">
        <v>6</v>
      </c>
      <c r="D3667" t="s">
        <v>7161</v>
      </c>
      <c r="E3667" t="s">
        <v>32064</v>
      </c>
      <c r="F3667">
        <v>4</v>
      </c>
      <c r="G3667" t="s">
        <v>0</v>
      </c>
      <c r="H3667" t="s">
        <v>7162</v>
      </c>
      <c r="I3667" t="s">
        <v>30540</v>
      </c>
    </row>
    <row r="3668" spans="1:9">
      <c r="A3668" s="1">
        <v>0.85303536196407659</v>
      </c>
      <c r="B3668" s="1"/>
      <c r="C3668">
        <v>5</v>
      </c>
      <c r="D3668" t="s">
        <v>7145</v>
      </c>
      <c r="E3668" t="s">
        <v>32065</v>
      </c>
      <c r="F3668">
        <v>5</v>
      </c>
      <c r="G3668" t="s">
        <v>2</v>
      </c>
      <c r="H3668" t="s">
        <v>7146</v>
      </c>
      <c r="I3668" t="s">
        <v>30540</v>
      </c>
    </row>
    <row r="3669" spans="1:9">
      <c r="A3669" s="1">
        <v>0.74870960640327411</v>
      </c>
      <c r="B3669" s="1"/>
      <c r="C3669">
        <v>15</v>
      </c>
      <c r="D3669" t="s">
        <v>7151</v>
      </c>
      <c r="E3669" t="s">
        <v>32065</v>
      </c>
      <c r="F3669">
        <v>4</v>
      </c>
      <c r="G3669" t="s">
        <v>0</v>
      </c>
      <c r="H3669" t="s">
        <v>7152</v>
      </c>
      <c r="I3669" t="s">
        <v>30540</v>
      </c>
    </row>
    <row r="3670" spans="1:9">
      <c r="A3670" s="1">
        <v>0.3887730718035145</v>
      </c>
      <c r="B3670" s="1"/>
      <c r="C3670">
        <v>12</v>
      </c>
      <c r="D3670" t="s">
        <v>7149</v>
      </c>
      <c r="E3670" t="s">
        <v>32065</v>
      </c>
      <c r="F3670">
        <v>4</v>
      </c>
      <c r="G3670" t="s">
        <v>0</v>
      </c>
      <c r="H3670" t="s">
        <v>7150</v>
      </c>
      <c r="I3670" t="s">
        <v>30540</v>
      </c>
    </row>
    <row r="3671" spans="1:9">
      <c r="A3671" s="1">
        <v>0.50735112635987678</v>
      </c>
      <c r="B3671" s="1"/>
      <c r="C3671">
        <v>19</v>
      </c>
      <c r="D3671" t="s">
        <v>7155</v>
      </c>
      <c r="E3671" t="s">
        <v>32065</v>
      </c>
      <c r="F3671">
        <v>4</v>
      </c>
      <c r="G3671" t="s">
        <v>10</v>
      </c>
      <c r="H3671" t="s">
        <v>7156</v>
      </c>
      <c r="I3671" t="s">
        <v>30540</v>
      </c>
    </row>
    <row r="3672" spans="1:9">
      <c r="A3672" s="1">
        <v>0.67152752160870255</v>
      </c>
      <c r="B3672" s="1"/>
      <c r="C3672">
        <v>10</v>
      </c>
      <c r="D3672" t="s">
        <v>7147</v>
      </c>
      <c r="E3672" t="s">
        <v>32065</v>
      </c>
      <c r="F3672">
        <v>4</v>
      </c>
      <c r="G3672" t="s">
        <v>9</v>
      </c>
      <c r="H3672" t="s">
        <v>7148</v>
      </c>
      <c r="I3672" t="s">
        <v>30540</v>
      </c>
    </row>
    <row r="3673" spans="1:9">
      <c r="A3673" s="1">
        <v>0.31058519413838315</v>
      </c>
      <c r="B3673" s="1"/>
      <c r="C3673">
        <v>20</v>
      </c>
      <c r="D3673" t="s">
        <v>7157</v>
      </c>
      <c r="E3673" t="s">
        <v>32065</v>
      </c>
      <c r="F3673">
        <v>3</v>
      </c>
      <c r="G3673" t="s">
        <v>0</v>
      </c>
      <c r="H3673" t="s">
        <v>7158</v>
      </c>
      <c r="I3673" t="s">
        <v>30540</v>
      </c>
    </row>
    <row r="3674" spans="1:9">
      <c r="A3674" s="1">
        <v>0.84786564876178672</v>
      </c>
      <c r="B3674" s="1"/>
      <c r="C3674">
        <v>7</v>
      </c>
      <c r="D3674" t="s">
        <v>7135</v>
      </c>
      <c r="E3674" t="s">
        <v>32066</v>
      </c>
      <c r="F3674">
        <v>5</v>
      </c>
      <c r="G3674" t="s">
        <v>0</v>
      </c>
      <c r="H3674" t="s">
        <v>7136</v>
      </c>
      <c r="I3674" t="s">
        <v>30540</v>
      </c>
    </row>
    <row r="3675" spans="1:9">
      <c r="A3675" s="1">
        <v>0.59543650270334592</v>
      </c>
      <c r="B3675" s="1"/>
      <c r="C3675">
        <v>2</v>
      </c>
      <c r="D3675" t="s">
        <v>7131</v>
      </c>
      <c r="E3675" t="s">
        <v>32066</v>
      </c>
      <c r="F3675">
        <v>5</v>
      </c>
      <c r="G3675" t="s">
        <v>9</v>
      </c>
      <c r="H3675" t="s">
        <v>7132</v>
      </c>
      <c r="I3675" t="s">
        <v>30540</v>
      </c>
    </row>
    <row r="3676" spans="1:9">
      <c r="A3676" s="1">
        <v>0.46974625329432029</v>
      </c>
      <c r="B3676" s="1"/>
      <c r="C3676">
        <v>10</v>
      </c>
      <c r="D3676" t="s">
        <v>7139</v>
      </c>
      <c r="E3676" t="s">
        <v>32066</v>
      </c>
      <c r="F3676">
        <v>4</v>
      </c>
      <c r="G3676" t="s">
        <v>15</v>
      </c>
      <c r="H3676" t="s">
        <v>7140</v>
      </c>
      <c r="I3676" t="s">
        <v>30540</v>
      </c>
    </row>
    <row r="3677" spans="1:9">
      <c r="A3677" s="1">
        <v>0.42499536384299474</v>
      </c>
      <c r="B3677" s="1"/>
      <c r="C3677">
        <v>17</v>
      </c>
      <c r="D3677" t="s">
        <v>7143</v>
      </c>
      <c r="E3677" t="s">
        <v>32066</v>
      </c>
      <c r="F3677">
        <v>4</v>
      </c>
      <c r="G3677" t="s">
        <v>0</v>
      </c>
      <c r="H3677" t="s">
        <v>7144</v>
      </c>
      <c r="I3677" t="s">
        <v>30540</v>
      </c>
    </row>
    <row r="3678" spans="1:9">
      <c r="A3678" s="1">
        <v>0.73543342578533533</v>
      </c>
      <c r="B3678" s="1"/>
      <c r="C3678">
        <v>6</v>
      </c>
      <c r="D3678" t="s">
        <v>7133</v>
      </c>
      <c r="E3678" t="s">
        <v>32066</v>
      </c>
      <c r="F3678">
        <v>4</v>
      </c>
      <c r="G3678" t="s">
        <v>9</v>
      </c>
      <c r="H3678" t="s">
        <v>7134</v>
      </c>
      <c r="I3678" t="s">
        <v>30540</v>
      </c>
    </row>
    <row r="3679" spans="1:9">
      <c r="A3679" s="1">
        <v>0.30830407037867769</v>
      </c>
      <c r="B3679" s="1"/>
      <c r="C3679">
        <v>11</v>
      </c>
      <c r="D3679" t="s">
        <v>7141</v>
      </c>
      <c r="E3679" t="s">
        <v>32066</v>
      </c>
      <c r="F3679">
        <v>4</v>
      </c>
      <c r="G3679" t="s">
        <v>0</v>
      </c>
      <c r="H3679" t="s">
        <v>7142</v>
      </c>
      <c r="I3679" t="s">
        <v>30540</v>
      </c>
    </row>
    <row r="3680" spans="1:9">
      <c r="A3680" s="1">
        <v>0.11181000224346094</v>
      </c>
      <c r="B3680" s="1"/>
      <c r="C3680">
        <v>9</v>
      </c>
      <c r="D3680" t="s">
        <v>7137</v>
      </c>
      <c r="E3680" t="s">
        <v>32066</v>
      </c>
      <c r="F3680">
        <v>4</v>
      </c>
      <c r="G3680" t="s">
        <v>9</v>
      </c>
      <c r="H3680" t="s">
        <v>7138</v>
      </c>
      <c r="I3680" t="s">
        <v>30540</v>
      </c>
    </row>
    <row r="3681" spans="1:9">
      <c r="A3681" s="1">
        <v>5.1211500396672549E-2</v>
      </c>
      <c r="B3681" s="1"/>
      <c r="C3681">
        <v>5</v>
      </c>
      <c r="D3681" t="s">
        <v>7121</v>
      </c>
      <c r="E3681" t="s">
        <v>32067</v>
      </c>
      <c r="F3681">
        <v>5</v>
      </c>
      <c r="G3681" t="s">
        <v>0</v>
      </c>
      <c r="H3681" t="s">
        <v>7122</v>
      </c>
      <c r="I3681" t="s">
        <v>30540</v>
      </c>
    </row>
    <row r="3682" spans="1:9">
      <c r="A3682" s="1">
        <v>0.88517805134433847</v>
      </c>
      <c r="B3682" s="1"/>
      <c r="C3682">
        <v>16</v>
      </c>
      <c r="D3682" t="s">
        <v>7127</v>
      </c>
      <c r="E3682" t="s">
        <v>32067</v>
      </c>
      <c r="F3682">
        <v>4</v>
      </c>
      <c r="G3682" t="s">
        <v>2</v>
      </c>
      <c r="H3682" t="s">
        <v>7128</v>
      </c>
      <c r="I3682" t="s">
        <v>30540</v>
      </c>
    </row>
    <row r="3683" spans="1:9">
      <c r="A3683" s="1">
        <v>0.22526277954962948</v>
      </c>
      <c r="B3683" s="1"/>
      <c r="C3683">
        <v>17</v>
      </c>
      <c r="D3683" t="s">
        <v>7129</v>
      </c>
      <c r="E3683" t="s">
        <v>32067</v>
      </c>
      <c r="F3683">
        <v>4</v>
      </c>
      <c r="G3683" t="s">
        <v>0</v>
      </c>
      <c r="H3683" t="s">
        <v>7130</v>
      </c>
      <c r="I3683" t="s">
        <v>30540</v>
      </c>
    </row>
    <row r="3684" spans="1:9">
      <c r="A3684" s="1">
        <v>0.92364642467554559</v>
      </c>
      <c r="B3684" s="1"/>
      <c r="C3684">
        <v>14</v>
      </c>
      <c r="D3684" t="s">
        <v>7125</v>
      </c>
      <c r="E3684" t="s">
        <v>32067</v>
      </c>
      <c r="F3684">
        <v>3</v>
      </c>
      <c r="G3684" t="s">
        <v>774</v>
      </c>
      <c r="H3684" t="s">
        <v>7126</v>
      </c>
      <c r="I3684" t="s">
        <v>30540</v>
      </c>
    </row>
    <row r="3685" spans="1:9">
      <c r="A3685" s="1">
        <v>0.18202156219451404</v>
      </c>
      <c r="B3685" s="1"/>
      <c r="C3685">
        <v>18</v>
      </c>
      <c r="D3685" t="s">
        <v>7117</v>
      </c>
      <c r="E3685" t="s">
        <v>32068</v>
      </c>
      <c r="F3685">
        <v>5</v>
      </c>
      <c r="G3685" t="s">
        <v>2</v>
      </c>
      <c r="H3685" t="s">
        <v>7118</v>
      </c>
      <c r="I3685" t="s">
        <v>30540</v>
      </c>
    </row>
    <row r="3686" spans="1:9">
      <c r="A3686" s="1">
        <v>0.9049698699973634</v>
      </c>
      <c r="B3686" s="1"/>
      <c r="C3686">
        <v>10</v>
      </c>
      <c r="D3686" t="s">
        <v>7115</v>
      </c>
      <c r="E3686" t="s">
        <v>32068</v>
      </c>
      <c r="F3686">
        <v>5</v>
      </c>
      <c r="G3686" t="s">
        <v>765</v>
      </c>
      <c r="H3686" t="s">
        <v>7116</v>
      </c>
      <c r="I3686" t="s">
        <v>30540</v>
      </c>
    </row>
    <row r="3687" spans="1:9">
      <c r="A3687" s="1">
        <v>0.96999509708132281</v>
      </c>
      <c r="B3687" s="1"/>
      <c r="C3687">
        <v>19</v>
      </c>
      <c r="D3687" t="s">
        <v>7119</v>
      </c>
      <c r="E3687" t="s">
        <v>32068</v>
      </c>
      <c r="F3687">
        <v>4</v>
      </c>
      <c r="G3687" t="s">
        <v>9</v>
      </c>
      <c r="H3687" t="s">
        <v>7120</v>
      </c>
      <c r="I3687" t="s">
        <v>30540</v>
      </c>
    </row>
    <row r="3688" spans="1:9">
      <c r="A3688" s="1">
        <v>0.51552823172757212</v>
      </c>
      <c r="B3688" s="1"/>
      <c r="C3688">
        <v>7</v>
      </c>
      <c r="D3688" t="s">
        <v>7113</v>
      </c>
      <c r="E3688" t="s">
        <v>32068</v>
      </c>
      <c r="F3688">
        <v>3</v>
      </c>
      <c r="G3688" t="s">
        <v>10</v>
      </c>
      <c r="H3688" t="s">
        <v>7114</v>
      </c>
      <c r="I3688" t="s">
        <v>30540</v>
      </c>
    </row>
    <row r="3689" spans="1:9">
      <c r="A3689" s="1">
        <v>0.28697298115218395</v>
      </c>
      <c r="B3689" s="1"/>
      <c r="C3689">
        <v>1</v>
      </c>
      <c r="D3689" t="s">
        <v>7111</v>
      </c>
      <c r="E3689" t="s">
        <v>32069</v>
      </c>
      <c r="F3689">
        <v>4</v>
      </c>
      <c r="G3689" t="s">
        <v>2</v>
      </c>
      <c r="H3689" t="s">
        <v>7112</v>
      </c>
      <c r="I3689" t="s">
        <v>30540</v>
      </c>
    </row>
    <row r="3690" spans="1:9">
      <c r="A3690" s="1">
        <v>0.88528099267985338</v>
      </c>
      <c r="B3690" s="1"/>
      <c r="C3690">
        <v>12</v>
      </c>
      <c r="D3690" t="s">
        <v>7107</v>
      </c>
      <c r="E3690" t="s">
        <v>32070</v>
      </c>
      <c r="F3690">
        <v>4</v>
      </c>
      <c r="G3690" t="s">
        <v>774</v>
      </c>
      <c r="H3690" t="s">
        <v>7108</v>
      </c>
      <c r="I3690" t="s">
        <v>30540</v>
      </c>
    </row>
    <row r="3691" spans="1:9">
      <c r="A3691" s="1">
        <v>0.93422520857791058</v>
      </c>
      <c r="B3691" s="1"/>
      <c r="C3691">
        <v>15</v>
      </c>
      <c r="D3691" t="s">
        <v>7109</v>
      </c>
      <c r="E3691" t="s">
        <v>32070</v>
      </c>
      <c r="F3691">
        <v>4</v>
      </c>
      <c r="G3691" t="s">
        <v>0</v>
      </c>
      <c r="H3691" t="s">
        <v>7110</v>
      </c>
      <c r="I3691" t="s">
        <v>30540</v>
      </c>
    </row>
    <row r="3692" spans="1:9">
      <c r="A3692" s="1">
        <v>0.320037176019213</v>
      </c>
      <c r="B3692" s="1"/>
      <c r="C3692">
        <v>10</v>
      </c>
      <c r="D3692" t="s">
        <v>7105</v>
      </c>
      <c r="E3692" t="s">
        <v>32070</v>
      </c>
      <c r="F3692">
        <v>4</v>
      </c>
      <c r="G3692" t="s">
        <v>0</v>
      </c>
      <c r="H3692" t="s">
        <v>7106</v>
      </c>
      <c r="I3692" t="s">
        <v>30540</v>
      </c>
    </row>
    <row r="3693" spans="1:9">
      <c r="A3693" s="1">
        <v>0.67068480534254837</v>
      </c>
      <c r="B3693" s="1"/>
      <c r="C3693">
        <v>2</v>
      </c>
      <c r="D3693" t="s">
        <v>7103</v>
      </c>
      <c r="E3693" t="s">
        <v>32070</v>
      </c>
      <c r="F3693">
        <v>4</v>
      </c>
      <c r="G3693" t="s">
        <v>766</v>
      </c>
      <c r="H3693" t="s">
        <v>7104</v>
      </c>
      <c r="I3693" t="s">
        <v>30540</v>
      </c>
    </row>
    <row r="3694" spans="1:9">
      <c r="A3694" s="1">
        <v>0.12134474870902578</v>
      </c>
      <c r="B3694" s="1"/>
      <c r="C3694">
        <v>15</v>
      </c>
      <c r="D3694" t="s">
        <v>7097</v>
      </c>
      <c r="E3694" t="s">
        <v>32072</v>
      </c>
      <c r="F3694">
        <v>4</v>
      </c>
      <c r="G3694" t="s">
        <v>2</v>
      </c>
      <c r="H3694" t="s">
        <v>7098</v>
      </c>
      <c r="I3694" t="s">
        <v>30540</v>
      </c>
    </row>
    <row r="3695" spans="1:9">
      <c r="A3695" s="1">
        <v>0.10448635623745195</v>
      </c>
      <c r="B3695" s="1"/>
      <c r="C3695">
        <v>19</v>
      </c>
      <c r="D3695" t="s">
        <v>7095</v>
      </c>
      <c r="E3695" t="s">
        <v>32073</v>
      </c>
      <c r="F3695">
        <v>5</v>
      </c>
      <c r="G3695" t="s">
        <v>0</v>
      </c>
      <c r="H3695" t="s">
        <v>7096</v>
      </c>
      <c r="I3695" t="s">
        <v>30540</v>
      </c>
    </row>
    <row r="3696" spans="1:9">
      <c r="A3696" s="1">
        <v>0.27641873843377185</v>
      </c>
      <c r="B3696" s="1"/>
      <c r="C3696">
        <v>5</v>
      </c>
      <c r="D3696" t="s">
        <v>7093</v>
      </c>
      <c r="E3696" t="s">
        <v>32073</v>
      </c>
      <c r="F3696">
        <v>4</v>
      </c>
      <c r="G3696" t="s">
        <v>765</v>
      </c>
      <c r="H3696" t="s">
        <v>7094</v>
      </c>
      <c r="I3696" t="s">
        <v>30540</v>
      </c>
    </row>
    <row r="3697" spans="1:9">
      <c r="A3697" s="1">
        <v>0.5949652254678941</v>
      </c>
      <c r="B3697" s="1"/>
      <c r="C3697">
        <v>5</v>
      </c>
      <c r="D3697" t="s">
        <v>7089</v>
      </c>
      <c r="E3697" t="s">
        <v>32074</v>
      </c>
      <c r="F3697">
        <v>5</v>
      </c>
      <c r="G3697" t="s">
        <v>1</v>
      </c>
      <c r="H3697" t="s">
        <v>7090</v>
      </c>
      <c r="I3697" t="s">
        <v>30540</v>
      </c>
    </row>
    <row r="3698" spans="1:9">
      <c r="A3698" s="1">
        <v>0.6095432225594547</v>
      </c>
      <c r="B3698" s="1"/>
      <c r="C3698">
        <v>7</v>
      </c>
      <c r="D3698" t="s">
        <v>7091</v>
      </c>
      <c r="E3698" t="s">
        <v>32074</v>
      </c>
      <c r="F3698">
        <v>4</v>
      </c>
      <c r="G3698" t="s">
        <v>0</v>
      </c>
      <c r="H3698" t="s">
        <v>7092</v>
      </c>
      <c r="I3698" t="s">
        <v>30540</v>
      </c>
    </row>
    <row r="3699" spans="1:9">
      <c r="A3699" s="1">
        <v>0.95470435320522984</v>
      </c>
      <c r="B3699" s="1"/>
      <c r="C3699">
        <v>3</v>
      </c>
      <c r="D3699" t="s">
        <v>7087</v>
      </c>
      <c r="E3699" t="s">
        <v>32074</v>
      </c>
      <c r="F3699">
        <v>3</v>
      </c>
      <c r="G3699" t="s">
        <v>2</v>
      </c>
      <c r="H3699" t="s">
        <v>7088</v>
      </c>
      <c r="I3699" t="s">
        <v>30540</v>
      </c>
    </row>
    <row r="3700" spans="1:9">
      <c r="A3700" s="1">
        <v>0.20323325249429136</v>
      </c>
      <c r="B3700" s="1"/>
      <c r="C3700">
        <v>19</v>
      </c>
      <c r="D3700" t="s">
        <v>7085</v>
      </c>
      <c r="E3700" t="s">
        <v>32075</v>
      </c>
      <c r="F3700">
        <v>5</v>
      </c>
      <c r="G3700" t="s">
        <v>0</v>
      </c>
      <c r="H3700" t="s">
        <v>7086</v>
      </c>
      <c r="I3700" t="s">
        <v>30540</v>
      </c>
    </row>
    <row r="3701" spans="1:9">
      <c r="A3701" s="1">
        <v>0.39983096201478174</v>
      </c>
      <c r="B3701" s="1"/>
      <c r="C3701">
        <v>14</v>
      </c>
      <c r="D3701" t="s">
        <v>7081</v>
      </c>
      <c r="E3701" t="s">
        <v>32075</v>
      </c>
      <c r="F3701">
        <v>5</v>
      </c>
      <c r="G3701" t="s">
        <v>14</v>
      </c>
      <c r="H3701" t="s">
        <v>7082</v>
      </c>
      <c r="I3701" t="s">
        <v>30540</v>
      </c>
    </row>
    <row r="3702" spans="1:9">
      <c r="A3702" s="1">
        <v>0.53292594701283924</v>
      </c>
      <c r="B3702" s="1"/>
      <c r="C3702">
        <v>7</v>
      </c>
      <c r="D3702" t="s">
        <v>7075</v>
      </c>
      <c r="E3702" t="s">
        <v>32075</v>
      </c>
      <c r="F3702">
        <v>4</v>
      </c>
      <c r="G3702" t="s">
        <v>771</v>
      </c>
      <c r="H3702" t="s">
        <v>7076</v>
      </c>
      <c r="I3702" t="s">
        <v>30540</v>
      </c>
    </row>
    <row r="3703" spans="1:9">
      <c r="A3703" s="1">
        <v>0.97337620538910552</v>
      </c>
      <c r="B3703" s="1"/>
      <c r="C3703">
        <v>14</v>
      </c>
      <c r="D3703" t="s">
        <v>7073</v>
      </c>
      <c r="E3703" t="s">
        <v>32076</v>
      </c>
      <c r="F3703">
        <v>5</v>
      </c>
      <c r="G3703" t="s">
        <v>0</v>
      </c>
      <c r="H3703" t="s">
        <v>7074</v>
      </c>
      <c r="I3703" t="s">
        <v>30540</v>
      </c>
    </row>
    <row r="3704" spans="1:9">
      <c r="A3704" s="1">
        <v>8.8550661525539809E-2</v>
      </c>
      <c r="B3704" s="1"/>
      <c r="C3704">
        <v>7</v>
      </c>
      <c r="D3704" t="s">
        <v>7069</v>
      </c>
      <c r="E3704" t="s">
        <v>32076</v>
      </c>
      <c r="F3704">
        <v>4</v>
      </c>
      <c r="G3704" t="s">
        <v>15</v>
      </c>
      <c r="H3704" t="s">
        <v>7070</v>
      </c>
      <c r="I3704" t="s">
        <v>30540</v>
      </c>
    </row>
    <row r="3705" spans="1:9">
      <c r="A3705" s="1">
        <v>0.87542705427779555</v>
      </c>
      <c r="B3705" s="1"/>
      <c r="C3705">
        <v>13</v>
      </c>
      <c r="D3705" t="s">
        <v>7071</v>
      </c>
      <c r="E3705" t="s">
        <v>32076</v>
      </c>
      <c r="F3705">
        <v>4</v>
      </c>
      <c r="G3705" t="s">
        <v>10</v>
      </c>
      <c r="H3705" t="s">
        <v>7072</v>
      </c>
      <c r="I3705" t="s">
        <v>30540</v>
      </c>
    </row>
    <row r="3706" spans="1:9">
      <c r="A3706" s="1">
        <v>0.67353388988504859</v>
      </c>
      <c r="B3706" s="1"/>
      <c r="C3706">
        <v>20</v>
      </c>
      <c r="D3706" t="s">
        <v>7067</v>
      </c>
      <c r="E3706" t="s">
        <v>32077</v>
      </c>
      <c r="F3706">
        <v>4</v>
      </c>
      <c r="G3706" t="s">
        <v>9</v>
      </c>
      <c r="H3706" t="s">
        <v>7068</v>
      </c>
      <c r="I3706" t="s">
        <v>30540</v>
      </c>
    </row>
    <row r="3707" spans="1:9">
      <c r="A3707" s="1">
        <v>0.43172868201263681</v>
      </c>
      <c r="B3707" s="1"/>
      <c r="C3707">
        <v>10</v>
      </c>
      <c r="D3707" t="s">
        <v>7063</v>
      </c>
      <c r="E3707" t="s">
        <v>32077</v>
      </c>
      <c r="F3707">
        <v>4</v>
      </c>
      <c r="G3707" t="s">
        <v>15</v>
      </c>
      <c r="H3707" t="s">
        <v>7064</v>
      </c>
      <c r="I3707" t="s">
        <v>30540</v>
      </c>
    </row>
    <row r="3708" spans="1:9">
      <c r="A3708" s="1">
        <v>0.56013867457310551</v>
      </c>
      <c r="B3708" s="1"/>
      <c r="C3708">
        <v>17</v>
      </c>
      <c r="D3708" t="s">
        <v>7065</v>
      </c>
      <c r="E3708" t="s">
        <v>32077</v>
      </c>
      <c r="F3708">
        <v>4</v>
      </c>
      <c r="G3708" t="s">
        <v>15</v>
      </c>
      <c r="H3708" t="s">
        <v>7066</v>
      </c>
      <c r="I3708" t="s">
        <v>30540</v>
      </c>
    </row>
    <row r="3709" spans="1:9">
      <c r="A3709" s="1">
        <v>0.91927370432531941</v>
      </c>
      <c r="B3709" s="1"/>
      <c r="C3709">
        <v>16</v>
      </c>
      <c r="D3709" t="s">
        <v>7059</v>
      </c>
      <c r="E3709" t="s">
        <v>32078</v>
      </c>
      <c r="F3709">
        <v>4</v>
      </c>
      <c r="G3709" t="s">
        <v>762</v>
      </c>
      <c r="H3709" t="s">
        <v>7060</v>
      </c>
      <c r="I3709" t="s">
        <v>30540</v>
      </c>
    </row>
    <row r="3710" spans="1:9">
      <c r="A3710" s="1">
        <v>0.5081952240619847</v>
      </c>
      <c r="B3710" s="1"/>
      <c r="C3710">
        <v>5</v>
      </c>
      <c r="D3710" t="s">
        <v>7057</v>
      </c>
      <c r="E3710" t="s">
        <v>32078</v>
      </c>
      <c r="F3710">
        <v>4</v>
      </c>
      <c r="G3710" t="s">
        <v>0</v>
      </c>
      <c r="H3710" t="s">
        <v>7058</v>
      </c>
      <c r="I3710" t="s">
        <v>30540</v>
      </c>
    </row>
    <row r="3711" spans="1:9">
      <c r="A3711" s="1">
        <v>0.39847743149545656</v>
      </c>
      <c r="B3711" s="1"/>
      <c r="C3711">
        <v>2</v>
      </c>
      <c r="D3711" t="s">
        <v>7053</v>
      </c>
      <c r="E3711" t="s">
        <v>32078</v>
      </c>
      <c r="F3711">
        <v>4</v>
      </c>
      <c r="G3711" t="s">
        <v>0</v>
      </c>
      <c r="H3711" t="s">
        <v>7054</v>
      </c>
      <c r="I3711" t="s">
        <v>30540</v>
      </c>
    </row>
    <row r="3712" spans="1:9">
      <c r="A3712" s="1">
        <v>3.5555086209838382E-2</v>
      </c>
      <c r="B3712" s="1"/>
      <c r="C3712">
        <v>10</v>
      </c>
      <c r="D3712" t="s">
        <v>7049</v>
      </c>
      <c r="E3712" t="s">
        <v>32079</v>
      </c>
      <c r="F3712">
        <v>4</v>
      </c>
      <c r="G3712" t="s">
        <v>0</v>
      </c>
      <c r="H3712" t="s">
        <v>7050</v>
      </c>
      <c r="I3712" t="s">
        <v>30540</v>
      </c>
    </row>
    <row r="3713" spans="1:9">
      <c r="A3713" s="1">
        <v>0.13701864179041434</v>
      </c>
      <c r="B3713" s="1"/>
      <c r="C3713">
        <v>12</v>
      </c>
      <c r="D3713" t="s">
        <v>7051</v>
      </c>
      <c r="E3713" t="s">
        <v>32079</v>
      </c>
      <c r="F3713">
        <v>4</v>
      </c>
      <c r="G3713" t="s">
        <v>0</v>
      </c>
      <c r="H3713" t="s">
        <v>7052</v>
      </c>
      <c r="I3713" t="s">
        <v>30540</v>
      </c>
    </row>
    <row r="3714" spans="1:9">
      <c r="A3714" s="1">
        <v>0.54932895517064628</v>
      </c>
      <c r="B3714" s="1"/>
      <c r="C3714">
        <v>1</v>
      </c>
      <c r="D3714" t="s">
        <v>7047</v>
      </c>
      <c r="E3714" t="s">
        <v>32079</v>
      </c>
      <c r="F3714">
        <v>3</v>
      </c>
      <c r="G3714" t="s">
        <v>2</v>
      </c>
      <c r="H3714" t="s">
        <v>7048</v>
      </c>
      <c r="I3714" t="s">
        <v>30540</v>
      </c>
    </row>
    <row r="3715" spans="1:9">
      <c r="A3715" s="1">
        <v>0.94047062549284299</v>
      </c>
      <c r="B3715" s="1"/>
      <c r="C3715">
        <v>19</v>
      </c>
      <c r="D3715" t="s">
        <v>7043</v>
      </c>
      <c r="E3715" t="s">
        <v>32080</v>
      </c>
      <c r="F3715">
        <v>5</v>
      </c>
      <c r="G3715" t="s">
        <v>0</v>
      </c>
      <c r="H3715" t="s">
        <v>7044</v>
      </c>
      <c r="I3715" t="s">
        <v>30540</v>
      </c>
    </row>
    <row r="3716" spans="1:9">
      <c r="A3716" s="1">
        <v>0.44786514829306845</v>
      </c>
      <c r="B3716" s="1"/>
      <c r="C3716">
        <v>15</v>
      </c>
      <c r="D3716" t="s">
        <v>7041</v>
      </c>
      <c r="E3716" t="s">
        <v>32080</v>
      </c>
      <c r="F3716">
        <v>4</v>
      </c>
      <c r="G3716" t="s">
        <v>1295</v>
      </c>
      <c r="H3716" t="s">
        <v>7042</v>
      </c>
      <c r="I3716" t="s">
        <v>30540</v>
      </c>
    </row>
    <row r="3717" spans="1:9">
      <c r="A3717" s="1">
        <v>0.69193263223643986</v>
      </c>
      <c r="B3717" s="1"/>
      <c r="C3717">
        <v>20</v>
      </c>
      <c r="D3717" t="s">
        <v>7045</v>
      </c>
      <c r="E3717" t="s">
        <v>32080</v>
      </c>
      <c r="F3717">
        <v>4</v>
      </c>
      <c r="G3717" t="s">
        <v>774</v>
      </c>
      <c r="H3717" t="s">
        <v>7046</v>
      </c>
      <c r="I3717" t="s">
        <v>30540</v>
      </c>
    </row>
    <row r="3718" spans="1:9">
      <c r="A3718" s="1">
        <v>0.61415594591445943</v>
      </c>
      <c r="B3718" s="1"/>
      <c r="C3718">
        <v>2</v>
      </c>
      <c r="D3718" t="s">
        <v>7033</v>
      </c>
      <c r="E3718" t="s">
        <v>32080</v>
      </c>
      <c r="F3718">
        <v>4</v>
      </c>
      <c r="G3718" t="s">
        <v>0</v>
      </c>
      <c r="H3718" t="s">
        <v>7034</v>
      </c>
      <c r="I3718" t="s">
        <v>30540</v>
      </c>
    </row>
    <row r="3719" spans="1:9">
      <c r="A3719" s="1">
        <v>0.17656436395949282</v>
      </c>
      <c r="B3719" s="1"/>
      <c r="C3719">
        <v>13</v>
      </c>
      <c r="D3719" t="s">
        <v>7039</v>
      </c>
      <c r="E3719" t="s">
        <v>32080</v>
      </c>
      <c r="F3719">
        <v>4</v>
      </c>
      <c r="G3719" t="s">
        <v>766</v>
      </c>
      <c r="H3719" t="s">
        <v>7040</v>
      </c>
      <c r="I3719" t="s">
        <v>30540</v>
      </c>
    </row>
    <row r="3720" spans="1:9">
      <c r="A3720" s="1">
        <v>8.424972380701512E-2</v>
      </c>
      <c r="B3720" s="1"/>
      <c r="C3720">
        <v>11</v>
      </c>
      <c r="D3720" t="s">
        <v>7037</v>
      </c>
      <c r="E3720" t="s">
        <v>32080</v>
      </c>
      <c r="F3720">
        <v>4</v>
      </c>
      <c r="G3720" t="s">
        <v>770</v>
      </c>
      <c r="H3720" t="s">
        <v>7038</v>
      </c>
      <c r="I3720" t="s">
        <v>30540</v>
      </c>
    </row>
    <row r="3721" spans="1:9">
      <c r="A3721" s="1">
        <v>0.76735736462442006</v>
      </c>
      <c r="B3721" s="1"/>
      <c r="C3721">
        <v>3</v>
      </c>
      <c r="D3721" t="s">
        <v>7035</v>
      </c>
      <c r="E3721" t="s">
        <v>32080</v>
      </c>
      <c r="F3721">
        <v>3</v>
      </c>
      <c r="G3721" t="s">
        <v>9</v>
      </c>
      <c r="H3721" t="s">
        <v>7036</v>
      </c>
      <c r="I3721" t="s">
        <v>30540</v>
      </c>
    </row>
    <row r="3722" spans="1:9">
      <c r="A3722" s="1">
        <v>0.56416593530272929</v>
      </c>
      <c r="B3722" s="1"/>
      <c r="C3722">
        <v>16</v>
      </c>
      <c r="D3722" t="s">
        <v>7031</v>
      </c>
      <c r="E3722" t="s">
        <v>32081</v>
      </c>
      <c r="F3722">
        <v>4</v>
      </c>
      <c r="G3722" t="s">
        <v>0</v>
      </c>
      <c r="H3722" t="s">
        <v>7032</v>
      </c>
      <c r="I3722" t="s">
        <v>30540</v>
      </c>
    </row>
    <row r="3723" spans="1:9">
      <c r="A3723" s="1">
        <v>0.69346295658772938</v>
      </c>
      <c r="B3723" s="1"/>
      <c r="C3723">
        <v>10</v>
      </c>
      <c r="D3723" t="s">
        <v>7027</v>
      </c>
      <c r="E3723" t="s">
        <v>32081</v>
      </c>
      <c r="F3723">
        <v>4</v>
      </c>
      <c r="G3723" t="s">
        <v>0</v>
      </c>
      <c r="H3723" t="s">
        <v>7028</v>
      </c>
      <c r="I3723" t="s">
        <v>30540</v>
      </c>
    </row>
    <row r="3724" spans="1:9">
      <c r="A3724" s="1">
        <v>0.37135756717084012</v>
      </c>
      <c r="B3724" s="1"/>
      <c r="C3724">
        <v>15</v>
      </c>
      <c r="D3724" t="s">
        <v>7029</v>
      </c>
      <c r="E3724" t="s">
        <v>32081</v>
      </c>
      <c r="F3724">
        <v>4</v>
      </c>
      <c r="G3724" t="s">
        <v>0</v>
      </c>
      <c r="H3724" t="s">
        <v>7030</v>
      </c>
      <c r="I3724" t="s">
        <v>30540</v>
      </c>
    </row>
    <row r="3725" spans="1:9">
      <c r="A3725" s="1">
        <v>0.92533811077780792</v>
      </c>
      <c r="B3725" s="1"/>
      <c r="C3725">
        <v>8</v>
      </c>
      <c r="D3725" t="s">
        <v>7025</v>
      </c>
      <c r="E3725" t="s">
        <v>32081</v>
      </c>
      <c r="F3725">
        <v>4</v>
      </c>
      <c r="G3725" t="s">
        <v>2</v>
      </c>
      <c r="H3725" t="s">
        <v>7026</v>
      </c>
      <c r="I3725" t="s">
        <v>30540</v>
      </c>
    </row>
    <row r="3726" spans="1:9">
      <c r="A3726" s="1">
        <v>0.26612054464102808</v>
      </c>
      <c r="B3726" s="1"/>
      <c r="C3726">
        <v>16</v>
      </c>
      <c r="D3726" t="s">
        <v>7023</v>
      </c>
      <c r="E3726" t="s">
        <v>32082</v>
      </c>
      <c r="F3726">
        <v>4</v>
      </c>
      <c r="G3726" t="s">
        <v>0</v>
      </c>
      <c r="H3726" t="s">
        <v>7024</v>
      </c>
      <c r="I3726" t="s">
        <v>30540</v>
      </c>
    </row>
    <row r="3727" spans="1:9">
      <c r="A3727" s="1">
        <v>0.12863565219471218</v>
      </c>
      <c r="B3727" s="1"/>
      <c r="C3727">
        <v>7</v>
      </c>
      <c r="D3727" t="s">
        <v>7019</v>
      </c>
      <c r="E3727" t="s">
        <v>32082</v>
      </c>
      <c r="F3727">
        <v>4</v>
      </c>
      <c r="G3727" t="s">
        <v>2</v>
      </c>
      <c r="H3727" t="s">
        <v>7020</v>
      </c>
      <c r="I3727" t="s">
        <v>30540</v>
      </c>
    </row>
    <row r="3728" spans="1:9">
      <c r="A3728" s="1">
        <v>0.26836249573963711</v>
      </c>
      <c r="B3728" s="1"/>
      <c r="C3728">
        <v>13</v>
      </c>
      <c r="D3728" t="s">
        <v>7013</v>
      </c>
      <c r="E3728" t="s">
        <v>32083</v>
      </c>
      <c r="F3728">
        <v>4</v>
      </c>
      <c r="G3728" t="s">
        <v>0</v>
      </c>
      <c r="H3728" t="s">
        <v>7014</v>
      </c>
      <c r="I3728" t="s">
        <v>30540</v>
      </c>
    </row>
    <row r="3729" spans="1:9">
      <c r="A3729" s="1">
        <v>0.5991817857059798</v>
      </c>
      <c r="B3729" s="1"/>
      <c r="C3729">
        <v>9</v>
      </c>
      <c r="D3729" t="s">
        <v>7011</v>
      </c>
      <c r="E3729" t="s">
        <v>32083</v>
      </c>
      <c r="F3729">
        <v>4</v>
      </c>
      <c r="G3729" t="s">
        <v>14</v>
      </c>
      <c r="H3729" t="s">
        <v>7012</v>
      </c>
      <c r="I3729" t="s">
        <v>30540</v>
      </c>
    </row>
    <row r="3730" spans="1:9">
      <c r="A3730" s="1">
        <v>0.7809664682458447</v>
      </c>
      <c r="B3730" s="1"/>
      <c r="C3730">
        <v>7</v>
      </c>
      <c r="D3730" t="s">
        <v>7009</v>
      </c>
      <c r="E3730" t="s">
        <v>32083</v>
      </c>
      <c r="F3730">
        <v>4</v>
      </c>
      <c r="G3730" t="s">
        <v>15</v>
      </c>
      <c r="H3730" t="s">
        <v>7010</v>
      </c>
      <c r="I3730" t="s">
        <v>30540</v>
      </c>
    </row>
    <row r="3731" spans="1:9">
      <c r="A3731" s="1">
        <v>0.8803731672360916</v>
      </c>
      <c r="B3731" s="1"/>
      <c r="C3731">
        <v>14</v>
      </c>
      <c r="D3731" t="s">
        <v>7015</v>
      </c>
      <c r="E3731" t="s">
        <v>32083</v>
      </c>
      <c r="F3731">
        <v>4</v>
      </c>
      <c r="G3731" t="s">
        <v>0</v>
      </c>
      <c r="H3731" t="s">
        <v>7016</v>
      </c>
      <c r="I3731" t="s">
        <v>30540</v>
      </c>
    </row>
    <row r="3732" spans="1:9">
      <c r="A3732" s="1">
        <v>0.53924341975766943</v>
      </c>
      <c r="B3732" s="1"/>
      <c r="C3732">
        <v>5</v>
      </c>
      <c r="D3732" t="s">
        <v>7007</v>
      </c>
      <c r="E3732" t="s">
        <v>32083</v>
      </c>
      <c r="F3732">
        <v>4</v>
      </c>
      <c r="G3732" t="s">
        <v>15</v>
      </c>
      <c r="H3732" t="s">
        <v>7008</v>
      </c>
      <c r="I3732" t="s">
        <v>30540</v>
      </c>
    </row>
    <row r="3733" spans="1:9">
      <c r="A3733" s="1">
        <v>0.40319701357592164</v>
      </c>
      <c r="B3733" s="1"/>
      <c r="C3733">
        <v>19</v>
      </c>
      <c r="D3733" t="s">
        <v>7003</v>
      </c>
      <c r="E3733" t="s">
        <v>32084</v>
      </c>
      <c r="F3733">
        <v>4</v>
      </c>
      <c r="G3733" t="s">
        <v>0</v>
      </c>
      <c r="H3733" t="s">
        <v>7004</v>
      </c>
      <c r="I3733" t="s">
        <v>30540</v>
      </c>
    </row>
    <row r="3734" spans="1:9">
      <c r="A3734" s="1">
        <v>0.45630747760971391</v>
      </c>
      <c r="B3734" s="1"/>
      <c r="C3734">
        <v>3</v>
      </c>
      <c r="D3734" t="s">
        <v>6997</v>
      </c>
      <c r="E3734" t="s">
        <v>32084</v>
      </c>
      <c r="F3734">
        <v>4</v>
      </c>
      <c r="G3734" t="s">
        <v>9</v>
      </c>
      <c r="H3734" t="s">
        <v>6998</v>
      </c>
      <c r="I3734" t="s">
        <v>30540</v>
      </c>
    </row>
    <row r="3735" spans="1:9">
      <c r="A3735" s="1">
        <v>5.8605181857043109E-2</v>
      </c>
      <c r="B3735" s="1"/>
      <c r="C3735">
        <v>1</v>
      </c>
      <c r="D3735" t="s">
        <v>6995</v>
      </c>
      <c r="E3735" t="s">
        <v>32084</v>
      </c>
      <c r="F3735">
        <v>4</v>
      </c>
      <c r="G3735" t="s">
        <v>2</v>
      </c>
      <c r="H3735" t="s">
        <v>6996</v>
      </c>
      <c r="I3735" t="s">
        <v>30540</v>
      </c>
    </row>
    <row r="3736" spans="1:9">
      <c r="A3736" s="1">
        <v>0.80784779806437967</v>
      </c>
      <c r="B3736" s="1"/>
      <c r="C3736">
        <v>16</v>
      </c>
      <c r="D3736" t="s">
        <v>6999</v>
      </c>
      <c r="E3736" t="s">
        <v>32084</v>
      </c>
      <c r="F3736">
        <v>4</v>
      </c>
      <c r="G3736" t="s">
        <v>0</v>
      </c>
      <c r="H3736" t="s">
        <v>7000</v>
      </c>
      <c r="I3736" t="s">
        <v>30540</v>
      </c>
    </row>
    <row r="3737" spans="1:9">
      <c r="A3737" s="1">
        <v>0.97380804392905385</v>
      </c>
      <c r="B3737" s="1"/>
      <c r="C3737">
        <v>18</v>
      </c>
      <c r="D3737" t="s">
        <v>7001</v>
      </c>
      <c r="E3737" t="s">
        <v>32084</v>
      </c>
      <c r="F3737">
        <v>4</v>
      </c>
      <c r="G3737" t="s">
        <v>10</v>
      </c>
      <c r="H3737" t="s">
        <v>7002</v>
      </c>
      <c r="I3737" t="s">
        <v>30540</v>
      </c>
    </row>
    <row r="3738" spans="1:9">
      <c r="A3738" s="1">
        <v>0.87054630968409141</v>
      </c>
      <c r="B3738" s="1"/>
      <c r="C3738">
        <v>14</v>
      </c>
      <c r="D3738" t="s">
        <v>6993</v>
      </c>
      <c r="E3738" t="s">
        <v>32085</v>
      </c>
      <c r="F3738">
        <v>4</v>
      </c>
      <c r="G3738" t="s">
        <v>0</v>
      </c>
      <c r="H3738" t="s">
        <v>6994</v>
      </c>
      <c r="I3738" t="s">
        <v>30540</v>
      </c>
    </row>
    <row r="3739" spans="1:9">
      <c r="A3739" s="1">
        <v>0.58605512008892491</v>
      </c>
      <c r="B3739" s="1"/>
      <c r="C3739">
        <v>8</v>
      </c>
      <c r="D3739" t="s">
        <v>6991</v>
      </c>
      <c r="E3739" t="s">
        <v>32085</v>
      </c>
      <c r="F3739">
        <v>4</v>
      </c>
      <c r="G3739" t="s">
        <v>770</v>
      </c>
      <c r="H3739" t="s">
        <v>6992</v>
      </c>
      <c r="I3739" t="s">
        <v>30540</v>
      </c>
    </row>
    <row r="3740" spans="1:9">
      <c r="A3740" s="1">
        <v>0.79096020439696257</v>
      </c>
      <c r="B3740" s="1"/>
      <c r="C3740">
        <v>2</v>
      </c>
      <c r="D3740" t="s">
        <v>6989</v>
      </c>
      <c r="E3740" t="s">
        <v>32085</v>
      </c>
      <c r="F3740">
        <v>4</v>
      </c>
      <c r="G3740" t="s">
        <v>1295</v>
      </c>
      <c r="H3740" t="s">
        <v>6990</v>
      </c>
      <c r="I3740" t="s">
        <v>30540</v>
      </c>
    </row>
    <row r="3741" spans="1:9">
      <c r="A3741" s="1">
        <v>0.10323399686906021</v>
      </c>
      <c r="B3741" s="1"/>
      <c r="C3741">
        <v>12</v>
      </c>
      <c r="D3741" t="s">
        <v>6984</v>
      </c>
      <c r="E3741" t="s">
        <v>32086</v>
      </c>
      <c r="F3741">
        <v>4</v>
      </c>
      <c r="G3741" t="s">
        <v>0</v>
      </c>
      <c r="H3741" t="s">
        <v>6985</v>
      </c>
      <c r="I3741" t="s">
        <v>30540</v>
      </c>
    </row>
    <row r="3742" spans="1:9">
      <c r="A3742" s="1">
        <v>0.22736538595933109</v>
      </c>
      <c r="B3742" s="1"/>
      <c r="C3742">
        <v>17</v>
      </c>
      <c r="D3742" t="s">
        <v>6986</v>
      </c>
      <c r="E3742" t="s">
        <v>32086</v>
      </c>
      <c r="F3742">
        <v>4</v>
      </c>
      <c r="G3742" t="s">
        <v>0</v>
      </c>
      <c r="H3742" t="s">
        <v>6987</v>
      </c>
      <c r="I3742" t="s">
        <v>30540</v>
      </c>
    </row>
    <row r="3743" spans="1:9">
      <c r="A3743" s="1">
        <v>0.28708473770830811</v>
      </c>
      <c r="B3743" s="1"/>
      <c r="C3743">
        <v>14</v>
      </c>
      <c r="D3743" t="s">
        <v>6978</v>
      </c>
      <c r="E3743" t="s">
        <v>32087</v>
      </c>
      <c r="F3743">
        <v>5</v>
      </c>
      <c r="G3743" t="s">
        <v>2</v>
      </c>
      <c r="H3743" t="s">
        <v>6979</v>
      </c>
      <c r="I3743" t="s">
        <v>30540</v>
      </c>
    </row>
    <row r="3744" spans="1:9">
      <c r="A3744" s="1">
        <v>0.75611300076107457</v>
      </c>
      <c r="B3744" s="1"/>
      <c r="C3744">
        <v>19</v>
      </c>
      <c r="D3744" t="s">
        <v>6980</v>
      </c>
      <c r="E3744" t="s">
        <v>32087</v>
      </c>
      <c r="F3744">
        <v>4</v>
      </c>
      <c r="G3744" t="s">
        <v>1295</v>
      </c>
      <c r="H3744" t="s">
        <v>6981</v>
      </c>
      <c r="I3744" t="s">
        <v>30540</v>
      </c>
    </row>
    <row r="3745" spans="1:9">
      <c r="A3745" s="1">
        <v>0.7700391824386158</v>
      </c>
      <c r="B3745" s="1"/>
      <c r="C3745">
        <v>11</v>
      </c>
      <c r="D3745" t="s">
        <v>6974</v>
      </c>
      <c r="E3745" t="s">
        <v>32087</v>
      </c>
      <c r="F3745">
        <v>4</v>
      </c>
      <c r="G3745" t="s">
        <v>774</v>
      </c>
      <c r="H3745" t="s">
        <v>6975</v>
      </c>
      <c r="I3745" t="s">
        <v>30540</v>
      </c>
    </row>
    <row r="3746" spans="1:9">
      <c r="A3746" s="1">
        <v>0.19941134289819129</v>
      </c>
      <c r="B3746" s="1"/>
      <c r="C3746">
        <v>12</v>
      </c>
      <c r="D3746" t="s">
        <v>6976</v>
      </c>
      <c r="E3746" t="s">
        <v>32087</v>
      </c>
      <c r="F3746">
        <v>4</v>
      </c>
      <c r="G3746" t="s">
        <v>774</v>
      </c>
      <c r="H3746" t="s">
        <v>6977</v>
      </c>
      <c r="I3746" t="s">
        <v>30540</v>
      </c>
    </row>
    <row r="3747" spans="1:9">
      <c r="A3747" s="1">
        <v>0.20035727983434592</v>
      </c>
      <c r="B3747" s="1"/>
      <c r="C3747">
        <v>9</v>
      </c>
      <c r="D3747" t="s">
        <v>6972</v>
      </c>
      <c r="E3747" t="s">
        <v>32087</v>
      </c>
      <c r="F3747">
        <v>3</v>
      </c>
      <c r="G3747" t="s">
        <v>0</v>
      </c>
      <c r="H3747" t="s">
        <v>6973</v>
      </c>
      <c r="I3747" t="s">
        <v>30540</v>
      </c>
    </row>
    <row r="3748" spans="1:9">
      <c r="A3748" s="1">
        <v>0.69606944566861484</v>
      </c>
      <c r="B3748" s="1"/>
      <c r="C3748">
        <v>20</v>
      </c>
      <c r="D3748" t="s">
        <v>6982</v>
      </c>
      <c r="E3748" t="s">
        <v>32087</v>
      </c>
      <c r="F3748">
        <v>3</v>
      </c>
      <c r="G3748" t="s">
        <v>762</v>
      </c>
      <c r="H3748" t="s">
        <v>6983</v>
      </c>
      <c r="I3748" t="s">
        <v>30540</v>
      </c>
    </row>
    <row r="3749" spans="1:9">
      <c r="A3749" s="1">
        <v>0.26110423666197813</v>
      </c>
      <c r="B3749" s="1"/>
      <c r="C3749">
        <v>3</v>
      </c>
      <c r="D3749" t="s">
        <v>6966</v>
      </c>
      <c r="E3749" t="s">
        <v>32088</v>
      </c>
      <c r="F3749">
        <v>4</v>
      </c>
      <c r="G3749" t="s">
        <v>769</v>
      </c>
      <c r="H3749" t="s">
        <v>6967</v>
      </c>
      <c r="I3749" t="s">
        <v>30540</v>
      </c>
    </row>
    <row r="3750" spans="1:9">
      <c r="A3750" s="1">
        <v>0.15730722450147827</v>
      </c>
      <c r="B3750" s="1"/>
      <c r="C3750">
        <v>11</v>
      </c>
      <c r="D3750" t="s">
        <v>6968</v>
      </c>
      <c r="E3750" t="s">
        <v>32088</v>
      </c>
      <c r="F3750">
        <v>4</v>
      </c>
      <c r="G3750" t="s">
        <v>765</v>
      </c>
      <c r="H3750" t="s">
        <v>6969</v>
      </c>
      <c r="I3750" t="s">
        <v>30540</v>
      </c>
    </row>
    <row r="3751" spans="1:9">
      <c r="A3751" s="1">
        <v>4.0120915923782974E-2</v>
      </c>
      <c r="B3751" s="1"/>
      <c r="C3751">
        <v>20</v>
      </c>
      <c r="D3751" t="s">
        <v>6970</v>
      </c>
      <c r="E3751" t="s">
        <v>32088</v>
      </c>
      <c r="F3751">
        <v>4</v>
      </c>
      <c r="G3751" t="s">
        <v>0</v>
      </c>
      <c r="H3751" t="s">
        <v>6971</v>
      </c>
      <c r="I3751" t="s">
        <v>30540</v>
      </c>
    </row>
    <row r="3752" spans="1:9">
      <c r="A3752" s="1">
        <v>0.57968253902512212</v>
      </c>
      <c r="B3752" s="1"/>
      <c r="C3752">
        <v>10</v>
      </c>
      <c r="D3752" t="s">
        <v>6956</v>
      </c>
      <c r="E3752" t="s">
        <v>32089</v>
      </c>
      <c r="F3752">
        <v>5</v>
      </c>
      <c r="G3752" t="s">
        <v>0</v>
      </c>
      <c r="H3752" t="s">
        <v>6957</v>
      </c>
      <c r="I3752" t="s">
        <v>30540</v>
      </c>
    </row>
    <row r="3753" spans="1:9">
      <c r="A3753" s="1">
        <v>0.54126656252801841</v>
      </c>
      <c r="B3753" s="1"/>
      <c r="C3753">
        <v>9</v>
      </c>
      <c r="D3753" t="s">
        <v>6954</v>
      </c>
      <c r="E3753" t="s">
        <v>32089</v>
      </c>
      <c r="F3753">
        <v>5</v>
      </c>
      <c r="G3753" t="s">
        <v>0</v>
      </c>
      <c r="H3753" t="s">
        <v>6955</v>
      </c>
      <c r="I3753" t="s">
        <v>30540</v>
      </c>
    </row>
    <row r="3754" spans="1:9">
      <c r="A3754" s="1">
        <v>0.16018725733086059</v>
      </c>
      <c r="B3754" s="1"/>
      <c r="C3754">
        <v>16</v>
      </c>
      <c r="D3754" t="s">
        <v>6962</v>
      </c>
      <c r="E3754" t="s">
        <v>32089</v>
      </c>
      <c r="F3754">
        <v>4</v>
      </c>
      <c r="G3754" t="s">
        <v>9</v>
      </c>
      <c r="H3754" t="s">
        <v>6963</v>
      </c>
      <c r="I3754" t="s">
        <v>30540</v>
      </c>
    </row>
    <row r="3755" spans="1:9">
      <c r="A3755" s="1">
        <v>0.7813708331277941</v>
      </c>
      <c r="B3755" s="1"/>
      <c r="C3755">
        <v>18</v>
      </c>
      <c r="D3755" t="s">
        <v>6964</v>
      </c>
      <c r="E3755" t="s">
        <v>32089</v>
      </c>
      <c r="F3755">
        <v>4</v>
      </c>
      <c r="G3755" t="s">
        <v>0</v>
      </c>
      <c r="H3755" t="s">
        <v>6965</v>
      </c>
      <c r="I3755" t="s">
        <v>30540</v>
      </c>
    </row>
    <row r="3756" spans="1:9">
      <c r="A3756" s="1">
        <v>0.46096528440295825</v>
      </c>
      <c r="B3756" s="1"/>
      <c r="C3756">
        <v>12</v>
      </c>
      <c r="D3756" t="s">
        <v>6958</v>
      </c>
      <c r="E3756" t="s">
        <v>32089</v>
      </c>
      <c r="F3756">
        <v>4</v>
      </c>
      <c r="G3756" t="s">
        <v>0</v>
      </c>
      <c r="H3756" t="s">
        <v>6959</v>
      </c>
      <c r="I3756" t="s">
        <v>30540</v>
      </c>
    </row>
    <row r="3757" spans="1:9">
      <c r="A3757" s="1">
        <v>0.83781790232767828</v>
      </c>
      <c r="B3757" s="1"/>
      <c r="C3757">
        <v>13</v>
      </c>
      <c r="D3757" t="s">
        <v>6960</v>
      </c>
      <c r="E3757" t="s">
        <v>32089</v>
      </c>
      <c r="F3757">
        <v>4</v>
      </c>
      <c r="G3757" t="s">
        <v>0</v>
      </c>
      <c r="H3757" t="s">
        <v>6961</v>
      </c>
      <c r="I3757" t="s">
        <v>30540</v>
      </c>
    </row>
    <row r="3758" spans="1:9">
      <c r="A3758" s="1">
        <v>0.4532312842241919</v>
      </c>
      <c r="B3758" s="1"/>
      <c r="C3758">
        <v>14</v>
      </c>
      <c r="D3758" t="s">
        <v>6952</v>
      </c>
      <c r="E3758" t="s">
        <v>32090</v>
      </c>
      <c r="F3758">
        <v>4</v>
      </c>
      <c r="G3758" t="s">
        <v>0</v>
      </c>
      <c r="H3758" t="s">
        <v>6953</v>
      </c>
      <c r="I3758" t="s">
        <v>30540</v>
      </c>
    </row>
    <row r="3759" spans="1:9">
      <c r="A3759" s="1">
        <v>0.13280110449237703</v>
      </c>
      <c r="B3759" s="1"/>
      <c r="C3759">
        <v>2</v>
      </c>
      <c r="D3759" t="s">
        <v>6950</v>
      </c>
      <c r="E3759" t="s">
        <v>32090</v>
      </c>
      <c r="F3759">
        <v>4</v>
      </c>
      <c r="G3759" t="s">
        <v>774</v>
      </c>
      <c r="H3759" t="s">
        <v>6951</v>
      </c>
      <c r="I3759" t="s">
        <v>30540</v>
      </c>
    </row>
    <row r="3760" spans="1:9">
      <c r="A3760" s="1">
        <v>0.69392901891985337</v>
      </c>
      <c r="B3760" s="1"/>
      <c r="C3760">
        <v>11</v>
      </c>
      <c r="D3760" t="s">
        <v>6942</v>
      </c>
      <c r="E3760" t="s">
        <v>32091</v>
      </c>
      <c r="F3760">
        <v>5</v>
      </c>
      <c r="G3760" t="s">
        <v>1</v>
      </c>
      <c r="H3760" t="s">
        <v>6943</v>
      </c>
      <c r="I3760" t="s">
        <v>30540</v>
      </c>
    </row>
    <row r="3761" spans="1:9">
      <c r="A3761" s="1">
        <v>0.22882429986403052</v>
      </c>
      <c r="B3761" s="1"/>
      <c r="C3761">
        <v>20</v>
      </c>
      <c r="D3761" t="s">
        <v>6946</v>
      </c>
      <c r="E3761" t="s">
        <v>32091</v>
      </c>
      <c r="F3761">
        <v>4</v>
      </c>
      <c r="G3761" t="s">
        <v>0</v>
      </c>
      <c r="H3761" t="s">
        <v>6947</v>
      </c>
      <c r="I3761" t="s">
        <v>30540</v>
      </c>
    </row>
    <row r="3762" spans="1:9">
      <c r="A3762" s="1">
        <v>0.75504121985872075</v>
      </c>
      <c r="B3762" s="1"/>
      <c r="C3762">
        <v>2</v>
      </c>
      <c r="D3762" t="s">
        <v>6940</v>
      </c>
      <c r="E3762" t="s">
        <v>32091</v>
      </c>
      <c r="F3762">
        <v>4</v>
      </c>
      <c r="G3762" t="s">
        <v>0</v>
      </c>
      <c r="H3762" t="s">
        <v>6941</v>
      </c>
      <c r="I3762" t="s">
        <v>30540</v>
      </c>
    </row>
    <row r="3763" spans="1:9">
      <c r="A3763" s="1">
        <v>0.74467900039884749</v>
      </c>
      <c r="B3763" s="1"/>
      <c r="C3763">
        <v>14</v>
      </c>
      <c r="D3763" t="s">
        <v>6932</v>
      </c>
      <c r="E3763" t="s">
        <v>32092</v>
      </c>
      <c r="F3763">
        <v>5</v>
      </c>
      <c r="G3763" t="s">
        <v>770</v>
      </c>
      <c r="H3763" t="s">
        <v>6933</v>
      </c>
      <c r="I3763" t="s">
        <v>30540</v>
      </c>
    </row>
    <row r="3764" spans="1:9">
      <c r="A3764" s="1">
        <v>0.1234041615015905</v>
      </c>
      <c r="B3764" s="1"/>
      <c r="C3764">
        <v>10</v>
      </c>
      <c r="D3764" t="s">
        <v>6928</v>
      </c>
      <c r="E3764" t="s">
        <v>32092</v>
      </c>
      <c r="F3764">
        <v>4</v>
      </c>
      <c r="G3764" t="s">
        <v>765</v>
      </c>
      <c r="H3764" t="s">
        <v>6929</v>
      </c>
      <c r="I3764" t="s">
        <v>30540</v>
      </c>
    </row>
    <row r="3765" spans="1:9">
      <c r="A3765" s="1">
        <v>0.1535933015249592</v>
      </c>
      <c r="B3765" s="1"/>
      <c r="C3765">
        <v>6</v>
      </c>
      <c r="D3765" t="s">
        <v>6926</v>
      </c>
      <c r="E3765" t="s">
        <v>32092</v>
      </c>
      <c r="F3765">
        <v>4</v>
      </c>
      <c r="G3765" t="s">
        <v>771</v>
      </c>
      <c r="H3765" t="s">
        <v>6927</v>
      </c>
      <c r="I3765" t="s">
        <v>30540</v>
      </c>
    </row>
    <row r="3766" spans="1:9">
      <c r="A3766" s="1">
        <v>0.77499595193257753</v>
      </c>
      <c r="B3766" s="1"/>
      <c r="C3766">
        <v>11</v>
      </c>
      <c r="D3766" t="s">
        <v>6930</v>
      </c>
      <c r="E3766" t="s">
        <v>32092</v>
      </c>
      <c r="F3766">
        <v>4</v>
      </c>
      <c r="G3766" t="s">
        <v>0</v>
      </c>
      <c r="H3766" t="s">
        <v>6931</v>
      </c>
      <c r="I3766" t="s">
        <v>30540</v>
      </c>
    </row>
    <row r="3767" spans="1:9">
      <c r="A3767" s="1">
        <v>9.0904187276135695E-2</v>
      </c>
      <c r="B3767" s="1"/>
      <c r="C3767">
        <v>19</v>
      </c>
      <c r="D3767" t="s">
        <v>6936</v>
      </c>
      <c r="E3767" t="s">
        <v>32092</v>
      </c>
      <c r="F3767">
        <v>4</v>
      </c>
      <c r="G3767" t="s">
        <v>0</v>
      </c>
      <c r="H3767" t="s">
        <v>6937</v>
      </c>
      <c r="I3767" t="s">
        <v>30540</v>
      </c>
    </row>
    <row r="3768" spans="1:9">
      <c r="A3768" s="1">
        <v>0.8823908823866945</v>
      </c>
      <c r="B3768" s="1"/>
      <c r="C3768">
        <v>17</v>
      </c>
      <c r="D3768" t="s">
        <v>6934</v>
      </c>
      <c r="E3768" t="s">
        <v>32092</v>
      </c>
      <c r="F3768">
        <v>4</v>
      </c>
      <c r="G3768" t="s">
        <v>774</v>
      </c>
      <c r="H3768" t="s">
        <v>6935</v>
      </c>
      <c r="I3768" t="s">
        <v>30540</v>
      </c>
    </row>
    <row r="3769" spans="1:9">
      <c r="A3769" s="1">
        <v>0.51629047841141307</v>
      </c>
      <c r="B3769" s="1"/>
      <c r="C3769">
        <v>20</v>
      </c>
      <c r="D3769" t="s">
        <v>6938</v>
      </c>
      <c r="E3769" t="s">
        <v>32092</v>
      </c>
      <c r="F3769">
        <v>4</v>
      </c>
      <c r="G3769" t="s">
        <v>9</v>
      </c>
      <c r="H3769" t="s">
        <v>6939</v>
      </c>
      <c r="I3769" t="s">
        <v>30540</v>
      </c>
    </row>
    <row r="3770" spans="1:9">
      <c r="A3770" s="1">
        <v>0.9980370450134266</v>
      </c>
      <c r="B3770" s="1"/>
      <c r="C3770">
        <v>19</v>
      </c>
      <c r="D3770" t="s">
        <v>6924</v>
      </c>
      <c r="E3770" t="s">
        <v>32093</v>
      </c>
      <c r="F3770">
        <v>5</v>
      </c>
      <c r="G3770" t="s">
        <v>1</v>
      </c>
      <c r="H3770" t="s">
        <v>6925</v>
      </c>
      <c r="I3770" t="s">
        <v>30540</v>
      </c>
    </row>
    <row r="3771" spans="1:9">
      <c r="A3771" s="1">
        <v>0.5412473638901999</v>
      </c>
      <c r="B3771" s="1"/>
      <c r="C3771">
        <v>8</v>
      </c>
      <c r="D3771" t="s">
        <v>6920</v>
      </c>
      <c r="E3771" t="s">
        <v>32093</v>
      </c>
      <c r="F3771">
        <v>4</v>
      </c>
      <c r="G3771" t="s">
        <v>770</v>
      </c>
      <c r="H3771" t="s">
        <v>6921</v>
      </c>
      <c r="I3771" t="s">
        <v>30540</v>
      </c>
    </row>
    <row r="3772" spans="1:9">
      <c r="A3772" s="1">
        <v>0.45241172144232111</v>
      </c>
      <c r="B3772" s="1"/>
      <c r="C3772">
        <v>11</v>
      </c>
      <c r="D3772" t="s">
        <v>6922</v>
      </c>
      <c r="E3772" t="s">
        <v>32093</v>
      </c>
      <c r="F3772">
        <v>4</v>
      </c>
      <c r="G3772" t="s">
        <v>765</v>
      </c>
      <c r="H3772" t="s">
        <v>6923</v>
      </c>
      <c r="I3772" t="s">
        <v>30540</v>
      </c>
    </row>
    <row r="3773" spans="1:9">
      <c r="A3773" s="1">
        <v>0.6134817740890709</v>
      </c>
      <c r="B3773" s="1"/>
      <c r="C3773">
        <v>3</v>
      </c>
      <c r="D3773" t="s">
        <v>6914</v>
      </c>
      <c r="E3773" t="s">
        <v>32094</v>
      </c>
      <c r="F3773">
        <v>5</v>
      </c>
      <c r="G3773" t="s">
        <v>0</v>
      </c>
      <c r="H3773" t="s">
        <v>6915</v>
      </c>
      <c r="I3773" t="s">
        <v>30540</v>
      </c>
    </row>
    <row r="3774" spans="1:9">
      <c r="A3774" s="1">
        <v>0.73649204821672209</v>
      </c>
      <c r="B3774" s="1"/>
      <c r="C3774">
        <v>7</v>
      </c>
      <c r="D3774" t="s">
        <v>6916</v>
      </c>
      <c r="E3774" t="s">
        <v>32094</v>
      </c>
      <c r="F3774">
        <v>4</v>
      </c>
      <c r="G3774" t="s">
        <v>0</v>
      </c>
      <c r="H3774" t="s">
        <v>6917</v>
      </c>
      <c r="I3774" t="s">
        <v>30540</v>
      </c>
    </row>
    <row r="3775" spans="1:9">
      <c r="A3775" s="1">
        <v>0.45579188917076385</v>
      </c>
      <c r="B3775" s="1"/>
      <c r="C3775">
        <v>15</v>
      </c>
      <c r="D3775" t="s">
        <v>6918</v>
      </c>
      <c r="E3775" t="s">
        <v>32094</v>
      </c>
      <c r="F3775">
        <v>4</v>
      </c>
      <c r="G3775" t="s">
        <v>0</v>
      </c>
      <c r="H3775" t="s">
        <v>6919</v>
      </c>
      <c r="I3775" t="s">
        <v>30540</v>
      </c>
    </row>
    <row r="3776" spans="1:9">
      <c r="A3776" s="1">
        <v>0.48962485165583602</v>
      </c>
      <c r="B3776" s="1"/>
      <c r="C3776">
        <v>11</v>
      </c>
      <c r="D3776" t="s">
        <v>6910</v>
      </c>
      <c r="E3776" t="s">
        <v>32095</v>
      </c>
      <c r="F3776">
        <v>5</v>
      </c>
      <c r="G3776" t="s">
        <v>0</v>
      </c>
      <c r="H3776" t="s">
        <v>6911</v>
      </c>
      <c r="I3776" t="s">
        <v>30540</v>
      </c>
    </row>
    <row r="3777" spans="1:9">
      <c r="A3777" s="1">
        <v>0.37314749335177877</v>
      </c>
      <c r="B3777" s="1"/>
      <c r="C3777">
        <v>12</v>
      </c>
      <c r="D3777" t="s">
        <v>6912</v>
      </c>
      <c r="E3777" t="s">
        <v>32095</v>
      </c>
      <c r="F3777">
        <v>4</v>
      </c>
      <c r="G3777" t="s">
        <v>15</v>
      </c>
      <c r="H3777" t="s">
        <v>6913</v>
      </c>
      <c r="I3777" t="s">
        <v>30540</v>
      </c>
    </row>
    <row r="3778" spans="1:9">
      <c r="A3778" s="1">
        <v>0.58355342181152015</v>
      </c>
      <c r="B3778" s="1"/>
      <c r="C3778">
        <v>6</v>
      </c>
      <c r="D3778" t="s">
        <v>6908</v>
      </c>
      <c r="E3778" t="s">
        <v>32096</v>
      </c>
      <c r="F3778">
        <v>4</v>
      </c>
      <c r="G3778" t="s">
        <v>15</v>
      </c>
      <c r="H3778" t="s">
        <v>6909</v>
      </c>
      <c r="I3778" t="s">
        <v>30540</v>
      </c>
    </row>
    <row r="3779" spans="1:9">
      <c r="A3779" s="1">
        <v>0.40829010599999804</v>
      </c>
      <c r="B3779" s="1"/>
      <c r="C3779">
        <v>1</v>
      </c>
      <c r="D3779" t="s">
        <v>6904</v>
      </c>
      <c r="E3779" t="s">
        <v>32096</v>
      </c>
      <c r="F3779">
        <v>3</v>
      </c>
      <c r="G3779" t="s">
        <v>0</v>
      </c>
      <c r="H3779" t="s">
        <v>6905</v>
      </c>
      <c r="I3779" t="s">
        <v>30540</v>
      </c>
    </row>
    <row r="3780" spans="1:9">
      <c r="A3780" s="1">
        <v>0.42864534438417468</v>
      </c>
      <c r="B3780" s="1"/>
      <c r="C3780">
        <v>5</v>
      </c>
      <c r="D3780" t="s">
        <v>6906</v>
      </c>
      <c r="E3780" t="s">
        <v>32096</v>
      </c>
      <c r="F3780">
        <v>3</v>
      </c>
      <c r="G3780" t="s">
        <v>0</v>
      </c>
      <c r="H3780" t="s">
        <v>6907</v>
      </c>
      <c r="I3780" t="s">
        <v>30540</v>
      </c>
    </row>
    <row r="3781" spans="1:9">
      <c r="A3781" s="1">
        <v>0.87172126334572919</v>
      </c>
      <c r="B3781" s="1"/>
      <c r="C3781">
        <v>2</v>
      </c>
      <c r="D3781" t="s">
        <v>6902</v>
      </c>
      <c r="E3781" t="s">
        <v>32097</v>
      </c>
      <c r="F3781">
        <v>4</v>
      </c>
      <c r="G3781" t="s">
        <v>762</v>
      </c>
      <c r="H3781" t="s">
        <v>6903</v>
      </c>
      <c r="I3781" t="s">
        <v>30540</v>
      </c>
    </row>
    <row r="3782" spans="1:9">
      <c r="A3782" s="1">
        <v>0.69472440401176105</v>
      </c>
      <c r="B3782" s="1"/>
      <c r="C3782">
        <v>7</v>
      </c>
      <c r="D3782" t="s">
        <v>6898</v>
      </c>
      <c r="E3782" t="s">
        <v>32098</v>
      </c>
      <c r="F3782">
        <v>5</v>
      </c>
      <c r="G3782" t="s">
        <v>15</v>
      </c>
      <c r="H3782" t="s">
        <v>6899</v>
      </c>
      <c r="I3782" t="s">
        <v>30540</v>
      </c>
    </row>
    <row r="3783" spans="1:9">
      <c r="A3783" s="1">
        <v>0.81712351209638134</v>
      </c>
      <c r="B3783" s="1"/>
      <c r="C3783">
        <v>11</v>
      </c>
      <c r="D3783" t="s">
        <v>6900</v>
      </c>
      <c r="E3783" t="s">
        <v>32098</v>
      </c>
      <c r="F3783">
        <v>4</v>
      </c>
      <c r="G3783" t="s">
        <v>0</v>
      </c>
      <c r="H3783" t="s">
        <v>6901</v>
      </c>
      <c r="I3783" t="s">
        <v>30540</v>
      </c>
    </row>
    <row r="3784" spans="1:9">
      <c r="A3784" s="1">
        <v>0.12576870783317751</v>
      </c>
      <c r="B3784" s="1"/>
      <c r="C3784">
        <v>1</v>
      </c>
      <c r="D3784" t="s">
        <v>6888</v>
      </c>
      <c r="E3784" t="s">
        <v>32099</v>
      </c>
      <c r="F3784">
        <v>5</v>
      </c>
      <c r="G3784" t="s">
        <v>2</v>
      </c>
      <c r="H3784" t="s">
        <v>6889</v>
      </c>
      <c r="I3784" t="s">
        <v>30540</v>
      </c>
    </row>
    <row r="3785" spans="1:9">
      <c r="A3785" s="1">
        <v>0.84639248993784288</v>
      </c>
      <c r="B3785" s="1"/>
      <c r="C3785">
        <v>12</v>
      </c>
      <c r="D3785" t="s">
        <v>6892</v>
      </c>
      <c r="E3785" t="s">
        <v>32099</v>
      </c>
      <c r="F3785">
        <v>5</v>
      </c>
      <c r="G3785" t="s">
        <v>0</v>
      </c>
      <c r="H3785" t="s">
        <v>6893</v>
      </c>
      <c r="I3785" t="s">
        <v>30540</v>
      </c>
    </row>
    <row r="3786" spans="1:9">
      <c r="A3786" s="1">
        <v>0.82001402594594708</v>
      </c>
      <c r="B3786" s="1"/>
      <c r="C3786">
        <v>13</v>
      </c>
      <c r="D3786" t="s">
        <v>6894</v>
      </c>
      <c r="E3786" t="s">
        <v>32099</v>
      </c>
      <c r="F3786">
        <v>4</v>
      </c>
      <c r="G3786" t="s">
        <v>0</v>
      </c>
      <c r="H3786" t="s">
        <v>6895</v>
      </c>
      <c r="I3786" t="s">
        <v>30540</v>
      </c>
    </row>
    <row r="3787" spans="1:9">
      <c r="A3787" s="1">
        <v>0.55122791177926844</v>
      </c>
      <c r="B3787" s="1"/>
      <c r="C3787">
        <v>7</v>
      </c>
      <c r="D3787" t="s">
        <v>6890</v>
      </c>
      <c r="E3787" t="s">
        <v>32099</v>
      </c>
      <c r="F3787">
        <v>3</v>
      </c>
      <c r="G3787" t="s">
        <v>0</v>
      </c>
      <c r="H3787" t="s">
        <v>6891</v>
      </c>
      <c r="I3787" t="s">
        <v>30540</v>
      </c>
    </row>
    <row r="3788" spans="1:9">
      <c r="A3788" s="1">
        <v>0.62639311046119772</v>
      </c>
      <c r="B3788" s="1"/>
      <c r="C3788">
        <v>8</v>
      </c>
      <c r="D3788" t="s">
        <v>6876</v>
      </c>
      <c r="E3788" t="s">
        <v>32100</v>
      </c>
      <c r="F3788">
        <v>4</v>
      </c>
      <c r="G3788" t="s">
        <v>1</v>
      </c>
      <c r="H3788" t="s">
        <v>6877</v>
      </c>
      <c r="I3788" t="s">
        <v>30540</v>
      </c>
    </row>
    <row r="3789" spans="1:9">
      <c r="A3789" s="1">
        <v>0.41243408288890004</v>
      </c>
      <c r="B3789" s="1"/>
      <c r="C3789">
        <v>20</v>
      </c>
      <c r="D3789" t="s">
        <v>6886</v>
      </c>
      <c r="E3789" t="s">
        <v>32100</v>
      </c>
      <c r="F3789">
        <v>4</v>
      </c>
      <c r="G3789" t="s">
        <v>0</v>
      </c>
      <c r="H3789" t="s">
        <v>6887</v>
      </c>
      <c r="I3789" t="s">
        <v>30540</v>
      </c>
    </row>
    <row r="3790" spans="1:9">
      <c r="A3790" s="1">
        <v>0.78526600624336762</v>
      </c>
      <c r="B3790" s="1"/>
      <c r="C3790">
        <v>2</v>
      </c>
      <c r="D3790" t="s">
        <v>6874</v>
      </c>
      <c r="E3790" t="s">
        <v>32100</v>
      </c>
      <c r="F3790">
        <v>3</v>
      </c>
      <c r="G3790" t="s">
        <v>774</v>
      </c>
      <c r="H3790" t="s">
        <v>6875</v>
      </c>
      <c r="I3790" t="s">
        <v>30540</v>
      </c>
    </row>
    <row r="3791" spans="1:9">
      <c r="A3791" s="1">
        <v>0.64270715797435451</v>
      </c>
      <c r="B3791" s="1"/>
      <c r="C3791">
        <v>3</v>
      </c>
      <c r="D3791" t="s">
        <v>6864</v>
      </c>
      <c r="E3791" t="s">
        <v>32101</v>
      </c>
      <c r="F3791">
        <v>5</v>
      </c>
      <c r="G3791" t="s">
        <v>0</v>
      </c>
      <c r="H3791" t="s">
        <v>6865</v>
      </c>
      <c r="I3791" t="s">
        <v>30540</v>
      </c>
    </row>
    <row r="3792" spans="1:9">
      <c r="A3792" s="1">
        <v>0.65229301387688399</v>
      </c>
      <c r="B3792" s="1"/>
      <c r="C3792">
        <v>6</v>
      </c>
      <c r="D3792" t="s">
        <v>6866</v>
      </c>
      <c r="E3792" t="s">
        <v>32101</v>
      </c>
      <c r="F3792">
        <v>5</v>
      </c>
      <c r="G3792" t="s">
        <v>10</v>
      </c>
      <c r="H3792" t="s">
        <v>6867</v>
      </c>
      <c r="I3792" t="s">
        <v>30540</v>
      </c>
    </row>
    <row r="3793" spans="1:9">
      <c r="A3793" s="1">
        <v>0.40656477982193739</v>
      </c>
      <c r="B3793" s="1"/>
      <c r="C3793">
        <v>10</v>
      </c>
      <c r="D3793" t="s">
        <v>6868</v>
      </c>
      <c r="E3793" t="s">
        <v>32101</v>
      </c>
      <c r="F3793">
        <v>5</v>
      </c>
      <c r="G3793" t="s">
        <v>0</v>
      </c>
      <c r="H3793" t="s">
        <v>6869</v>
      </c>
      <c r="I3793" t="s">
        <v>30540</v>
      </c>
    </row>
    <row r="3794" spans="1:9">
      <c r="A3794" s="1">
        <v>0.83294854779654848</v>
      </c>
      <c r="B3794" s="1"/>
      <c r="C3794">
        <v>14</v>
      </c>
      <c r="D3794" t="s">
        <v>6872</v>
      </c>
      <c r="E3794" t="s">
        <v>32101</v>
      </c>
      <c r="F3794">
        <v>5</v>
      </c>
      <c r="G3794" t="s">
        <v>0</v>
      </c>
      <c r="H3794" t="s">
        <v>6873</v>
      </c>
      <c r="I3794" t="s">
        <v>30540</v>
      </c>
    </row>
    <row r="3795" spans="1:9">
      <c r="A3795" s="1">
        <v>0.79886871422268568</v>
      </c>
      <c r="B3795" s="1"/>
      <c r="C3795">
        <v>11</v>
      </c>
      <c r="D3795" t="s">
        <v>6870</v>
      </c>
      <c r="E3795" t="s">
        <v>32101</v>
      </c>
      <c r="F3795">
        <v>4</v>
      </c>
      <c r="G3795" t="s">
        <v>0</v>
      </c>
      <c r="H3795" t="s">
        <v>6871</v>
      </c>
      <c r="I3795" t="s">
        <v>30540</v>
      </c>
    </row>
    <row r="3796" spans="1:9">
      <c r="A3796" s="1">
        <v>5.3219433087038359E-3</v>
      </c>
      <c r="B3796" s="1"/>
      <c r="C3796">
        <v>10</v>
      </c>
      <c r="D3796" t="s">
        <v>6856</v>
      </c>
      <c r="E3796" t="s">
        <v>32102</v>
      </c>
      <c r="F3796">
        <v>4</v>
      </c>
      <c r="G3796" t="s">
        <v>9</v>
      </c>
      <c r="H3796" t="s">
        <v>6857</v>
      </c>
      <c r="I3796" t="s">
        <v>30540</v>
      </c>
    </row>
    <row r="3797" spans="1:9">
      <c r="A3797" s="1">
        <v>9.9916512422301595E-2</v>
      </c>
      <c r="B3797" s="1"/>
      <c r="C3797">
        <v>3</v>
      </c>
      <c r="D3797" t="s">
        <v>6854</v>
      </c>
      <c r="E3797" t="s">
        <v>32102</v>
      </c>
      <c r="F3797">
        <v>4</v>
      </c>
      <c r="G3797" t="s">
        <v>762</v>
      </c>
      <c r="H3797" t="s">
        <v>6855</v>
      </c>
      <c r="I3797" t="s">
        <v>30540</v>
      </c>
    </row>
    <row r="3798" spans="1:9">
      <c r="A3798" s="1">
        <v>0.1632113816071088</v>
      </c>
      <c r="B3798" s="1"/>
      <c r="C3798">
        <v>19</v>
      </c>
      <c r="D3798" t="s">
        <v>6862</v>
      </c>
      <c r="E3798" t="s">
        <v>32102</v>
      </c>
      <c r="F3798">
        <v>4</v>
      </c>
      <c r="G3798" t="s">
        <v>15</v>
      </c>
      <c r="H3798" t="s">
        <v>6863</v>
      </c>
      <c r="I3798" t="s">
        <v>30540</v>
      </c>
    </row>
    <row r="3799" spans="1:9">
      <c r="A3799" s="1">
        <v>5.7064331387347567E-2</v>
      </c>
      <c r="B3799" s="1"/>
      <c r="C3799">
        <v>13</v>
      </c>
      <c r="D3799" t="s">
        <v>6858</v>
      </c>
      <c r="E3799" t="s">
        <v>32102</v>
      </c>
      <c r="F3799">
        <v>4</v>
      </c>
      <c r="G3799" t="s">
        <v>0</v>
      </c>
      <c r="H3799" t="s">
        <v>6859</v>
      </c>
      <c r="I3799" t="s">
        <v>30540</v>
      </c>
    </row>
    <row r="3800" spans="1:9">
      <c r="A3800" s="1">
        <v>0.60009704612619519</v>
      </c>
      <c r="B3800" s="1"/>
      <c r="C3800">
        <v>20</v>
      </c>
      <c r="D3800" t="s">
        <v>6852</v>
      </c>
      <c r="E3800" t="s">
        <v>32103</v>
      </c>
      <c r="F3800">
        <v>5</v>
      </c>
      <c r="G3800" t="s">
        <v>0</v>
      </c>
      <c r="H3800" t="s">
        <v>6853</v>
      </c>
      <c r="I3800" t="s">
        <v>30540</v>
      </c>
    </row>
    <row r="3801" spans="1:9">
      <c r="A3801" s="1">
        <v>0.86879185020635796</v>
      </c>
      <c r="B3801" s="1"/>
      <c r="C3801">
        <v>16</v>
      </c>
      <c r="D3801" t="s">
        <v>6850</v>
      </c>
      <c r="E3801" t="s">
        <v>32103</v>
      </c>
      <c r="F3801">
        <v>4</v>
      </c>
      <c r="G3801" t="s">
        <v>765</v>
      </c>
      <c r="H3801" t="s">
        <v>6851</v>
      </c>
      <c r="I3801" t="s">
        <v>30540</v>
      </c>
    </row>
    <row r="3802" spans="1:9">
      <c r="A3802" s="1">
        <v>0.77536260617887709</v>
      </c>
      <c r="B3802" s="1"/>
      <c r="C3802">
        <v>13</v>
      </c>
      <c r="D3802" t="s">
        <v>6848</v>
      </c>
      <c r="E3802" t="s">
        <v>32103</v>
      </c>
      <c r="F3802">
        <v>4</v>
      </c>
      <c r="G3802" t="s">
        <v>770</v>
      </c>
      <c r="H3802" t="s">
        <v>6849</v>
      </c>
      <c r="I3802" t="s">
        <v>30540</v>
      </c>
    </row>
    <row r="3803" spans="1:9">
      <c r="A3803" s="1">
        <v>7.1964040997958167E-2</v>
      </c>
      <c r="B3803" s="1"/>
      <c r="C3803">
        <v>7</v>
      </c>
      <c r="D3803" t="s">
        <v>6838</v>
      </c>
      <c r="E3803" t="s">
        <v>32104</v>
      </c>
      <c r="F3803">
        <v>5</v>
      </c>
      <c r="G3803" t="s">
        <v>0</v>
      </c>
      <c r="H3803" t="s">
        <v>6839</v>
      </c>
      <c r="I3803" t="s">
        <v>30540</v>
      </c>
    </row>
    <row r="3804" spans="1:9">
      <c r="A3804" s="1">
        <v>0.92340243458240356</v>
      </c>
      <c r="B3804" s="1"/>
      <c r="C3804">
        <v>12</v>
      </c>
      <c r="D3804" t="s">
        <v>6844</v>
      </c>
      <c r="E3804" t="s">
        <v>32104</v>
      </c>
      <c r="F3804">
        <v>4</v>
      </c>
      <c r="G3804" t="s">
        <v>9</v>
      </c>
      <c r="H3804" t="s">
        <v>6845</v>
      </c>
      <c r="I3804" t="s">
        <v>30540</v>
      </c>
    </row>
    <row r="3805" spans="1:9">
      <c r="A3805" s="1">
        <v>0.57494986030371631</v>
      </c>
      <c r="B3805" s="1"/>
      <c r="C3805">
        <v>15</v>
      </c>
      <c r="D3805" t="s">
        <v>6834</v>
      </c>
      <c r="E3805" t="s">
        <v>32105</v>
      </c>
      <c r="F3805">
        <v>4</v>
      </c>
      <c r="G3805" t="s">
        <v>762</v>
      </c>
      <c r="H3805" t="s">
        <v>6835</v>
      </c>
      <c r="I3805" t="s">
        <v>30540</v>
      </c>
    </row>
    <row r="3806" spans="1:9">
      <c r="A3806" s="1">
        <v>0.95803573058741198</v>
      </c>
      <c r="B3806" s="1"/>
      <c r="C3806">
        <v>18</v>
      </c>
      <c r="D3806" t="s">
        <v>6836</v>
      </c>
      <c r="E3806" t="s">
        <v>32105</v>
      </c>
      <c r="F3806">
        <v>4</v>
      </c>
      <c r="G3806" t="s">
        <v>0</v>
      </c>
      <c r="H3806" t="s">
        <v>6837</v>
      </c>
      <c r="I3806" t="s">
        <v>30540</v>
      </c>
    </row>
    <row r="3807" spans="1:9">
      <c r="A3807" s="1">
        <v>0.73906343058774793</v>
      </c>
      <c r="B3807" s="1"/>
      <c r="C3807">
        <v>8</v>
      </c>
      <c r="D3807" t="s">
        <v>6820</v>
      </c>
      <c r="E3807" t="s">
        <v>32106</v>
      </c>
      <c r="F3807">
        <v>4</v>
      </c>
      <c r="G3807" t="s">
        <v>1</v>
      </c>
      <c r="H3807" t="s">
        <v>6821</v>
      </c>
      <c r="I3807" t="s">
        <v>30540</v>
      </c>
    </row>
    <row r="3808" spans="1:9">
      <c r="A3808" s="1">
        <v>0.71057779249762376</v>
      </c>
      <c r="B3808" s="1"/>
      <c r="C3808">
        <v>15</v>
      </c>
      <c r="D3808" t="s">
        <v>6828</v>
      </c>
      <c r="E3808" t="s">
        <v>32106</v>
      </c>
      <c r="F3808">
        <v>4</v>
      </c>
      <c r="G3808" t="s">
        <v>0</v>
      </c>
      <c r="H3808" t="s">
        <v>6829</v>
      </c>
      <c r="I3808" t="s">
        <v>30540</v>
      </c>
    </row>
    <row r="3809" spans="1:9">
      <c r="A3809" s="1">
        <v>0.79640099075484938</v>
      </c>
      <c r="B3809" s="1"/>
      <c r="C3809">
        <v>12</v>
      </c>
      <c r="D3809" t="s">
        <v>6824</v>
      </c>
      <c r="E3809" t="s">
        <v>32106</v>
      </c>
      <c r="F3809">
        <v>4</v>
      </c>
      <c r="G3809" t="s">
        <v>0</v>
      </c>
      <c r="H3809" t="s">
        <v>6825</v>
      </c>
      <c r="I3809" t="s">
        <v>30540</v>
      </c>
    </row>
    <row r="3810" spans="1:9">
      <c r="A3810" s="1">
        <v>1.9965443147381912E-2</v>
      </c>
      <c r="B3810" s="1"/>
      <c r="C3810">
        <v>6</v>
      </c>
      <c r="D3810" t="s">
        <v>6818</v>
      </c>
      <c r="E3810" t="s">
        <v>32106</v>
      </c>
      <c r="F3810">
        <v>4</v>
      </c>
      <c r="G3810" t="s">
        <v>14</v>
      </c>
      <c r="H3810" t="s">
        <v>6819</v>
      </c>
      <c r="I3810" t="s">
        <v>30540</v>
      </c>
    </row>
    <row r="3811" spans="1:9">
      <c r="A3811" s="1">
        <v>0.27662068410640273</v>
      </c>
      <c r="B3811" s="1"/>
      <c r="C3811">
        <v>13</v>
      </c>
      <c r="D3811" t="s">
        <v>6826</v>
      </c>
      <c r="E3811" t="s">
        <v>32106</v>
      </c>
      <c r="F3811">
        <v>4</v>
      </c>
      <c r="G3811" t="s">
        <v>1</v>
      </c>
      <c r="H3811" t="s">
        <v>6827</v>
      </c>
      <c r="I3811" t="s">
        <v>30540</v>
      </c>
    </row>
    <row r="3812" spans="1:9">
      <c r="A3812" s="1">
        <v>0.12268269723847236</v>
      </c>
      <c r="B3812" s="1"/>
      <c r="C3812">
        <v>10</v>
      </c>
      <c r="D3812" t="s">
        <v>6822</v>
      </c>
      <c r="E3812" t="s">
        <v>32106</v>
      </c>
      <c r="F3812">
        <v>4</v>
      </c>
      <c r="G3812" t="s">
        <v>0</v>
      </c>
      <c r="H3812" t="s">
        <v>6823</v>
      </c>
      <c r="I3812" t="s">
        <v>30540</v>
      </c>
    </row>
    <row r="3813" spans="1:9">
      <c r="A3813" s="1">
        <v>0.84232289326861509</v>
      </c>
      <c r="B3813" s="1"/>
      <c r="C3813">
        <v>19</v>
      </c>
      <c r="D3813" t="s">
        <v>6830</v>
      </c>
      <c r="E3813" t="s">
        <v>32106</v>
      </c>
      <c r="F3813">
        <v>3</v>
      </c>
      <c r="G3813" t="s">
        <v>0</v>
      </c>
      <c r="H3813" t="s">
        <v>6831</v>
      </c>
      <c r="I3813" t="s">
        <v>30540</v>
      </c>
    </row>
    <row r="3814" spans="1:9">
      <c r="A3814" s="1">
        <v>0.99206047018523058</v>
      </c>
      <c r="B3814" s="1"/>
      <c r="C3814">
        <v>4</v>
      </c>
      <c r="D3814" t="s">
        <v>6814</v>
      </c>
      <c r="E3814" t="s">
        <v>32107</v>
      </c>
      <c r="F3814">
        <v>5</v>
      </c>
      <c r="G3814" t="s">
        <v>2</v>
      </c>
      <c r="H3814" t="s">
        <v>6815</v>
      </c>
      <c r="I3814" t="s">
        <v>30540</v>
      </c>
    </row>
    <row r="3815" spans="1:9">
      <c r="A3815" s="1">
        <v>0.18082151301178484</v>
      </c>
      <c r="B3815" s="1"/>
      <c r="C3815">
        <v>19</v>
      </c>
      <c r="D3815" t="s">
        <v>6812</v>
      </c>
      <c r="E3815" t="s">
        <v>32108</v>
      </c>
      <c r="F3815">
        <v>5</v>
      </c>
      <c r="G3815" t="s">
        <v>0</v>
      </c>
      <c r="H3815" t="s">
        <v>6813</v>
      </c>
      <c r="I3815" t="s">
        <v>30540</v>
      </c>
    </row>
    <row r="3816" spans="1:9">
      <c r="A3816" s="1">
        <v>0.35225835694379848</v>
      </c>
      <c r="B3816" s="1"/>
      <c r="C3816">
        <v>16</v>
      </c>
      <c r="D3816" t="s">
        <v>6808</v>
      </c>
      <c r="E3816" t="s">
        <v>32109</v>
      </c>
      <c r="F3816">
        <v>5</v>
      </c>
      <c r="G3816" t="s">
        <v>0</v>
      </c>
      <c r="H3816" t="s">
        <v>6809</v>
      </c>
      <c r="I3816" t="s">
        <v>30540</v>
      </c>
    </row>
    <row r="3817" spans="1:9">
      <c r="A3817" s="1">
        <v>0.33983875127325147</v>
      </c>
      <c r="B3817" s="1"/>
      <c r="C3817">
        <v>11</v>
      </c>
      <c r="D3817" t="s">
        <v>6806</v>
      </c>
      <c r="E3817" t="s">
        <v>32109</v>
      </c>
      <c r="F3817">
        <v>5</v>
      </c>
      <c r="G3817" t="s">
        <v>0</v>
      </c>
      <c r="H3817" t="s">
        <v>6807</v>
      </c>
      <c r="I3817" t="s">
        <v>30540</v>
      </c>
    </row>
    <row r="3818" spans="1:9">
      <c r="A3818" s="1">
        <v>0.302693265957799</v>
      </c>
      <c r="B3818" s="1"/>
      <c r="C3818">
        <v>4</v>
      </c>
      <c r="D3818" t="s">
        <v>6796</v>
      </c>
      <c r="E3818" t="s">
        <v>32109</v>
      </c>
      <c r="F3818">
        <v>5</v>
      </c>
      <c r="G3818" t="s">
        <v>0</v>
      </c>
      <c r="H3818" t="s">
        <v>6797</v>
      </c>
      <c r="I3818" t="s">
        <v>30540</v>
      </c>
    </row>
    <row r="3819" spans="1:9">
      <c r="A3819" s="1">
        <v>5.1794507708194382E-2</v>
      </c>
      <c r="B3819" s="1"/>
      <c r="C3819">
        <v>9</v>
      </c>
      <c r="D3819" t="s">
        <v>6802</v>
      </c>
      <c r="E3819" t="s">
        <v>32109</v>
      </c>
      <c r="F3819">
        <v>4</v>
      </c>
      <c r="G3819" t="s">
        <v>9</v>
      </c>
      <c r="H3819" t="s">
        <v>6803</v>
      </c>
      <c r="I3819" t="s">
        <v>30540</v>
      </c>
    </row>
    <row r="3820" spans="1:9">
      <c r="A3820" s="1">
        <v>0.84039818776755204</v>
      </c>
      <c r="B3820" s="1"/>
      <c r="C3820">
        <v>5</v>
      </c>
      <c r="D3820" t="s">
        <v>6798</v>
      </c>
      <c r="E3820" t="s">
        <v>32109</v>
      </c>
      <c r="F3820">
        <v>4</v>
      </c>
      <c r="G3820" t="s">
        <v>0</v>
      </c>
      <c r="H3820" t="s">
        <v>6799</v>
      </c>
      <c r="I3820" t="s">
        <v>30540</v>
      </c>
    </row>
    <row r="3821" spans="1:9">
      <c r="A3821" s="1">
        <v>0.5111948220491157</v>
      </c>
      <c r="B3821" s="1"/>
      <c r="C3821">
        <v>10</v>
      </c>
      <c r="D3821" t="s">
        <v>6804</v>
      </c>
      <c r="E3821" t="s">
        <v>32109</v>
      </c>
      <c r="F3821">
        <v>4</v>
      </c>
      <c r="G3821" t="s">
        <v>2</v>
      </c>
      <c r="H3821" t="s">
        <v>6805</v>
      </c>
      <c r="I3821" t="s">
        <v>30540</v>
      </c>
    </row>
    <row r="3822" spans="1:9">
      <c r="A3822" s="1">
        <v>0.11959027732467808</v>
      </c>
      <c r="B3822" s="1"/>
      <c r="C3822">
        <v>17</v>
      </c>
      <c r="D3822" t="s">
        <v>6810</v>
      </c>
      <c r="E3822" t="s">
        <v>32109</v>
      </c>
      <c r="F3822">
        <v>4</v>
      </c>
      <c r="G3822" t="s">
        <v>15</v>
      </c>
      <c r="H3822" t="s">
        <v>6811</v>
      </c>
      <c r="I3822" t="s">
        <v>30540</v>
      </c>
    </row>
    <row r="3823" spans="1:9">
      <c r="A3823" s="1">
        <v>0.37831515717213893</v>
      </c>
      <c r="B3823" s="1"/>
      <c r="C3823">
        <v>2</v>
      </c>
      <c r="D3823" t="s">
        <v>6794</v>
      </c>
      <c r="E3823" t="s">
        <v>32109</v>
      </c>
      <c r="F3823">
        <v>4</v>
      </c>
      <c r="G3823" t="s">
        <v>10</v>
      </c>
      <c r="H3823" t="s">
        <v>6795</v>
      </c>
      <c r="I3823" t="s">
        <v>30540</v>
      </c>
    </row>
    <row r="3824" spans="1:9">
      <c r="A3824" s="1">
        <v>0.90024196304934989</v>
      </c>
      <c r="B3824" s="1"/>
      <c r="C3824">
        <v>7</v>
      </c>
      <c r="D3824" t="s">
        <v>6800</v>
      </c>
      <c r="E3824" t="s">
        <v>32109</v>
      </c>
      <c r="F3824">
        <v>3</v>
      </c>
      <c r="G3824" t="s">
        <v>2</v>
      </c>
      <c r="H3824" t="s">
        <v>6801</v>
      </c>
      <c r="I3824" t="s">
        <v>30540</v>
      </c>
    </row>
    <row r="3825" spans="1:9">
      <c r="A3825" s="1">
        <v>5.682241122861198E-3</v>
      </c>
      <c r="B3825" s="1"/>
      <c r="C3825">
        <v>20</v>
      </c>
      <c r="D3825" t="s">
        <v>6792</v>
      </c>
      <c r="E3825" t="s">
        <v>32110</v>
      </c>
      <c r="F3825">
        <v>4</v>
      </c>
      <c r="G3825" t="s">
        <v>0</v>
      </c>
      <c r="H3825" t="s">
        <v>6793</v>
      </c>
      <c r="I3825" t="s">
        <v>30540</v>
      </c>
    </row>
    <row r="3826" spans="1:9">
      <c r="A3826" s="1">
        <v>7.5781327916081276E-2</v>
      </c>
      <c r="B3826" s="1"/>
      <c r="C3826">
        <v>10</v>
      </c>
      <c r="D3826" t="s">
        <v>6790</v>
      </c>
      <c r="E3826" t="s">
        <v>32110</v>
      </c>
      <c r="F3826">
        <v>4</v>
      </c>
      <c r="G3826" t="s">
        <v>0</v>
      </c>
      <c r="H3826" t="s">
        <v>6791</v>
      </c>
      <c r="I3826" t="s">
        <v>30540</v>
      </c>
    </row>
    <row r="3827" spans="1:9">
      <c r="A3827" s="1">
        <v>4.8583525152320894E-2</v>
      </c>
      <c r="B3827" s="1"/>
      <c r="C3827">
        <v>19</v>
      </c>
      <c r="D3827" t="s">
        <v>6788</v>
      </c>
      <c r="E3827" t="s">
        <v>32111</v>
      </c>
      <c r="F3827">
        <v>5</v>
      </c>
      <c r="G3827" t="s">
        <v>0</v>
      </c>
      <c r="H3827" t="s">
        <v>6789</v>
      </c>
      <c r="I3827" t="s">
        <v>30540</v>
      </c>
    </row>
    <row r="3828" spans="1:9">
      <c r="A3828" s="1">
        <v>0.79691029896535759</v>
      </c>
      <c r="B3828" s="1"/>
      <c r="C3828">
        <v>18</v>
      </c>
      <c r="D3828" t="s">
        <v>6786</v>
      </c>
      <c r="E3828" t="s">
        <v>32111</v>
      </c>
      <c r="F3828">
        <v>4</v>
      </c>
      <c r="G3828" t="s">
        <v>0</v>
      </c>
      <c r="H3828" t="s">
        <v>6787</v>
      </c>
      <c r="I3828" t="s">
        <v>30540</v>
      </c>
    </row>
    <row r="3829" spans="1:9">
      <c r="A3829" s="1">
        <v>0.20438561464313465</v>
      </c>
      <c r="B3829" s="1"/>
      <c r="C3829">
        <v>7</v>
      </c>
      <c r="D3829" t="s">
        <v>6782</v>
      </c>
      <c r="E3829" t="s">
        <v>32111</v>
      </c>
      <c r="F3829">
        <v>4</v>
      </c>
      <c r="G3829" t="s">
        <v>0</v>
      </c>
      <c r="H3829" t="s">
        <v>6783</v>
      </c>
      <c r="I3829" t="s">
        <v>30540</v>
      </c>
    </row>
    <row r="3830" spans="1:9">
      <c r="A3830" s="1">
        <v>0.76576484453659577</v>
      </c>
      <c r="B3830" s="1"/>
      <c r="C3830">
        <v>14</v>
      </c>
      <c r="D3830" t="s">
        <v>6784</v>
      </c>
      <c r="E3830" t="s">
        <v>32111</v>
      </c>
      <c r="F3830">
        <v>3</v>
      </c>
      <c r="G3830" t="s">
        <v>10</v>
      </c>
      <c r="H3830" t="s">
        <v>6785</v>
      </c>
      <c r="I3830" t="s">
        <v>30540</v>
      </c>
    </row>
    <row r="3831" spans="1:9">
      <c r="A3831" s="1">
        <v>4.1196737055337884E-4</v>
      </c>
      <c r="B3831" s="1"/>
      <c r="C3831">
        <v>18</v>
      </c>
      <c r="D3831" t="s">
        <v>6778</v>
      </c>
      <c r="E3831" t="s">
        <v>32112</v>
      </c>
      <c r="F3831">
        <v>5</v>
      </c>
      <c r="G3831" t="s">
        <v>0</v>
      </c>
      <c r="H3831" t="s">
        <v>6779</v>
      </c>
      <c r="I3831" t="s">
        <v>30540</v>
      </c>
    </row>
    <row r="3832" spans="1:9">
      <c r="A3832" s="1">
        <v>0.50637248663819612</v>
      </c>
      <c r="B3832" s="1"/>
      <c r="C3832">
        <v>19</v>
      </c>
      <c r="D3832" t="s">
        <v>6780</v>
      </c>
      <c r="E3832" t="s">
        <v>32112</v>
      </c>
      <c r="F3832">
        <v>4</v>
      </c>
      <c r="G3832" t="s">
        <v>0</v>
      </c>
      <c r="H3832" t="s">
        <v>6781</v>
      </c>
      <c r="I3832" t="s">
        <v>30540</v>
      </c>
    </row>
    <row r="3833" spans="1:9">
      <c r="A3833" s="1">
        <v>0.9495204341174226</v>
      </c>
      <c r="B3833" s="1"/>
      <c r="C3833">
        <v>14</v>
      </c>
      <c r="D3833" t="s">
        <v>6776</v>
      </c>
      <c r="E3833" t="s">
        <v>32112</v>
      </c>
      <c r="F3833">
        <v>3</v>
      </c>
      <c r="G3833" t="s">
        <v>0</v>
      </c>
      <c r="H3833" t="s">
        <v>6777</v>
      </c>
      <c r="I3833" t="s">
        <v>30540</v>
      </c>
    </row>
    <row r="3834" spans="1:9">
      <c r="A3834" s="1">
        <v>0.23787174741736783</v>
      </c>
      <c r="B3834" s="1"/>
      <c r="C3834">
        <v>5</v>
      </c>
      <c r="D3834" t="s">
        <v>6768</v>
      </c>
      <c r="E3834" t="s">
        <v>32113</v>
      </c>
      <c r="F3834">
        <v>5</v>
      </c>
      <c r="G3834" t="s">
        <v>0</v>
      </c>
      <c r="H3834" t="s">
        <v>6769</v>
      </c>
      <c r="I3834" t="s">
        <v>30540</v>
      </c>
    </row>
    <row r="3835" spans="1:9">
      <c r="A3835" s="1">
        <v>6.6009621649164685E-2</v>
      </c>
      <c r="B3835" s="1"/>
      <c r="C3835">
        <v>9</v>
      </c>
      <c r="D3835" t="s">
        <v>6772</v>
      </c>
      <c r="E3835" t="s">
        <v>32113</v>
      </c>
      <c r="F3835">
        <v>4</v>
      </c>
      <c r="G3835" t="s">
        <v>765</v>
      </c>
      <c r="H3835" t="s">
        <v>6773</v>
      </c>
      <c r="I3835" t="s">
        <v>30540</v>
      </c>
    </row>
    <row r="3836" spans="1:9">
      <c r="A3836" s="1">
        <v>0.29887276846911781</v>
      </c>
      <c r="B3836" s="1"/>
      <c r="C3836">
        <v>6</v>
      </c>
      <c r="D3836" t="s">
        <v>6770</v>
      </c>
      <c r="E3836" t="s">
        <v>32113</v>
      </c>
      <c r="F3836">
        <v>4</v>
      </c>
      <c r="G3836" t="s">
        <v>14</v>
      </c>
      <c r="H3836" t="s">
        <v>6771</v>
      </c>
      <c r="I3836" t="s">
        <v>30540</v>
      </c>
    </row>
    <row r="3837" spans="1:9">
      <c r="A3837" s="1">
        <v>0.48470559060501217</v>
      </c>
      <c r="B3837" s="1"/>
      <c r="C3837">
        <v>5</v>
      </c>
      <c r="D3837" t="s">
        <v>6752</v>
      </c>
      <c r="E3837" t="s">
        <v>32114</v>
      </c>
      <c r="F3837">
        <v>5</v>
      </c>
      <c r="G3837" t="s">
        <v>9</v>
      </c>
      <c r="H3837" t="s">
        <v>6753</v>
      </c>
      <c r="I3837" t="s">
        <v>30540</v>
      </c>
    </row>
    <row r="3838" spans="1:9">
      <c r="A3838" s="1">
        <v>0.95918799623498163</v>
      </c>
      <c r="B3838" s="1"/>
      <c r="C3838">
        <v>11</v>
      </c>
      <c r="D3838" t="s">
        <v>6758</v>
      </c>
      <c r="E3838" t="s">
        <v>32114</v>
      </c>
      <c r="F3838">
        <v>4</v>
      </c>
      <c r="G3838" t="s">
        <v>0</v>
      </c>
      <c r="H3838" t="s">
        <v>6759</v>
      </c>
      <c r="I3838" t="s">
        <v>30540</v>
      </c>
    </row>
    <row r="3839" spans="1:9">
      <c r="A3839" s="1">
        <v>0.69161710294452183</v>
      </c>
      <c r="B3839" s="1"/>
      <c r="C3839">
        <v>17</v>
      </c>
      <c r="D3839" t="s">
        <v>6766</v>
      </c>
      <c r="E3839" t="s">
        <v>32114</v>
      </c>
      <c r="F3839">
        <v>4</v>
      </c>
      <c r="G3839" t="s">
        <v>0</v>
      </c>
      <c r="H3839" t="s">
        <v>6767</v>
      </c>
      <c r="I3839" t="s">
        <v>30540</v>
      </c>
    </row>
    <row r="3840" spans="1:9">
      <c r="A3840" s="1">
        <v>0.65346860729790868</v>
      </c>
      <c r="B3840" s="1"/>
      <c r="C3840">
        <v>15</v>
      </c>
      <c r="D3840" t="s">
        <v>6764</v>
      </c>
      <c r="E3840" t="s">
        <v>32114</v>
      </c>
      <c r="F3840">
        <v>4</v>
      </c>
      <c r="G3840" t="s">
        <v>0</v>
      </c>
      <c r="H3840" t="s">
        <v>6765</v>
      </c>
      <c r="I3840" t="s">
        <v>30540</v>
      </c>
    </row>
    <row r="3841" spans="1:9">
      <c r="A3841" s="1">
        <v>0.98856184081285892</v>
      </c>
      <c r="B3841" s="1"/>
      <c r="C3841">
        <v>12</v>
      </c>
      <c r="D3841" t="s">
        <v>6760</v>
      </c>
      <c r="E3841" t="s">
        <v>32114</v>
      </c>
      <c r="F3841">
        <v>4</v>
      </c>
      <c r="G3841" t="s">
        <v>0</v>
      </c>
      <c r="H3841" t="s">
        <v>6761</v>
      </c>
      <c r="I3841" t="s">
        <v>30540</v>
      </c>
    </row>
    <row r="3842" spans="1:9">
      <c r="A3842" s="1">
        <v>0.36766106458690873</v>
      </c>
      <c r="B3842" s="1"/>
      <c r="C3842">
        <v>13</v>
      </c>
      <c r="D3842" t="s">
        <v>6762</v>
      </c>
      <c r="E3842" t="s">
        <v>32114</v>
      </c>
      <c r="F3842">
        <v>4</v>
      </c>
      <c r="G3842" t="s">
        <v>0</v>
      </c>
      <c r="H3842" t="s">
        <v>6763</v>
      </c>
      <c r="I3842" t="s">
        <v>30540</v>
      </c>
    </row>
    <row r="3843" spans="1:9">
      <c r="A3843" s="1">
        <v>0.21800698807313579</v>
      </c>
      <c r="B3843" s="1"/>
      <c r="C3843">
        <v>10</v>
      </c>
      <c r="D3843" t="s">
        <v>6756</v>
      </c>
      <c r="E3843" t="s">
        <v>32114</v>
      </c>
      <c r="F3843">
        <v>3</v>
      </c>
      <c r="G3843" t="s">
        <v>0</v>
      </c>
      <c r="H3843" t="s">
        <v>6757</v>
      </c>
      <c r="I3843" t="s">
        <v>30540</v>
      </c>
    </row>
    <row r="3844" spans="1:9">
      <c r="A3844" s="1">
        <v>2.8849607058781257E-2</v>
      </c>
      <c r="B3844" s="1"/>
      <c r="C3844">
        <v>2</v>
      </c>
      <c r="D3844" t="s">
        <v>6748</v>
      </c>
      <c r="E3844" t="s">
        <v>32115</v>
      </c>
      <c r="F3844">
        <v>4</v>
      </c>
      <c r="G3844" t="s">
        <v>10</v>
      </c>
      <c r="H3844" t="s">
        <v>6749</v>
      </c>
      <c r="I3844" t="s">
        <v>30540</v>
      </c>
    </row>
    <row r="3845" spans="1:9">
      <c r="A3845" s="1">
        <v>0.91651612625604117</v>
      </c>
      <c r="B3845" s="1"/>
      <c r="C3845">
        <v>16</v>
      </c>
      <c r="D3845" t="s">
        <v>6740</v>
      </c>
      <c r="E3845" t="s">
        <v>32116</v>
      </c>
      <c r="F3845">
        <v>4</v>
      </c>
      <c r="G3845" t="s">
        <v>0</v>
      </c>
      <c r="H3845" t="s">
        <v>6741</v>
      </c>
      <c r="I3845" t="s">
        <v>30540</v>
      </c>
    </row>
    <row r="3846" spans="1:9">
      <c r="A3846" s="1">
        <v>0.22394493723068554</v>
      </c>
      <c r="B3846" s="1"/>
      <c r="C3846">
        <v>12</v>
      </c>
      <c r="D3846" t="s">
        <v>6738</v>
      </c>
      <c r="E3846" t="s">
        <v>32116</v>
      </c>
      <c r="F3846">
        <v>4</v>
      </c>
      <c r="G3846" t="s">
        <v>0</v>
      </c>
      <c r="H3846" t="s">
        <v>6739</v>
      </c>
      <c r="I3846" t="s">
        <v>30540</v>
      </c>
    </row>
    <row r="3847" spans="1:9">
      <c r="A3847" s="1">
        <v>0.21802348969687113</v>
      </c>
      <c r="B3847" s="1"/>
      <c r="C3847">
        <v>8</v>
      </c>
      <c r="D3847" t="s">
        <v>6734</v>
      </c>
      <c r="E3847" t="s">
        <v>32116</v>
      </c>
      <c r="F3847">
        <v>4</v>
      </c>
      <c r="G3847" t="s">
        <v>2</v>
      </c>
      <c r="H3847" t="s">
        <v>6735</v>
      </c>
      <c r="I3847" t="s">
        <v>30540</v>
      </c>
    </row>
    <row r="3848" spans="1:9">
      <c r="A3848" s="1">
        <v>0.79094244810596515</v>
      </c>
      <c r="B3848" s="1"/>
      <c r="C3848">
        <v>10</v>
      </c>
      <c r="D3848" t="s">
        <v>6736</v>
      </c>
      <c r="E3848" t="s">
        <v>32116</v>
      </c>
      <c r="F3848">
        <v>3</v>
      </c>
      <c r="G3848" t="s">
        <v>9</v>
      </c>
      <c r="H3848" t="s">
        <v>6737</v>
      </c>
      <c r="I3848" t="s">
        <v>30540</v>
      </c>
    </row>
    <row r="3849" spans="1:9">
      <c r="A3849" s="1">
        <v>4.6027516324410822E-2</v>
      </c>
      <c r="B3849" s="1"/>
      <c r="C3849">
        <v>15</v>
      </c>
      <c r="D3849" t="s">
        <v>6732</v>
      </c>
      <c r="E3849" t="s">
        <v>32117</v>
      </c>
      <c r="F3849">
        <v>5</v>
      </c>
      <c r="G3849" t="s">
        <v>14</v>
      </c>
      <c r="H3849" t="s">
        <v>6733</v>
      </c>
      <c r="I3849" t="s">
        <v>30540</v>
      </c>
    </row>
    <row r="3850" spans="1:9">
      <c r="A3850" s="1">
        <v>0.59596687116901625</v>
      </c>
      <c r="B3850" s="1"/>
      <c r="C3850">
        <v>7</v>
      </c>
      <c r="D3850" t="s">
        <v>6730</v>
      </c>
      <c r="E3850" t="s">
        <v>32117</v>
      </c>
      <c r="F3850">
        <v>4</v>
      </c>
      <c r="G3850" t="s">
        <v>762</v>
      </c>
      <c r="H3850" t="s">
        <v>6731</v>
      </c>
      <c r="I3850" t="s">
        <v>30540</v>
      </c>
    </row>
    <row r="3851" spans="1:9">
      <c r="A3851" s="1">
        <v>0.66187237233241059</v>
      </c>
      <c r="B3851" s="1"/>
      <c r="C3851">
        <v>3</v>
      </c>
      <c r="D3851" t="s">
        <v>10948</v>
      </c>
      <c r="E3851" t="s">
        <v>32118</v>
      </c>
      <c r="F3851">
        <v>5</v>
      </c>
      <c r="G3851" t="s">
        <v>15</v>
      </c>
      <c r="H3851" t="s">
        <v>10949</v>
      </c>
      <c r="I3851" t="s">
        <v>30540</v>
      </c>
    </row>
    <row r="3852" spans="1:9">
      <c r="A3852" s="1">
        <v>0.54794875021168532</v>
      </c>
      <c r="B3852" s="1"/>
      <c r="C3852">
        <v>11</v>
      </c>
      <c r="D3852" t="s">
        <v>10952</v>
      </c>
      <c r="E3852" t="s">
        <v>32118</v>
      </c>
      <c r="F3852">
        <v>4</v>
      </c>
      <c r="G3852" t="s">
        <v>0</v>
      </c>
      <c r="H3852" t="s">
        <v>10953</v>
      </c>
      <c r="I3852" t="s">
        <v>30540</v>
      </c>
    </row>
    <row r="3853" spans="1:9">
      <c r="A3853" s="1">
        <v>0.5812508534367129</v>
      </c>
      <c r="B3853" s="1"/>
      <c r="C3853">
        <v>12</v>
      </c>
      <c r="D3853" t="s">
        <v>10954</v>
      </c>
      <c r="E3853" t="s">
        <v>32118</v>
      </c>
      <c r="F3853">
        <v>4</v>
      </c>
      <c r="G3853" t="s">
        <v>762</v>
      </c>
      <c r="H3853" t="s">
        <v>10955</v>
      </c>
      <c r="I3853" t="s">
        <v>30540</v>
      </c>
    </row>
    <row r="3854" spans="1:9">
      <c r="A3854" s="1">
        <v>0.40110369841317239</v>
      </c>
      <c r="B3854" s="1"/>
      <c r="C3854">
        <v>4</v>
      </c>
      <c r="D3854" t="s">
        <v>10950</v>
      </c>
      <c r="E3854" t="s">
        <v>32118</v>
      </c>
      <c r="F3854">
        <v>4</v>
      </c>
      <c r="G3854" t="s">
        <v>1295</v>
      </c>
      <c r="H3854" t="s">
        <v>10951</v>
      </c>
      <c r="I3854" t="s">
        <v>30540</v>
      </c>
    </row>
    <row r="3855" spans="1:9">
      <c r="A3855" s="1">
        <v>0.3215478547295213</v>
      </c>
      <c r="B3855" s="1"/>
      <c r="C3855">
        <v>19</v>
      </c>
      <c r="D3855" t="s">
        <v>10956</v>
      </c>
      <c r="E3855" t="s">
        <v>32118</v>
      </c>
      <c r="F3855">
        <v>4</v>
      </c>
      <c r="G3855" t="s">
        <v>770</v>
      </c>
      <c r="H3855" t="s">
        <v>10957</v>
      </c>
      <c r="I3855" t="s">
        <v>30540</v>
      </c>
    </row>
    <row r="3856" spans="1:9">
      <c r="A3856" s="1">
        <v>0.33157505779307705</v>
      </c>
      <c r="B3856" s="1"/>
      <c r="C3856">
        <v>3</v>
      </c>
      <c r="D3856" t="s">
        <v>10938</v>
      </c>
      <c r="E3856" t="s">
        <v>32119</v>
      </c>
      <c r="F3856">
        <v>4</v>
      </c>
      <c r="G3856" t="s">
        <v>0</v>
      </c>
      <c r="H3856" t="s">
        <v>10939</v>
      </c>
      <c r="I3856" t="s">
        <v>30540</v>
      </c>
    </row>
    <row r="3857" spans="1:9">
      <c r="A3857" s="1">
        <v>0.80823740650527753</v>
      </c>
      <c r="B3857" s="1"/>
      <c r="C3857">
        <v>10</v>
      </c>
      <c r="D3857" t="s">
        <v>10940</v>
      </c>
      <c r="E3857" t="s">
        <v>32119</v>
      </c>
      <c r="F3857">
        <v>4</v>
      </c>
      <c r="G3857" t="s">
        <v>0</v>
      </c>
      <c r="H3857" t="s">
        <v>10941</v>
      </c>
      <c r="I3857" t="s">
        <v>30540</v>
      </c>
    </row>
    <row r="3858" spans="1:9">
      <c r="A3858" s="1">
        <v>0.59726580145558428</v>
      </c>
      <c r="B3858" s="1"/>
      <c r="C3858">
        <v>14</v>
      </c>
      <c r="D3858" t="s">
        <v>10944</v>
      </c>
      <c r="E3858" t="s">
        <v>32119</v>
      </c>
      <c r="F3858">
        <v>4</v>
      </c>
      <c r="G3858" t="s">
        <v>0</v>
      </c>
      <c r="H3858" t="s">
        <v>10945</v>
      </c>
      <c r="I3858" t="s">
        <v>30540</v>
      </c>
    </row>
    <row r="3859" spans="1:9">
      <c r="A3859" s="1">
        <v>0.36967805370958984</v>
      </c>
      <c r="B3859" s="1"/>
      <c r="C3859">
        <v>11</v>
      </c>
      <c r="D3859" t="s">
        <v>10942</v>
      </c>
      <c r="E3859" t="s">
        <v>32119</v>
      </c>
      <c r="F3859">
        <v>4</v>
      </c>
      <c r="G3859" t="s">
        <v>0</v>
      </c>
      <c r="H3859" t="s">
        <v>10943</v>
      </c>
      <c r="I3859" t="s">
        <v>30540</v>
      </c>
    </row>
    <row r="3860" spans="1:9">
      <c r="A3860" s="1">
        <v>0.84764524907907646</v>
      </c>
      <c r="B3860" s="1"/>
      <c r="C3860">
        <v>1</v>
      </c>
      <c r="D3860" t="s">
        <v>10932</v>
      </c>
      <c r="E3860" t="s">
        <v>32120</v>
      </c>
      <c r="F3860">
        <v>4</v>
      </c>
      <c r="G3860" t="s">
        <v>1295</v>
      </c>
      <c r="H3860" t="s">
        <v>10933</v>
      </c>
      <c r="I3860" t="s">
        <v>30540</v>
      </c>
    </row>
    <row r="3861" spans="1:9">
      <c r="A3861" s="1">
        <v>0.77293931950661121</v>
      </c>
      <c r="B3861" s="1"/>
      <c r="C3861">
        <v>13</v>
      </c>
      <c r="D3861" t="s">
        <v>10936</v>
      </c>
      <c r="E3861" t="s">
        <v>32120</v>
      </c>
      <c r="F3861">
        <v>4</v>
      </c>
      <c r="G3861" t="s">
        <v>765</v>
      </c>
      <c r="H3861" t="s">
        <v>10937</v>
      </c>
      <c r="I3861" t="s">
        <v>30540</v>
      </c>
    </row>
    <row r="3862" spans="1:9">
      <c r="A3862" s="1">
        <v>0.83574722516796041</v>
      </c>
      <c r="B3862" s="1"/>
      <c r="C3862">
        <v>9</v>
      </c>
      <c r="D3862" t="s">
        <v>10934</v>
      </c>
      <c r="E3862" t="s">
        <v>32120</v>
      </c>
      <c r="F3862">
        <v>4</v>
      </c>
      <c r="G3862" t="s">
        <v>762</v>
      </c>
      <c r="H3862" t="s">
        <v>10935</v>
      </c>
      <c r="I3862" t="s">
        <v>30540</v>
      </c>
    </row>
    <row r="3863" spans="1:9">
      <c r="A3863" s="1">
        <v>0.7310319817122134</v>
      </c>
      <c r="B3863" s="1"/>
      <c r="C3863">
        <v>1</v>
      </c>
      <c r="D3863" t="s">
        <v>10926</v>
      </c>
      <c r="E3863" t="s">
        <v>32121</v>
      </c>
      <c r="F3863">
        <v>4</v>
      </c>
      <c r="G3863" t="s">
        <v>15</v>
      </c>
      <c r="H3863" t="s">
        <v>10927</v>
      </c>
      <c r="I3863" t="s">
        <v>30540</v>
      </c>
    </row>
    <row r="3864" spans="1:9">
      <c r="A3864" s="1">
        <v>0.31693325520395654</v>
      </c>
      <c r="B3864" s="1"/>
      <c r="C3864">
        <v>13</v>
      </c>
      <c r="D3864" t="s">
        <v>10930</v>
      </c>
      <c r="E3864" t="s">
        <v>32121</v>
      </c>
      <c r="F3864">
        <v>3</v>
      </c>
      <c r="G3864" t="s">
        <v>0</v>
      </c>
      <c r="H3864" t="s">
        <v>10931</v>
      </c>
      <c r="I3864" t="s">
        <v>30540</v>
      </c>
    </row>
    <row r="3865" spans="1:9">
      <c r="A3865" s="1">
        <v>7.6473150425807601E-2</v>
      </c>
      <c r="B3865" s="1"/>
      <c r="C3865">
        <v>18</v>
      </c>
      <c r="D3865" t="s">
        <v>10922</v>
      </c>
      <c r="E3865" t="s">
        <v>32122</v>
      </c>
      <c r="F3865">
        <v>4</v>
      </c>
      <c r="G3865" t="s">
        <v>0</v>
      </c>
      <c r="H3865" t="s">
        <v>10923</v>
      </c>
      <c r="I3865" t="s">
        <v>30540</v>
      </c>
    </row>
    <row r="3866" spans="1:9">
      <c r="A3866" s="1">
        <v>0.46759458489352612</v>
      </c>
      <c r="B3866" s="1"/>
      <c r="C3866">
        <v>13</v>
      </c>
      <c r="D3866" t="s">
        <v>10918</v>
      </c>
      <c r="E3866" t="s">
        <v>32122</v>
      </c>
      <c r="F3866">
        <v>4</v>
      </c>
      <c r="G3866" t="s">
        <v>0</v>
      </c>
      <c r="H3866" t="s">
        <v>10919</v>
      </c>
      <c r="I3866" t="s">
        <v>30540</v>
      </c>
    </row>
    <row r="3867" spans="1:9">
      <c r="A3867" s="1">
        <v>0.10811720888940024</v>
      </c>
      <c r="B3867" s="1"/>
      <c r="C3867">
        <v>11</v>
      </c>
      <c r="D3867" t="s">
        <v>10914</v>
      </c>
      <c r="E3867" t="s">
        <v>32122</v>
      </c>
      <c r="F3867">
        <v>4</v>
      </c>
      <c r="G3867" t="s">
        <v>0</v>
      </c>
      <c r="H3867" t="s">
        <v>10915</v>
      </c>
      <c r="I3867" t="s">
        <v>30540</v>
      </c>
    </row>
    <row r="3868" spans="1:9">
      <c r="A3868" s="1">
        <v>0.61602898641104442</v>
      </c>
      <c r="B3868" s="1"/>
      <c r="C3868">
        <v>15</v>
      </c>
      <c r="D3868" t="s">
        <v>10920</v>
      </c>
      <c r="E3868" t="s">
        <v>32122</v>
      </c>
      <c r="F3868">
        <v>4</v>
      </c>
      <c r="G3868" t="s">
        <v>0</v>
      </c>
      <c r="H3868" t="s">
        <v>10921</v>
      </c>
      <c r="I3868" t="s">
        <v>30540</v>
      </c>
    </row>
    <row r="3869" spans="1:9">
      <c r="A3869" s="1">
        <v>0.36558692523348579</v>
      </c>
      <c r="B3869" s="1"/>
      <c r="C3869">
        <v>9</v>
      </c>
      <c r="D3869" t="s">
        <v>10912</v>
      </c>
      <c r="E3869" t="s">
        <v>32122</v>
      </c>
      <c r="F3869">
        <v>4</v>
      </c>
      <c r="G3869" t="s">
        <v>0</v>
      </c>
      <c r="H3869" t="s">
        <v>10913</v>
      </c>
      <c r="I3869" t="s">
        <v>30540</v>
      </c>
    </row>
    <row r="3870" spans="1:9">
      <c r="A3870" s="1">
        <v>0.35770702109172581</v>
      </c>
      <c r="B3870" s="1"/>
      <c r="C3870">
        <v>4</v>
      </c>
      <c r="D3870" t="s">
        <v>10910</v>
      </c>
      <c r="E3870" t="s">
        <v>32122</v>
      </c>
      <c r="F3870">
        <v>4</v>
      </c>
      <c r="G3870" t="s">
        <v>0</v>
      </c>
      <c r="H3870" t="s">
        <v>10911</v>
      </c>
      <c r="I3870" t="s">
        <v>30540</v>
      </c>
    </row>
    <row r="3871" spans="1:9">
      <c r="A3871" s="1">
        <v>0.25157985845336561</v>
      </c>
      <c r="B3871" s="1"/>
      <c r="C3871">
        <v>19</v>
      </c>
      <c r="D3871" t="s">
        <v>10924</v>
      </c>
      <c r="E3871" t="s">
        <v>32122</v>
      </c>
      <c r="F3871">
        <v>3</v>
      </c>
      <c r="G3871" t="s">
        <v>0</v>
      </c>
      <c r="H3871" t="s">
        <v>10925</v>
      </c>
      <c r="I3871" t="s">
        <v>30540</v>
      </c>
    </row>
    <row r="3872" spans="1:9">
      <c r="A3872" s="1">
        <v>8.4368557063409511E-2</v>
      </c>
      <c r="B3872" s="1"/>
      <c r="C3872">
        <v>13</v>
      </c>
      <c r="D3872" t="s">
        <v>10904</v>
      </c>
      <c r="E3872" t="s">
        <v>32123</v>
      </c>
      <c r="F3872">
        <v>5</v>
      </c>
      <c r="G3872" t="s">
        <v>10</v>
      </c>
      <c r="H3872" t="s">
        <v>10905</v>
      </c>
      <c r="I3872" t="s">
        <v>30540</v>
      </c>
    </row>
    <row r="3873" spans="1:9">
      <c r="A3873" s="1">
        <v>0.43625050091148776</v>
      </c>
      <c r="B3873" s="1"/>
      <c r="C3873">
        <v>11</v>
      </c>
      <c r="D3873" t="s">
        <v>10902</v>
      </c>
      <c r="E3873" t="s">
        <v>32123</v>
      </c>
      <c r="F3873">
        <v>4</v>
      </c>
      <c r="G3873" t="s">
        <v>770</v>
      </c>
      <c r="H3873" t="s">
        <v>10903</v>
      </c>
      <c r="I3873" t="s">
        <v>30540</v>
      </c>
    </row>
    <row r="3874" spans="1:9">
      <c r="A3874" s="1">
        <v>0.41314481741043707</v>
      </c>
      <c r="B3874" s="1"/>
      <c r="C3874">
        <v>19</v>
      </c>
      <c r="D3874" t="s">
        <v>10908</v>
      </c>
      <c r="E3874" t="s">
        <v>32123</v>
      </c>
      <c r="F3874">
        <v>4</v>
      </c>
      <c r="G3874" t="s">
        <v>765</v>
      </c>
      <c r="H3874" t="s">
        <v>10909</v>
      </c>
      <c r="I3874" t="s">
        <v>30540</v>
      </c>
    </row>
    <row r="3875" spans="1:9">
      <c r="A3875" s="1">
        <v>0.48133233771453698</v>
      </c>
      <c r="B3875" s="1"/>
      <c r="C3875">
        <v>18</v>
      </c>
      <c r="D3875" t="s">
        <v>10906</v>
      </c>
      <c r="E3875" t="s">
        <v>32123</v>
      </c>
      <c r="F3875">
        <v>4</v>
      </c>
      <c r="G3875" t="s">
        <v>0</v>
      </c>
      <c r="H3875" t="s">
        <v>10907</v>
      </c>
      <c r="I3875" t="s">
        <v>30540</v>
      </c>
    </row>
    <row r="3876" spans="1:9">
      <c r="A3876" s="1">
        <v>0.59024319013264404</v>
      </c>
      <c r="B3876" s="1"/>
      <c r="C3876">
        <v>3</v>
      </c>
      <c r="D3876" t="s">
        <v>10900</v>
      </c>
      <c r="E3876" t="s">
        <v>32123</v>
      </c>
      <c r="F3876">
        <v>4</v>
      </c>
      <c r="G3876" t="s">
        <v>765</v>
      </c>
      <c r="H3876" t="s">
        <v>10901</v>
      </c>
      <c r="I3876" t="s">
        <v>30540</v>
      </c>
    </row>
    <row r="3877" spans="1:9">
      <c r="A3877" s="1">
        <v>1.5028019742008292E-3</v>
      </c>
      <c r="B3877" s="1"/>
      <c r="C3877">
        <v>10</v>
      </c>
      <c r="D3877" t="s">
        <v>10890</v>
      </c>
      <c r="E3877" t="s">
        <v>32124</v>
      </c>
      <c r="F3877">
        <v>5</v>
      </c>
      <c r="G3877" t="s">
        <v>10</v>
      </c>
      <c r="H3877" t="s">
        <v>10891</v>
      </c>
      <c r="I3877" t="s">
        <v>30540</v>
      </c>
    </row>
    <row r="3878" spans="1:9">
      <c r="A3878" s="1">
        <v>0.61077471945228878</v>
      </c>
      <c r="B3878" s="1"/>
      <c r="C3878">
        <v>11</v>
      </c>
      <c r="D3878" t="s">
        <v>10892</v>
      </c>
      <c r="E3878" t="s">
        <v>32124</v>
      </c>
      <c r="F3878">
        <v>4</v>
      </c>
      <c r="G3878" t="s">
        <v>0</v>
      </c>
      <c r="H3878" t="s">
        <v>10893</v>
      </c>
      <c r="I3878" t="s">
        <v>30540</v>
      </c>
    </row>
    <row r="3879" spans="1:9">
      <c r="A3879" s="1">
        <v>0.75245803390932686</v>
      </c>
      <c r="B3879" s="1"/>
      <c r="C3879">
        <v>16</v>
      </c>
      <c r="D3879" t="s">
        <v>10898</v>
      </c>
      <c r="E3879" t="s">
        <v>32124</v>
      </c>
      <c r="F3879">
        <v>4</v>
      </c>
      <c r="G3879" t="s">
        <v>0</v>
      </c>
      <c r="H3879" t="s">
        <v>10899</v>
      </c>
      <c r="I3879" t="s">
        <v>30540</v>
      </c>
    </row>
    <row r="3880" spans="1:9">
      <c r="A3880" s="1">
        <v>0.38721533412552755</v>
      </c>
      <c r="B3880" s="1"/>
      <c r="C3880">
        <v>14</v>
      </c>
      <c r="D3880" t="s">
        <v>10894</v>
      </c>
      <c r="E3880" t="s">
        <v>32124</v>
      </c>
      <c r="F3880">
        <v>4</v>
      </c>
      <c r="G3880" t="s">
        <v>9</v>
      </c>
      <c r="H3880" t="s">
        <v>10895</v>
      </c>
      <c r="I3880" t="s">
        <v>30540</v>
      </c>
    </row>
    <row r="3881" spans="1:9">
      <c r="A3881" s="1">
        <v>0.79536844908683058</v>
      </c>
      <c r="B3881" s="1"/>
      <c r="C3881">
        <v>15</v>
      </c>
      <c r="D3881" t="s">
        <v>10896</v>
      </c>
      <c r="E3881" t="s">
        <v>32124</v>
      </c>
      <c r="F3881">
        <v>4</v>
      </c>
      <c r="G3881" t="s">
        <v>0</v>
      </c>
      <c r="H3881" t="s">
        <v>10897</v>
      </c>
      <c r="I3881" t="s">
        <v>30540</v>
      </c>
    </row>
    <row r="3882" spans="1:9">
      <c r="A3882" s="1">
        <v>0.93250486762835205</v>
      </c>
      <c r="B3882" s="1"/>
      <c r="C3882">
        <v>2</v>
      </c>
      <c r="D3882" t="s">
        <v>10888</v>
      </c>
      <c r="E3882" t="s">
        <v>32124</v>
      </c>
      <c r="F3882">
        <v>4</v>
      </c>
      <c r="G3882" t="s">
        <v>0</v>
      </c>
      <c r="H3882" t="s">
        <v>10889</v>
      </c>
      <c r="I3882" t="s">
        <v>30540</v>
      </c>
    </row>
    <row r="3883" spans="1:9">
      <c r="A3883" s="1">
        <v>0.5480058106306237</v>
      </c>
      <c r="B3883" s="1"/>
      <c r="C3883">
        <v>19</v>
      </c>
      <c r="D3883" t="s">
        <v>10886</v>
      </c>
      <c r="E3883" t="s">
        <v>32125</v>
      </c>
      <c r="F3883">
        <v>5</v>
      </c>
      <c r="G3883" t="s">
        <v>774</v>
      </c>
      <c r="H3883" t="s">
        <v>10887</v>
      </c>
      <c r="I3883" t="s">
        <v>30540</v>
      </c>
    </row>
    <row r="3884" spans="1:9">
      <c r="A3884" s="1">
        <v>0.55950794917567792</v>
      </c>
      <c r="B3884" s="1"/>
      <c r="C3884">
        <v>12</v>
      </c>
      <c r="D3884" t="s">
        <v>10882</v>
      </c>
      <c r="E3884" t="s">
        <v>32125</v>
      </c>
      <c r="F3884">
        <v>4</v>
      </c>
      <c r="G3884" t="s">
        <v>765</v>
      </c>
      <c r="H3884" t="s">
        <v>10883</v>
      </c>
      <c r="I3884" t="s">
        <v>30540</v>
      </c>
    </row>
    <row r="3885" spans="1:9">
      <c r="A3885" s="1">
        <v>0.82937323650738892</v>
      </c>
      <c r="B3885" s="1"/>
      <c r="C3885">
        <v>7</v>
      </c>
      <c r="D3885" t="s">
        <v>10876</v>
      </c>
      <c r="E3885" t="s">
        <v>32125</v>
      </c>
      <c r="F3885">
        <v>4</v>
      </c>
      <c r="G3885" t="s">
        <v>2</v>
      </c>
      <c r="H3885" t="s">
        <v>10877</v>
      </c>
      <c r="I3885" t="s">
        <v>30540</v>
      </c>
    </row>
    <row r="3886" spans="1:9">
      <c r="A3886" s="1">
        <v>0.70181509546199172</v>
      </c>
      <c r="B3886" s="1"/>
      <c r="C3886">
        <v>2</v>
      </c>
      <c r="D3886" t="s">
        <v>10874</v>
      </c>
      <c r="E3886" t="s">
        <v>32125</v>
      </c>
      <c r="F3886">
        <v>4</v>
      </c>
      <c r="G3886" t="s">
        <v>1295</v>
      </c>
      <c r="H3886" t="s">
        <v>10875</v>
      </c>
      <c r="I3886" t="s">
        <v>30540</v>
      </c>
    </row>
    <row r="3887" spans="1:9">
      <c r="A3887" s="1">
        <v>0.12615225928752993</v>
      </c>
      <c r="B3887" s="1"/>
      <c r="C3887">
        <v>10</v>
      </c>
      <c r="D3887" t="s">
        <v>10880</v>
      </c>
      <c r="E3887" t="s">
        <v>32125</v>
      </c>
      <c r="F3887">
        <v>4</v>
      </c>
      <c r="G3887" t="s">
        <v>770</v>
      </c>
      <c r="H3887" t="s">
        <v>10881</v>
      </c>
      <c r="I3887" t="s">
        <v>30540</v>
      </c>
    </row>
    <row r="3888" spans="1:9">
      <c r="A3888" s="1">
        <v>0.47497875859206107</v>
      </c>
      <c r="B3888" s="1"/>
      <c r="C3888">
        <v>9</v>
      </c>
      <c r="D3888" t="s">
        <v>10878</v>
      </c>
      <c r="E3888" t="s">
        <v>32125</v>
      </c>
      <c r="F3888">
        <v>4</v>
      </c>
      <c r="G3888" t="s">
        <v>771</v>
      </c>
      <c r="H3888" t="s">
        <v>10879</v>
      </c>
      <c r="I3888" t="s">
        <v>30540</v>
      </c>
    </row>
    <row r="3889" spans="1:9">
      <c r="A3889" s="1">
        <v>0.83205379781336763</v>
      </c>
      <c r="B3889" s="1"/>
      <c r="C3889">
        <v>14</v>
      </c>
      <c r="D3889" t="s">
        <v>10884</v>
      </c>
      <c r="E3889" t="s">
        <v>32125</v>
      </c>
      <c r="F3889">
        <v>4</v>
      </c>
      <c r="G3889" t="s">
        <v>0</v>
      </c>
      <c r="H3889" t="s">
        <v>10885</v>
      </c>
      <c r="I3889" t="s">
        <v>30540</v>
      </c>
    </row>
    <row r="3890" spans="1:9">
      <c r="A3890" s="1">
        <v>0.25405859807866071</v>
      </c>
      <c r="B3890" s="1"/>
      <c r="C3890">
        <v>8</v>
      </c>
      <c r="D3890" t="s">
        <v>10870</v>
      </c>
      <c r="E3890" t="s">
        <v>32126</v>
      </c>
      <c r="F3890">
        <v>5</v>
      </c>
      <c r="G3890" t="s">
        <v>9</v>
      </c>
      <c r="H3890" t="s">
        <v>10871</v>
      </c>
      <c r="I3890" t="s">
        <v>30540</v>
      </c>
    </row>
    <row r="3891" spans="1:9">
      <c r="A3891" s="1">
        <v>0.53684543223478864</v>
      </c>
      <c r="B3891" s="1"/>
      <c r="C3891">
        <v>10</v>
      </c>
      <c r="D3891" t="s">
        <v>10866</v>
      </c>
      <c r="E3891" t="s">
        <v>32127</v>
      </c>
      <c r="F3891">
        <v>4</v>
      </c>
      <c r="G3891" t="s">
        <v>0</v>
      </c>
      <c r="H3891" t="s">
        <v>10867</v>
      </c>
      <c r="I3891" t="s">
        <v>30540</v>
      </c>
    </row>
    <row r="3892" spans="1:9">
      <c r="A3892" s="1">
        <v>0.58386053459028997</v>
      </c>
      <c r="B3892" s="1"/>
      <c r="C3892">
        <v>8</v>
      </c>
      <c r="D3892" t="s">
        <v>10864</v>
      </c>
      <c r="E3892" t="s">
        <v>32127</v>
      </c>
      <c r="F3892">
        <v>4</v>
      </c>
      <c r="G3892" t="s">
        <v>0</v>
      </c>
      <c r="H3892" t="s">
        <v>10865</v>
      </c>
      <c r="I3892" t="s">
        <v>30540</v>
      </c>
    </row>
    <row r="3893" spans="1:9">
      <c r="A3893" s="1">
        <v>0.55939526940300721</v>
      </c>
      <c r="B3893" s="1"/>
      <c r="C3893">
        <v>3</v>
      </c>
      <c r="D3893" t="s">
        <v>10862</v>
      </c>
      <c r="E3893" t="s">
        <v>32127</v>
      </c>
      <c r="F3893">
        <v>4</v>
      </c>
      <c r="G3893" t="s">
        <v>0</v>
      </c>
      <c r="H3893" t="s">
        <v>10863</v>
      </c>
      <c r="I3893" t="s">
        <v>30540</v>
      </c>
    </row>
    <row r="3894" spans="1:9">
      <c r="A3894" s="1">
        <v>0.43939986004090281</v>
      </c>
      <c r="B3894" s="1"/>
      <c r="C3894">
        <v>12</v>
      </c>
      <c r="D3894" t="s">
        <v>10868</v>
      </c>
      <c r="E3894" t="s">
        <v>32127</v>
      </c>
      <c r="F3894">
        <v>3</v>
      </c>
      <c r="G3894" t="s">
        <v>10</v>
      </c>
      <c r="H3894" t="s">
        <v>10869</v>
      </c>
      <c r="I3894" t="s">
        <v>30540</v>
      </c>
    </row>
    <row r="3895" spans="1:9">
      <c r="A3895" s="1">
        <v>0.72647803635788188</v>
      </c>
      <c r="B3895" s="1"/>
      <c r="C3895">
        <v>1</v>
      </c>
      <c r="D3895" t="s">
        <v>10856</v>
      </c>
      <c r="E3895" t="s">
        <v>32128</v>
      </c>
      <c r="F3895">
        <v>4</v>
      </c>
      <c r="G3895" t="s">
        <v>766</v>
      </c>
      <c r="H3895" t="s">
        <v>10857</v>
      </c>
      <c r="I3895" t="s">
        <v>30540</v>
      </c>
    </row>
    <row r="3896" spans="1:9">
      <c r="A3896" s="1">
        <v>0.33290758693235478</v>
      </c>
      <c r="B3896" s="1"/>
      <c r="C3896">
        <v>10</v>
      </c>
      <c r="D3896" t="s">
        <v>10858</v>
      </c>
      <c r="E3896" t="s">
        <v>32128</v>
      </c>
      <c r="F3896">
        <v>4</v>
      </c>
      <c r="G3896" t="s">
        <v>2</v>
      </c>
      <c r="H3896" t="s">
        <v>10859</v>
      </c>
      <c r="I3896" t="s">
        <v>30540</v>
      </c>
    </row>
    <row r="3897" spans="1:9">
      <c r="A3897" s="1">
        <v>8.2680106025306177E-2</v>
      </c>
      <c r="B3897" s="1"/>
      <c r="C3897">
        <v>20</v>
      </c>
      <c r="D3897" t="s">
        <v>10860</v>
      </c>
      <c r="E3897" t="s">
        <v>32128</v>
      </c>
      <c r="F3897">
        <v>3</v>
      </c>
      <c r="G3897" t="s">
        <v>0</v>
      </c>
      <c r="H3897" t="s">
        <v>10861</v>
      </c>
      <c r="I3897" t="s">
        <v>30540</v>
      </c>
    </row>
    <row r="3898" spans="1:9">
      <c r="A3898" s="1">
        <v>0.67544308256754237</v>
      </c>
      <c r="B3898" s="1"/>
      <c r="C3898">
        <v>3</v>
      </c>
      <c r="D3898" t="s">
        <v>10852</v>
      </c>
      <c r="E3898" t="s">
        <v>32129</v>
      </c>
      <c r="F3898">
        <v>4</v>
      </c>
      <c r="G3898" t="s">
        <v>15</v>
      </c>
      <c r="H3898" t="s">
        <v>10853</v>
      </c>
      <c r="I3898" t="s">
        <v>30540</v>
      </c>
    </row>
    <row r="3899" spans="1:9">
      <c r="A3899" s="1">
        <v>0.28932846156148606</v>
      </c>
      <c r="B3899" s="1"/>
      <c r="C3899">
        <v>20</v>
      </c>
      <c r="D3899" t="s">
        <v>10850</v>
      </c>
      <c r="E3899" t="s">
        <v>32130</v>
      </c>
      <c r="F3899">
        <v>5</v>
      </c>
      <c r="G3899" t="s">
        <v>2</v>
      </c>
      <c r="H3899" t="s">
        <v>10851</v>
      </c>
      <c r="I3899" t="s">
        <v>30540</v>
      </c>
    </row>
    <row r="3900" spans="1:9">
      <c r="A3900" s="1">
        <v>0.44353020404000976</v>
      </c>
      <c r="B3900" s="1"/>
      <c r="C3900">
        <v>16</v>
      </c>
      <c r="D3900" t="s">
        <v>10848</v>
      </c>
      <c r="E3900" t="s">
        <v>32130</v>
      </c>
      <c r="F3900">
        <v>4</v>
      </c>
      <c r="G3900" t="s">
        <v>771</v>
      </c>
      <c r="H3900" t="s">
        <v>10849</v>
      </c>
      <c r="I3900" t="s">
        <v>30540</v>
      </c>
    </row>
    <row r="3901" spans="1:9">
      <c r="A3901" s="1">
        <v>0.4340786734152744</v>
      </c>
      <c r="B3901" s="1"/>
      <c r="C3901">
        <v>3</v>
      </c>
      <c r="D3901" t="s">
        <v>10838</v>
      </c>
      <c r="E3901" t="s">
        <v>32131</v>
      </c>
      <c r="F3901">
        <v>5</v>
      </c>
      <c r="G3901" t="s">
        <v>14</v>
      </c>
      <c r="H3901" t="s">
        <v>10839</v>
      </c>
      <c r="I3901" t="s">
        <v>30540</v>
      </c>
    </row>
    <row r="3902" spans="1:9">
      <c r="A3902" s="1">
        <v>0.96841069257841439</v>
      </c>
      <c r="B3902" s="1"/>
      <c r="C3902">
        <v>9</v>
      </c>
      <c r="D3902" t="s">
        <v>10844</v>
      </c>
      <c r="E3902" t="s">
        <v>32131</v>
      </c>
      <c r="F3902">
        <v>4</v>
      </c>
      <c r="G3902" t="s">
        <v>14</v>
      </c>
      <c r="H3902" t="s">
        <v>10845</v>
      </c>
      <c r="I3902" t="s">
        <v>30540</v>
      </c>
    </row>
    <row r="3903" spans="1:9">
      <c r="A3903" s="1">
        <v>0.30529189490517483</v>
      </c>
      <c r="B3903" s="1"/>
      <c r="C3903">
        <v>8</v>
      </c>
      <c r="D3903" t="s">
        <v>10842</v>
      </c>
      <c r="E3903" t="s">
        <v>32131</v>
      </c>
      <c r="F3903">
        <v>4</v>
      </c>
      <c r="G3903" t="s">
        <v>765</v>
      </c>
      <c r="H3903" t="s">
        <v>10843</v>
      </c>
      <c r="I3903" t="s">
        <v>30540</v>
      </c>
    </row>
    <row r="3904" spans="1:9">
      <c r="A3904" s="1">
        <v>0.31273843531456236</v>
      </c>
      <c r="B3904" s="1"/>
      <c r="C3904">
        <v>1</v>
      </c>
      <c r="D3904" t="s">
        <v>10836</v>
      </c>
      <c r="E3904" t="s">
        <v>32131</v>
      </c>
      <c r="F3904">
        <v>4</v>
      </c>
      <c r="G3904" t="s">
        <v>14</v>
      </c>
      <c r="H3904" t="s">
        <v>10837</v>
      </c>
      <c r="I3904" t="s">
        <v>30540</v>
      </c>
    </row>
    <row r="3905" spans="1:9">
      <c r="A3905" s="1">
        <v>0.13777047118060892</v>
      </c>
      <c r="B3905" s="1"/>
      <c r="C3905">
        <v>6</v>
      </c>
      <c r="D3905" t="s">
        <v>10840</v>
      </c>
      <c r="E3905" t="s">
        <v>32131</v>
      </c>
      <c r="F3905">
        <v>4</v>
      </c>
      <c r="G3905" t="s">
        <v>1295</v>
      </c>
      <c r="H3905" t="s">
        <v>10841</v>
      </c>
      <c r="I3905" t="s">
        <v>30540</v>
      </c>
    </row>
    <row r="3906" spans="1:9">
      <c r="A3906" s="1">
        <v>0.21320238788024659</v>
      </c>
      <c r="B3906" s="1"/>
      <c r="C3906">
        <v>10</v>
      </c>
      <c r="D3906" t="s">
        <v>10846</v>
      </c>
      <c r="E3906" t="s">
        <v>32131</v>
      </c>
      <c r="F3906">
        <v>4</v>
      </c>
      <c r="G3906" t="s">
        <v>9</v>
      </c>
      <c r="H3906" t="s">
        <v>10847</v>
      </c>
      <c r="I3906" t="s">
        <v>30540</v>
      </c>
    </row>
    <row r="3907" spans="1:9">
      <c r="A3907" s="1">
        <v>0.67880825888805518</v>
      </c>
      <c r="B3907" s="1"/>
      <c r="C3907">
        <v>9</v>
      </c>
      <c r="D3907" t="s">
        <v>10826</v>
      </c>
      <c r="E3907" t="s">
        <v>32132</v>
      </c>
      <c r="F3907">
        <v>5</v>
      </c>
      <c r="G3907" t="s">
        <v>0</v>
      </c>
      <c r="H3907" t="s">
        <v>10827</v>
      </c>
      <c r="I3907" t="s">
        <v>30540</v>
      </c>
    </row>
    <row r="3908" spans="1:9">
      <c r="A3908" s="1">
        <v>0.81870081203946887</v>
      </c>
      <c r="B3908" s="1"/>
      <c r="C3908">
        <v>15</v>
      </c>
      <c r="D3908" t="s">
        <v>10834</v>
      </c>
      <c r="E3908" t="s">
        <v>32132</v>
      </c>
      <c r="F3908">
        <v>4</v>
      </c>
      <c r="G3908" t="s">
        <v>0</v>
      </c>
      <c r="H3908" t="s">
        <v>10835</v>
      </c>
      <c r="I3908" t="s">
        <v>30540</v>
      </c>
    </row>
    <row r="3909" spans="1:9">
      <c r="A3909" s="1">
        <v>0.4624579985916768</v>
      </c>
      <c r="B3909" s="1"/>
      <c r="C3909">
        <v>11</v>
      </c>
      <c r="D3909" t="s">
        <v>10828</v>
      </c>
      <c r="E3909" t="s">
        <v>32132</v>
      </c>
      <c r="F3909">
        <v>4</v>
      </c>
      <c r="G3909" t="s">
        <v>15</v>
      </c>
      <c r="H3909" t="s">
        <v>10829</v>
      </c>
      <c r="I3909" t="s">
        <v>30540</v>
      </c>
    </row>
    <row r="3910" spans="1:9">
      <c r="A3910" s="1">
        <v>0.69888051926118244</v>
      </c>
      <c r="B3910" s="1"/>
      <c r="C3910">
        <v>14</v>
      </c>
      <c r="D3910" t="s">
        <v>10832</v>
      </c>
      <c r="E3910" t="s">
        <v>32132</v>
      </c>
      <c r="F3910">
        <v>4</v>
      </c>
      <c r="G3910" t="s">
        <v>0</v>
      </c>
      <c r="H3910" t="s">
        <v>10833</v>
      </c>
      <c r="I3910" t="s">
        <v>30540</v>
      </c>
    </row>
    <row r="3911" spans="1:9">
      <c r="A3911" s="1">
        <v>0.96422827436572933</v>
      </c>
      <c r="B3911" s="1"/>
      <c r="C3911">
        <v>13</v>
      </c>
      <c r="D3911" t="s">
        <v>10830</v>
      </c>
      <c r="E3911" t="s">
        <v>32132</v>
      </c>
      <c r="F3911">
        <v>3</v>
      </c>
      <c r="G3911" t="s">
        <v>0</v>
      </c>
      <c r="H3911" t="s">
        <v>10831</v>
      </c>
      <c r="I3911" t="s">
        <v>30540</v>
      </c>
    </row>
    <row r="3912" spans="1:9">
      <c r="A3912" s="1">
        <v>9.9301136300969595E-2</v>
      </c>
      <c r="B3912" s="1"/>
      <c r="C3912">
        <v>13</v>
      </c>
      <c r="D3912" t="s">
        <v>10818</v>
      </c>
      <c r="E3912" t="s">
        <v>32133</v>
      </c>
      <c r="F3912">
        <v>5</v>
      </c>
      <c r="G3912" t="s">
        <v>0</v>
      </c>
      <c r="H3912" t="s">
        <v>10819</v>
      </c>
      <c r="I3912" t="s">
        <v>30540</v>
      </c>
    </row>
    <row r="3913" spans="1:9">
      <c r="A3913" s="1">
        <v>3.0931350047630479E-2</v>
      </c>
      <c r="B3913" s="1"/>
      <c r="C3913">
        <v>7</v>
      </c>
      <c r="D3913" t="s">
        <v>10814</v>
      </c>
      <c r="E3913" t="s">
        <v>32133</v>
      </c>
      <c r="F3913">
        <v>5</v>
      </c>
      <c r="G3913" t="s">
        <v>762</v>
      </c>
      <c r="H3913" t="s">
        <v>10815</v>
      </c>
      <c r="I3913" t="s">
        <v>30540</v>
      </c>
    </row>
    <row r="3914" spans="1:9">
      <c r="A3914" s="1">
        <v>0.78771269444336589</v>
      </c>
      <c r="B3914" s="1"/>
      <c r="C3914">
        <v>20</v>
      </c>
      <c r="D3914" t="s">
        <v>10824</v>
      </c>
      <c r="E3914" t="s">
        <v>32133</v>
      </c>
      <c r="F3914">
        <v>4</v>
      </c>
      <c r="G3914" t="s">
        <v>2</v>
      </c>
      <c r="H3914" t="s">
        <v>10825</v>
      </c>
      <c r="I3914" t="s">
        <v>30540</v>
      </c>
    </row>
    <row r="3915" spans="1:9">
      <c r="A3915" s="1">
        <v>0.60690493746558982</v>
      </c>
      <c r="B3915" s="1"/>
      <c r="C3915">
        <v>12</v>
      </c>
      <c r="D3915" t="s">
        <v>10816</v>
      </c>
      <c r="E3915" t="s">
        <v>32133</v>
      </c>
      <c r="F3915">
        <v>4</v>
      </c>
      <c r="G3915" t="s">
        <v>9</v>
      </c>
      <c r="H3915" t="s">
        <v>10817</v>
      </c>
      <c r="I3915" t="s">
        <v>30540</v>
      </c>
    </row>
    <row r="3916" spans="1:9">
      <c r="A3916" s="1">
        <v>0.54423284931333571</v>
      </c>
      <c r="B3916" s="1"/>
      <c r="C3916">
        <v>16</v>
      </c>
      <c r="D3916" t="s">
        <v>10820</v>
      </c>
      <c r="E3916" t="s">
        <v>32133</v>
      </c>
      <c r="F3916">
        <v>4</v>
      </c>
      <c r="G3916" t="s">
        <v>0</v>
      </c>
      <c r="H3916" t="s">
        <v>10821</v>
      </c>
      <c r="I3916" t="s">
        <v>30540</v>
      </c>
    </row>
    <row r="3917" spans="1:9">
      <c r="A3917" s="1">
        <v>0.78051808516904841</v>
      </c>
      <c r="B3917" s="1"/>
      <c r="C3917">
        <v>10</v>
      </c>
      <c r="D3917" t="s">
        <v>10810</v>
      </c>
      <c r="E3917" t="s">
        <v>32134</v>
      </c>
      <c r="F3917">
        <v>4</v>
      </c>
      <c r="G3917" t="s">
        <v>0</v>
      </c>
      <c r="H3917" t="s">
        <v>10811</v>
      </c>
      <c r="I3917" t="s">
        <v>30540</v>
      </c>
    </row>
    <row r="3918" spans="1:9">
      <c r="A3918" s="1">
        <v>0.27296927316738473</v>
      </c>
      <c r="B3918" s="1"/>
      <c r="C3918">
        <v>11</v>
      </c>
      <c r="D3918" t="s">
        <v>10812</v>
      </c>
      <c r="E3918" t="s">
        <v>32134</v>
      </c>
      <c r="F3918">
        <v>4</v>
      </c>
      <c r="G3918" t="s">
        <v>0</v>
      </c>
      <c r="H3918" t="s">
        <v>10813</v>
      </c>
      <c r="I3918" t="s">
        <v>30540</v>
      </c>
    </row>
    <row r="3919" spans="1:9">
      <c r="A3919" s="1">
        <v>0.73096906497051917</v>
      </c>
      <c r="B3919" s="1"/>
      <c r="C3919">
        <v>9</v>
      </c>
      <c r="D3919" t="s">
        <v>10808</v>
      </c>
      <c r="E3919" t="s">
        <v>32134</v>
      </c>
      <c r="F3919">
        <v>4</v>
      </c>
      <c r="G3919" t="s">
        <v>0</v>
      </c>
      <c r="H3919" t="s">
        <v>10809</v>
      </c>
      <c r="I3919" t="s">
        <v>30540</v>
      </c>
    </row>
    <row r="3920" spans="1:9">
      <c r="A3920" s="1">
        <v>0.76821071482397585</v>
      </c>
      <c r="B3920" s="1"/>
      <c r="C3920">
        <v>11</v>
      </c>
      <c r="D3920" t="s">
        <v>10800</v>
      </c>
      <c r="E3920" t="s">
        <v>32135</v>
      </c>
      <c r="F3920">
        <v>5</v>
      </c>
      <c r="G3920" t="s">
        <v>1295</v>
      </c>
      <c r="H3920" t="s">
        <v>10801</v>
      </c>
      <c r="I3920" t="s">
        <v>30540</v>
      </c>
    </row>
    <row r="3921" spans="1:9">
      <c r="A3921" s="1">
        <v>0.99177702205901808</v>
      </c>
      <c r="B3921" s="1"/>
      <c r="C3921">
        <v>14</v>
      </c>
      <c r="D3921" t="s">
        <v>10804</v>
      </c>
      <c r="E3921" t="s">
        <v>32135</v>
      </c>
      <c r="F3921">
        <v>4</v>
      </c>
      <c r="G3921" t="s">
        <v>0</v>
      </c>
      <c r="H3921" t="s">
        <v>10805</v>
      </c>
      <c r="I3921" t="s">
        <v>30540</v>
      </c>
    </row>
    <row r="3922" spans="1:9">
      <c r="A3922" s="1">
        <v>0.58280772026907368</v>
      </c>
      <c r="B3922" s="1"/>
      <c r="C3922">
        <v>2</v>
      </c>
      <c r="D3922" t="s">
        <v>10796</v>
      </c>
      <c r="E3922" t="s">
        <v>32135</v>
      </c>
      <c r="F3922">
        <v>4</v>
      </c>
      <c r="G3922" t="s">
        <v>765</v>
      </c>
      <c r="H3922" t="s">
        <v>10797</v>
      </c>
      <c r="I3922" t="s">
        <v>30540</v>
      </c>
    </row>
    <row r="3923" spans="1:9">
      <c r="A3923" s="1">
        <v>0.54090739063867221</v>
      </c>
      <c r="B3923" s="1"/>
      <c r="C3923">
        <v>9</v>
      </c>
      <c r="D3923" t="s">
        <v>10798</v>
      </c>
      <c r="E3923" t="s">
        <v>32135</v>
      </c>
      <c r="F3923">
        <v>4</v>
      </c>
      <c r="G3923" t="s">
        <v>774</v>
      </c>
      <c r="H3923" t="s">
        <v>10799</v>
      </c>
      <c r="I3923" t="s">
        <v>30540</v>
      </c>
    </row>
    <row r="3924" spans="1:9">
      <c r="A3924" s="1">
        <v>0.65061178022252697</v>
      </c>
      <c r="B3924" s="1"/>
      <c r="C3924">
        <v>15</v>
      </c>
      <c r="D3924" t="s">
        <v>10786</v>
      </c>
      <c r="E3924" t="s">
        <v>32136</v>
      </c>
      <c r="F3924">
        <v>4</v>
      </c>
      <c r="G3924" t="s">
        <v>0</v>
      </c>
      <c r="H3924" t="s">
        <v>10787</v>
      </c>
      <c r="I3924" t="s">
        <v>30540</v>
      </c>
    </row>
    <row r="3925" spans="1:9">
      <c r="A3925" s="1">
        <v>0.42666903268241463</v>
      </c>
      <c r="B3925" s="1"/>
      <c r="C3925">
        <v>14</v>
      </c>
      <c r="D3925" t="s">
        <v>10784</v>
      </c>
      <c r="E3925" t="s">
        <v>32136</v>
      </c>
      <c r="F3925">
        <v>4</v>
      </c>
      <c r="G3925" t="s">
        <v>14</v>
      </c>
      <c r="H3925" t="s">
        <v>10785</v>
      </c>
      <c r="I3925" t="s">
        <v>30540</v>
      </c>
    </row>
    <row r="3926" spans="1:9">
      <c r="A3926" s="1">
        <v>0.18715024023265903</v>
      </c>
      <c r="B3926" s="1"/>
      <c r="C3926">
        <v>18</v>
      </c>
      <c r="D3926" t="s">
        <v>10790</v>
      </c>
      <c r="E3926" t="s">
        <v>32136</v>
      </c>
      <c r="F3926">
        <v>4</v>
      </c>
      <c r="G3926" t="s">
        <v>0</v>
      </c>
      <c r="H3926" t="s">
        <v>10791</v>
      </c>
      <c r="I3926" t="s">
        <v>30540</v>
      </c>
    </row>
    <row r="3927" spans="1:9">
      <c r="A3927" s="1">
        <v>0.547366815856412</v>
      </c>
      <c r="B3927" s="1"/>
      <c r="C3927">
        <v>11</v>
      </c>
      <c r="D3927" t="s">
        <v>10780</v>
      </c>
      <c r="E3927" t="s">
        <v>32136</v>
      </c>
      <c r="F3927">
        <v>4</v>
      </c>
      <c r="G3927" t="s">
        <v>2</v>
      </c>
      <c r="H3927" t="s">
        <v>10781</v>
      </c>
      <c r="I3927" t="s">
        <v>30540</v>
      </c>
    </row>
    <row r="3928" spans="1:9">
      <c r="A3928" s="1">
        <v>7.8800675054497948E-2</v>
      </c>
      <c r="B3928" s="1"/>
      <c r="C3928">
        <v>16</v>
      </c>
      <c r="D3928" t="s">
        <v>10788</v>
      </c>
      <c r="E3928" t="s">
        <v>32136</v>
      </c>
      <c r="F3928">
        <v>4</v>
      </c>
      <c r="G3928" t="s">
        <v>15</v>
      </c>
      <c r="H3928" t="s">
        <v>10789</v>
      </c>
      <c r="I3928" t="s">
        <v>30540</v>
      </c>
    </row>
    <row r="3929" spans="1:9">
      <c r="A3929" s="1">
        <v>0.9177055337079586</v>
      </c>
      <c r="B3929" s="1"/>
      <c r="C3929">
        <v>20</v>
      </c>
      <c r="D3929" t="s">
        <v>10794</v>
      </c>
      <c r="E3929" t="s">
        <v>32136</v>
      </c>
      <c r="F3929">
        <v>4</v>
      </c>
      <c r="G3929" t="s">
        <v>0</v>
      </c>
      <c r="H3929" t="s">
        <v>10795</v>
      </c>
      <c r="I3929" t="s">
        <v>30540</v>
      </c>
    </row>
    <row r="3930" spans="1:9">
      <c r="A3930" s="1">
        <v>0.55710195458691503</v>
      </c>
      <c r="B3930" s="1"/>
      <c r="C3930">
        <v>19</v>
      </c>
      <c r="D3930" t="s">
        <v>10792</v>
      </c>
      <c r="E3930" t="s">
        <v>32136</v>
      </c>
      <c r="F3930">
        <v>4</v>
      </c>
      <c r="G3930" t="s">
        <v>0</v>
      </c>
      <c r="H3930" t="s">
        <v>10793</v>
      </c>
      <c r="I3930" t="s">
        <v>30540</v>
      </c>
    </row>
    <row r="3931" spans="1:9">
      <c r="A3931" s="1">
        <v>0.56464199188497122</v>
      </c>
      <c r="B3931" s="1"/>
      <c r="C3931">
        <v>14</v>
      </c>
      <c r="D3931" t="s">
        <v>10770</v>
      </c>
      <c r="E3931" t="s">
        <v>32137</v>
      </c>
      <c r="F3931">
        <v>4</v>
      </c>
      <c r="G3931" t="s">
        <v>0</v>
      </c>
      <c r="H3931" t="s">
        <v>10771</v>
      </c>
      <c r="I3931" t="s">
        <v>30540</v>
      </c>
    </row>
    <row r="3932" spans="1:9">
      <c r="A3932" s="1">
        <v>0.86282981526412239</v>
      </c>
      <c r="B3932" s="1"/>
      <c r="C3932">
        <v>16</v>
      </c>
      <c r="D3932" t="s">
        <v>10774</v>
      </c>
      <c r="E3932" t="s">
        <v>32137</v>
      </c>
      <c r="F3932">
        <v>4</v>
      </c>
      <c r="G3932" t="s">
        <v>762</v>
      </c>
      <c r="H3932" t="s">
        <v>10775</v>
      </c>
      <c r="I3932" t="s">
        <v>30540</v>
      </c>
    </row>
    <row r="3933" spans="1:9">
      <c r="A3933" s="1">
        <v>0.96848548528947254</v>
      </c>
      <c r="B3933" s="1"/>
      <c r="C3933">
        <v>20</v>
      </c>
      <c r="D3933" t="s">
        <v>10778</v>
      </c>
      <c r="E3933" t="s">
        <v>32137</v>
      </c>
      <c r="F3933">
        <v>4</v>
      </c>
      <c r="G3933" t="s">
        <v>15</v>
      </c>
      <c r="H3933" t="s">
        <v>10779</v>
      </c>
      <c r="I3933" t="s">
        <v>30540</v>
      </c>
    </row>
    <row r="3934" spans="1:9">
      <c r="A3934" s="1">
        <v>0.90368724502202313</v>
      </c>
      <c r="B3934" s="1"/>
      <c r="C3934">
        <v>15</v>
      </c>
      <c r="D3934" t="s">
        <v>10772</v>
      </c>
      <c r="E3934" t="s">
        <v>32137</v>
      </c>
      <c r="F3934">
        <v>4</v>
      </c>
      <c r="G3934" t="s">
        <v>774</v>
      </c>
      <c r="H3934" t="s">
        <v>10773</v>
      </c>
      <c r="I3934" t="s">
        <v>30540</v>
      </c>
    </row>
    <row r="3935" spans="1:9">
      <c r="A3935" s="1">
        <v>0.76898464227934527</v>
      </c>
      <c r="B3935" s="1"/>
      <c r="C3935">
        <v>18</v>
      </c>
      <c r="D3935" t="s">
        <v>10776</v>
      </c>
      <c r="E3935" t="s">
        <v>32137</v>
      </c>
      <c r="F3935">
        <v>3</v>
      </c>
      <c r="G3935" t="s">
        <v>15</v>
      </c>
      <c r="H3935" t="s">
        <v>10777</v>
      </c>
      <c r="I3935" t="s">
        <v>30540</v>
      </c>
    </row>
    <row r="3936" spans="1:9">
      <c r="A3936" s="1">
        <v>0.89915414895964896</v>
      </c>
      <c r="B3936" s="1"/>
      <c r="C3936">
        <v>1</v>
      </c>
      <c r="D3936" t="s">
        <v>10756</v>
      </c>
      <c r="E3936" t="s">
        <v>32138</v>
      </c>
      <c r="F3936">
        <v>4</v>
      </c>
      <c r="G3936" t="s">
        <v>2</v>
      </c>
      <c r="H3936" t="s">
        <v>10757</v>
      </c>
      <c r="I3936" t="s">
        <v>30540</v>
      </c>
    </row>
    <row r="3937" spans="1:9">
      <c r="A3937" s="1">
        <v>0.2142112633024762</v>
      </c>
      <c r="B3937" s="1"/>
      <c r="C3937">
        <v>16</v>
      </c>
      <c r="D3937" t="s">
        <v>10762</v>
      </c>
      <c r="E3937" t="s">
        <v>32138</v>
      </c>
      <c r="F3937">
        <v>4</v>
      </c>
      <c r="G3937" t="s">
        <v>0</v>
      </c>
      <c r="H3937" t="s">
        <v>10763</v>
      </c>
      <c r="I3937" t="s">
        <v>30540</v>
      </c>
    </row>
    <row r="3938" spans="1:9">
      <c r="A3938" s="1">
        <v>0.40178002942566771</v>
      </c>
      <c r="B3938" s="1"/>
      <c r="C3938">
        <v>18</v>
      </c>
      <c r="D3938" t="s">
        <v>10766</v>
      </c>
      <c r="E3938" t="s">
        <v>32138</v>
      </c>
      <c r="F3938">
        <v>4</v>
      </c>
      <c r="G3938" t="s">
        <v>0</v>
      </c>
      <c r="H3938" t="s">
        <v>10767</v>
      </c>
      <c r="I3938" t="s">
        <v>30540</v>
      </c>
    </row>
    <row r="3939" spans="1:9">
      <c r="A3939" s="1">
        <v>0.2520349832419313</v>
      </c>
      <c r="B3939" s="1"/>
      <c r="C3939">
        <v>17</v>
      </c>
      <c r="D3939" t="s">
        <v>10764</v>
      </c>
      <c r="E3939" t="s">
        <v>32138</v>
      </c>
      <c r="F3939">
        <v>4</v>
      </c>
      <c r="G3939" t="s">
        <v>0</v>
      </c>
      <c r="H3939" t="s">
        <v>10765</v>
      </c>
      <c r="I3939" t="s">
        <v>30540</v>
      </c>
    </row>
    <row r="3940" spans="1:9">
      <c r="A3940" s="1">
        <v>0.14868765543130913</v>
      </c>
      <c r="B3940" s="1"/>
      <c r="C3940">
        <v>20</v>
      </c>
      <c r="D3940" t="s">
        <v>10768</v>
      </c>
      <c r="E3940" t="s">
        <v>32138</v>
      </c>
      <c r="F3940">
        <v>4</v>
      </c>
      <c r="G3940" t="s">
        <v>0</v>
      </c>
      <c r="H3940" t="s">
        <v>10769</v>
      </c>
      <c r="I3940" t="s">
        <v>30540</v>
      </c>
    </row>
    <row r="3941" spans="1:9">
      <c r="A3941" s="1">
        <v>0.7418037384922388</v>
      </c>
      <c r="B3941" s="1"/>
      <c r="C3941">
        <v>11</v>
      </c>
      <c r="D3941" t="s">
        <v>10758</v>
      </c>
      <c r="E3941" t="s">
        <v>32138</v>
      </c>
      <c r="F3941">
        <v>3</v>
      </c>
      <c r="G3941" t="s">
        <v>15</v>
      </c>
      <c r="H3941" t="s">
        <v>10759</v>
      </c>
      <c r="I3941" t="s">
        <v>30540</v>
      </c>
    </row>
    <row r="3942" spans="1:9">
      <c r="A3942" s="1">
        <v>0.78461961901724131</v>
      </c>
      <c r="B3942" s="1"/>
      <c r="C3942">
        <v>5</v>
      </c>
      <c r="D3942" t="s">
        <v>10750</v>
      </c>
      <c r="E3942" t="s">
        <v>32139</v>
      </c>
      <c r="F3942">
        <v>4</v>
      </c>
      <c r="G3942" t="s">
        <v>762</v>
      </c>
      <c r="H3942" t="s">
        <v>10751</v>
      </c>
      <c r="I3942" t="s">
        <v>30540</v>
      </c>
    </row>
    <row r="3943" spans="1:9">
      <c r="A3943" s="1">
        <v>0.42871719804362707</v>
      </c>
      <c r="B3943" s="1"/>
      <c r="C3943">
        <v>16</v>
      </c>
      <c r="D3943" t="s">
        <v>10752</v>
      </c>
      <c r="E3943" t="s">
        <v>32139</v>
      </c>
      <c r="F3943">
        <v>4</v>
      </c>
      <c r="G3943" t="s">
        <v>0</v>
      </c>
      <c r="H3943" t="s">
        <v>10753</v>
      </c>
      <c r="I3943" t="s">
        <v>30540</v>
      </c>
    </row>
    <row r="3944" spans="1:9">
      <c r="A3944" s="1">
        <v>0.29502547661823153</v>
      </c>
      <c r="B3944" s="1"/>
      <c r="C3944">
        <v>18</v>
      </c>
      <c r="D3944" t="s">
        <v>10754</v>
      </c>
      <c r="E3944" t="s">
        <v>32139</v>
      </c>
      <c r="F3944">
        <v>4</v>
      </c>
      <c r="G3944" t="s">
        <v>15</v>
      </c>
      <c r="H3944" t="s">
        <v>10755</v>
      </c>
      <c r="I3944" t="s">
        <v>30540</v>
      </c>
    </row>
    <row r="3945" spans="1:9">
      <c r="A3945" s="1">
        <v>0.68818109210364709</v>
      </c>
      <c r="B3945" s="1"/>
      <c r="C3945">
        <v>2</v>
      </c>
      <c r="D3945" t="s">
        <v>10740</v>
      </c>
      <c r="E3945" t="s">
        <v>32140</v>
      </c>
      <c r="F3945">
        <v>5</v>
      </c>
      <c r="G3945" t="s">
        <v>9</v>
      </c>
      <c r="H3945" t="s">
        <v>10741</v>
      </c>
      <c r="I3945" t="s">
        <v>30540</v>
      </c>
    </row>
    <row r="3946" spans="1:9">
      <c r="A3946" s="1">
        <v>0.29786411035439042</v>
      </c>
      <c r="B3946" s="1"/>
      <c r="C3946">
        <v>13</v>
      </c>
      <c r="D3946" t="s">
        <v>10746</v>
      </c>
      <c r="E3946" t="s">
        <v>32140</v>
      </c>
      <c r="F3946">
        <v>5</v>
      </c>
      <c r="G3946" t="s">
        <v>0</v>
      </c>
      <c r="H3946" t="s">
        <v>10747</v>
      </c>
      <c r="I3946" t="s">
        <v>30540</v>
      </c>
    </row>
    <row r="3947" spans="1:9">
      <c r="A3947" s="1">
        <v>0.76656606832996621</v>
      </c>
      <c r="B3947" s="1"/>
      <c r="C3947">
        <v>14</v>
      </c>
      <c r="D3947" t="s">
        <v>10748</v>
      </c>
      <c r="E3947" t="s">
        <v>32140</v>
      </c>
      <c r="F3947">
        <v>4</v>
      </c>
      <c r="G3947" t="s">
        <v>0</v>
      </c>
      <c r="H3947" t="s">
        <v>10749</v>
      </c>
      <c r="I3947" t="s">
        <v>30540</v>
      </c>
    </row>
    <row r="3948" spans="1:9">
      <c r="A3948" s="1">
        <v>0.13087139826144645</v>
      </c>
      <c r="B3948" s="1"/>
      <c r="C3948">
        <v>12</v>
      </c>
      <c r="D3948" t="s">
        <v>10744</v>
      </c>
      <c r="E3948" t="s">
        <v>32140</v>
      </c>
      <c r="F3948">
        <v>4</v>
      </c>
      <c r="G3948" t="s">
        <v>0</v>
      </c>
      <c r="H3948" t="s">
        <v>10745</v>
      </c>
      <c r="I3948" t="s">
        <v>30540</v>
      </c>
    </row>
    <row r="3949" spans="1:9">
      <c r="A3949" s="1">
        <v>0.85057303193612765</v>
      </c>
      <c r="B3949" s="1"/>
      <c r="C3949">
        <v>10</v>
      </c>
      <c r="D3949" t="s">
        <v>10742</v>
      </c>
      <c r="E3949" t="s">
        <v>32140</v>
      </c>
      <c r="F3949">
        <v>4</v>
      </c>
      <c r="G3949" t="s">
        <v>0</v>
      </c>
      <c r="H3949" t="s">
        <v>10743</v>
      </c>
      <c r="I3949" t="s">
        <v>30540</v>
      </c>
    </row>
    <row r="3950" spans="1:9">
      <c r="A3950" s="1">
        <v>0.47814917606677942</v>
      </c>
      <c r="B3950" s="1"/>
      <c r="C3950">
        <v>7</v>
      </c>
      <c r="D3950" t="s">
        <v>10728</v>
      </c>
      <c r="E3950" t="s">
        <v>32141</v>
      </c>
      <c r="F3950">
        <v>5</v>
      </c>
      <c r="G3950" t="s">
        <v>0</v>
      </c>
      <c r="H3950" t="s">
        <v>10729</v>
      </c>
      <c r="I3950" t="s">
        <v>30540</v>
      </c>
    </row>
    <row r="3951" spans="1:9">
      <c r="A3951" s="1">
        <v>0.16120646725056598</v>
      </c>
      <c r="B3951" s="1"/>
      <c r="C3951">
        <v>13</v>
      </c>
      <c r="D3951" t="s">
        <v>10732</v>
      </c>
      <c r="E3951" t="s">
        <v>32141</v>
      </c>
      <c r="F3951">
        <v>4</v>
      </c>
      <c r="G3951" t="s">
        <v>2</v>
      </c>
      <c r="H3951" t="s">
        <v>10733</v>
      </c>
      <c r="I3951" t="s">
        <v>30540</v>
      </c>
    </row>
    <row r="3952" spans="1:9">
      <c r="A3952" s="1">
        <v>0.66192144561552235</v>
      </c>
      <c r="B3952" s="1"/>
      <c r="C3952">
        <v>19</v>
      </c>
      <c r="D3952" t="s">
        <v>10738</v>
      </c>
      <c r="E3952" t="s">
        <v>32141</v>
      </c>
      <c r="F3952">
        <v>4</v>
      </c>
      <c r="G3952" t="s">
        <v>15</v>
      </c>
      <c r="H3952" t="s">
        <v>10739</v>
      </c>
      <c r="I3952" t="s">
        <v>30540</v>
      </c>
    </row>
    <row r="3953" spans="1:9">
      <c r="A3953" s="1">
        <v>0.21826261603054198</v>
      </c>
      <c r="B3953" s="1"/>
      <c r="C3953">
        <v>16</v>
      </c>
      <c r="D3953" t="s">
        <v>10736</v>
      </c>
      <c r="E3953" t="s">
        <v>32141</v>
      </c>
      <c r="F3953">
        <v>4</v>
      </c>
      <c r="G3953" t="s">
        <v>0</v>
      </c>
      <c r="H3953" t="s">
        <v>10737</v>
      </c>
      <c r="I3953" t="s">
        <v>30540</v>
      </c>
    </row>
    <row r="3954" spans="1:9">
      <c r="A3954" s="1">
        <v>7.7671523495336015E-2</v>
      </c>
      <c r="B3954" s="1"/>
      <c r="C3954">
        <v>15</v>
      </c>
      <c r="D3954" t="s">
        <v>10734</v>
      </c>
      <c r="E3954" t="s">
        <v>32141</v>
      </c>
      <c r="F3954">
        <v>4</v>
      </c>
      <c r="G3954" t="s">
        <v>770</v>
      </c>
      <c r="H3954" t="s">
        <v>10735</v>
      </c>
      <c r="I3954" t="s">
        <v>30540</v>
      </c>
    </row>
    <row r="3955" spans="1:9">
      <c r="A3955" s="1">
        <v>0.86877833782645375</v>
      </c>
      <c r="B3955" s="1"/>
      <c r="C3955">
        <v>20</v>
      </c>
      <c r="D3955" t="s">
        <v>10410</v>
      </c>
      <c r="E3955" t="s">
        <v>32142</v>
      </c>
      <c r="F3955">
        <v>5</v>
      </c>
      <c r="G3955" t="s">
        <v>10</v>
      </c>
      <c r="H3955" t="s">
        <v>10727</v>
      </c>
      <c r="I3955" t="s">
        <v>30540</v>
      </c>
    </row>
    <row r="3956" spans="1:9">
      <c r="A3956" s="1">
        <v>0.12658016287060858</v>
      </c>
      <c r="B3956" s="1"/>
      <c r="C3956">
        <v>6</v>
      </c>
      <c r="D3956" t="s">
        <v>10717</v>
      </c>
      <c r="E3956" t="s">
        <v>32142</v>
      </c>
      <c r="F3956">
        <v>5</v>
      </c>
      <c r="G3956" t="s">
        <v>0</v>
      </c>
      <c r="H3956" t="s">
        <v>10718</v>
      </c>
      <c r="I3956" t="s">
        <v>30540</v>
      </c>
    </row>
    <row r="3957" spans="1:9">
      <c r="A3957" s="1">
        <v>0.7015414790902057</v>
      </c>
      <c r="B3957" s="1"/>
      <c r="C3957">
        <v>17</v>
      </c>
      <c r="D3957" t="s">
        <v>10723</v>
      </c>
      <c r="E3957" t="s">
        <v>32142</v>
      </c>
      <c r="F3957">
        <v>4</v>
      </c>
      <c r="G3957" t="s">
        <v>0</v>
      </c>
      <c r="H3957" t="s">
        <v>10724</v>
      </c>
      <c r="I3957" t="s">
        <v>30540</v>
      </c>
    </row>
    <row r="3958" spans="1:9">
      <c r="A3958" s="1">
        <v>3.7342228014557333E-2</v>
      </c>
      <c r="B3958" s="1"/>
      <c r="C3958">
        <v>13</v>
      </c>
      <c r="D3958" t="s">
        <v>10719</v>
      </c>
      <c r="E3958" t="s">
        <v>32142</v>
      </c>
      <c r="F3958">
        <v>4</v>
      </c>
      <c r="G3958" t="s">
        <v>0</v>
      </c>
      <c r="H3958" t="s">
        <v>10720</v>
      </c>
      <c r="I3958" t="s">
        <v>30540</v>
      </c>
    </row>
    <row r="3959" spans="1:9">
      <c r="A3959" s="1">
        <v>0.79177886943133513</v>
      </c>
      <c r="B3959" s="1"/>
      <c r="C3959">
        <v>15</v>
      </c>
      <c r="D3959" t="s">
        <v>10721</v>
      </c>
      <c r="E3959" t="s">
        <v>32142</v>
      </c>
      <c r="F3959">
        <v>4</v>
      </c>
      <c r="G3959" t="s">
        <v>10</v>
      </c>
      <c r="H3959" t="s">
        <v>10722</v>
      </c>
      <c r="I3959" t="s">
        <v>30540</v>
      </c>
    </row>
    <row r="3960" spans="1:9">
      <c r="A3960" s="1">
        <v>0.19990245389686367</v>
      </c>
      <c r="B3960" s="1"/>
      <c r="C3960">
        <v>18</v>
      </c>
      <c r="D3960" t="s">
        <v>10725</v>
      </c>
      <c r="E3960" t="s">
        <v>32142</v>
      </c>
      <c r="F3960">
        <v>4</v>
      </c>
      <c r="G3960" t="s">
        <v>0</v>
      </c>
      <c r="H3960" t="s">
        <v>10726</v>
      </c>
      <c r="I3960" t="s">
        <v>30540</v>
      </c>
    </row>
    <row r="3961" spans="1:9">
      <c r="A3961" s="1">
        <v>0.67612906738955314</v>
      </c>
      <c r="B3961" s="1"/>
      <c r="C3961">
        <v>2</v>
      </c>
      <c r="D3961" t="s">
        <v>10715</v>
      </c>
      <c r="E3961" t="s">
        <v>32142</v>
      </c>
      <c r="F3961">
        <v>3</v>
      </c>
      <c r="G3961" t="s">
        <v>13</v>
      </c>
      <c r="H3961" t="s">
        <v>10716</v>
      </c>
      <c r="I3961" t="s">
        <v>30540</v>
      </c>
    </row>
    <row r="3962" spans="1:9">
      <c r="A3962" s="1">
        <v>0.67986385124206061</v>
      </c>
      <c r="B3962" s="1"/>
      <c r="C3962">
        <v>13</v>
      </c>
      <c r="D3962" t="s">
        <v>10705</v>
      </c>
      <c r="E3962" t="s">
        <v>32143</v>
      </c>
      <c r="F3962">
        <v>5</v>
      </c>
      <c r="G3962" t="s">
        <v>0</v>
      </c>
      <c r="H3962" t="s">
        <v>10706</v>
      </c>
      <c r="I3962" t="s">
        <v>30540</v>
      </c>
    </row>
    <row r="3963" spans="1:9">
      <c r="A3963" s="1">
        <v>0.26831810528065647</v>
      </c>
      <c r="B3963" s="1"/>
      <c r="C3963">
        <v>1</v>
      </c>
      <c r="D3963" t="s">
        <v>10699</v>
      </c>
      <c r="E3963" t="s">
        <v>32143</v>
      </c>
      <c r="F3963">
        <v>4</v>
      </c>
      <c r="G3963" t="s">
        <v>766</v>
      </c>
      <c r="H3963" t="s">
        <v>10700</v>
      </c>
      <c r="I3963" t="s">
        <v>30540</v>
      </c>
    </row>
    <row r="3964" spans="1:9">
      <c r="A3964" s="1">
        <v>0.86171841468490384</v>
      </c>
      <c r="B3964" s="1"/>
      <c r="C3964">
        <v>19</v>
      </c>
      <c r="D3964" t="s">
        <v>10713</v>
      </c>
      <c r="E3964" t="s">
        <v>32143</v>
      </c>
      <c r="F3964">
        <v>4</v>
      </c>
      <c r="G3964" t="s">
        <v>0</v>
      </c>
      <c r="H3964" t="s">
        <v>10714</v>
      </c>
      <c r="I3964" t="s">
        <v>30540</v>
      </c>
    </row>
    <row r="3965" spans="1:9">
      <c r="A3965" s="1">
        <v>0.57896526528483794</v>
      </c>
      <c r="B3965" s="1"/>
      <c r="C3965">
        <v>18</v>
      </c>
      <c r="D3965" t="s">
        <v>10711</v>
      </c>
      <c r="E3965" t="s">
        <v>32143</v>
      </c>
      <c r="F3965">
        <v>4</v>
      </c>
      <c r="G3965" t="s">
        <v>0</v>
      </c>
      <c r="H3965" t="s">
        <v>10712</v>
      </c>
      <c r="I3965" t="s">
        <v>30540</v>
      </c>
    </row>
    <row r="3966" spans="1:9">
      <c r="A3966" s="1">
        <v>0.59955513316830766</v>
      </c>
      <c r="B3966" s="1"/>
      <c r="C3966">
        <v>3</v>
      </c>
      <c r="D3966" t="s">
        <v>10701</v>
      </c>
      <c r="E3966" t="s">
        <v>32143</v>
      </c>
      <c r="F3966">
        <v>4</v>
      </c>
      <c r="G3966" t="s">
        <v>762</v>
      </c>
      <c r="H3966" t="s">
        <v>10702</v>
      </c>
      <c r="I3966" t="s">
        <v>30540</v>
      </c>
    </row>
    <row r="3967" spans="1:9">
      <c r="A3967" s="1">
        <v>7.8907059551977077E-2</v>
      </c>
      <c r="B3967" s="1"/>
      <c r="C3967">
        <v>11</v>
      </c>
      <c r="D3967" t="s">
        <v>10703</v>
      </c>
      <c r="E3967" t="s">
        <v>32143</v>
      </c>
      <c r="F3967">
        <v>3</v>
      </c>
      <c r="G3967" t="s">
        <v>774</v>
      </c>
      <c r="H3967" t="s">
        <v>10704</v>
      </c>
      <c r="I3967" t="s">
        <v>30540</v>
      </c>
    </row>
    <row r="3968" spans="1:9">
      <c r="A3968" s="1">
        <v>0.68402851830800215</v>
      </c>
      <c r="B3968" s="1"/>
      <c r="C3968">
        <v>17</v>
      </c>
      <c r="D3968" t="s">
        <v>10709</v>
      </c>
      <c r="E3968" t="s">
        <v>32143</v>
      </c>
      <c r="F3968">
        <v>3</v>
      </c>
      <c r="G3968" t="s">
        <v>2</v>
      </c>
      <c r="H3968" t="s">
        <v>10710</v>
      </c>
      <c r="I3968" t="s">
        <v>30540</v>
      </c>
    </row>
    <row r="3969" spans="1:9">
      <c r="A3969" s="1">
        <v>0.86175549110863015</v>
      </c>
      <c r="B3969" s="1"/>
      <c r="C3969">
        <v>1</v>
      </c>
      <c r="D3969" t="s">
        <v>10685</v>
      </c>
      <c r="E3969" t="s">
        <v>32145</v>
      </c>
      <c r="F3969">
        <v>5</v>
      </c>
      <c r="G3969" t="s">
        <v>9</v>
      </c>
      <c r="H3969" t="s">
        <v>10686</v>
      </c>
      <c r="I3969" t="s">
        <v>30540</v>
      </c>
    </row>
    <row r="3970" spans="1:9">
      <c r="A3970" s="1">
        <v>6.4831816213054005E-2</v>
      </c>
      <c r="B3970" s="1"/>
      <c r="C3970">
        <v>10</v>
      </c>
      <c r="D3970" t="s">
        <v>10689</v>
      </c>
      <c r="E3970" t="s">
        <v>32145</v>
      </c>
      <c r="F3970">
        <v>4</v>
      </c>
      <c r="G3970" t="s">
        <v>0</v>
      </c>
      <c r="H3970" t="s">
        <v>10690</v>
      </c>
      <c r="I3970" t="s">
        <v>30540</v>
      </c>
    </row>
    <row r="3971" spans="1:9">
      <c r="A3971" s="1">
        <v>0.43680576195210363</v>
      </c>
      <c r="B3971" s="1"/>
      <c r="C3971">
        <v>11</v>
      </c>
      <c r="D3971" t="s">
        <v>10691</v>
      </c>
      <c r="E3971" t="s">
        <v>32145</v>
      </c>
      <c r="F3971">
        <v>4</v>
      </c>
      <c r="G3971" t="s">
        <v>0</v>
      </c>
      <c r="H3971" t="s">
        <v>10692</v>
      </c>
      <c r="I3971" t="s">
        <v>30540</v>
      </c>
    </row>
    <row r="3972" spans="1:9">
      <c r="A3972" s="1">
        <v>0.59961754671509326</v>
      </c>
      <c r="B3972" s="1"/>
      <c r="C3972">
        <v>12</v>
      </c>
      <c r="D3972" t="s">
        <v>10693</v>
      </c>
      <c r="E3972" t="s">
        <v>32145</v>
      </c>
      <c r="F3972">
        <v>4</v>
      </c>
      <c r="G3972" t="s">
        <v>0</v>
      </c>
      <c r="H3972" t="s">
        <v>10694</v>
      </c>
      <c r="I3972" t="s">
        <v>30540</v>
      </c>
    </row>
    <row r="3973" spans="1:9">
      <c r="A3973" s="1">
        <v>0.41536570237632953</v>
      </c>
      <c r="B3973" s="1"/>
      <c r="C3973">
        <v>9</v>
      </c>
      <c r="D3973" t="s">
        <v>10677</v>
      </c>
      <c r="E3973" t="s">
        <v>32146</v>
      </c>
      <c r="F3973">
        <v>4</v>
      </c>
      <c r="G3973" t="s">
        <v>14</v>
      </c>
      <c r="H3973" t="s">
        <v>10678</v>
      </c>
      <c r="I3973" t="s">
        <v>30540</v>
      </c>
    </row>
    <row r="3974" spans="1:9">
      <c r="A3974" s="1">
        <v>3.4208110728372598E-2</v>
      </c>
      <c r="B3974" s="1"/>
      <c r="C3974">
        <v>16</v>
      </c>
      <c r="D3974" t="s">
        <v>10681</v>
      </c>
      <c r="E3974" t="s">
        <v>32146</v>
      </c>
      <c r="F3974">
        <v>4</v>
      </c>
      <c r="G3974" t="s">
        <v>0</v>
      </c>
      <c r="H3974" t="s">
        <v>10682</v>
      </c>
      <c r="I3974" t="s">
        <v>30540</v>
      </c>
    </row>
    <row r="3975" spans="1:9">
      <c r="A3975" s="1">
        <v>0.11534892067180591</v>
      </c>
      <c r="B3975" s="1"/>
      <c r="C3975">
        <v>8</v>
      </c>
      <c r="D3975" t="s">
        <v>10675</v>
      </c>
      <c r="E3975" t="s">
        <v>32146</v>
      </c>
      <c r="F3975">
        <v>4</v>
      </c>
      <c r="G3975" t="s">
        <v>15</v>
      </c>
      <c r="H3975" t="s">
        <v>10676</v>
      </c>
      <c r="I3975" t="s">
        <v>30540</v>
      </c>
    </row>
    <row r="3976" spans="1:9">
      <c r="A3976" s="1">
        <v>2.0179028539762278E-2</v>
      </c>
      <c r="B3976" s="1"/>
      <c r="C3976">
        <v>6</v>
      </c>
      <c r="D3976" t="s">
        <v>10673</v>
      </c>
      <c r="E3976" t="s">
        <v>32146</v>
      </c>
      <c r="F3976">
        <v>4</v>
      </c>
      <c r="G3976" t="s">
        <v>0</v>
      </c>
      <c r="H3976" t="s">
        <v>10674</v>
      </c>
      <c r="I3976" t="s">
        <v>30540</v>
      </c>
    </row>
    <row r="3977" spans="1:9">
      <c r="A3977" s="1">
        <v>0.17206473154594559</v>
      </c>
      <c r="B3977" s="1"/>
      <c r="C3977">
        <v>13</v>
      </c>
      <c r="D3977" t="s">
        <v>10679</v>
      </c>
      <c r="E3977" t="s">
        <v>32146</v>
      </c>
      <c r="F3977">
        <v>4</v>
      </c>
      <c r="G3977" t="s">
        <v>9</v>
      </c>
      <c r="H3977" t="s">
        <v>10680</v>
      </c>
      <c r="I3977" t="s">
        <v>30540</v>
      </c>
    </row>
    <row r="3978" spans="1:9">
      <c r="A3978" s="1">
        <v>0.39261497629206987</v>
      </c>
      <c r="B3978" s="1"/>
      <c r="C3978">
        <v>18</v>
      </c>
      <c r="D3978" t="s">
        <v>10683</v>
      </c>
      <c r="E3978" t="s">
        <v>32146</v>
      </c>
      <c r="F3978">
        <v>3</v>
      </c>
      <c r="G3978" t="s">
        <v>0</v>
      </c>
      <c r="H3978" t="s">
        <v>10684</v>
      </c>
      <c r="I3978" t="s">
        <v>30540</v>
      </c>
    </row>
    <row r="3979" spans="1:9">
      <c r="A3979" s="1">
        <v>0.31826133959587555</v>
      </c>
      <c r="B3979" s="1"/>
      <c r="C3979">
        <v>9</v>
      </c>
      <c r="D3979" t="s">
        <v>10667</v>
      </c>
      <c r="E3979" t="s">
        <v>32147</v>
      </c>
      <c r="F3979">
        <v>5</v>
      </c>
      <c r="G3979" t="s">
        <v>0</v>
      </c>
      <c r="H3979" t="s">
        <v>10668</v>
      </c>
      <c r="I3979" t="s">
        <v>30540</v>
      </c>
    </row>
    <row r="3980" spans="1:9">
      <c r="A3980" s="1">
        <v>0.12653250215892242</v>
      </c>
      <c r="B3980" s="1"/>
      <c r="C3980">
        <v>12</v>
      </c>
      <c r="D3980" t="s">
        <v>10669</v>
      </c>
      <c r="E3980" t="s">
        <v>32147</v>
      </c>
      <c r="F3980">
        <v>4</v>
      </c>
      <c r="G3980" t="s">
        <v>9</v>
      </c>
      <c r="H3980" t="s">
        <v>10670</v>
      </c>
      <c r="I3980" t="s">
        <v>30540</v>
      </c>
    </row>
    <row r="3981" spans="1:9">
      <c r="A3981" s="1">
        <v>0.73214479588138137</v>
      </c>
      <c r="B3981" s="1"/>
      <c r="C3981">
        <v>13</v>
      </c>
      <c r="D3981" t="s">
        <v>10671</v>
      </c>
      <c r="E3981" t="s">
        <v>32147</v>
      </c>
      <c r="F3981">
        <v>4</v>
      </c>
      <c r="G3981" t="s">
        <v>0</v>
      </c>
      <c r="H3981" t="s">
        <v>10672</v>
      </c>
      <c r="I3981" t="s">
        <v>30540</v>
      </c>
    </row>
    <row r="3982" spans="1:9">
      <c r="A3982" s="1">
        <v>0.87557281795372144</v>
      </c>
      <c r="B3982" s="1"/>
      <c r="C3982">
        <v>6</v>
      </c>
      <c r="D3982" t="s">
        <v>10659</v>
      </c>
      <c r="E3982" t="s">
        <v>32148</v>
      </c>
      <c r="F3982">
        <v>4</v>
      </c>
      <c r="G3982" t="s">
        <v>774</v>
      </c>
      <c r="H3982" t="s">
        <v>10660</v>
      </c>
      <c r="I3982" t="s">
        <v>30540</v>
      </c>
    </row>
    <row r="3983" spans="1:9">
      <c r="A3983" s="1">
        <v>0.27739731136926093</v>
      </c>
      <c r="B3983" s="1"/>
      <c r="C3983">
        <v>14</v>
      </c>
      <c r="D3983" t="s">
        <v>10661</v>
      </c>
      <c r="E3983" t="s">
        <v>32148</v>
      </c>
      <c r="F3983">
        <v>4</v>
      </c>
      <c r="G3983" t="s">
        <v>0</v>
      </c>
      <c r="H3983" t="s">
        <v>10662</v>
      </c>
      <c r="I3983" t="s">
        <v>30540</v>
      </c>
    </row>
    <row r="3984" spans="1:9">
      <c r="A3984" s="1">
        <v>0.27540462792896336</v>
      </c>
      <c r="B3984" s="1"/>
      <c r="C3984">
        <v>3</v>
      </c>
      <c r="D3984" t="s">
        <v>10651</v>
      </c>
      <c r="E3984" t="s">
        <v>32149</v>
      </c>
      <c r="F3984">
        <v>5</v>
      </c>
      <c r="G3984" t="s">
        <v>15</v>
      </c>
      <c r="H3984" t="s">
        <v>10652</v>
      </c>
      <c r="I3984" t="s">
        <v>30540</v>
      </c>
    </row>
    <row r="3985" spans="1:9">
      <c r="A3985" s="1">
        <v>0.62923337524708656</v>
      </c>
      <c r="B3985" s="1"/>
      <c r="C3985">
        <v>16</v>
      </c>
      <c r="D3985" t="s">
        <v>10655</v>
      </c>
      <c r="E3985" t="s">
        <v>32149</v>
      </c>
      <c r="F3985">
        <v>5</v>
      </c>
      <c r="G3985" t="s">
        <v>0</v>
      </c>
      <c r="H3985" t="s">
        <v>10656</v>
      </c>
      <c r="I3985" t="s">
        <v>30540</v>
      </c>
    </row>
    <row r="3986" spans="1:9">
      <c r="A3986" s="1">
        <v>0.56503575099245895</v>
      </c>
      <c r="B3986" s="1"/>
      <c r="C3986">
        <v>2</v>
      </c>
      <c r="D3986" t="s">
        <v>10649</v>
      </c>
      <c r="E3986" t="s">
        <v>32149</v>
      </c>
      <c r="F3986">
        <v>5</v>
      </c>
      <c r="G3986" t="s">
        <v>765</v>
      </c>
      <c r="H3986" t="s">
        <v>10650</v>
      </c>
      <c r="I3986" t="s">
        <v>30540</v>
      </c>
    </row>
    <row r="3987" spans="1:9">
      <c r="A3987" s="1">
        <v>0.18488378224531143</v>
      </c>
      <c r="B3987" s="1"/>
      <c r="C3987">
        <v>17</v>
      </c>
      <c r="D3987" t="s">
        <v>10657</v>
      </c>
      <c r="E3987" t="s">
        <v>32149</v>
      </c>
      <c r="F3987">
        <v>3</v>
      </c>
      <c r="G3987" t="s">
        <v>9</v>
      </c>
      <c r="H3987" t="s">
        <v>10658</v>
      </c>
      <c r="I3987" t="s">
        <v>30540</v>
      </c>
    </row>
    <row r="3988" spans="1:9">
      <c r="A3988" s="1">
        <v>0.52769870605604563</v>
      </c>
      <c r="B3988" s="1"/>
      <c r="C3988">
        <v>8</v>
      </c>
      <c r="D3988" t="s">
        <v>10637</v>
      </c>
      <c r="E3988" t="s">
        <v>32150</v>
      </c>
      <c r="F3988">
        <v>5</v>
      </c>
      <c r="G3988" t="s">
        <v>9</v>
      </c>
      <c r="H3988" t="s">
        <v>10638</v>
      </c>
      <c r="I3988" t="s">
        <v>30540</v>
      </c>
    </row>
    <row r="3989" spans="1:9">
      <c r="A3989" s="1">
        <v>0.76942459727351165</v>
      </c>
      <c r="B3989" s="1"/>
      <c r="C3989">
        <v>14</v>
      </c>
      <c r="D3989" t="s">
        <v>10643</v>
      </c>
      <c r="E3989" t="s">
        <v>32150</v>
      </c>
      <c r="F3989">
        <v>5</v>
      </c>
      <c r="G3989" t="s">
        <v>10</v>
      </c>
      <c r="H3989" t="s">
        <v>10644</v>
      </c>
      <c r="I3989" t="s">
        <v>30540</v>
      </c>
    </row>
    <row r="3990" spans="1:9">
      <c r="A3990" s="1">
        <v>0.71679076185179202</v>
      </c>
      <c r="B3990" s="1"/>
      <c r="C3990">
        <v>7</v>
      </c>
      <c r="D3990" t="s">
        <v>10635</v>
      </c>
      <c r="E3990" t="s">
        <v>32150</v>
      </c>
      <c r="F3990">
        <v>4</v>
      </c>
      <c r="G3990" t="s">
        <v>0</v>
      </c>
      <c r="H3990" t="s">
        <v>10636</v>
      </c>
      <c r="I3990" t="s">
        <v>30540</v>
      </c>
    </row>
    <row r="3991" spans="1:9">
      <c r="A3991" s="1">
        <v>0.94483528433028885</v>
      </c>
      <c r="B3991" s="1"/>
      <c r="C3991">
        <v>11</v>
      </c>
      <c r="D3991" t="s">
        <v>10639</v>
      </c>
      <c r="E3991" t="s">
        <v>32150</v>
      </c>
      <c r="F3991">
        <v>4</v>
      </c>
      <c r="G3991" t="s">
        <v>0</v>
      </c>
      <c r="H3991" t="s">
        <v>10640</v>
      </c>
      <c r="I3991" t="s">
        <v>30540</v>
      </c>
    </row>
    <row r="3992" spans="1:9">
      <c r="A3992" s="1">
        <v>5.0029398795069846E-2</v>
      </c>
      <c r="B3992" s="1"/>
      <c r="C3992">
        <v>16</v>
      </c>
      <c r="D3992" t="s">
        <v>10645</v>
      </c>
      <c r="E3992" t="s">
        <v>32150</v>
      </c>
      <c r="F3992">
        <v>4</v>
      </c>
      <c r="G3992" t="s">
        <v>0</v>
      </c>
      <c r="H3992" t="s">
        <v>10646</v>
      </c>
      <c r="I3992" t="s">
        <v>30540</v>
      </c>
    </row>
    <row r="3993" spans="1:9">
      <c r="A3993" s="1">
        <v>0.79043846085414449</v>
      </c>
      <c r="B3993" s="1"/>
      <c r="C3993">
        <v>17</v>
      </c>
      <c r="D3993" t="s">
        <v>10647</v>
      </c>
      <c r="E3993" t="s">
        <v>32150</v>
      </c>
      <c r="F3993">
        <v>4</v>
      </c>
      <c r="G3993" t="s">
        <v>0</v>
      </c>
      <c r="H3993" t="s">
        <v>10648</v>
      </c>
      <c r="I3993" t="s">
        <v>30540</v>
      </c>
    </row>
    <row r="3994" spans="1:9">
      <c r="A3994" s="1">
        <v>0.33372483447730272</v>
      </c>
      <c r="B3994" s="1"/>
      <c r="C3994">
        <v>13</v>
      </c>
      <c r="D3994" t="s">
        <v>10629</v>
      </c>
      <c r="E3994" t="s">
        <v>32151</v>
      </c>
      <c r="F3994">
        <v>4</v>
      </c>
      <c r="G3994" t="s">
        <v>766</v>
      </c>
      <c r="H3994" t="s">
        <v>10630</v>
      </c>
      <c r="I3994" t="s">
        <v>30540</v>
      </c>
    </row>
    <row r="3995" spans="1:9">
      <c r="A3995" s="1">
        <v>0.68390493964223331</v>
      </c>
      <c r="B3995" s="1"/>
      <c r="C3995">
        <v>14</v>
      </c>
      <c r="D3995" t="s">
        <v>10631</v>
      </c>
      <c r="E3995" t="s">
        <v>32151</v>
      </c>
      <c r="F3995">
        <v>4</v>
      </c>
      <c r="G3995" t="s">
        <v>1295</v>
      </c>
      <c r="H3995" t="s">
        <v>10632</v>
      </c>
      <c r="I3995" t="s">
        <v>30540</v>
      </c>
    </row>
    <row r="3996" spans="1:9">
      <c r="A3996" s="1">
        <v>0.57563223091618843</v>
      </c>
      <c r="B3996" s="1"/>
      <c r="C3996">
        <v>12</v>
      </c>
      <c r="D3996" t="s">
        <v>10621</v>
      </c>
      <c r="E3996" t="s">
        <v>32152</v>
      </c>
      <c r="F3996">
        <v>4</v>
      </c>
      <c r="G3996" t="s">
        <v>10</v>
      </c>
      <c r="H3996" t="s">
        <v>10622</v>
      </c>
      <c r="I3996" t="s">
        <v>30540</v>
      </c>
    </row>
    <row r="3997" spans="1:9">
      <c r="A3997" s="1">
        <v>0.80746979923807072</v>
      </c>
      <c r="B3997" s="1"/>
      <c r="C3997">
        <v>8</v>
      </c>
      <c r="D3997" t="s">
        <v>10617</v>
      </c>
      <c r="E3997" t="s">
        <v>32152</v>
      </c>
      <c r="F3997">
        <v>4</v>
      </c>
      <c r="G3997" t="s">
        <v>0</v>
      </c>
      <c r="H3997" t="s">
        <v>10618</v>
      </c>
      <c r="I3997" t="s">
        <v>30540</v>
      </c>
    </row>
    <row r="3998" spans="1:9">
      <c r="A3998" s="1">
        <v>7.9439826692859206E-2</v>
      </c>
      <c r="B3998" s="1"/>
      <c r="C3998">
        <v>10</v>
      </c>
      <c r="D3998" t="s">
        <v>10619</v>
      </c>
      <c r="E3998" t="s">
        <v>32152</v>
      </c>
      <c r="F3998">
        <v>4</v>
      </c>
      <c r="G3998" t="s">
        <v>0</v>
      </c>
      <c r="H3998" t="s">
        <v>10620</v>
      </c>
      <c r="I3998" t="s">
        <v>30540</v>
      </c>
    </row>
    <row r="3999" spans="1:9">
      <c r="A3999" s="1">
        <v>0.49678638486384141</v>
      </c>
      <c r="B3999" s="1"/>
      <c r="C3999">
        <v>16</v>
      </c>
      <c r="D3999" t="s">
        <v>10623</v>
      </c>
      <c r="E3999" t="s">
        <v>32152</v>
      </c>
      <c r="F3999">
        <v>3</v>
      </c>
      <c r="G3999" t="s">
        <v>0</v>
      </c>
      <c r="H3999" t="s">
        <v>10624</v>
      </c>
      <c r="I3999" t="s">
        <v>30540</v>
      </c>
    </row>
    <row r="4000" spans="1:9">
      <c r="A4000" s="1">
        <v>0.52757564788674793</v>
      </c>
      <c r="B4000" s="1"/>
      <c r="C4000">
        <v>19</v>
      </c>
      <c r="D4000" t="s">
        <v>10615</v>
      </c>
      <c r="E4000" t="s">
        <v>32153</v>
      </c>
      <c r="F4000">
        <v>5</v>
      </c>
      <c r="G4000" t="s">
        <v>770</v>
      </c>
      <c r="H4000" t="s">
        <v>10616</v>
      </c>
      <c r="I4000" t="s">
        <v>30540</v>
      </c>
    </row>
    <row r="4001" spans="1:9">
      <c r="A4001" s="1">
        <v>0.15187959443187082</v>
      </c>
      <c r="B4001" s="1"/>
      <c r="C4001">
        <v>3</v>
      </c>
      <c r="D4001" t="s">
        <v>10603</v>
      </c>
      <c r="E4001" t="s">
        <v>32153</v>
      </c>
      <c r="F4001">
        <v>5</v>
      </c>
      <c r="G4001" t="s">
        <v>0</v>
      </c>
      <c r="H4001" t="s">
        <v>10604</v>
      </c>
      <c r="I4001" t="s">
        <v>30540</v>
      </c>
    </row>
    <row r="4002" spans="1:9">
      <c r="A4002" s="1">
        <v>0.15595625814588598</v>
      </c>
      <c r="B4002" s="1"/>
      <c r="C4002">
        <v>5</v>
      </c>
      <c r="D4002" t="s">
        <v>10605</v>
      </c>
      <c r="E4002" t="s">
        <v>32153</v>
      </c>
      <c r="F4002">
        <v>4</v>
      </c>
      <c r="G4002" t="s">
        <v>14</v>
      </c>
      <c r="H4002" t="s">
        <v>10606</v>
      </c>
      <c r="I4002" t="s">
        <v>30540</v>
      </c>
    </row>
    <row r="4003" spans="1:9">
      <c r="A4003" s="1">
        <v>0.88090954459259352</v>
      </c>
      <c r="B4003" s="1"/>
      <c r="C4003">
        <v>14</v>
      </c>
      <c r="D4003" t="s">
        <v>10613</v>
      </c>
      <c r="E4003" t="s">
        <v>32153</v>
      </c>
      <c r="F4003">
        <v>4</v>
      </c>
      <c r="G4003" t="s">
        <v>9</v>
      </c>
      <c r="H4003" t="s">
        <v>10614</v>
      </c>
      <c r="I4003" t="s">
        <v>30540</v>
      </c>
    </row>
    <row r="4004" spans="1:9">
      <c r="A4004" s="1">
        <v>0.17137239386394076</v>
      </c>
      <c r="B4004" s="1"/>
      <c r="C4004">
        <v>8</v>
      </c>
      <c r="D4004" t="s">
        <v>10607</v>
      </c>
      <c r="E4004" t="s">
        <v>32153</v>
      </c>
      <c r="F4004">
        <v>4</v>
      </c>
      <c r="G4004" t="s">
        <v>774</v>
      </c>
      <c r="H4004" t="s">
        <v>10608</v>
      </c>
      <c r="I4004" t="s">
        <v>30540</v>
      </c>
    </row>
    <row r="4005" spans="1:9">
      <c r="A4005" s="1">
        <v>0.87673665096140729</v>
      </c>
      <c r="B4005" s="1"/>
      <c r="C4005">
        <v>11</v>
      </c>
      <c r="D4005" t="s">
        <v>10609</v>
      </c>
      <c r="E4005" t="s">
        <v>32153</v>
      </c>
      <c r="F4005">
        <v>4</v>
      </c>
      <c r="G4005" t="s">
        <v>9</v>
      </c>
      <c r="H4005" t="s">
        <v>10610</v>
      </c>
      <c r="I4005" t="s">
        <v>30540</v>
      </c>
    </row>
    <row r="4006" spans="1:9">
      <c r="A4006" s="1">
        <v>0.2014087870167206</v>
      </c>
      <c r="B4006" s="1"/>
      <c r="C4006">
        <v>13</v>
      </c>
      <c r="D4006" t="s">
        <v>10611</v>
      </c>
      <c r="E4006" t="s">
        <v>32153</v>
      </c>
      <c r="F4006">
        <v>3</v>
      </c>
      <c r="G4006" t="s">
        <v>1295</v>
      </c>
      <c r="H4006" t="s">
        <v>10612</v>
      </c>
      <c r="I4006" t="s">
        <v>30540</v>
      </c>
    </row>
    <row r="4007" spans="1:9">
      <c r="A4007" s="1">
        <v>0.43415277699161925</v>
      </c>
      <c r="B4007" s="1"/>
      <c r="C4007">
        <v>1</v>
      </c>
      <c r="D4007" t="s">
        <v>10593</v>
      </c>
      <c r="E4007" t="s">
        <v>32154</v>
      </c>
      <c r="F4007">
        <v>5</v>
      </c>
      <c r="G4007" t="s">
        <v>765</v>
      </c>
      <c r="H4007" t="s">
        <v>10594</v>
      </c>
      <c r="I4007" t="s">
        <v>30540</v>
      </c>
    </row>
    <row r="4008" spans="1:9">
      <c r="A4008" s="1">
        <v>0.93563312548447719</v>
      </c>
      <c r="B4008" s="1"/>
      <c r="C4008">
        <v>13</v>
      </c>
      <c r="D4008" t="s">
        <v>10595</v>
      </c>
      <c r="E4008" t="s">
        <v>32154</v>
      </c>
      <c r="F4008">
        <v>5</v>
      </c>
      <c r="G4008" t="s">
        <v>0</v>
      </c>
      <c r="H4008" t="s">
        <v>10596</v>
      </c>
      <c r="I4008" t="s">
        <v>30540</v>
      </c>
    </row>
    <row r="4009" spans="1:9">
      <c r="A4009" s="1">
        <v>0.73131346090391391</v>
      </c>
      <c r="B4009" s="1"/>
      <c r="C4009">
        <v>19</v>
      </c>
      <c r="D4009" t="s">
        <v>10601</v>
      </c>
      <c r="E4009" t="s">
        <v>32154</v>
      </c>
      <c r="F4009">
        <v>5</v>
      </c>
      <c r="G4009" t="s">
        <v>0</v>
      </c>
      <c r="H4009" t="s">
        <v>10602</v>
      </c>
      <c r="I4009" t="s">
        <v>30540</v>
      </c>
    </row>
    <row r="4010" spans="1:9">
      <c r="A4010" s="1">
        <v>0.84922205949622531</v>
      </c>
      <c r="B4010" s="1"/>
      <c r="C4010">
        <v>15</v>
      </c>
      <c r="D4010" t="s">
        <v>10597</v>
      </c>
      <c r="E4010" t="s">
        <v>32154</v>
      </c>
      <c r="F4010">
        <v>4</v>
      </c>
      <c r="G4010" t="s">
        <v>0</v>
      </c>
      <c r="H4010" t="s">
        <v>10598</v>
      </c>
      <c r="I4010" t="s">
        <v>30540</v>
      </c>
    </row>
    <row r="4011" spans="1:9">
      <c r="A4011" s="1">
        <v>0.28385743263204699</v>
      </c>
      <c r="B4011" s="1"/>
      <c r="C4011">
        <v>18</v>
      </c>
      <c r="D4011" t="s">
        <v>10599</v>
      </c>
      <c r="E4011" t="s">
        <v>32154</v>
      </c>
      <c r="F4011">
        <v>4</v>
      </c>
      <c r="G4011" t="s">
        <v>0</v>
      </c>
      <c r="H4011" t="s">
        <v>10600</v>
      </c>
      <c r="I4011" t="s">
        <v>30540</v>
      </c>
    </row>
    <row r="4012" spans="1:9">
      <c r="A4012" s="1">
        <v>2.1141704882888912E-2</v>
      </c>
      <c r="B4012" s="1"/>
      <c r="C4012">
        <v>7</v>
      </c>
      <c r="D4012" t="s">
        <v>10587</v>
      </c>
      <c r="E4012" t="s">
        <v>32155</v>
      </c>
      <c r="F4012">
        <v>5</v>
      </c>
      <c r="G4012" t="s">
        <v>0</v>
      </c>
      <c r="H4012" t="s">
        <v>10588</v>
      </c>
      <c r="I4012" t="s">
        <v>30540</v>
      </c>
    </row>
    <row r="4013" spans="1:9">
      <c r="A4013" s="1">
        <v>0.53968892302022453</v>
      </c>
      <c r="B4013" s="1"/>
      <c r="C4013">
        <v>10</v>
      </c>
      <c r="D4013" t="s">
        <v>10589</v>
      </c>
      <c r="E4013" t="s">
        <v>32155</v>
      </c>
      <c r="F4013">
        <v>4</v>
      </c>
      <c r="G4013" t="s">
        <v>0</v>
      </c>
      <c r="H4013" t="s">
        <v>10590</v>
      </c>
      <c r="I4013" t="s">
        <v>30540</v>
      </c>
    </row>
    <row r="4014" spans="1:9">
      <c r="A4014" s="1">
        <v>0.84347436413429244</v>
      </c>
      <c r="B4014" s="1"/>
      <c r="C4014">
        <v>14</v>
      </c>
      <c r="D4014" t="s">
        <v>10591</v>
      </c>
      <c r="E4014" t="s">
        <v>32155</v>
      </c>
      <c r="F4014">
        <v>4</v>
      </c>
      <c r="G4014" t="s">
        <v>0</v>
      </c>
      <c r="H4014" t="s">
        <v>10592</v>
      </c>
      <c r="I4014" t="s">
        <v>30540</v>
      </c>
    </row>
    <row r="4015" spans="1:9">
      <c r="A4015" s="1">
        <v>1.54301925653757E-2</v>
      </c>
      <c r="B4015" s="1"/>
      <c r="C4015">
        <v>6</v>
      </c>
      <c r="D4015" t="s">
        <v>10585</v>
      </c>
      <c r="E4015" t="s">
        <v>32155</v>
      </c>
      <c r="F4015">
        <v>3</v>
      </c>
      <c r="G4015" t="s">
        <v>13</v>
      </c>
      <c r="H4015" t="s">
        <v>10586</v>
      </c>
      <c r="I4015" t="s">
        <v>30540</v>
      </c>
    </row>
    <row r="4016" spans="1:9">
      <c r="A4016" s="1">
        <v>0.6502119203382406</v>
      </c>
      <c r="B4016" s="1"/>
      <c r="C4016">
        <v>12</v>
      </c>
      <c r="D4016" t="s">
        <v>10579</v>
      </c>
      <c r="E4016" t="s">
        <v>32156</v>
      </c>
      <c r="F4016">
        <v>5</v>
      </c>
      <c r="G4016" t="s">
        <v>0</v>
      </c>
      <c r="H4016" t="s">
        <v>10580</v>
      </c>
      <c r="I4016" t="s">
        <v>30540</v>
      </c>
    </row>
    <row r="4017" spans="1:9">
      <c r="A4017" s="1">
        <v>0.46265399550637076</v>
      </c>
      <c r="B4017" s="1"/>
      <c r="C4017">
        <v>16</v>
      </c>
      <c r="D4017" t="s">
        <v>10581</v>
      </c>
      <c r="E4017" t="s">
        <v>32156</v>
      </c>
      <c r="F4017">
        <v>4</v>
      </c>
      <c r="G4017" t="s">
        <v>2</v>
      </c>
      <c r="H4017" t="s">
        <v>10582</v>
      </c>
      <c r="I4017" t="s">
        <v>30540</v>
      </c>
    </row>
    <row r="4018" spans="1:9">
      <c r="A4018" s="1">
        <v>0.11102393233311825</v>
      </c>
      <c r="B4018" s="1"/>
      <c r="C4018">
        <v>1</v>
      </c>
      <c r="D4018" t="s">
        <v>10575</v>
      </c>
      <c r="E4018" t="s">
        <v>32156</v>
      </c>
      <c r="F4018">
        <v>4</v>
      </c>
      <c r="G4018" t="s">
        <v>15</v>
      </c>
      <c r="H4018" t="s">
        <v>10576</v>
      </c>
      <c r="I4018" t="s">
        <v>30540</v>
      </c>
    </row>
    <row r="4019" spans="1:9">
      <c r="A4019" s="1">
        <v>0.82559042999834953</v>
      </c>
      <c r="B4019" s="1"/>
      <c r="C4019">
        <v>20</v>
      </c>
      <c r="D4019" t="s">
        <v>10583</v>
      </c>
      <c r="E4019" t="s">
        <v>32156</v>
      </c>
      <c r="F4019">
        <v>4</v>
      </c>
      <c r="G4019" t="s">
        <v>0</v>
      </c>
      <c r="H4019" t="s">
        <v>10584</v>
      </c>
      <c r="I4019" t="s">
        <v>30540</v>
      </c>
    </row>
    <row r="4020" spans="1:9">
      <c r="A4020" s="1">
        <v>0.13800709151059476</v>
      </c>
      <c r="B4020" s="1"/>
      <c r="C4020">
        <v>3</v>
      </c>
      <c r="D4020" t="s">
        <v>10577</v>
      </c>
      <c r="E4020" t="s">
        <v>32156</v>
      </c>
      <c r="F4020">
        <v>4</v>
      </c>
      <c r="G4020" t="s">
        <v>766</v>
      </c>
      <c r="H4020" t="s">
        <v>10578</v>
      </c>
      <c r="I4020" t="s">
        <v>30540</v>
      </c>
    </row>
    <row r="4021" spans="1:9">
      <c r="A4021" s="1">
        <v>0.18738775194447344</v>
      </c>
      <c r="B4021" s="1"/>
      <c r="C4021">
        <v>17</v>
      </c>
      <c r="D4021" t="s">
        <v>10569</v>
      </c>
      <c r="E4021" t="s">
        <v>32157</v>
      </c>
      <c r="F4021">
        <v>5</v>
      </c>
      <c r="G4021" t="s">
        <v>0</v>
      </c>
      <c r="H4021" t="s">
        <v>10570</v>
      </c>
      <c r="I4021" t="s">
        <v>30540</v>
      </c>
    </row>
    <row r="4022" spans="1:9">
      <c r="A4022" s="1">
        <v>0.50093726570536867</v>
      </c>
      <c r="B4022" s="1"/>
      <c r="C4022">
        <v>4</v>
      </c>
      <c r="D4022" t="s">
        <v>10559</v>
      </c>
      <c r="E4022" t="s">
        <v>32157</v>
      </c>
      <c r="F4022">
        <v>5</v>
      </c>
      <c r="G4022" t="s">
        <v>769</v>
      </c>
      <c r="H4022" t="s">
        <v>10560</v>
      </c>
      <c r="I4022" t="s">
        <v>30540</v>
      </c>
    </row>
    <row r="4023" spans="1:9">
      <c r="A4023" s="1">
        <v>0.13984840755043693</v>
      </c>
      <c r="B4023" s="1"/>
      <c r="C4023">
        <v>6</v>
      </c>
      <c r="D4023" t="s">
        <v>10561</v>
      </c>
      <c r="E4023" t="s">
        <v>32157</v>
      </c>
      <c r="F4023">
        <v>5</v>
      </c>
      <c r="G4023" t="s">
        <v>770</v>
      </c>
      <c r="H4023" t="s">
        <v>10562</v>
      </c>
      <c r="I4023" t="s">
        <v>30540</v>
      </c>
    </row>
    <row r="4024" spans="1:9">
      <c r="A4024" s="1">
        <v>0.12129503615262649</v>
      </c>
      <c r="B4024" s="1"/>
      <c r="C4024">
        <v>9</v>
      </c>
      <c r="D4024" t="s">
        <v>10563</v>
      </c>
      <c r="E4024" t="s">
        <v>32157</v>
      </c>
      <c r="F4024">
        <v>5</v>
      </c>
      <c r="G4024" t="s">
        <v>766</v>
      </c>
      <c r="H4024" t="s">
        <v>10564</v>
      </c>
      <c r="I4024" t="s">
        <v>30540</v>
      </c>
    </row>
    <row r="4025" spans="1:9">
      <c r="A4025" s="1">
        <v>0.25950124122694174</v>
      </c>
      <c r="B4025" s="1"/>
      <c r="C4025">
        <v>20</v>
      </c>
      <c r="D4025" t="s">
        <v>10573</v>
      </c>
      <c r="E4025" t="s">
        <v>32157</v>
      </c>
      <c r="F4025">
        <v>4</v>
      </c>
      <c r="G4025" t="s">
        <v>0</v>
      </c>
      <c r="H4025" t="s">
        <v>10574</v>
      </c>
      <c r="I4025" t="s">
        <v>30540</v>
      </c>
    </row>
    <row r="4026" spans="1:9">
      <c r="A4026" s="1">
        <v>0.36223628074547976</v>
      </c>
      <c r="B4026" s="1"/>
      <c r="C4026">
        <v>15</v>
      </c>
      <c r="D4026" t="s">
        <v>10567</v>
      </c>
      <c r="E4026" t="s">
        <v>32157</v>
      </c>
      <c r="F4026">
        <v>4</v>
      </c>
      <c r="G4026" t="s">
        <v>0</v>
      </c>
      <c r="H4026" t="s">
        <v>10568</v>
      </c>
      <c r="I4026" t="s">
        <v>30540</v>
      </c>
    </row>
    <row r="4027" spans="1:9">
      <c r="A4027" s="1">
        <v>0.25179482452820512</v>
      </c>
      <c r="B4027" s="1"/>
      <c r="C4027">
        <v>19</v>
      </c>
      <c r="D4027" t="s">
        <v>10571</v>
      </c>
      <c r="E4027" t="s">
        <v>32157</v>
      </c>
      <c r="F4027">
        <v>4</v>
      </c>
      <c r="G4027" t="s">
        <v>0</v>
      </c>
      <c r="H4027" t="s">
        <v>10572</v>
      </c>
      <c r="I4027" t="s">
        <v>30540</v>
      </c>
    </row>
    <row r="4028" spans="1:9">
      <c r="A4028" s="1">
        <v>4.0789198248897818E-2</v>
      </c>
      <c r="B4028" s="1"/>
      <c r="C4028">
        <v>10</v>
      </c>
      <c r="D4028" t="s">
        <v>10565</v>
      </c>
      <c r="E4028" t="s">
        <v>32157</v>
      </c>
      <c r="F4028">
        <v>3</v>
      </c>
      <c r="G4028" t="s">
        <v>0</v>
      </c>
      <c r="H4028" t="s">
        <v>10566</v>
      </c>
      <c r="I4028" t="s">
        <v>30540</v>
      </c>
    </row>
    <row r="4029" spans="1:9">
      <c r="A4029" s="1">
        <v>0.13417140636037261</v>
      </c>
      <c r="B4029" s="1"/>
      <c r="C4029">
        <v>2</v>
      </c>
      <c r="D4029" t="s">
        <v>10551</v>
      </c>
      <c r="E4029" t="s">
        <v>32158</v>
      </c>
      <c r="F4029">
        <v>5</v>
      </c>
      <c r="G4029" t="s">
        <v>762</v>
      </c>
      <c r="H4029" t="s">
        <v>10552</v>
      </c>
      <c r="I4029" t="s">
        <v>30540</v>
      </c>
    </row>
    <row r="4030" spans="1:9">
      <c r="A4030" s="1">
        <v>0.44639978097961364</v>
      </c>
      <c r="B4030" s="1"/>
      <c r="C4030">
        <v>11</v>
      </c>
      <c r="D4030" t="s">
        <v>10557</v>
      </c>
      <c r="E4030" t="s">
        <v>32158</v>
      </c>
      <c r="F4030">
        <v>4</v>
      </c>
      <c r="G4030" t="s">
        <v>0</v>
      </c>
      <c r="H4030" t="s">
        <v>10558</v>
      </c>
      <c r="I4030" t="s">
        <v>30540</v>
      </c>
    </row>
    <row r="4031" spans="1:9">
      <c r="A4031" s="1">
        <v>0.95437426728617092</v>
      </c>
      <c r="B4031" s="1"/>
      <c r="C4031">
        <v>9</v>
      </c>
      <c r="D4031" t="s">
        <v>10555</v>
      </c>
      <c r="E4031" t="s">
        <v>32158</v>
      </c>
      <c r="F4031">
        <v>4</v>
      </c>
      <c r="G4031" t="s">
        <v>10</v>
      </c>
      <c r="H4031" t="s">
        <v>10556</v>
      </c>
      <c r="I4031" t="s">
        <v>30540</v>
      </c>
    </row>
    <row r="4032" spans="1:9">
      <c r="A4032" s="1">
        <v>0.96169640279213975</v>
      </c>
      <c r="B4032" s="1"/>
      <c r="C4032">
        <v>8</v>
      </c>
      <c r="D4032" t="s">
        <v>10553</v>
      </c>
      <c r="E4032" t="s">
        <v>32158</v>
      </c>
      <c r="F4032">
        <v>4</v>
      </c>
      <c r="G4032" t="s">
        <v>770</v>
      </c>
      <c r="H4032" t="s">
        <v>10554</v>
      </c>
      <c r="I4032" t="s">
        <v>30540</v>
      </c>
    </row>
    <row r="4033" spans="1:9">
      <c r="A4033" s="1">
        <v>0.31770735728264987</v>
      </c>
      <c r="B4033" s="1"/>
      <c r="C4033">
        <v>19</v>
      </c>
      <c r="D4033" t="s">
        <v>10547</v>
      </c>
      <c r="E4033" t="s">
        <v>32159</v>
      </c>
      <c r="F4033">
        <v>4</v>
      </c>
      <c r="G4033" t="s">
        <v>0</v>
      </c>
      <c r="H4033" t="s">
        <v>10548</v>
      </c>
      <c r="I4033" t="s">
        <v>30540</v>
      </c>
    </row>
    <row r="4034" spans="1:9">
      <c r="A4034" s="1">
        <v>0.64094354536352816</v>
      </c>
      <c r="B4034" s="1"/>
      <c r="C4034">
        <v>20</v>
      </c>
      <c r="D4034" t="s">
        <v>10549</v>
      </c>
      <c r="E4034" t="s">
        <v>32159</v>
      </c>
      <c r="F4034">
        <v>4</v>
      </c>
      <c r="G4034" t="s">
        <v>15</v>
      </c>
      <c r="H4034" t="s">
        <v>10550</v>
      </c>
      <c r="I4034" t="s">
        <v>30540</v>
      </c>
    </row>
    <row r="4035" spans="1:9">
      <c r="A4035" s="1">
        <v>0.33471926950478825</v>
      </c>
      <c r="B4035" s="1"/>
      <c r="C4035">
        <v>2</v>
      </c>
      <c r="D4035" t="s">
        <v>10541</v>
      </c>
      <c r="E4035" t="s">
        <v>32159</v>
      </c>
      <c r="F4035">
        <v>4</v>
      </c>
      <c r="G4035" t="s">
        <v>15</v>
      </c>
      <c r="H4035" t="s">
        <v>10542</v>
      </c>
      <c r="I4035" t="s">
        <v>30540</v>
      </c>
    </row>
    <row r="4036" spans="1:9">
      <c r="A4036" s="1">
        <v>0.13137776106616561</v>
      </c>
      <c r="B4036" s="1"/>
      <c r="C4036">
        <v>7</v>
      </c>
      <c r="D4036" t="s">
        <v>10543</v>
      </c>
      <c r="E4036" t="s">
        <v>32159</v>
      </c>
      <c r="F4036">
        <v>4</v>
      </c>
      <c r="G4036" t="s">
        <v>0</v>
      </c>
      <c r="H4036" t="s">
        <v>10544</v>
      </c>
      <c r="I4036" t="s">
        <v>30540</v>
      </c>
    </row>
    <row r="4037" spans="1:9">
      <c r="A4037" s="1">
        <v>3.409658474533217E-2</v>
      </c>
      <c r="B4037" s="1"/>
      <c r="C4037">
        <v>15</v>
      </c>
      <c r="D4037" t="s">
        <v>10545</v>
      </c>
      <c r="E4037" t="s">
        <v>32159</v>
      </c>
      <c r="F4037">
        <v>4</v>
      </c>
      <c r="G4037" t="s">
        <v>0</v>
      </c>
      <c r="H4037" t="s">
        <v>10546</v>
      </c>
      <c r="I4037" t="s">
        <v>30540</v>
      </c>
    </row>
    <row r="4038" spans="1:9">
      <c r="A4038" s="1">
        <v>0.20147149904092687</v>
      </c>
      <c r="B4038" s="1"/>
      <c r="C4038">
        <v>16</v>
      </c>
      <c r="D4038" t="s">
        <v>10539</v>
      </c>
      <c r="E4038" t="s">
        <v>32160</v>
      </c>
      <c r="F4038">
        <v>5</v>
      </c>
      <c r="G4038" t="s">
        <v>0</v>
      </c>
      <c r="H4038" t="s">
        <v>10540</v>
      </c>
      <c r="I4038" t="s">
        <v>30540</v>
      </c>
    </row>
    <row r="4039" spans="1:9">
      <c r="A4039" s="1">
        <v>0.95882171786553083</v>
      </c>
      <c r="B4039" s="1"/>
      <c r="C4039">
        <v>10</v>
      </c>
      <c r="D4039" t="s">
        <v>10533</v>
      </c>
      <c r="E4039" t="s">
        <v>32160</v>
      </c>
      <c r="F4039">
        <v>4</v>
      </c>
      <c r="G4039" t="s">
        <v>0</v>
      </c>
      <c r="H4039" t="s">
        <v>10534</v>
      </c>
      <c r="I4039" t="s">
        <v>30540</v>
      </c>
    </row>
    <row r="4040" spans="1:9">
      <c r="A4040" s="1">
        <v>0.66457785342561015</v>
      </c>
      <c r="B4040" s="1"/>
      <c r="C4040">
        <v>12</v>
      </c>
      <c r="D4040" t="s">
        <v>10535</v>
      </c>
      <c r="E4040" t="s">
        <v>32160</v>
      </c>
      <c r="F4040">
        <v>4</v>
      </c>
      <c r="G4040" t="s">
        <v>0</v>
      </c>
      <c r="H4040" t="s">
        <v>10536</v>
      </c>
      <c r="I4040" t="s">
        <v>30540</v>
      </c>
    </row>
    <row r="4041" spans="1:9">
      <c r="A4041" s="1">
        <v>0.60714384851644154</v>
      </c>
      <c r="B4041" s="1"/>
      <c r="C4041">
        <v>17</v>
      </c>
      <c r="D4041" t="s">
        <v>10527</v>
      </c>
      <c r="E4041" t="s">
        <v>32161</v>
      </c>
      <c r="F4041">
        <v>5</v>
      </c>
      <c r="G4041" t="s">
        <v>0</v>
      </c>
      <c r="H4041" t="s">
        <v>10528</v>
      </c>
      <c r="I4041" t="s">
        <v>30540</v>
      </c>
    </row>
    <row r="4042" spans="1:9">
      <c r="A4042" s="1">
        <v>0.49786640721920949</v>
      </c>
      <c r="B4042" s="1"/>
      <c r="C4042">
        <v>20</v>
      </c>
      <c r="D4042" t="s">
        <v>10531</v>
      </c>
      <c r="E4042" t="s">
        <v>32161</v>
      </c>
      <c r="F4042">
        <v>4</v>
      </c>
      <c r="G4042" t="s">
        <v>0</v>
      </c>
      <c r="H4042" t="s">
        <v>10532</v>
      </c>
      <c r="I4042" t="s">
        <v>30540</v>
      </c>
    </row>
    <row r="4043" spans="1:9">
      <c r="A4043" s="1">
        <v>0.64207717483956861</v>
      </c>
      <c r="B4043" s="1"/>
      <c r="C4043">
        <v>15</v>
      </c>
      <c r="D4043" t="s">
        <v>10525</v>
      </c>
      <c r="E4043" t="s">
        <v>32161</v>
      </c>
      <c r="F4043">
        <v>4</v>
      </c>
      <c r="G4043" t="s">
        <v>15</v>
      </c>
      <c r="H4043" t="s">
        <v>10526</v>
      </c>
      <c r="I4043" t="s">
        <v>30540</v>
      </c>
    </row>
    <row r="4044" spans="1:9">
      <c r="A4044" s="1">
        <v>0.93345221579474613</v>
      </c>
      <c r="B4044" s="1"/>
      <c r="C4044">
        <v>19</v>
      </c>
      <c r="D4044" t="s">
        <v>10529</v>
      </c>
      <c r="E4044" t="s">
        <v>32161</v>
      </c>
      <c r="F4044">
        <v>4</v>
      </c>
      <c r="G4044" t="s">
        <v>0</v>
      </c>
      <c r="H4044" t="s">
        <v>10530</v>
      </c>
      <c r="I4044" t="s">
        <v>30540</v>
      </c>
    </row>
    <row r="4045" spans="1:9">
      <c r="A4045" s="1">
        <v>0.59727326003084236</v>
      </c>
      <c r="B4045" s="1"/>
      <c r="C4045">
        <v>2</v>
      </c>
      <c r="D4045" t="s">
        <v>10523</v>
      </c>
      <c r="E4045" t="s">
        <v>32161</v>
      </c>
      <c r="F4045">
        <v>4</v>
      </c>
      <c r="G4045" t="s">
        <v>765</v>
      </c>
      <c r="H4045" t="s">
        <v>10524</v>
      </c>
      <c r="I4045" t="s">
        <v>30540</v>
      </c>
    </row>
    <row r="4046" spans="1:9">
      <c r="A4046" s="1">
        <v>0.8730483202279381</v>
      </c>
      <c r="B4046" s="1"/>
      <c r="C4046">
        <v>9</v>
      </c>
      <c r="D4046" t="s">
        <v>10513</v>
      </c>
      <c r="E4046" t="s">
        <v>32162</v>
      </c>
      <c r="F4046">
        <v>4</v>
      </c>
      <c r="G4046" t="s">
        <v>0</v>
      </c>
      <c r="H4046" t="s">
        <v>10514</v>
      </c>
      <c r="I4046" t="s">
        <v>30540</v>
      </c>
    </row>
    <row r="4047" spans="1:9">
      <c r="A4047" s="1">
        <v>0.78511650101372876</v>
      </c>
      <c r="B4047" s="1"/>
      <c r="C4047">
        <v>10</v>
      </c>
      <c r="D4047" t="s">
        <v>10515</v>
      </c>
      <c r="E4047" t="s">
        <v>32162</v>
      </c>
      <c r="F4047">
        <v>4</v>
      </c>
      <c r="G4047" t="s">
        <v>0</v>
      </c>
      <c r="H4047" t="s">
        <v>10516</v>
      </c>
      <c r="I4047" t="s">
        <v>30540</v>
      </c>
    </row>
    <row r="4048" spans="1:9">
      <c r="A4048" s="1">
        <v>7.5283158677232342E-2</v>
      </c>
      <c r="B4048" s="1"/>
      <c r="C4048">
        <v>20</v>
      </c>
      <c r="D4048" t="s">
        <v>10521</v>
      </c>
      <c r="E4048" t="s">
        <v>32162</v>
      </c>
      <c r="F4048">
        <v>4</v>
      </c>
      <c r="G4048" t="s">
        <v>0</v>
      </c>
      <c r="H4048" t="s">
        <v>10522</v>
      </c>
      <c r="I4048" t="s">
        <v>30540</v>
      </c>
    </row>
    <row r="4049" spans="1:9">
      <c r="A4049" s="1">
        <v>0.63895878021355745</v>
      </c>
      <c r="B4049" s="1"/>
      <c r="C4049">
        <v>15</v>
      </c>
      <c r="D4049" t="s">
        <v>10517</v>
      </c>
      <c r="E4049" t="s">
        <v>32162</v>
      </c>
      <c r="F4049">
        <v>4</v>
      </c>
      <c r="G4049" t="s">
        <v>0</v>
      </c>
      <c r="H4049" t="s">
        <v>10518</v>
      </c>
      <c r="I4049" t="s">
        <v>30540</v>
      </c>
    </row>
    <row r="4050" spans="1:9">
      <c r="A4050" s="1">
        <v>0.88162401900880905</v>
      </c>
      <c r="B4050" s="1"/>
      <c r="C4050">
        <v>7</v>
      </c>
      <c r="D4050" t="s">
        <v>10509</v>
      </c>
      <c r="E4050" t="s">
        <v>32163</v>
      </c>
      <c r="F4050">
        <v>5</v>
      </c>
      <c r="G4050" t="s">
        <v>0</v>
      </c>
      <c r="H4050" t="s">
        <v>10510</v>
      </c>
      <c r="I4050" t="s">
        <v>30540</v>
      </c>
    </row>
    <row r="4051" spans="1:9">
      <c r="A4051" s="1">
        <v>0.8489587836526955</v>
      </c>
      <c r="B4051" s="1"/>
      <c r="C4051">
        <v>15</v>
      </c>
      <c r="D4051" t="s">
        <v>10511</v>
      </c>
      <c r="E4051" t="s">
        <v>32163</v>
      </c>
      <c r="F4051">
        <v>5</v>
      </c>
      <c r="G4051" t="s">
        <v>0</v>
      </c>
      <c r="H4051" t="s">
        <v>10512</v>
      </c>
      <c r="I4051" t="s">
        <v>30540</v>
      </c>
    </row>
    <row r="4052" spans="1:9">
      <c r="A4052" s="1">
        <v>0.9737470446191957</v>
      </c>
      <c r="B4052" s="1"/>
      <c r="C4052">
        <v>6</v>
      </c>
      <c r="D4052" t="s">
        <v>10499</v>
      </c>
      <c r="E4052" t="s">
        <v>32164</v>
      </c>
      <c r="F4052">
        <v>4</v>
      </c>
      <c r="G4052" t="s">
        <v>762</v>
      </c>
      <c r="H4052" t="s">
        <v>10500</v>
      </c>
      <c r="I4052" t="s">
        <v>30540</v>
      </c>
    </row>
    <row r="4053" spans="1:9">
      <c r="A4053" s="1">
        <v>0.65075701377238637</v>
      </c>
      <c r="B4053" s="1"/>
      <c r="C4053">
        <v>18</v>
      </c>
      <c r="D4053" t="s">
        <v>10505</v>
      </c>
      <c r="E4053" t="s">
        <v>32164</v>
      </c>
      <c r="F4053">
        <v>4</v>
      </c>
      <c r="G4053" t="s">
        <v>10</v>
      </c>
      <c r="H4053" t="s">
        <v>10506</v>
      </c>
      <c r="I4053" t="s">
        <v>30540</v>
      </c>
    </row>
    <row r="4054" spans="1:9">
      <c r="A4054" s="1">
        <v>0.16227638587736759</v>
      </c>
      <c r="B4054" s="1"/>
      <c r="C4054">
        <v>15</v>
      </c>
      <c r="D4054" t="s">
        <v>10503</v>
      </c>
      <c r="E4054" t="s">
        <v>32164</v>
      </c>
      <c r="F4054">
        <v>4</v>
      </c>
      <c r="G4054" t="s">
        <v>0</v>
      </c>
      <c r="H4054" t="s">
        <v>10504</v>
      </c>
      <c r="I4054" t="s">
        <v>30540</v>
      </c>
    </row>
    <row r="4055" spans="1:9">
      <c r="A4055" s="1">
        <v>4.8836986743208799E-2</v>
      </c>
      <c r="B4055" s="1"/>
      <c r="C4055">
        <v>19</v>
      </c>
      <c r="D4055" t="s">
        <v>10507</v>
      </c>
      <c r="E4055" t="s">
        <v>32164</v>
      </c>
      <c r="F4055">
        <v>3</v>
      </c>
      <c r="G4055" t="s">
        <v>0</v>
      </c>
      <c r="H4055" t="s">
        <v>10508</v>
      </c>
      <c r="I4055" t="s">
        <v>30540</v>
      </c>
    </row>
    <row r="4056" spans="1:9">
      <c r="A4056" s="1">
        <v>0.64691996697945009</v>
      </c>
      <c r="B4056" s="1"/>
      <c r="C4056">
        <v>3</v>
      </c>
      <c r="D4056" t="s">
        <v>10485</v>
      </c>
      <c r="E4056" t="s">
        <v>32165</v>
      </c>
      <c r="F4056">
        <v>5</v>
      </c>
      <c r="G4056" t="s">
        <v>0</v>
      </c>
      <c r="H4056" t="s">
        <v>10486</v>
      </c>
      <c r="I4056" t="s">
        <v>30540</v>
      </c>
    </row>
    <row r="4057" spans="1:9">
      <c r="A4057" s="1">
        <v>0.1946992700370902</v>
      </c>
      <c r="B4057" s="1"/>
      <c r="C4057">
        <v>1</v>
      </c>
      <c r="D4057" t="s">
        <v>10483</v>
      </c>
      <c r="E4057" t="s">
        <v>32165</v>
      </c>
      <c r="F4057">
        <v>4</v>
      </c>
      <c r="G4057" t="s">
        <v>0</v>
      </c>
      <c r="H4057" t="s">
        <v>10484</v>
      </c>
      <c r="I4057" t="s">
        <v>30540</v>
      </c>
    </row>
    <row r="4058" spans="1:9">
      <c r="A4058" s="1">
        <v>0.57739268970458002</v>
      </c>
      <c r="B4058" s="1"/>
      <c r="C4058">
        <v>7</v>
      </c>
      <c r="D4058" t="s">
        <v>10491</v>
      </c>
      <c r="E4058" t="s">
        <v>32165</v>
      </c>
      <c r="F4058">
        <v>4</v>
      </c>
      <c r="G4058" t="s">
        <v>0</v>
      </c>
      <c r="H4058" t="s">
        <v>10492</v>
      </c>
      <c r="I4058" t="s">
        <v>30540</v>
      </c>
    </row>
    <row r="4059" spans="1:9">
      <c r="A4059" s="1">
        <v>0.80487434523176649</v>
      </c>
      <c r="B4059" s="1"/>
      <c r="C4059">
        <v>11</v>
      </c>
      <c r="D4059" t="s">
        <v>10495</v>
      </c>
      <c r="E4059" t="s">
        <v>32165</v>
      </c>
      <c r="F4059">
        <v>4</v>
      </c>
      <c r="G4059" t="s">
        <v>0</v>
      </c>
      <c r="H4059" t="s">
        <v>10496</v>
      </c>
      <c r="I4059" t="s">
        <v>30540</v>
      </c>
    </row>
    <row r="4060" spans="1:9">
      <c r="A4060" s="1">
        <v>0.92490353361471167</v>
      </c>
      <c r="B4060" s="1"/>
      <c r="C4060">
        <v>4</v>
      </c>
      <c r="D4060" t="s">
        <v>10487</v>
      </c>
      <c r="E4060" t="s">
        <v>32165</v>
      </c>
      <c r="F4060">
        <v>4</v>
      </c>
      <c r="G4060" t="s">
        <v>13</v>
      </c>
      <c r="H4060" t="s">
        <v>10488</v>
      </c>
      <c r="I4060" t="s">
        <v>30540</v>
      </c>
    </row>
    <row r="4061" spans="1:9">
      <c r="A4061" s="1">
        <v>0.24633563997205188</v>
      </c>
      <c r="B4061" s="1"/>
      <c r="C4061">
        <v>8</v>
      </c>
      <c r="D4061" t="s">
        <v>10493</v>
      </c>
      <c r="E4061" t="s">
        <v>32165</v>
      </c>
      <c r="F4061">
        <v>4</v>
      </c>
      <c r="G4061" t="s">
        <v>0</v>
      </c>
      <c r="H4061" t="s">
        <v>10494</v>
      </c>
      <c r="I4061" t="s">
        <v>30540</v>
      </c>
    </row>
    <row r="4062" spans="1:9">
      <c r="A4062" s="1">
        <v>0.3058908579129288</v>
      </c>
      <c r="B4062" s="1"/>
      <c r="C4062">
        <v>12</v>
      </c>
      <c r="D4062" t="s">
        <v>10497</v>
      </c>
      <c r="E4062" t="s">
        <v>32165</v>
      </c>
      <c r="F4062">
        <v>3</v>
      </c>
      <c r="G4062" t="s">
        <v>13</v>
      </c>
      <c r="H4062" t="s">
        <v>10498</v>
      </c>
      <c r="I4062" t="s">
        <v>30540</v>
      </c>
    </row>
    <row r="4063" spans="1:9">
      <c r="A4063" s="1">
        <v>6.0870362815111601E-2</v>
      </c>
      <c r="B4063" s="1"/>
      <c r="C4063">
        <v>17</v>
      </c>
      <c r="D4063" t="s">
        <v>10481</v>
      </c>
      <c r="E4063" t="s">
        <v>32166</v>
      </c>
      <c r="F4063">
        <v>5</v>
      </c>
      <c r="G4063" t="s">
        <v>15</v>
      </c>
      <c r="H4063" t="s">
        <v>10482</v>
      </c>
      <c r="I4063" t="s">
        <v>30540</v>
      </c>
    </row>
    <row r="4064" spans="1:9">
      <c r="A4064" s="1">
        <v>0.74484239500869354</v>
      </c>
      <c r="B4064" s="1"/>
      <c r="C4064">
        <v>1</v>
      </c>
      <c r="D4064" t="s">
        <v>10477</v>
      </c>
      <c r="E4064" t="s">
        <v>32167</v>
      </c>
      <c r="F4064">
        <v>4</v>
      </c>
      <c r="G4064" t="s">
        <v>2</v>
      </c>
      <c r="H4064" t="s">
        <v>10478</v>
      </c>
      <c r="I4064" t="s">
        <v>30540</v>
      </c>
    </row>
    <row r="4065" spans="1:9">
      <c r="A4065" s="1">
        <v>0.54308215034055718</v>
      </c>
      <c r="B4065" s="1"/>
      <c r="C4065">
        <v>16</v>
      </c>
      <c r="D4065" t="s">
        <v>10479</v>
      </c>
      <c r="E4065" t="s">
        <v>32167</v>
      </c>
      <c r="F4065">
        <v>4</v>
      </c>
      <c r="G4065" t="s">
        <v>1</v>
      </c>
      <c r="H4065" t="s">
        <v>10480</v>
      </c>
      <c r="I4065" t="s">
        <v>30540</v>
      </c>
    </row>
    <row r="4066" spans="1:9">
      <c r="A4066" s="1">
        <v>0.22538024763484699</v>
      </c>
      <c r="B4066" s="1"/>
      <c r="C4066">
        <v>7</v>
      </c>
      <c r="D4066" t="s">
        <v>10475</v>
      </c>
      <c r="E4066" t="s">
        <v>32168</v>
      </c>
      <c r="F4066">
        <v>5</v>
      </c>
      <c r="G4066" t="s">
        <v>770</v>
      </c>
      <c r="H4066" t="s">
        <v>10476</v>
      </c>
      <c r="I4066" t="s">
        <v>30540</v>
      </c>
    </row>
    <row r="4067" spans="1:9">
      <c r="A4067" s="1">
        <v>7.8780003215381922E-2</v>
      </c>
      <c r="B4067" s="1"/>
      <c r="C4067">
        <v>3</v>
      </c>
      <c r="D4067" t="s">
        <v>10473</v>
      </c>
      <c r="E4067" t="s">
        <v>32168</v>
      </c>
      <c r="F4067">
        <v>4</v>
      </c>
      <c r="G4067" t="s">
        <v>14</v>
      </c>
      <c r="H4067" t="s">
        <v>10474</v>
      </c>
      <c r="I4067" t="s">
        <v>30540</v>
      </c>
    </row>
    <row r="4068" spans="1:9">
      <c r="A4068" s="1">
        <v>0.51099256865626186</v>
      </c>
      <c r="B4068" s="1"/>
      <c r="C4068">
        <v>7</v>
      </c>
      <c r="D4068" t="s">
        <v>10465</v>
      </c>
      <c r="E4068" t="s">
        <v>32169</v>
      </c>
      <c r="F4068">
        <v>5</v>
      </c>
      <c r="G4068" t="s">
        <v>0</v>
      </c>
      <c r="H4068" t="s">
        <v>10466</v>
      </c>
      <c r="I4068" t="s">
        <v>30540</v>
      </c>
    </row>
    <row r="4069" spans="1:9">
      <c r="A4069" s="1">
        <v>3.6993308957240512E-2</v>
      </c>
      <c r="B4069" s="1"/>
      <c r="C4069">
        <v>14</v>
      </c>
      <c r="D4069" t="s">
        <v>10469</v>
      </c>
      <c r="E4069" t="s">
        <v>32169</v>
      </c>
      <c r="F4069">
        <v>5</v>
      </c>
      <c r="G4069" t="s">
        <v>0</v>
      </c>
      <c r="H4069" t="s">
        <v>10470</v>
      </c>
      <c r="I4069" t="s">
        <v>30540</v>
      </c>
    </row>
    <row r="4070" spans="1:9">
      <c r="A4070" s="1">
        <v>0.37662021628034004</v>
      </c>
      <c r="B4070" s="1"/>
      <c r="C4070">
        <v>8</v>
      </c>
      <c r="D4070" t="s">
        <v>10467</v>
      </c>
      <c r="E4070" t="s">
        <v>32169</v>
      </c>
      <c r="F4070">
        <v>4</v>
      </c>
      <c r="G4070" t="s">
        <v>15</v>
      </c>
      <c r="H4070" t="s">
        <v>10468</v>
      </c>
      <c r="I4070" t="s">
        <v>30540</v>
      </c>
    </row>
    <row r="4071" spans="1:9">
      <c r="A4071" s="1">
        <v>3.1870759491496536E-2</v>
      </c>
      <c r="B4071" s="1"/>
      <c r="C4071">
        <v>13</v>
      </c>
      <c r="D4071" t="s">
        <v>10459</v>
      </c>
      <c r="E4071" t="s">
        <v>32170</v>
      </c>
      <c r="F4071">
        <v>4</v>
      </c>
      <c r="G4071" t="s">
        <v>0</v>
      </c>
      <c r="H4071" t="s">
        <v>10460</v>
      </c>
      <c r="I4071" t="s">
        <v>30540</v>
      </c>
    </row>
    <row r="4072" spans="1:9">
      <c r="A4072" s="1">
        <v>0.4981655497522175</v>
      </c>
      <c r="B4072" s="1"/>
      <c r="C4072">
        <v>11</v>
      </c>
      <c r="D4072" t="s">
        <v>10457</v>
      </c>
      <c r="E4072" t="s">
        <v>32170</v>
      </c>
      <c r="F4072">
        <v>3</v>
      </c>
      <c r="G4072" t="s">
        <v>9</v>
      </c>
      <c r="H4072" t="s">
        <v>10458</v>
      </c>
      <c r="I4072" t="s">
        <v>30540</v>
      </c>
    </row>
    <row r="4073" spans="1:9">
      <c r="A4073" s="1">
        <v>0.52115127750871282</v>
      </c>
      <c r="B4073" s="1"/>
      <c r="C4073">
        <v>11</v>
      </c>
      <c r="D4073" t="s">
        <v>10443</v>
      </c>
      <c r="E4073" t="s">
        <v>32171</v>
      </c>
      <c r="F4073">
        <v>4</v>
      </c>
      <c r="G4073" t="s">
        <v>10</v>
      </c>
      <c r="H4073" t="s">
        <v>10444</v>
      </c>
      <c r="I4073" t="s">
        <v>30540</v>
      </c>
    </row>
    <row r="4074" spans="1:9">
      <c r="A4074" s="1">
        <v>1.5534580591770597E-2</v>
      </c>
      <c r="B4074" s="1"/>
      <c r="C4074">
        <v>9</v>
      </c>
      <c r="D4074" t="s">
        <v>10439</v>
      </c>
      <c r="E4074" t="s">
        <v>32171</v>
      </c>
      <c r="F4074">
        <v>4</v>
      </c>
      <c r="G4074" t="s">
        <v>14</v>
      </c>
      <c r="H4074" t="s">
        <v>10440</v>
      </c>
      <c r="I4074" t="s">
        <v>30540</v>
      </c>
    </row>
    <row r="4075" spans="1:9">
      <c r="A4075" s="1">
        <v>0.28159178707561894</v>
      </c>
      <c r="B4075" s="1"/>
      <c r="C4075">
        <v>10</v>
      </c>
      <c r="D4075" t="s">
        <v>10441</v>
      </c>
      <c r="E4075" t="s">
        <v>32171</v>
      </c>
      <c r="F4075">
        <v>4</v>
      </c>
      <c r="G4075" t="s">
        <v>0</v>
      </c>
      <c r="H4075" t="s">
        <v>10442</v>
      </c>
      <c r="I4075" t="s">
        <v>30540</v>
      </c>
    </row>
    <row r="4076" spans="1:9">
      <c r="A4076" s="1">
        <v>0.20517093373005169</v>
      </c>
      <c r="B4076" s="1"/>
      <c r="C4076">
        <v>3</v>
      </c>
      <c r="D4076" t="s">
        <v>10437</v>
      </c>
      <c r="E4076" t="s">
        <v>32171</v>
      </c>
      <c r="F4076">
        <v>4</v>
      </c>
      <c r="G4076" t="s">
        <v>0</v>
      </c>
      <c r="H4076" t="s">
        <v>10438</v>
      </c>
      <c r="I4076" t="s">
        <v>30540</v>
      </c>
    </row>
    <row r="4077" spans="1:9">
      <c r="A4077" s="1">
        <v>0.38704857989775987</v>
      </c>
      <c r="B4077" s="1"/>
      <c r="C4077">
        <v>18</v>
      </c>
      <c r="D4077" t="s">
        <v>10449</v>
      </c>
      <c r="E4077" t="s">
        <v>32171</v>
      </c>
      <c r="F4077">
        <v>4</v>
      </c>
      <c r="G4077" t="s">
        <v>0</v>
      </c>
      <c r="H4077" t="s">
        <v>10450</v>
      </c>
      <c r="I4077" t="s">
        <v>30540</v>
      </c>
    </row>
    <row r="4078" spans="1:9">
      <c r="A4078" s="1">
        <v>0.76784214048291211</v>
      </c>
      <c r="B4078" s="1"/>
      <c r="C4078">
        <v>17</v>
      </c>
      <c r="D4078" t="s">
        <v>10447</v>
      </c>
      <c r="E4078" t="s">
        <v>32171</v>
      </c>
      <c r="F4078">
        <v>4</v>
      </c>
      <c r="G4078" t="s">
        <v>0</v>
      </c>
      <c r="H4078" t="s">
        <v>10448</v>
      </c>
      <c r="I4078" t="s">
        <v>30540</v>
      </c>
    </row>
    <row r="4079" spans="1:9">
      <c r="A4079" s="1">
        <v>0.86960904338723943</v>
      </c>
      <c r="B4079" s="1"/>
      <c r="C4079">
        <v>20</v>
      </c>
      <c r="D4079" t="s">
        <v>10453</v>
      </c>
      <c r="E4079" t="s">
        <v>32171</v>
      </c>
      <c r="F4079">
        <v>3</v>
      </c>
      <c r="G4079" t="s">
        <v>0</v>
      </c>
      <c r="H4079" t="s">
        <v>10454</v>
      </c>
      <c r="I4079" t="s">
        <v>30540</v>
      </c>
    </row>
    <row r="4080" spans="1:9">
      <c r="A4080" s="1">
        <v>0.32439278276430383</v>
      </c>
      <c r="B4080" s="1"/>
      <c r="C4080">
        <v>15</v>
      </c>
      <c r="D4080" t="s">
        <v>10435</v>
      </c>
      <c r="E4080" t="s">
        <v>32172</v>
      </c>
      <c r="F4080">
        <v>5</v>
      </c>
      <c r="G4080" t="s">
        <v>0</v>
      </c>
      <c r="H4080" t="s">
        <v>10436</v>
      </c>
      <c r="I4080" t="s">
        <v>30540</v>
      </c>
    </row>
    <row r="4081" spans="1:9">
      <c r="A4081" s="1">
        <v>0.49304359833140898</v>
      </c>
      <c r="B4081" s="1"/>
      <c r="C4081">
        <v>2</v>
      </c>
      <c r="D4081" t="s">
        <v>10433</v>
      </c>
      <c r="E4081" t="s">
        <v>32173</v>
      </c>
      <c r="F4081">
        <v>5</v>
      </c>
      <c r="G4081" t="s">
        <v>15</v>
      </c>
      <c r="H4081" t="s">
        <v>10434</v>
      </c>
      <c r="I4081" t="s">
        <v>30540</v>
      </c>
    </row>
    <row r="4082" spans="1:9">
      <c r="A4082" s="1">
        <v>0.76870770231780594</v>
      </c>
      <c r="B4082" s="1"/>
      <c r="C4082">
        <v>13</v>
      </c>
      <c r="D4082" t="s">
        <v>10431</v>
      </c>
      <c r="E4082" t="s">
        <v>32174</v>
      </c>
      <c r="F4082">
        <v>5</v>
      </c>
      <c r="G4082" t="s">
        <v>0</v>
      </c>
      <c r="H4082" t="s">
        <v>10432</v>
      </c>
      <c r="I4082" t="s">
        <v>30540</v>
      </c>
    </row>
    <row r="4083" spans="1:9">
      <c r="A4083" s="1">
        <v>0.10578464512576702</v>
      </c>
      <c r="B4083" s="1"/>
      <c r="C4083">
        <v>10</v>
      </c>
      <c r="D4083" t="s">
        <v>10429</v>
      </c>
      <c r="E4083" t="s">
        <v>32174</v>
      </c>
      <c r="F4083">
        <v>4</v>
      </c>
      <c r="G4083" t="s">
        <v>0</v>
      </c>
      <c r="H4083" t="s">
        <v>10430</v>
      </c>
      <c r="I4083" t="s">
        <v>30540</v>
      </c>
    </row>
    <row r="4084" spans="1:9">
      <c r="A4084" s="1">
        <v>0.43619868479169177</v>
      </c>
      <c r="B4084" s="1"/>
      <c r="C4084">
        <v>2</v>
      </c>
      <c r="D4084" t="s">
        <v>10423</v>
      </c>
      <c r="E4084" t="s">
        <v>32174</v>
      </c>
      <c r="F4084">
        <v>4</v>
      </c>
      <c r="G4084" t="s">
        <v>0</v>
      </c>
      <c r="H4084" t="s">
        <v>10424</v>
      </c>
      <c r="I4084" t="s">
        <v>30540</v>
      </c>
    </row>
    <row r="4085" spans="1:9">
      <c r="A4085" s="1">
        <v>0.40888607709193936</v>
      </c>
      <c r="B4085" s="1"/>
      <c r="C4085">
        <v>9</v>
      </c>
      <c r="D4085" t="s">
        <v>10427</v>
      </c>
      <c r="E4085" t="s">
        <v>32174</v>
      </c>
      <c r="F4085">
        <v>4</v>
      </c>
      <c r="G4085" t="s">
        <v>0</v>
      </c>
      <c r="H4085" t="s">
        <v>10428</v>
      </c>
      <c r="I4085" t="s">
        <v>30540</v>
      </c>
    </row>
    <row r="4086" spans="1:9">
      <c r="A4086" s="1">
        <v>0.68623753233474594</v>
      </c>
      <c r="B4086" s="1"/>
      <c r="C4086">
        <v>4</v>
      </c>
      <c r="D4086" t="s">
        <v>10425</v>
      </c>
      <c r="E4086" t="s">
        <v>32174</v>
      </c>
      <c r="F4086">
        <v>4</v>
      </c>
      <c r="G4086" t="s">
        <v>1</v>
      </c>
      <c r="H4086" t="s">
        <v>10426</v>
      </c>
      <c r="I4086" t="s">
        <v>30540</v>
      </c>
    </row>
    <row r="4087" spans="1:9">
      <c r="A4087" s="1">
        <v>0.8586155816544665</v>
      </c>
      <c r="B4087" s="1"/>
      <c r="C4087">
        <v>12</v>
      </c>
      <c r="D4087" t="s">
        <v>10417</v>
      </c>
      <c r="E4087" t="s">
        <v>32175</v>
      </c>
      <c r="F4087">
        <v>5</v>
      </c>
      <c r="G4087" t="s">
        <v>13</v>
      </c>
      <c r="H4087" t="s">
        <v>10418</v>
      </c>
      <c r="I4087" t="s">
        <v>30540</v>
      </c>
    </row>
    <row r="4088" spans="1:9">
      <c r="A4088" s="1">
        <v>0.17052381430465047</v>
      </c>
      <c r="B4088" s="1"/>
      <c r="C4088">
        <v>1</v>
      </c>
      <c r="D4088" t="s">
        <v>10411</v>
      </c>
      <c r="E4088" t="s">
        <v>32175</v>
      </c>
      <c r="F4088">
        <v>5</v>
      </c>
      <c r="G4088" t="s">
        <v>0</v>
      </c>
      <c r="H4088" t="s">
        <v>10412</v>
      </c>
      <c r="I4088" t="s">
        <v>30540</v>
      </c>
    </row>
    <row r="4089" spans="1:9">
      <c r="A4089" s="1">
        <v>0.61728103683262892</v>
      </c>
      <c r="B4089" s="1"/>
      <c r="C4089">
        <v>16</v>
      </c>
      <c r="D4089" t="s">
        <v>10419</v>
      </c>
      <c r="E4089" t="s">
        <v>32175</v>
      </c>
      <c r="F4089">
        <v>4</v>
      </c>
      <c r="G4089" t="s">
        <v>0</v>
      </c>
      <c r="H4089" t="s">
        <v>10420</v>
      </c>
      <c r="I4089" t="s">
        <v>30540</v>
      </c>
    </row>
    <row r="4090" spans="1:9">
      <c r="A4090" s="1">
        <v>0.80491880194431598</v>
      </c>
      <c r="B4090" s="1"/>
      <c r="C4090">
        <v>20</v>
      </c>
      <c r="D4090" t="s">
        <v>10421</v>
      </c>
      <c r="E4090" t="s">
        <v>32175</v>
      </c>
      <c r="F4090">
        <v>4</v>
      </c>
      <c r="G4090" t="s">
        <v>0</v>
      </c>
      <c r="H4090" t="s">
        <v>10422</v>
      </c>
      <c r="I4090" t="s">
        <v>30540</v>
      </c>
    </row>
    <row r="4091" spans="1:9">
      <c r="A4091" s="1">
        <v>0.61801087577147129</v>
      </c>
      <c r="B4091" s="1"/>
      <c r="C4091">
        <v>11</v>
      </c>
      <c r="D4091" t="s">
        <v>10415</v>
      </c>
      <c r="E4091" t="s">
        <v>32175</v>
      </c>
      <c r="F4091">
        <v>4</v>
      </c>
      <c r="G4091" t="s">
        <v>15</v>
      </c>
      <c r="H4091" t="s">
        <v>10416</v>
      </c>
      <c r="I4091" t="s">
        <v>30540</v>
      </c>
    </row>
    <row r="4092" spans="1:9">
      <c r="A4092" s="1">
        <v>0.64887375761995114</v>
      </c>
      <c r="B4092" s="1"/>
      <c r="C4092">
        <v>10</v>
      </c>
      <c r="D4092" t="s">
        <v>10413</v>
      </c>
      <c r="E4092" t="s">
        <v>32175</v>
      </c>
      <c r="F4092">
        <v>4</v>
      </c>
      <c r="G4092" t="s">
        <v>766</v>
      </c>
      <c r="H4092" t="s">
        <v>10414</v>
      </c>
      <c r="I4092" t="s">
        <v>30540</v>
      </c>
    </row>
    <row r="4093" spans="1:9">
      <c r="A4093" s="1">
        <v>0.21457293611352679</v>
      </c>
      <c r="B4093" s="1"/>
      <c r="C4093">
        <v>12</v>
      </c>
      <c r="D4093" t="s">
        <v>10402</v>
      </c>
      <c r="E4093" t="s">
        <v>32176</v>
      </c>
      <c r="F4093">
        <v>5</v>
      </c>
      <c r="G4093" t="s">
        <v>0</v>
      </c>
      <c r="H4093" t="s">
        <v>10403</v>
      </c>
      <c r="I4093" t="s">
        <v>30540</v>
      </c>
    </row>
    <row r="4094" spans="1:9">
      <c r="A4094" s="1">
        <v>0.92863426854324327</v>
      </c>
      <c r="B4094" s="1"/>
      <c r="C4094">
        <v>10</v>
      </c>
      <c r="D4094" t="s">
        <v>10400</v>
      </c>
      <c r="E4094" t="s">
        <v>32176</v>
      </c>
      <c r="F4094">
        <v>4</v>
      </c>
      <c r="G4094" t="s">
        <v>0</v>
      </c>
      <c r="H4094" t="s">
        <v>10401</v>
      </c>
      <c r="I4094" t="s">
        <v>30540</v>
      </c>
    </row>
    <row r="4095" spans="1:9">
      <c r="A4095" s="1">
        <v>0.41024673965662339</v>
      </c>
      <c r="B4095" s="1"/>
      <c r="C4095">
        <v>16</v>
      </c>
      <c r="D4095" t="s">
        <v>10408</v>
      </c>
      <c r="E4095" t="s">
        <v>32176</v>
      </c>
      <c r="F4095">
        <v>4</v>
      </c>
      <c r="G4095" t="s">
        <v>0</v>
      </c>
      <c r="H4095" t="s">
        <v>10409</v>
      </c>
      <c r="I4095" t="s">
        <v>30540</v>
      </c>
    </row>
    <row r="4096" spans="1:9">
      <c r="A4096" s="1">
        <v>0.35831866296454817</v>
      </c>
      <c r="B4096" s="1"/>
      <c r="C4096">
        <v>14</v>
      </c>
      <c r="D4096" t="s">
        <v>10406</v>
      </c>
      <c r="E4096" t="s">
        <v>32176</v>
      </c>
      <c r="F4096">
        <v>4</v>
      </c>
      <c r="G4096" t="s">
        <v>0</v>
      </c>
      <c r="H4096" t="s">
        <v>10407</v>
      </c>
      <c r="I4096" t="s">
        <v>30540</v>
      </c>
    </row>
    <row r="4097" spans="1:9">
      <c r="A4097" s="1">
        <v>0.8845837777706459</v>
      </c>
      <c r="B4097" s="1"/>
      <c r="C4097">
        <v>13</v>
      </c>
      <c r="D4097" t="s">
        <v>10404</v>
      </c>
      <c r="E4097" t="s">
        <v>32176</v>
      </c>
      <c r="F4097">
        <v>4</v>
      </c>
      <c r="G4097" t="s">
        <v>0</v>
      </c>
      <c r="H4097" t="s">
        <v>10405</v>
      </c>
      <c r="I4097" t="s">
        <v>30540</v>
      </c>
    </row>
    <row r="4098" spans="1:9">
      <c r="A4098" s="1">
        <v>0.45489471656432612</v>
      </c>
      <c r="B4098" s="1"/>
      <c r="C4098">
        <v>7</v>
      </c>
      <c r="D4098" t="s">
        <v>10398</v>
      </c>
      <c r="E4098" t="s">
        <v>32176</v>
      </c>
      <c r="F4098">
        <v>4</v>
      </c>
      <c r="G4098" t="s">
        <v>0</v>
      </c>
      <c r="H4098" t="s">
        <v>10399</v>
      </c>
      <c r="I4098" t="s">
        <v>30540</v>
      </c>
    </row>
    <row r="4099" spans="1:9">
      <c r="A4099" s="1">
        <v>0.79286586086193689</v>
      </c>
      <c r="B4099" s="1"/>
      <c r="C4099">
        <v>2</v>
      </c>
      <c r="D4099" t="s">
        <v>10392</v>
      </c>
      <c r="E4099" t="s">
        <v>32177</v>
      </c>
      <c r="F4099">
        <v>4</v>
      </c>
      <c r="G4099" t="s">
        <v>765</v>
      </c>
      <c r="H4099" t="s">
        <v>10393</v>
      </c>
      <c r="I4099" t="s">
        <v>30540</v>
      </c>
    </row>
    <row r="4100" spans="1:9">
      <c r="A4100" s="1">
        <v>0.74317147719421472</v>
      </c>
      <c r="B4100" s="1"/>
      <c r="C4100">
        <v>5</v>
      </c>
      <c r="D4100" t="s">
        <v>10394</v>
      </c>
      <c r="E4100" t="s">
        <v>32177</v>
      </c>
      <c r="F4100">
        <v>4</v>
      </c>
      <c r="G4100" t="s">
        <v>771</v>
      </c>
      <c r="H4100" t="s">
        <v>10395</v>
      </c>
      <c r="I4100" t="s">
        <v>30540</v>
      </c>
    </row>
    <row r="4101" spans="1:9">
      <c r="A4101" s="1">
        <v>0.60294969930859255</v>
      </c>
      <c r="B4101" s="1"/>
      <c r="C4101">
        <v>10</v>
      </c>
      <c r="D4101" t="s">
        <v>10396</v>
      </c>
      <c r="E4101" t="s">
        <v>32177</v>
      </c>
      <c r="F4101">
        <v>4</v>
      </c>
      <c r="G4101" t="s">
        <v>0</v>
      </c>
      <c r="H4101" t="s">
        <v>10397</v>
      </c>
      <c r="I4101" t="s">
        <v>30540</v>
      </c>
    </row>
    <row r="4102" spans="1:9">
      <c r="A4102" s="1">
        <v>0.1229213763465079</v>
      </c>
      <c r="B4102" s="1"/>
      <c r="C4102">
        <v>1</v>
      </c>
      <c r="D4102" t="s">
        <v>10380</v>
      </c>
      <c r="E4102" t="s">
        <v>32178</v>
      </c>
      <c r="F4102">
        <v>5</v>
      </c>
      <c r="G4102" t="s">
        <v>2</v>
      </c>
      <c r="H4102" t="s">
        <v>10381</v>
      </c>
      <c r="I4102" t="s">
        <v>30540</v>
      </c>
    </row>
    <row r="4103" spans="1:9">
      <c r="A4103" s="1">
        <v>0.96607793401271169</v>
      </c>
      <c r="B4103" s="1"/>
      <c r="C4103">
        <v>15</v>
      </c>
      <c r="D4103" t="s">
        <v>10388</v>
      </c>
      <c r="E4103" t="s">
        <v>32178</v>
      </c>
      <c r="F4103">
        <v>4</v>
      </c>
      <c r="G4103" t="s">
        <v>0</v>
      </c>
      <c r="H4103" t="s">
        <v>10389</v>
      </c>
      <c r="I4103" t="s">
        <v>30540</v>
      </c>
    </row>
    <row r="4104" spans="1:9">
      <c r="A4104" s="1">
        <v>0.23397431411053993</v>
      </c>
      <c r="B4104" s="1"/>
      <c r="C4104">
        <v>10</v>
      </c>
      <c r="D4104" t="s">
        <v>10382</v>
      </c>
      <c r="E4104" t="s">
        <v>32178</v>
      </c>
      <c r="F4104">
        <v>3</v>
      </c>
      <c r="G4104" t="s">
        <v>0</v>
      </c>
      <c r="H4104" t="s">
        <v>10383</v>
      </c>
      <c r="I4104" t="s">
        <v>30540</v>
      </c>
    </row>
    <row r="4105" spans="1:9">
      <c r="A4105" s="1">
        <v>0.77454902619747878</v>
      </c>
      <c r="B4105" s="1"/>
      <c r="C4105">
        <v>13</v>
      </c>
      <c r="D4105" t="s">
        <v>10376</v>
      </c>
      <c r="E4105" t="s">
        <v>32179</v>
      </c>
      <c r="F4105">
        <v>4</v>
      </c>
      <c r="G4105" t="s">
        <v>1</v>
      </c>
      <c r="H4105" t="s">
        <v>10377</v>
      </c>
      <c r="I4105" t="s">
        <v>30540</v>
      </c>
    </row>
    <row r="4106" spans="1:9">
      <c r="A4106" s="1">
        <v>0.46803762588647613</v>
      </c>
      <c r="B4106" s="1"/>
      <c r="C4106">
        <v>17</v>
      </c>
      <c r="D4106" t="s">
        <v>10378</v>
      </c>
      <c r="E4106" t="s">
        <v>32179</v>
      </c>
      <c r="F4106">
        <v>4</v>
      </c>
      <c r="G4106" t="s">
        <v>0</v>
      </c>
      <c r="H4106" t="s">
        <v>10379</v>
      </c>
      <c r="I4106" t="s">
        <v>30540</v>
      </c>
    </row>
    <row r="4107" spans="1:9">
      <c r="A4107" s="1">
        <v>0.75574628706742997</v>
      </c>
      <c r="B4107" s="1"/>
      <c r="C4107">
        <v>8</v>
      </c>
      <c r="D4107" t="s">
        <v>10360</v>
      </c>
      <c r="E4107" t="s">
        <v>32180</v>
      </c>
      <c r="F4107">
        <v>5</v>
      </c>
      <c r="G4107" t="s">
        <v>0</v>
      </c>
      <c r="H4107" t="s">
        <v>10361</v>
      </c>
      <c r="I4107" t="s">
        <v>30540</v>
      </c>
    </row>
    <row r="4108" spans="1:9">
      <c r="A4108" s="1">
        <v>6.5135708892991806E-2</v>
      </c>
      <c r="B4108" s="1"/>
      <c r="C4108">
        <v>6</v>
      </c>
      <c r="D4108" t="s">
        <v>10356</v>
      </c>
      <c r="E4108" t="s">
        <v>32180</v>
      </c>
      <c r="F4108">
        <v>4</v>
      </c>
      <c r="G4108" t="s">
        <v>0</v>
      </c>
      <c r="H4108" t="s">
        <v>10357</v>
      </c>
      <c r="I4108" t="s">
        <v>30540</v>
      </c>
    </row>
    <row r="4109" spans="1:9">
      <c r="A4109" s="1">
        <v>0.6056456435237294</v>
      </c>
      <c r="B4109" s="1"/>
      <c r="C4109">
        <v>7</v>
      </c>
      <c r="D4109" t="s">
        <v>10358</v>
      </c>
      <c r="E4109" t="s">
        <v>32180</v>
      </c>
      <c r="F4109">
        <v>4</v>
      </c>
      <c r="G4109" t="s">
        <v>0</v>
      </c>
      <c r="H4109" t="s">
        <v>10359</v>
      </c>
      <c r="I4109" t="s">
        <v>30540</v>
      </c>
    </row>
    <row r="4110" spans="1:9">
      <c r="A4110" s="1">
        <v>0.40917757574572855</v>
      </c>
      <c r="B4110" s="1"/>
      <c r="C4110">
        <v>5</v>
      </c>
      <c r="D4110" t="s">
        <v>10354</v>
      </c>
      <c r="E4110" t="s">
        <v>32180</v>
      </c>
      <c r="F4110">
        <v>4</v>
      </c>
      <c r="G4110" t="s">
        <v>15</v>
      </c>
      <c r="H4110" t="s">
        <v>10355</v>
      </c>
      <c r="I4110" t="s">
        <v>30540</v>
      </c>
    </row>
    <row r="4111" spans="1:9">
      <c r="A4111" s="1">
        <v>0.74094946529296146</v>
      </c>
      <c r="B4111" s="1"/>
      <c r="C4111">
        <v>12</v>
      </c>
      <c r="D4111" t="s">
        <v>10362</v>
      </c>
      <c r="E4111" t="s">
        <v>32180</v>
      </c>
      <c r="F4111">
        <v>4</v>
      </c>
      <c r="G4111" t="s">
        <v>9</v>
      </c>
      <c r="H4111" t="s">
        <v>10363</v>
      </c>
      <c r="I4111" t="s">
        <v>30540</v>
      </c>
    </row>
    <row r="4112" spans="1:9">
      <c r="A4112" s="1">
        <v>0.71171629714562967</v>
      </c>
      <c r="B4112" s="1"/>
      <c r="C4112">
        <v>14</v>
      </c>
      <c r="D4112" t="s">
        <v>10366</v>
      </c>
      <c r="E4112" t="s">
        <v>32180</v>
      </c>
      <c r="F4112">
        <v>4</v>
      </c>
      <c r="G4112" t="s">
        <v>0</v>
      </c>
      <c r="H4112" t="s">
        <v>10367</v>
      </c>
      <c r="I4112" t="s">
        <v>30540</v>
      </c>
    </row>
    <row r="4113" spans="1:9">
      <c r="A4113" s="1">
        <v>0.55917988109273586</v>
      </c>
      <c r="B4113" s="1"/>
      <c r="C4113">
        <v>13</v>
      </c>
      <c r="D4113" t="s">
        <v>10364</v>
      </c>
      <c r="E4113" t="s">
        <v>32180</v>
      </c>
      <c r="F4113">
        <v>4</v>
      </c>
      <c r="G4113" t="s">
        <v>0</v>
      </c>
      <c r="H4113" t="s">
        <v>10365</v>
      </c>
      <c r="I4113" t="s">
        <v>30540</v>
      </c>
    </row>
    <row r="4114" spans="1:9">
      <c r="A4114" s="1">
        <v>0.95866280391946213</v>
      </c>
      <c r="B4114" s="1"/>
      <c r="C4114">
        <v>16</v>
      </c>
      <c r="D4114" t="s">
        <v>10370</v>
      </c>
      <c r="E4114" t="s">
        <v>32180</v>
      </c>
      <c r="F4114">
        <v>4</v>
      </c>
      <c r="G4114" t="s">
        <v>0</v>
      </c>
      <c r="H4114" t="s">
        <v>10371</v>
      </c>
      <c r="I4114" t="s">
        <v>30540</v>
      </c>
    </row>
    <row r="4115" spans="1:9">
      <c r="A4115" s="1">
        <v>0.7319591450422589</v>
      </c>
      <c r="B4115" s="1"/>
      <c r="C4115">
        <v>1</v>
      </c>
      <c r="D4115" t="s">
        <v>10352</v>
      </c>
      <c r="E4115" t="s">
        <v>32180</v>
      </c>
      <c r="F4115">
        <v>4</v>
      </c>
      <c r="G4115" t="s">
        <v>14</v>
      </c>
      <c r="H4115" t="s">
        <v>10353</v>
      </c>
      <c r="I4115" t="s">
        <v>30540</v>
      </c>
    </row>
    <row r="4116" spans="1:9">
      <c r="A4116" s="1">
        <v>0.20713587641616371</v>
      </c>
      <c r="B4116" s="1"/>
      <c r="C4116">
        <v>15</v>
      </c>
      <c r="D4116" t="s">
        <v>10368</v>
      </c>
      <c r="E4116" t="s">
        <v>32180</v>
      </c>
      <c r="F4116">
        <v>3</v>
      </c>
      <c r="G4116" t="s">
        <v>0</v>
      </c>
      <c r="H4116" t="s">
        <v>10369</v>
      </c>
      <c r="I4116" t="s">
        <v>30540</v>
      </c>
    </row>
    <row r="4117" spans="1:9">
      <c r="A4117" s="1">
        <v>0.24175974173507619</v>
      </c>
      <c r="B4117" s="1"/>
      <c r="C4117">
        <v>20</v>
      </c>
      <c r="D4117" t="s">
        <v>10372</v>
      </c>
      <c r="E4117" t="s">
        <v>32180</v>
      </c>
      <c r="F4117">
        <v>3</v>
      </c>
      <c r="G4117" t="s">
        <v>0</v>
      </c>
      <c r="H4117" t="s">
        <v>10373</v>
      </c>
      <c r="I4117" t="s">
        <v>30540</v>
      </c>
    </row>
    <row r="4118" spans="1:9">
      <c r="A4118" s="1">
        <v>0.46733828144827394</v>
      </c>
      <c r="B4118" s="1"/>
      <c r="C4118">
        <v>12</v>
      </c>
      <c r="D4118" t="s">
        <v>10344</v>
      </c>
      <c r="E4118" t="s">
        <v>32181</v>
      </c>
      <c r="F4118">
        <v>5</v>
      </c>
      <c r="G4118" t="s">
        <v>0</v>
      </c>
      <c r="H4118" t="s">
        <v>10345</v>
      </c>
      <c r="I4118" t="s">
        <v>30540</v>
      </c>
    </row>
    <row r="4119" spans="1:9">
      <c r="A4119" s="1">
        <v>0.93244909271895859</v>
      </c>
      <c r="B4119" s="1"/>
      <c r="C4119">
        <v>20</v>
      </c>
      <c r="D4119" t="s">
        <v>10350</v>
      </c>
      <c r="E4119" t="s">
        <v>32181</v>
      </c>
      <c r="F4119">
        <v>5</v>
      </c>
      <c r="G4119" t="s">
        <v>0</v>
      </c>
      <c r="H4119" t="s">
        <v>10351</v>
      </c>
      <c r="I4119" t="s">
        <v>30540</v>
      </c>
    </row>
    <row r="4120" spans="1:9">
      <c r="A4120" s="1">
        <v>0.88910106698852098</v>
      </c>
      <c r="B4120" s="1"/>
      <c r="C4120">
        <v>18</v>
      </c>
      <c r="D4120" t="s">
        <v>10348</v>
      </c>
      <c r="E4120" t="s">
        <v>32181</v>
      </c>
      <c r="F4120">
        <v>4</v>
      </c>
      <c r="G4120" t="s">
        <v>0</v>
      </c>
      <c r="H4120" t="s">
        <v>10349</v>
      </c>
      <c r="I4120" t="s">
        <v>30540</v>
      </c>
    </row>
    <row r="4121" spans="1:9">
      <c r="A4121" s="1">
        <v>0.86561539361091533</v>
      </c>
      <c r="B4121" s="1"/>
      <c r="C4121">
        <v>17</v>
      </c>
      <c r="D4121" t="s">
        <v>10346</v>
      </c>
      <c r="E4121" t="s">
        <v>32181</v>
      </c>
      <c r="F4121">
        <v>4</v>
      </c>
      <c r="G4121" t="s">
        <v>771</v>
      </c>
      <c r="H4121" t="s">
        <v>10347</v>
      </c>
      <c r="I4121" t="s">
        <v>30540</v>
      </c>
    </row>
    <row r="4122" spans="1:9">
      <c r="A4122" s="1">
        <v>0.2615880691241329</v>
      </c>
      <c r="B4122" s="1"/>
      <c r="C4122">
        <v>1</v>
      </c>
      <c r="D4122" t="s">
        <v>10338</v>
      </c>
      <c r="E4122" t="s">
        <v>32181</v>
      </c>
      <c r="F4122">
        <v>4</v>
      </c>
      <c r="G4122" t="s">
        <v>762</v>
      </c>
      <c r="H4122" t="s">
        <v>10339</v>
      </c>
      <c r="I4122" t="s">
        <v>30540</v>
      </c>
    </row>
    <row r="4123" spans="1:9">
      <c r="A4123" s="1">
        <v>1.2462492356041244E-3</v>
      </c>
      <c r="B4123" s="1"/>
      <c r="C4123">
        <v>2</v>
      </c>
      <c r="D4123" t="s">
        <v>10340</v>
      </c>
      <c r="E4123" t="s">
        <v>32181</v>
      </c>
      <c r="F4123">
        <v>4</v>
      </c>
      <c r="G4123" t="s">
        <v>14</v>
      </c>
      <c r="H4123" t="s">
        <v>10341</v>
      </c>
      <c r="I4123" t="s">
        <v>30540</v>
      </c>
    </row>
    <row r="4124" spans="1:9">
      <c r="A4124" s="1">
        <v>0.65209996053579522</v>
      </c>
      <c r="B4124" s="1"/>
      <c r="C4124">
        <v>4</v>
      </c>
      <c r="D4124" t="s">
        <v>10342</v>
      </c>
      <c r="E4124" t="s">
        <v>32181</v>
      </c>
      <c r="F4124">
        <v>4</v>
      </c>
      <c r="G4124" t="s">
        <v>770</v>
      </c>
      <c r="H4124" t="s">
        <v>10343</v>
      </c>
      <c r="I4124" t="s">
        <v>30540</v>
      </c>
    </row>
    <row r="4125" spans="1:9">
      <c r="A4125" s="1">
        <v>2.2797654478788676E-2</v>
      </c>
      <c r="B4125" s="1"/>
      <c r="C4125">
        <v>13</v>
      </c>
      <c r="D4125" t="s">
        <v>10332</v>
      </c>
      <c r="E4125" t="s">
        <v>32182</v>
      </c>
      <c r="F4125">
        <v>5</v>
      </c>
      <c r="G4125" t="s">
        <v>765</v>
      </c>
      <c r="H4125" t="s">
        <v>10333</v>
      </c>
      <c r="I4125" t="s">
        <v>30540</v>
      </c>
    </row>
    <row r="4126" spans="1:9">
      <c r="A4126" s="1">
        <v>0.16317273430926349</v>
      </c>
      <c r="B4126" s="1"/>
      <c r="C4126">
        <v>7</v>
      </c>
      <c r="D4126" t="s">
        <v>10330</v>
      </c>
      <c r="E4126" t="s">
        <v>32182</v>
      </c>
      <c r="F4126">
        <v>5</v>
      </c>
      <c r="G4126" t="s">
        <v>1</v>
      </c>
      <c r="H4126" t="s">
        <v>10331</v>
      </c>
      <c r="I4126" t="s">
        <v>30540</v>
      </c>
    </row>
    <row r="4127" spans="1:9">
      <c r="A4127" s="1">
        <v>5.9527810400724634E-3</v>
      </c>
      <c r="B4127" s="1"/>
      <c r="C4127">
        <v>20</v>
      </c>
      <c r="D4127" t="s">
        <v>10336</v>
      </c>
      <c r="E4127" t="s">
        <v>32182</v>
      </c>
      <c r="F4127">
        <v>4</v>
      </c>
      <c r="G4127" t="s">
        <v>0</v>
      </c>
      <c r="H4127" t="s">
        <v>10337</v>
      </c>
      <c r="I4127" t="s">
        <v>30540</v>
      </c>
    </row>
    <row r="4128" spans="1:9">
      <c r="A4128" s="1">
        <v>0.22433762333732865</v>
      </c>
      <c r="B4128" s="1"/>
      <c r="C4128">
        <v>17</v>
      </c>
      <c r="D4128" t="s">
        <v>10334</v>
      </c>
      <c r="E4128" t="s">
        <v>32182</v>
      </c>
      <c r="F4128">
        <v>4</v>
      </c>
      <c r="G4128" t="s">
        <v>771</v>
      </c>
      <c r="H4128" t="s">
        <v>10335</v>
      </c>
      <c r="I4128" t="s">
        <v>30540</v>
      </c>
    </row>
    <row r="4129" spans="1:9">
      <c r="A4129" s="1">
        <v>0.79554101609402006</v>
      </c>
      <c r="B4129" s="1"/>
      <c r="C4129">
        <v>6</v>
      </c>
      <c r="D4129" t="s">
        <v>10328</v>
      </c>
      <c r="E4129" t="s">
        <v>32182</v>
      </c>
      <c r="F4129">
        <v>4</v>
      </c>
      <c r="G4129" t="s">
        <v>770</v>
      </c>
      <c r="H4129" t="s">
        <v>10329</v>
      </c>
      <c r="I4129" t="s">
        <v>30540</v>
      </c>
    </row>
    <row r="4130" spans="1:9">
      <c r="A4130" s="1">
        <v>0.40522124184723041</v>
      </c>
      <c r="B4130" s="1"/>
      <c r="C4130">
        <v>1</v>
      </c>
      <c r="D4130" t="s">
        <v>10314</v>
      </c>
      <c r="E4130" t="s">
        <v>32183</v>
      </c>
      <c r="F4130">
        <v>4</v>
      </c>
      <c r="G4130" t="s">
        <v>0</v>
      </c>
      <c r="H4130" t="s">
        <v>10315</v>
      </c>
      <c r="I4130" t="s">
        <v>30540</v>
      </c>
    </row>
    <row r="4131" spans="1:9">
      <c r="A4131" s="1">
        <v>0.27170046929143765</v>
      </c>
      <c r="B4131" s="1"/>
      <c r="C4131">
        <v>17</v>
      </c>
      <c r="D4131" t="s">
        <v>10324</v>
      </c>
      <c r="E4131" t="s">
        <v>32183</v>
      </c>
      <c r="F4131">
        <v>4</v>
      </c>
      <c r="G4131" t="s">
        <v>2</v>
      </c>
      <c r="H4131" t="s">
        <v>10325</v>
      </c>
      <c r="I4131" t="s">
        <v>30540</v>
      </c>
    </row>
    <row r="4132" spans="1:9">
      <c r="A4132" s="1">
        <v>0.22263980185546839</v>
      </c>
      <c r="B4132" s="1"/>
      <c r="C4132">
        <v>15</v>
      </c>
      <c r="D4132" t="s">
        <v>10322</v>
      </c>
      <c r="E4132" t="s">
        <v>32183</v>
      </c>
      <c r="F4132">
        <v>4</v>
      </c>
      <c r="G4132" t="s">
        <v>0</v>
      </c>
      <c r="H4132" t="s">
        <v>10323</v>
      </c>
      <c r="I4132" t="s">
        <v>30540</v>
      </c>
    </row>
    <row r="4133" spans="1:9">
      <c r="A4133" s="1">
        <v>0.39781777996249934</v>
      </c>
      <c r="B4133" s="1"/>
      <c r="C4133">
        <v>7</v>
      </c>
      <c r="D4133" t="s">
        <v>10318</v>
      </c>
      <c r="E4133" t="s">
        <v>32183</v>
      </c>
      <c r="F4133">
        <v>4</v>
      </c>
      <c r="G4133" t="s">
        <v>0</v>
      </c>
      <c r="H4133" t="s">
        <v>10319</v>
      </c>
      <c r="I4133" t="s">
        <v>30540</v>
      </c>
    </row>
    <row r="4134" spans="1:9">
      <c r="A4134" s="1">
        <v>0.39139372484632873</v>
      </c>
      <c r="B4134" s="1"/>
      <c r="C4134">
        <v>12</v>
      </c>
      <c r="D4134" t="s">
        <v>10320</v>
      </c>
      <c r="E4134" t="s">
        <v>32183</v>
      </c>
      <c r="F4134">
        <v>4</v>
      </c>
      <c r="G4134" t="s">
        <v>0</v>
      </c>
      <c r="H4134" t="s">
        <v>10321</v>
      </c>
      <c r="I4134" t="s">
        <v>30540</v>
      </c>
    </row>
    <row r="4135" spans="1:9">
      <c r="A4135" s="1">
        <v>0.43456769305566689</v>
      </c>
      <c r="B4135" s="1"/>
      <c r="C4135">
        <v>18</v>
      </c>
      <c r="D4135" t="s">
        <v>10326</v>
      </c>
      <c r="E4135" t="s">
        <v>32183</v>
      </c>
      <c r="F4135">
        <v>4</v>
      </c>
      <c r="G4135" t="s">
        <v>10</v>
      </c>
      <c r="H4135" t="s">
        <v>10327</v>
      </c>
      <c r="I4135" t="s">
        <v>30540</v>
      </c>
    </row>
    <row r="4136" spans="1:9">
      <c r="A4136" s="1">
        <v>0.2206696632330637</v>
      </c>
      <c r="B4136" s="1"/>
      <c r="C4136">
        <v>2</v>
      </c>
      <c r="D4136" t="s">
        <v>10316</v>
      </c>
      <c r="E4136" t="s">
        <v>32183</v>
      </c>
      <c r="F4136">
        <v>3</v>
      </c>
      <c r="G4136" t="s">
        <v>13</v>
      </c>
      <c r="H4136" t="s">
        <v>10317</v>
      </c>
      <c r="I4136" t="s">
        <v>30540</v>
      </c>
    </row>
    <row r="4137" spans="1:9">
      <c r="A4137" s="1">
        <v>0.92383930207537268</v>
      </c>
      <c r="B4137" s="1"/>
      <c r="C4137">
        <v>11</v>
      </c>
      <c r="D4137" t="s">
        <v>10304</v>
      </c>
      <c r="E4137" t="s">
        <v>32184</v>
      </c>
      <c r="F4137">
        <v>5</v>
      </c>
      <c r="G4137" t="s">
        <v>15</v>
      </c>
      <c r="H4137" t="s">
        <v>10305</v>
      </c>
      <c r="I4137" t="s">
        <v>30540</v>
      </c>
    </row>
    <row r="4138" spans="1:9">
      <c r="A4138" s="1">
        <v>0.53123223947812004</v>
      </c>
      <c r="B4138" s="1"/>
      <c r="C4138">
        <v>18</v>
      </c>
      <c r="D4138" t="s">
        <v>10312</v>
      </c>
      <c r="E4138" t="s">
        <v>32184</v>
      </c>
      <c r="F4138">
        <v>5</v>
      </c>
      <c r="G4138" t="s">
        <v>15</v>
      </c>
      <c r="H4138" t="s">
        <v>10313</v>
      </c>
      <c r="I4138" t="s">
        <v>30540</v>
      </c>
    </row>
    <row r="4139" spans="1:9">
      <c r="A4139" s="1">
        <v>0.99169087187045757</v>
      </c>
      <c r="B4139" s="1"/>
      <c r="C4139">
        <v>12</v>
      </c>
      <c r="D4139" t="s">
        <v>10306</v>
      </c>
      <c r="E4139" t="s">
        <v>32184</v>
      </c>
      <c r="F4139">
        <v>5</v>
      </c>
      <c r="G4139" t="s">
        <v>0</v>
      </c>
      <c r="H4139" t="s">
        <v>10307</v>
      </c>
      <c r="I4139" t="s">
        <v>30540</v>
      </c>
    </row>
    <row r="4140" spans="1:9">
      <c r="A4140" s="1">
        <v>0.73868795519223085</v>
      </c>
      <c r="B4140" s="1"/>
      <c r="C4140">
        <v>10</v>
      </c>
      <c r="D4140" t="s">
        <v>10302</v>
      </c>
      <c r="E4140" t="s">
        <v>32184</v>
      </c>
      <c r="F4140">
        <v>5</v>
      </c>
      <c r="G4140" t="s">
        <v>0</v>
      </c>
      <c r="H4140" t="s">
        <v>10303</v>
      </c>
      <c r="I4140" t="s">
        <v>30540</v>
      </c>
    </row>
    <row r="4141" spans="1:9">
      <c r="A4141" s="1">
        <v>0.70270164940984847</v>
      </c>
      <c r="B4141" s="1"/>
      <c r="C4141">
        <v>15</v>
      </c>
      <c r="D4141" t="s">
        <v>10308</v>
      </c>
      <c r="E4141" t="s">
        <v>32184</v>
      </c>
      <c r="F4141">
        <v>4</v>
      </c>
      <c r="G4141" t="s">
        <v>0</v>
      </c>
      <c r="H4141" t="s">
        <v>10309</v>
      </c>
      <c r="I4141" t="s">
        <v>30540</v>
      </c>
    </row>
    <row r="4142" spans="1:9">
      <c r="A4142" s="1">
        <v>0.43555101653377004</v>
      </c>
      <c r="B4142" s="1"/>
      <c r="C4142">
        <v>8</v>
      </c>
      <c r="D4142" t="s">
        <v>10300</v>
      </c>
      <c r="E4142" t="s">
        <v>32184</v>
      </c>
      <c r="F4142">
        <v>4</v>
      </c>
      <c r="G4142" t="s">
        <v>0</v>
      </c>
      <c r="H4142" t="s">
        <v>10301</v>
      </c>
      <c r="I4142" t="s">
        <v>30540</v>
      </c>
    </row>
    <row r="4143" spans="1:9">
      <c r="A4143" s="1">
        <v>0.1126855415802277</v>
      </c>
      <c r="B4143" s="1"/>
      <c r="C4143">
        <v>6</v>
      </c>
      <c r="D4143" t="s">
        <v>10298</v>
      </c>
      <c r="E4143" t="s">
        <v>32184</v>
      </c>
      <c r="F4143">
        <v>4</v>
      </c>
      <c r="G4143" t="s">
        <v>15</v>
      </c>
      <c r="H4143" t="s">
        <v>10299</v>
      </c>
      <c r="I4143" t="s">
        <v>30540</v>
      </c>
    </row>
    <row r="4144" spans="1:9">
      <c r="A4144" s="1">
        <v>0.9137032971344502</v>
      </c>
      <c r="B4144" s="1"/>
      <c r="C4144">
        <v>11</v>
      </c>
      <c r="D4144" t="s">
        <v>10290</v>
      </c>
      <c r="E4144" t="s">
        <v>32185</v>
      </c>
      <c r="F4144">
        <v>4</v>
      </c>
      <c r="G4144" t="s">
        <v>0</v>
      </c>
      <c r="H4144" t="s">
        <v>10291</v>
      </c>
      <c r="I4144" t="s">
        <v>30540</v>
      </c>
    </row>
    <row r="4145" spans="1:9">
      <c r="A4145" s="1">
        <v>7.9662425662459624E-2</v>
      </c>
      <c r="B4145" s="1"/>
      <c r="C4145">
        <v>16</v>
      </c>
      <c r="D4145" t="s">
        <v>10294</v>
      </c>
      <c r="E4145" t="s">
        <v>32185</v>
      </c>
      <c r="F4145">
        <v>4</v>
      </c>
      <c r="G4145" t="s">
        <v>0</v>
      </c>
      <c r="H4145" t="s">
        <v>10295</v>
      </c>
      <c r="I4145" t="s">
        <v>30540</v>
      </c>
    </row>
    <row r="4146" spans="1:9">
      <c r="A4146" s="1">
        <v>0.16476294466374042</v>
      </c>
      <c r="B4146" s="1"/>
      <c r="C4146">
        <v>1</v>
      </c>
      <c r="D4146" t="s">
        <v>10286</v>
      </c>
      <c r="E4146" t="s">
        <v>32185</v>
      </c>
      <c r="F4146">
        <v>4</v>
      </c>
      <c r="G4146" t="s">
        <v>2</v>
      </c>
      <c r="H4146" t="s">
        <v>10287</v>
      </c>
      <c r="I4146" t="s">
        <v>30540</v>
      </c>
    </row>
    <row r="4147" spans="1:9">
      <c r="A4147" s="1">
        <v>0.66039908482513754</v>
      </c>
      <c r="B4147" s="1"/>
      <c r="C4147">
        <v>9</v>
      </c>
      <c r="D4147" t="s">
        <v>10288</v>
      </c>
      <c r="E4147" t="s">
        <v>32185</v>
      </c>
      <c r="F4147">
        <v>4</v>
      </c>
      <c r="G4147" t="s">
        <v>0</v>
      </c>
      <c r="H4147" t="s">
        <v>10289</v>
      </c>
      <c r="I4147" t="s">
        <v>30540</v>
      </c>
    </row>
    <row r="4148" spans="1:9">
      <c r="A4148" s="1">
        <v>0.78783167404858345</v>
      </c>
      <c r="B4148" s="1"/>
      <c r="C4148">
        <v>12</v>
      </c>
      <c r="D4148" t="s">
        <v>10292</v>
      </c>
      <c r="E4148" t="s">
        <v>32185</v>
      </c>
      <c r="F4148">
        <v>4</v>
      </c>
      <c r="G4148" t="s">
        <v>0</v>
      </c>
      <c r="H4148" t="s">
        <v>10293</v>
      </c>
      <c r="I4148" t="s">
        <v>30540</v>
      </c>
    </row>
    <row r="4149" spans="1:9">
      <c r="A4149" s="1">
        <v>0.31699911480255083</v>
      </c>
      <c r="B4149" s="1"/>
      <c r="C4149">
        <v>15</v>
      </c>
      <c r="D4149" t="s">
        <v>10284</v>
      </c>
      <c r="E4149" t="s">
        <v>32186</v>
      </c>
      <c r="F4149">
        <v>5</v>
      </c>
      <c r="G4149" t="s">
        <v>0</v>
      </c>
      <c r="H4149" t="s">
        <v>10285</v>
      </c>
      <c r="I4149" t="s">
        <v>30540</v>
      </c>
    </row>
    <row r="4150" spans="1:9">
      <c r="A4150" s="1">
        <v>0.89984818240201692</v>
      </c>
      <c r="B4150" s="1"/>
      <c r="C4150">
        <v>1</v>
      </c>
      <c r="D4150" t="s">
        <v>10282</v>
      </c>
      <c r="E4150" t="s">
        <v>32186</v>
      </c>
      <c r="F4150">
        <v>4</v>
      </c>
      <c r="G4150" t="s">
        <v>762</v>
      </c>
      <c r="H4150" t="s">
        <v>10283</v>
      </c>
      <c r="I4150" t="s">
        <v>30540</v>
      </c>
    </row>
    <row r="4151" spans="1:9">
      <c r="A4151" s="1">
        <v>1.6904886931577545E-2</v>
      </c>
      <c r="B4151" s="1"/>
      <c r="C4151">
        <v>18</v>
      </c>
      <c r="D4151" t="s">
        <v>10278</v>
      </c>
      <c r="E4151" t="s">
        <v>32187</v>
      </c>
      <c r="F4151">
        <v>5</v>
      </c>
      <c r="G4151" t="s">
        <v>0</v>
      </c>
      <c r="H4151" t="s">
        <v>10279</v>
      </c>
      <c r="I4151" t="s">
        <v>30540</v>
      </c>
    </row>
    <row r="4152" spans="1:9">
      <c r="A4152" s="1">
        <v>0.47436093662400092</v>
      </c>
      <c r="B4152" s="1"/>
      <c r="C4152">
        <v>8</v>
      </c>
      <c r="D4152" t="s">
        <v>10276</v>
      </c>
      <c r="E4152" t="s">
        <v>32187</v>
      </c>
      <c r="F4152">
        <v>5</v>
      </c>
      <c r="G4152" t="s">
        <v>0</v>
      </c>
      <c r="H4152" t="s">
        <v>10277</v>
      </c>
      <c r="I4152" t="s">
        <v>30540</v>
      </c>
    </row>
    <row r="4153" spans="1:9">
      <c r="A4153" s="1">
        <v>0.7276197035639328</v>
      </c>
      <c r="B4153" s="1"/>
      <c r="C4153">
        <v>6</v>
      </c>
      <c r="D4153" t="s">
        <v>10274</v>
      </c>
      <c r="E4153" t="s">
        <v>32187</v>
      </c>
      <c r="F4153">
        <v>5</v>
      </c>
      <c r="G4153" t="s">
        <v>14</v>
      </c>
      <c r="H4153" t="s">
        <v>10275</v>
      </c>
      <c r="I4153" t="s">
        <v>30540</v>
      </c>
    </row>
    <row r="4154" spans="1:9">
      <c r="A4154" s="1">
        <v>0.94863761044133676</v>
      </c>
      <c r="B4154" s="1"/>
      <c r="C4154">
        <v>1</v>
      </c>
      <c r="D4154" t="s">
        <v>10272</v>
      </c>
      <c r="E4154" t="s">
        <v>32187</v>
      </c>
      <c r="F4154">
        <v>4</v>
      </c>
      <c r="G4154" t="s">
        <v>766</v>
      </c>
      <c r="H4154" t="s">
        <v>10273</v>
      </c>
      <c r="I4154" t="s">
        <v>30540</v>
      </c>
    </row>
    <row r="4155" spans="1:9">
      <c r="A4155" s="1">
        <v>0.8744007633599632</v>
      </c>
      <c r="B4155" s="1"/>
      <c r="C4155">
        <v>20</v>
      </c>
      <c r="D4155" t="s">
        <v>10280</v>
      </c>
      <c r="E4155" t="s">
        <v>32187</v>
      </c>
      <c r="F4155">
        <v>3</v>
      </c>
      <c r="G4155" t="s">
        <v>0</v>
      </c>
      <c r="H4155" t="s">
        <v>10281</v>
      </c>
      <c r="I4155" t="s">
        <v>30540</v>
      </c>
    </row>
    <row r="4156" spans="1:9">
      <c r="A4156" s="1">
        <v>9.1935008408387975E-2</v>
      </c>
      <c r="B4156" s="1"/>
      <c r="C4156">
        <v>17</v>
      </c>
      <c r="D4156" t="s">
        <v>10266</v>
      </c>
      <c r="E4156" t="s">
        <v>32188</v>
      </c>
      <c r="F4156">
        <v>5</v>
      </c>
      <c r="G4156" t="s">
        <v>15</v>
      </c>
      <c r="H4156" t="s">
        <v>10267</v>
      </c>
      <c r="I4156" t="s">
        <v>30540</v>
      </c>
    </row>
    <row r="4157" spans="1:9">
      <c r="A4157" s="1">
        <v>0.57670783080940169</v>
      </c>
      <c r="B4157" s="1"/>
      <c r="C4157">
        <v>14</v>
      </c>
      <c r="D4157" t="s">
        <v>10262</v>
      </c>
      <c r="E4157" t="s">
        <v>32188</v>
      </c>
      <c r="F4157">
        <v>5</v>
      </c>
      <c r="G4157" t="s">
        <v>0</v>
      </c>
      <c r="H4157" t="s">
        <v>10263</v>
      </c>
      <c r="I4157" t="s">
        <v>30540</v>
      </c>
    </row>
    <row r="4158" spans="1:9">
      <c r="A4158" s="1">
        <v>0.37195439822897058</v>
      </c>
      <c r="B4158" s="1"/>
      <c r="C4158">
        <v>13</v>
      </c>
      <c r="D4158" t="s">
        <v>10260</v>
      </c>
      <c r="E4158" t="s">
        <v>32188</v>
      </c>
      <c r="F4158">
        <v>5</v>
      </c>
      <c r="G4158" t="s">
        <v>0</v>
      </c>
      <c r="H4158" t="s">
        <v>10261</v>
      </c>
      <c r="I4158" t="s">
        <v>30540</v>
      </c>
    </row>
    <row r="4159" spans="1:9">
      <c r="A4159" s="1">
        <v>0.93832232143441885</v>
      </c>
      <c r="B4159" s="1"/>
      <c r="C4159">
        <v>1</v>
      </c>
      <c r="D4159" t="s">
        <v>10252</v>
      </c>
      <c r="E4159" t="s">
        <v>32188</v>
      </c>
      <c r="F4159">
        <v>5</v>
      </c>
      <c r="G4159" t="s">
        <v>15</v>
      </c>
      <c r="H4159" t="s">
        <v>10253</v>
      </c>
      <c r="I4159" t="s">
        <v>30540</v>
      </c>
    </row>
    <row r="4160" spans="1:9">
      <c r="A4160" s="1">
        <v>0.69646524212689231</v>
      </c>
      <c r="B4160" s="1"/>
      <c r="C4160">
        <v>18</v>
      </c>
      <c r="D4160" t="s">
        <v>10268</v>
      </c>
      <c r="E4160" t="s">
        <v>32188</v>
      </c>
      <c r="F4160">
        <v>5</v>
      </c>
      <c r="G4160" t="s">
        <v>1</v>
      </c>
      <c r="H4160" t="s">
        <v>10269</v>
      </c>
      <c r="I4160" t="s">
        <v>30540</v>
      </c>
    </row>
    <row r="4161" spans="1:9">
      <c r="A4161" s="1">
        <v>0.53334189293436418</v>
      </c>
      <c r="B4161" s="1"/>
      <c r="C4161">
        <v>16</v>
      </c>
      <c r="D4161" t="s">
        <v>10264</v>
      </c>
      <c r="E4161" t="s">
        <v>32188</v>
      </c>
      <c r="F4161">
        <v>4</v>
      </c>
      <c r="G4161" t="s">
        <v>13</v>
      </c>
      <c r="H4161" t="s">
        <v>10265</v>
      </c>
      <c r="I4161" t="s">
        <v>30540</v>
      </c>
    </row>
    <row r="4162" spans="1:9">
      <c r="A4162" s="1">
        <v>0.18382086899321282</v>
      </c>
      <c r="B4162" s="1"/>
      <c r="C4162">
        <v>4</v>
      </c>
      <c r="D4162" t="s">
        <v>10256</v>
      </c>
      <c r="E4162" t="s">
        <v>32188</v>
      </c>
      <c r="F4162">
        <v>4</v>
      </c>
      <c r="G4162" t="s">
        <v>13</v>
      </c>
      <c r="H4162" t="s">
        <v>10257</v>
      </c>
      <c r="I4162" t="s">
        <v>30540</v>
      </c>
    </row>
    <row r="4163" spans="1:9">
      <c r="A4163" s="1">
        <v>0.97016385206098443</v>
      </c>
      <c r="B4163" s="1"/>
      <c r="C4163">
        <v>3</v>
      </c>
      <c r="D4163" t="s">
        <v>10254</v>
      </c>
      <c r="E4163" t="s">
        <v>32188</v>
      </c>
      <c r="F4163">
        <v>4</v>
      </c>
      <c r="G4163" t="s">
        <v>0</v>
      </c>
      <c r="H4163" t="s">
        <v>10255</v>
      </c>
      <c r="I4163" t="s">
        <v>30540</v>
      </c>
    </row>
    <row r="4164" spans="1:9">
      <c r="A4164" s="1">
        <v>6.6424810436988113E-2</v>
      </c>
      <c r="B4164" s="1"/>
      <c r="C4164">
        <v>10</v>
      </c>
      <c r="D4164" t="s">
        <v>10258</v>
      </c>
      <c r="E4164" t="s">
        <v>32188</v>
      </c>
      <c r="F4164">
        <v>4</v>
      </c>
      <c r="G4164" t="s">
        <v>0</v>
      </c>
      <c r="H4164" t="s">
        <v>10259</v>
      </c>
      <c r="I4164" t="s">
        <v>30540</v>
      </c>
    </row>
    <row r="4165" spans="1:9">
      <c r="A4165" s="1">
        <v>0.88023746344865039</v>
      </c>
      <c r="B4165" s="1"/>
      <c r="C4165">
        <v>19</v>
      </c>
      <c r="D4165" t="s">
        <v>10270</v>
      </c>
      <c r="E4165" t="s">
        <v>32188</v>
      </c>
      <c r="F4165">
        <v>4</v>
      </c>
      <c r="G4165" t="s">
        <v>15</v>
      </c>
      <c r="H4165" t="s">
        <v>10271</v>
      </c>
      <c r="I4165" t="s">
        <v>30540</v>
      </c>
    </row>
    <row r="4166" spans="1:9">
      <c r="A4166" s="1">
        <v>0.49036670011897687</v>
      </c>
      <c r="B4166" s="1"/>
      <c r="C4166">
        <v>7</v>
      </c>
      <c r="D4166" t="s">
        <v>10248</v>
      </c>
      <c r="E4166" t="s">
        <v>32189</v>
      </c>
      <c r="F4166">
        <v>4</v>
      </c>
      <c r="G4166" t="s">
        <v>0</v>
      </c>
      <c r="H4166" t="s">
        <v>10249</v>
      </c>
      <c r="I4166" t="s">
        <v>30540</v>
      </c>
    </row>
    <row r="4167" spans="1:9">
      <c r="A4167" s="1">
        <v>0.29574624236135427</v>
      </c>
      <c r="B4167" s="1"/>
      <c r="C4167">
        <v>2</v>
      </c>
      <c r="D4167" t="s">
        <v>10246</v>
      </c>
      <c r="E4167" t="s">
        <v>32189</v>
      </c>
      <c r="F4167">
        <v>4</v>
      </c>
      <c r="G4167" t="s">
        <v>15</v>
      </c>
      <c r="H4167" t="s">
        <v>10247</v>
      </c>
      <c r="I4167" t="s">
        <v>30540</v>
      </c>
    </row>
    <row r="4168" spans="1:9">
      <c r="A4168" s="1">
        <v>0.98310131306136328</v>
      </c>
      <c r="B4168" s="1"/>
      <c r="C4168">
        <v>17</v>
      </c>
      <c r="D4168" t="s">
        <v>10250</v>
      </c>
      <c r="E4168" t="s">
        <v>32189</v>
      </c>
      <c r="F4168">
        <v>4</v>
      </c>
      <c r="G4168" t="s">
        <v>0</v>
      </c>
      <c r="H4168" t="s">
        <v>10251</v>
      </c>
      <c r="I4168" t="s">
        <v>30540</v>
      </c>
    </row>
    <row r="4169" spans="1:9">
      <c r="A4169" s="1">
        <v>0.44076838749726011</v>
      </c>
      <c r="B4169" s="1"/>
      <c r="C4169">
        <v>7</v>
      </c>
      <c r="D4169" t="s">
        <v>10238</v>
      </c>
      <c r="E4169" t="s">
        <v>32190</v>
      </c>
      <c r="F4169">
        <v>5</v>
      </c>
      <c r="G4169" t="s">
        <v>13</v>
      </c>
      <c r="H4169" t="s">
        <v>10239</v>
      </c>
      <c r="I4169" t="s">
        <v>30540</v>
      </c>
    </row>
    <row r="4170" spans="1:9">
      <c r="A4170" s="1">
        <v>0.20388368074052865</v>
      </c>
      <c r="B4170" s="1"/>
      <c r="C4170">
        <v>16</v>
      </c>
      <c r="D4170" t="s">
        <v>10244</v>
      </c>
      <c r="E4170" t="s">
        <v>32190</v>
      </c>
      <c r="F4170">
        <v>5</v>
      </c>
      <c r="G4170" t="s">
        <v>2</v>
      </c>
      <c r="H4170" t="s">
        <v>10245</v>
      </c>
      <c r="I4170" t="s">
        <v>30540</v>
      </c>
    </row>
    <row r="4171" spans="1:9">
      <c r="A4171" s="1">
        <v>0.75797627690813663</v>
      </c>
      <c r="B4171" s="1"/>
      <c r="C4171">
        <v>10</v>
      </c>
      <c r="D4171" t="s">
        <v>10240</v>
      </c>
      <c r="E4171" t="s">
        <v>32190</v>
      </c>
      <c r="F4171">
        <v>4</v>
      </c>
      <c r="G4171" t="s">
        <v>0</v>
      </c>
      <c r="H4171" t="s">
        <v>10241</v>
      </c>
      <c r="I4171" t="s">
        <v>30540</v>
      </c>
    </row>
    <row r="4172" spans="1:9">
      <c r="A4172" s="1">
        <v>0.18740710537105898</v>
      </c>
      <c r="B4172" s="1"/>
      <c r="C4172">
        <v>13</v>
      </c>
      <c r="D4172" t="s">
        <v>10242</v>
      </c>
      <c r="E4172" t="s">
        <v>32190</v>
      </c>
      <c r="F4172">
        <v>4</v>
      </c>
      <c r="G4172" t="s">
        <v>0</v>
      </c>
      <c r="H4172" t="s">
        <v>10243</v>
      </c>
      <c r="I4172" t="s">
        <v>30540</v>
      </c>
    </row>
    <row r="4173" spans="1:9">
      <c r="A4173" s="1">
        <v>0.65863116527871213</v>
      </c>
      <c r="B4173" s="1"/>
      <c r="C4173">
        <v>4</v>
      </c>
      <c r="D4173" t="s">
        <v>10236</v>
      </c>
      <c r="E4173" t="s">
        <v>32190</v>
      </c>
      <c r="F4173">
        <v>4</v>
      </c>
      <c r="G4173" t="s">
        <v>15</v>
      </c>
      <c r="H4173" t="s">
        <v>10237</v>
      </c>
      <c r="I4173" t="s">
        <v>30540</v>
      </c>
    </row>
    <row r="4174" spans="1:9">
      <c r="A4174" s="1">
        <v>0.97951622877425182</v>
      </c>
      <c r="B4174" s="1"/>
      <c r="C4174">
        <v>3</v>
      </c>
      <c r="D4174" t="s">
        <v>10234</v>
      </c>
      <c r="E4174" t="s">
        <v>32190</v>
      </c>
      <c r="F4174">
        <v>3</v>
      </c>
      <c r="G4174" t="s">
        <v>0</v>
      </c>
      <c r="H4174" t="s">
        <v>10235</v>
      </c>
      <c r="I4174" t="s">
        <v>30540</v>
      </c>
    </row>
    <row r="4175" spans="1:9">
      <c r="A4175" s="1">
        <v>0.6706268086857774</v>
      </c>
      <c r="B4175" s="1"/>
      <c r="C4175">
        <v>12</v>
      </c>
      <c r="D4175" t="s">
        <v>10230</v>
      </c>
      <c r="E4175" t="s">
        <v>32191</v>
      </c>
      <c r="F4175">
        <v>5</v>
      </c>
      <c r="G4175" t="s">
        <v>14</v>
      </c>
      <c r="H4175" t="s">
        <v>10231</v>
      </c>
      <c r="I4175" t="s">
        <v>30540</v>
      </c>
    </row>
    <row r="4176" spans="1:9">
      <c r="A4176" s="1">
        <v>0.66689193417261461</v>
      </c>
      <c r="B4176" s="1"/>
      <c r="C4176">
        <v>15</v>
      </c>
      <c r="D4176" t="s">
        <v>10232</v>
      </c>
      <c r="E4176" t="s">
        <v>32191</v>
      </c>
      <c r="F4176">
        <v>5</v>
      </c>
      <c r="G4176" t="s">
        <v>0</v>
      </c>
      <c r="H4176" t="s">
        <v>10233</v>
      </c>
      <c r="I4176" t="s">
        <v>30540</v>
      </c>
    </row>
    <row r="4177" spans="1:9">
      <c r="A4177" s="1">
        <v>0.56491933087088364</v>
      </c>
      <c r="B4177" s="1"/>
      <c r="C4177">
        <v>11</v>
      </c>
      <c r="D4177" t="s">
        <v>10228</v>
      </c>
      <c r="E4177" t="s">
        <v>32191</v>
      </c>
      <c r="F4177">
        <v>4</v>
      </c>
      <c r="G4177" t="s">
        <v>14</v>
      </c>
      <c r="H4177" t="s">
        <v>10229</v>
      </c>
      <c r="I4177" t="s">
        <v>30540</v>
      </c>
    </row>
    <row r="4178" spans="1:9">
      <c r="A4178" s="1">
        <v>0.42723245838871871</v>
      </c>
      <c r="B4178" s="1"/>
      <c r="C4178">
        <v>12</v>
      </c>
      <c r="D4178" t="s">
        <v>10224</v>
      </c>
      <c r="E4178" t="s">
        <v>32192</v>
      </c>
      <c r="F4178">
        <v>5</v>
      </c>
      <c r="G4178" t="s">
        <v>0</v>
      </c>
      <c r="H4178" t="s">
        <v>10225</v>
      </c>
      <c r="I4178" t="s">
        <v>30540</v>
      </c>
    </row>
    <row r="4179" spans="1:9">
      <c r="A4179" s="1">
        <v>0.92414141408279993</v>
      </c>
      <c r="B4179" s="1"/>
      <c r="C4179">
        <v>10</v>
      </c>
      <c r="D4179" t="s">
        <v>10222</v>
      </c>
      <c r="E4179" t="s">
        <v>32192</v>
      </c>
      <c r="F4179">
        <v>5</v>
      </c>
      <c r="G4179" t="s">
        <v>770</v>
      </c>
      <c r="H4179" t="s">
        <v>10223</v>
      </c>
      <c r="I4179" t="s">
        <v>30540</v>
      </c>
    </row>
    <row r="4180" spans="1:9">
      <c r="A4180" s="1">
        <v>0.36714168305881911</v>
      </c>
      <c r="B4180" s="1"/>
      <c r="C4180">
        <v>9</v>
      </c>
      <c r="D4180" t="s">
        <v>10220</v>
      </c>
      <c r="E4180" t="s">
        <v>32192</v>
      </c>
      <c r="F4180">
        <v>4</v>
      </c>
      <c r="G4180" t="s">
        <v>1</v>
      </c>
      <c r="H4180" t="s">
        <v>10221</v>
      </c>
      <c r="I4180" t="s">
        <v>30540</v>
      </c>
    </row>
    <row r="4181" spans="1:9">
      <c r="A4181" s="1">
        <v>0.58472784380713005</v>
      </c>
      <c r="B4181" s="1"/>
      <c r="C4181">
        <v>17</v>
      </c>
      <c r="D4181" t="s">
        <v>10218</v>
      </c>
      <c r="E4181" t="s">
        <v>32193</v>
      </c>
      <c r="F4181">
        <v>4</v>
      </c>
      <c r="G4181" t="s">
        <v>0</v>
      </c>
      <c r="H4181" t="s">
        <v>10219</v>
      </c>
      <c r="I4181" t="s">
        <v>30540</v>
      </c>
    </row>
    <row r="4182" spans="1:9">
      <c r="A4182" s="1">
        <v>0.7500330811320578</v>
      </c>
      <c r="B4182" s="1"/>
      <c r="C4182">
        <v>16</v>
      </c>
      <c r="D4182" t="s">
        <v>10216</v>
      </c>
      <c r="E4182" t="s">
        <v>32193</v>
      </c>
      <c r="F4182">
        <v>4</v>
      </c>
      <c r="G4182" t="s">
        <v>15</v>
      </c>
      <c r="H4182" t="s">
        <v>10217</v>
      </c>
      <c r="I4182" t="s">
        <v>30540</v>
      </c>
    </row>
    <row r="4183" spans="1:9">
      <c r="A4183" s="1">
        <v>0.38756461556838917</v>
      </c>
      <c r="B4183" s="1"/>
      <c r="C4183">
        <v>7</v>
      </c>
      <c r="D4183" t="s">
        <v>10214</v>
      </c>
      <c r="E4183" t="s">
        <v>32193</v>
      </c>
      <c r="F4183">
        <v>3</v>
      </c>
      <c r="G4183" t="s">
        <v>0</v>
      </c>
      <c r="H4183" t="s">
        <v>10215</v>
      </c>
      <c r="I4183" t="s">
        <v>30540</v>
      </c>
    </row>
    <row r="4184" spans="1:9">
      <c r="A4184" s="1">
        <v>0.15789911529535705</v>
      </c>
      <c r="B4184" s="1"/>
      <c r="C4184">
        <v>7</v>
      </c>
      <c r="D4184" t="s">
        <v>10210</v>
      </c>
      <c r="E4184" t="s">
        <v>32194</v>
      </c>
      <c r="F4184">
        <v>5</v>
      </c>
      <c r="G4184" t="s">
        <v>766</v>
      </c>
      <c r="H4184" t="s">
        <v>10211</v>
      </c>
      <c r="I4184" t="s">
        <v>30540</v>
      </c>
    </row>
    <row r="4185" spans="1:9">
      <c r="A4185" s="1">
        <v>0.38254741015741833</v>
      </c>
      <c r="B4185" s="1"/>
      <c r="C4185">
        <v>5</v>
      </c>
      <c r="D4185" t="s">
        <v>10208</v>
      </c>
      <c r="E4185" t="s">
        <v>32194</v>
      </c>
      <c r="F4185">
        <v>4</v>
      </c>
      <c r="G4185" t="s">
        <v>0</v>
      </c>
      <c r="H4185" t="s">
        <v>10209</v>
      </c>
      <c r="I4185" t="s">
        <v>30540</v>
      </c>
    </row>
    <row r="4186" spans="1:9">
      <c r="A4186" s="1">
        <v>0.97609755594022729</v>
      </c>
      <c r="B4186" s="1"/>
      <c r="C4186">
        <v>12</v>
      </c>
      <c r="D4186" t="s">
        <v>10204</v>
      </c>
      <c r="E4186" t="s">
        <v>32195</v>
      </c>
      <c r="F4186">
        <v>4</v>
      </c>
      <c r="G4186" t="s">
        <v>2</v>
      </c>
      <c r="H4186" t="s">
        <v>10205</v>
      </c>
      <c r="I4186" t="s">
        <v>30540</v>
      </c>
    </row>
    <row r="4187" spans="1:9">
      <c r="A4187" s="1">
        <v>3.4842330536262289E-2</v>
      </c>
      <c r="B4187" s="1"/>
      <c r="C4187">
        <v>3</v>
      </c>
      <c r="D4187" t="s">
        <v>10202</v>
      </c>
      <c r="E4187" t="s">
        <v>32195</v>
      </c>
      <c r="F4187">
        <v>4</v>
      </c>
      <c r="G4187" t="s">
        <v>765</v>
      </c>
      <c r="H4187" t="s">
        <v>10203</v>
      </c>
      <c r="I4187" t="s">
        <v>30540</v>
      </c>
    </row>
    <row r="4188" spans="1:9">
      <c r="A4188" s="1">
        <v>0.17982518336225617</v>
      </c>
      <c r="B4188" s="1"/>
      <c r="C4188">
        <v>19</v>
      </c>
      <c r="D4188" t="s">
        <v>10206</v>
      </c>
      <c r="E4188" t="s">
        <v>32195</v>
      </c>
      <c r="F4188">
        <v>4</v>
      </c>
      <c r="G4188" t="s">
        <v>0</v>
      </c>
      <c r="H4188" t="s">
        <v>10207</v>
      </c>
      <c r="I4188" t="s">
        <v>30540</v>
      </c>
    </row>
    <row r="4189" spans="1:9">
      <c r="A4189" s="1">
        <v>0.46799602436561138</v>
      </c>
      <c r="B4189" s="1"/>
      <c r="C4189">
        <v>16</v>
      </c>
      <c r="D4189" t="s">
        <v>10196</v>
      </c>
      <c r="E4189" t="s">
        <v>32196</v>
      </c>
      <c r="F4189">
        <v>5</v>
      </c>
      <c r="G4189" t="s">
        <v>0</v>
      </c>
      <c r="H4189" t="s">
        <v>10197</v>
      </c>
      <c r="I4189" t="s">
        <v>30540</v>
      </c>
    </row>
    <row r="4190" spans="1:9">
      <c r="A4190" s="1">
        <v>0.55066840549113372</v>
      </c>
      <c r="B4190" s="1"/>
      <c r="C4190">
        <v>10</v>
      </c>
      <c r="D4190" t="s">
        <v>10192</v>
      </c>
      <c r="E4190" t="s">
        <v>32196</v>
      </c>
      <c r="F4190">
        <v>5</v>
      </c>
      <c r="G4190" t="s">
        <v>0</v>
      </c>
      <c r="H4190" t="s">
        <v>10193</v>
      </c>
      <c r="I4190" t="s">
        <v>30540</v>
      </c>
    </row>
    <row r="4191" spans="1:9">
      <c r="A4191" s="1">
        <v>0.35738002452106654</v>
      </c>
      <c r="B4191" s="1"/>
      <c r="C4191">
        <v>20</v>
      </c>
      <c r="D4191" t="s">
        <v>10200</v>
      </c>
      <c r="E4191" t="s">
        <v>32196</v>
      </c>
      <c r="F4191">
        <v>5</v>
      </c>
      <c r="G4191" t="s">
        <v>0</v>
      </c>
      <c r="H4191" t="s">
        <v>10201</v>
      </c>
      <c r="I4191" t="s">
        <v>30540</v>
      </c>
    </row>
    <row r="4192" spans="1:9">
      <c r="A4192" s="1">
        <v>0.94346083540751513</v>
      </c>
      <c r="B4192" s="1"/>
      <c r="C4192">
        <v>2</v>
      </c>
      <c r="D4192" t="s">
        <v>10184</v>
      </c>
      <c r="E4192" t="s">
        <v>32196</v>
      </c>
      <c r="F4192">
        <v>5</v>
      </c>
      <c r="G4192" t="s">
        <v>14</v>
      </c>
      <c r="H4192" t="s">
        <v>10185</v>
      </c>
      <c r="I4192" t="s">
        <v>30540</v>
      </c>
    </row>
    <row r="4193" spans="1:9">
      <c r="A4193" s="1">
        <v>0.64627192247192222</v>
      </c>
      <c r="B4193" s="1"/>
      <c r="C4193">
        <v>6</v>
      </c>
      <c r="D4193" t="s">
        <v>10188</v>
      </c>
      <c r="E4193" t="s">
        <v>32196</v>
      </c>
      <c r="F4193">
        <v>4</v>
      </c>
      <c r="G4193" t="s">
        <v>15</v>
      </c>
      <c r="H4193" t="s">
        <v>10189</v>
      </c>
      <c r="I4193" t="s">
        <v>30540</v>
      </c>
    </row>
    <row r="4194" spans="1:9">
      <c r="A4194" s="1">
        <v>0.89409572618555189</v>
      </c>
      <c r="B4194" s="1"/>
      <c r="C4194">
        <v>3</v>
      </c>
      <c r="D4194" t="s">
        <v>10186</v>
      </c>
      <c r="E4194" t="s">
        <v>32196</v>
      </c>
      <c r="F4194">
        <v>4</v>
      </c>
      <c r="G4194" t="s">
        <v>0</v>
      </c>
      <c r="H4194" t="s">
        <v>10187</v>
      </c>
      <c r="I4194" t="s">
        <v>30540</v>
      </c>
    </row>
    <row r="4195" spans="1:9">
      <c r="A4195" s="1">
        <v>0.33027043859578853</v>
      </c>
      <c r="B4195" s="1"/>
      <c r="C4195">
        <v>9</v>
      </c>
      <c r="D4195" t="s">
        <v>10190</v>
      </c>
      <c r="E4195" t="s">
        <v>32196</v>
      </c>
      <c r="F4195">
        <v>4</v>
      </c>
      <c r="G4195" t="s">
        <v>0</v>
      </c>
      <c r="H4195" t="s">
        <v>10191</v>
      </c>
      <c r="I4195" t="s">
        <v>30540</v>
      </c>
    </row>
    <row r="4196" spans="1:9">
      <c r="A4196" s="1">
        <v>0.56019091017375666</v>
      </c>
      <c r="B4196" s="1"/>
      <c r="C4196">
        <v>11</v>
      </c>
      <c r="D4196" t="s">
        <v>10194</v>
      </c>
      <c r="E4196" t="s">
        <v>32196</v>
      </c>
      <c r="F4196">
        <v>4</v>
      </c>
      <c r="G4196" t="s">
        <v>14</v>
      </c>
      <c r="H4196" t="s">
        <v>10195</v>
      </c>
      <c r="I4196" t="s">
        <v>30540</v>
      </c>
    </row>
    <row r="4197" spans="1:9">
      <c r="A4197" s="1">
        <v>0.32883210581913702</v>
      </c>
      <c r="B4197" s="1"/>
      <c r="C4197">
        <v>6</v>
      </c>
      <c r="D4197" t="s">
        <v>10176</v>
      </c>
      <c r="E4197" t="s">
        <v>32197</v>
      </c>
      <c r="F4197">
        <v>5</v>
      </c>
      <c r="G4197" t="s">
        <v>15</v>
      </c>
      <c r="H4197" t="s">
        <v>10177</v>
      </c>
      <c r="I4197" t="s">
        <v>30540</v>
      </c>
    </row>
    <row r="4198" spans="1:9">
      <c r="A4198" s="1">
        <v>0.69234500755348249</v>
      </c>
      <c r="B4198" s="1"/>
      <c r="C4198">
        <v>3</v>
      </c>
      <c r="D4198" t="s">
        <v>10174</v>
      </c>
      <c r="E4198" t="s">
        <v>32197</v>
      </c>
      <c r="F4198">
        <v>4</v>
      </c>
      <c r="G4198" t="s">
        <v>10</v>
      </c>
      <c r="H4198" t="s">
        <v>10175</v>
      </c>
      <c r="I4198" t="s">
        <v>30540</v>
      </c>
    </row>
    <row r="4199" spans="1:9">
      <c r="A4199" s="1">
        <v>0.84732622976921768</v>
      </c>
      <c r="B4199" s="1"/>
      <c r="C4199">
        <v>20</v>
      </c>
      <c r="D4199" t="s">
        <v>10182</v>
      </c>
      <c r="E4199" t="s">
        <v>32197</v>
      </c>
      <c r="F4199">
        <v>4</v>
      </c>
      <c r="G4199" t="s">
        <v>15</v>
      </c>
      <c r="H4199" t="s">
        <v>10183</v>
      </c>
      <c r="I4199" t="s">
        <v>30540</v>
      </c>
    </row>
    <row r="4200" spans="1:9">
      <c r="A4200" s="1">
        <v>0.2939287702789718</v>
      </c>
      <c r="B4200" s="1"/>
      <c r="C4200">
        <v>18</v>
      </c>
      <c r="D4200" t="s">
        <v>10180</v>
      </c>
      <c r="E4200" t="s">
        <v>32197</v>
      </c>
      <c r="F4200">
        <v>4</v>
      </c>
      <c r="G4200" t="s">
        <v>0</v>
      </c>
      <c r="H4200" t="s">
        <v>10181</v>
      </c>
      <c r="I4200" t="s">
        <v>30540</v>
      </c>
    </row>
    <row r="4201" spans="1:9">
      <c r="A4201" s="1">
        <v>0.75205263073772821</v>
      </c>
      <c r="B4201" s="1"/>
      <c r="C4201">
        <v>3</v>
      </c>
      <c r="D4201" t="s">
        <v>10156</v>
      </c>
      <c r="E4201" t="s">
        <v>32198</v>
      </c>
      <c r="F4201">
        <v>5</v>
      </c>
      <c r="G4201" t="s">
        <v>13</v>
      </c>
      <c r="H4201" t="s">
        <v>10157</v>
      </c>
      <c r="I4201" t="s">
        <v>30540</v>
      </c>
    </row>
    <row r="4202" spans="1:9">
      <c r="A4202" s="1">
        <v>2.6671704592337919E-2</v>
      </c>
      <c r="B4202" s="1"/>
      <c r="C4202">
        <v>12</v>
      </c>
      <c r="D4202" t="s">
        <v>10168</v>
      </c>
      <c r="E4202" t="s">
        <v>32198</v>
      </c>
      <c r="F4202">
        <v>5</v>
      </c>
      <c r="G4202" t="s">
        <v>0</v>
      </c>
      <c r="H4202" t="s">
        <v>10169</v>
      </c>
      <c r="I4202" t="s">
        <v>30540</v>
      </c>
    </row>
    <row r="4203" spans="1:9">
      <c r="A4203" s="1">
        <v>5.524492704932038E-2</v>
      </c>
      <c r="B4203" s="1"/>
      <c r="C4203">
        <v>15</v>
      </c>
      <c r="D4203" t="s">
        <v>10170</v>
      </c>
      <c r="E4203" t="s">
        <v>32198</v>
      </c>
      <c r="F4203">
        <v>5</v>
      </c>
      <c r="G4203" t="s">
        <v>0</v>
      </c>
      <c r="H4203" t="s">
        <v>10171</v>
      </c>
      <c r="I4203" t="s">
        <v>30540</v>
      </c>
    </row>
    <row r="4204" spans="1:9">
      <c r="A4204" s="1">
        <v>0.6687747310366049</v>
      </c>
      <c r="B4204" s="1"/>
      <c r="C4204">
        <v>18</v>
      </c>
      <c r="D4204" t="s">
        <v>10172</v>
      </c>
      <c r="E4204" t="s">
        <v>32198</v>
      </c>
      <c r="F4204">
        <v>4</v>
      </c>
      <c r="G4204" t="s">
        <v>0</v>
      </c>
      <c r="H4204" t="s">
        <v>10173</v>
      </c>
      <c r="I4204" t="s">
        <v>30540</v>
      </c>
    </row>
    <row r="4205" spans="1:9">
      <c r="A4205" s="1">
        <v>0.63304364912538391</v>
      </c>
      <c r="B4205" s="1"/>
      <c r="C4205">
        <v>10</v>
      </c>
      <c r="D4205" t="s">
        <v>10166</v>
      </c>
      <c r="E4205" t="s">
        <v>32198</v>
      </c>
      <c r="F4205">
        <v>4</v>
      </c>
      <c r="G4205" t="s">
        <v>0</v>
      </c>
      <c r="H4205" t="s">
        <v>10167</v>
      </c>
      <c r="I4205" t="s">
        <v>30540</v>
      </c>
    </row>
    <row r="4206" spans="1:9">
      <c r="A4206" s="1">
        <v>0.64383372901492053</v>
      </c>
      <c r="B4206" s="1"/>
      <c r="C4206">
        <v>5</v>
      </c>
      <c r="D4206" t="s">
        <v>10158</v>
      </c>
      <c r="E4206" t="s">
        <v>32198</v>
      </c>
      <c r="F4206">
        <v>4</v>
      </c>
      <c r="G4206" t="s">
        <v>15</v>
      </c>
      <c r="H4206" t="s">
        <v>10159</v>
      </c>
      <c r="I4206" t="s">
        <v>30540</v>
      </c>
    </row>
    <row r="4207" spans="1:9">
      <c r="A4207" s="1">
        <v>0.91783692743047351</v>
      </c>
      <c r="B4207" s="1"/>
      <c r="C4207">
        <v>9</v>
      </c>
      <c r="D4207" t="s">
        <v>10164</v>
      </c>
      <c r="E4207" t="s">
        <v>32198</v>
      </c>
      <c r="F4207">
        <v>4</v>
      </c>
      <c r="G4207" t="s">
        <v>15</v>
      </c>
      <c r="H4207" t="s">
        <v>10165</v>
      </c>
      <c r="I4207" t="s">
        <v>30540</v>
      </c>
    </row>
    <row r="4208" spans="1:9">
      <c r="A4208" s="1">
        <v>1.405681264835934E-2</v>
      </c>
      <c r="B4208" s="1"/>
      <c r="C4208">
        <v>8</v>
      </c>
      <c r="D4208" t="s">
        <v>10162</v>
      </c>
      <c r="E4208" t="s">
        <v>32198</v>
      </c>
      <c r="F4208">
        <v>4</v>
      </c>
      <c r="G4208" t="s">
        <v>0</v>
      </c>
      <c r="H4208" t="s">
        <v>10163</v>
      </c>
      <c r="I4208" t="s">
        <v>30540</v>
      </c>
    </row>
    <row r="4209" spans="1:9">
      <c r="A4209" s="1">
        <v>0.76691103865328536</v>
      </c>
      <c r="B4209" s="1"/>
      <c r="C4209">
        <v>6</v>
      </c>
      <c r="D4209" t="s">
        <v>10148</v>
      </c>
      <c r="E4209" t="s">
        <v>32199</v>
      </c>
      <c r="F4209">
        <v>5</v>
      </c>
      <c r="G4209" t="s">
        <v>9</v>
      </c>
      <c r="H4209" t="s">
        <v>10149</v>
      </c>
      <c r="I4209" t="s">
        <v>30540</v>
      </c>
    </row>
    <row r="4210" spans="1:9">
      <c r="A4210" s="1">
        <v>0.2990534724842876</v>
      </c>
      <c r="B4210" s="1"/>
      <c r="C4210">
        <v>18</v>
      </c>
      <c r="D4210" t="s">
        <v>10154</v>
      </c>
      <c r="E4210" t="s">
        <v>32199</v>
      </c>
      <c r="F4210">
        <v>4</v>
      </c>
      <c r="G4210" t="s">
        <v>0</v>
      </c>
      <c r="H4210" t="s">
        <v>10155</v>
      </c>
      <c r="I4210" t="s">
        <v>30540</v>
      </c>
    </row>
    <row r="4211" spans="1:9">
      <c r="A4211" s="1">
        <v>0.83501754638087855</v>
      </c>
      <c r="B4211" s="1"/>
      <c r="C4211">
        <v>9</v>
      </c>
      <c r="D4211" t="s">
        <v>10150</v>
      </c>
      <c r="E4211" t="s">
        <v>32199</v>
      </c>
      <c r="F4211">
        <v>4</v>
      </c>
      <c r="G4211" t="s">
        <v>0</v>
      </c>
      <c r="H4211" t="s">
        <v>10151</v>
      </c>
      <c r="I4211" t="s">
        <v>30540</v>
      </c>
    </row>
    <row r="4212" spans="1:9">
      <c r="A4212" s="1">
        <v>0.36354451544063304</v>
      </c>
      <c r="B4212" s="1"/>
      <c r="C4212">
        <v>17</v>
      </c>
      <c r="D4212" t="s">
        <v>10152</v>
      </c>
      <c r="E4212" t="s">
        <v>32199</v>
      </c>
      <c r="F4212">
        <v>4</v>
      </c>
      <c r="G4212" t="s">
        <v>762</v>
      </c>
      <c r="H4212" t="s">
        <v>10153</v>
      </c>
      <c r="I4212" t="s">
        <v>30540</v>
      </c>
    </row>
    <row r="4213" spans="1:9">
      <c r="A4213" s="1">
        <v>0.84692948915829358</v>
      </c>
      <c r="B4213" s="1"/>
      <c r="C4213">
        <v>3</v>
      </c>
      <c r="D4213" t="s">
        <v>10146</v>
      </c>
      <c r="E4213" t="s">
        <v>32199</v>
      </c>
      <c r="F4213">
        <v>4</v>
      </c>
      <c r="G4213" t="s">
        <v>2</v>
      </c>
      <c r="H4213" t="s">
        <v>10147</v>
      </c>
      <c r="I4213" t="s">
        <v>30540</v>
      </c>
    </row>
    <row r="4214" spans="1:9">
      <c r="A4214" s="1">
        <v>0.64339829865709475</v>
      </c>
      <c r="B4214" s="1"/>
      <c r="C4214">
        <v>12</v>
      </c>
      <c r="D4214" t="s">
        <v>10136</v>
      </c>
      <c r="E4214" t="s">
        <v>32200</v>
      </c>
      <c r="F4214">
        <v>5</v>
      </c>
      <c r="G4214" t="s">
        <v>0</v>
      </c>
      <c r="H4214" t="s">
        <v>10137</v>
      </c>
      <c r="I4214" t="s">
        <v>30540</v>
      </c>
    </row>
    <row r="4215" spans="1:9">
      <c r="A4215" s="1">
        <v>0.8478894028617342</v>
      </c>
      <c r="B4215" s="1"/>
      <c r="C4215">
        <v>15</v>
      </c>
      <c r="D4215" t="s">
        <v>10140</v>
      </c>
      <c r="E4215" t="s">
        <v>32200</v>
      </c>
      <c r="F4215">
        <v>5</v>
      </c>
      <c r="G4215" t="s">
        <v>0</v>
      </c>
      <c r="H4215" t="s">
        <v>10141</v>
      </c>
      <c r="I4215" t="s">
        <v>30540</v>
      </c>
    </row>
    <row r="4216" spans="1:9">
      <c r="A4216" s="1">
        <v>0.30467115104223008</v>
      </c>
      <c r="B4216" s="1"/>
      <c r="C4216">
        <v>13</v>
      </c>
      <c r="D4216" t="s">
        <v>10138</v>
      </c>
      <c r="E4216" t="s">
        <v>32200</v>
      </c>
      <c r="F4216">
        <v>5</v>
      </c>
      <c r="G4216" t="s">
        <v>15</v>
      </c>
      <c r="H4216" t="s">
        <v>10139</v>
      </c>
      <c r="I4216" t="s">
        <v>30540</v>
      </c>
    </row>
    <row r="4217" spans="1:9">
      <c r="A4217" s="1">
        <v>0.3898045037552953</v>
      </c>
      <c r="B4217" s="1"/>
      <c r="C4217">
        <v>17</v>
      </c>
      <c r="D4217" t="s">
        <v>10144</v>
      </c>
      <c r="E4217" t="s">
        <v>32200</v>
      </c>
      <c r="F4217">
        <v>4</v>
      </c>
      <c r="G4217" t="s">
        <v>0</v>
      </c>
      <c r="H4217" t="s">
        <v>10145</v>
      </c>
      <c r="I4217" t="s">
        <v>30540</v>
      </c>
    </row>
    <row r="4218" spans="1:9">
      <c r="A4218" s="1">
        <v>0.88639290802058335</v>
      </c>
      <c r="B4218" s="1"/>
      <c r="C4218">
        <v>16</v>
      </c>
      <c r="D4218" t="s">
        <v>10142</v>
      </c>
      <c r="E4218" t="s">
        <v>32200</v>
      </c>
      <c r="F4218">
        <v>4</v>
      </c>
      <c r="G4218" t="s">
        <v>10</v>
      </c>
      <c r="H4218" t="s">
        <v>10143</v>
      </c>
      <c r="I4218" t="s">
        <v>30540</v>
      </c>
    </row>
    <row r="4219" spans="1:9">
      <c r="A4219" s="1">
        <v>0.64831947794074751</v>
      </c>
      <c r="B4219" s="1"/>
      <c r="C4219">
        <v>16</v>
      </c>
      <c r="D4219" t="s">
        <v>10130</v>
      </c>
      <c r="E4219" t="s">
        <v>32201</v>
      </c>
      <c r="F4219">
        <v>5</v>
      </c>
      <c r="G4219" t="s">
        <v>15</v>
      </c>
      <c r="H4219" t="s">
        <v>10131</v>
      </c>
      <c r="I4219" t="s">
        <v>30540</v>
      </c>
    </row>
    <row r="4220" spans="1:9">
      <c r="A4220" s="1">
        <v>0.50903346258433457</v>
      </c>
      <c r="B4220" s="1"/>
      <c r="C4220">
        <v>7</v>
      </c>
      <c r="D4220" t="s">
        <v>10118</v>
      </c>
      <c r="E4220" t="s">
        <v>32201</v>
      </c>
      <c r="F4220">
        <v>5</v>
      </c>
      <c r="G4220" t="s">
        <v>15</v>
      </c>
      <c r="H4220" t="s">
        <v>10119</v>
      </c>
      <c r="I4220" t="s">
        <v>30540</v>
      </c>
    </row>
    <row r="4221" spans="1:9">
      <c r="A4221" s="1">
        <v>1.344785248353908E-2</v>
      </c>
      <c r="B4221" s="1"/>
      <c r="C4221">
        <v>17</v>
      </c>
      <c r="D4221" t="s">
        <v>10132</v>
      </c>
      <c r="E4221" t="s">
        <v>32201</v>
      </c>
      <c r="F4221">
        <v>4</v>
      </c>
      <c r="G4221" t="s">
        <v>0</v>
      </c>
      <c r="H4221" t="s">
        <v>10133</v>
      </c>
      <c r="I4221" t="s">
        <v>30540</v>
      </c>
    </row>
    <row r="4222" spans="1:9">
      <c r="A4222" s="1">
        <v>0.528858020526217</v>
      </c>
      <c r="B4222" s="1"/>
      <c r="C4222">
        <v>13</v>
      </c>
      <c r="D4222" t="s">
        <v>10126</v>
      </c>
      <c r="E4222" t="s">
        <v>32201</v>
      </c>
      <c r="F4222">
        <v>4</v>
      </c>
      <c r="G4222" t="s">
        <v>0</v>
      </c>
      <c r="H4222" t="s">
        <v>10127</v>
      </c>
      <c r="I4222" t="s">
        <v>30540</v>
      </c>
    </row>
    <row r="4223" spans="1:9">
      <c r="A4223" s="1">
        <v>4.4816764145891086E-2</v>
      </c>
      <c r="B4223" s="1"/>
      <c r="C4223">
        <v>6</v>
      </c>
      <c r="D4223" t="s">
        <v>10116</v>
      </c>
      <c r="E4223" t="s">
        <v>32201</v>
      </c>
      <c r="F4223">
        <v>4</v>
      </c>
      <c r="G4223" t="s">
        <v>0</v>
      </c>
      <c r="H4223" t="s">
        <v>10117</v>
      </c>
      <c r="I4223" t="s">
        <v>30540</v>
      </c>
    </row>
    <row r="4224" spans="1:9">
      <c r="A4224" s="1">
        <v>0.61482727438487872</v>
      </c>
      <c r="B4224" s="1"/>
      <c r="C4224">
        <v>15</v>
      </c>
      <c r="D4224" t="s">
        <v>10128</v>
      </c>
      <c r="E4224" t="s">
        <v>32201</v>
      </c>
      <c r="F4224">
        <v>4</v>
      </c>
      <c r="G4224" t="s">
        <v>0</v>
      </c>
      <c r="H4224" t="s">
        <v>10129</v>
      </c>
      <c r="I4224" t="s">
        <v>30540</v>
      </c>
    </row>
    <row r="4225" spans="1:9">
      <c r="A4225" s="1">
        <v>0.68204660773956538</v>
      </c>
      <c r="B4225" s="1"/>
      <c r="C4225">
        <v>12</v>
      </c>
      <c r="D4225" t="s">
        <v>10124</v>
      </c>
      <c r="E4225" t="s">
        <v>32201</v>
      </c>
      <c r="F4225">
        <v>4</v>
      </c>
      <c r="G4225" t="s">
        <v>0</v>
      </c>
      <c r="H4225" t="s">
        <v>10125</v>
      </c>
      <c r="I4225" t="s">
        <v>30540</v>
      </c>
    </row>
    <row r="4226" spans="1:9">
      <c r="A4226" s="1">
        <v>0.24928642362531384</v>
      </c>
      <c r="B4226" s="1"/>
      <c r="C4226">
        <v>9</v>
      </c>
      <c r="D4226" t="s">
        <v>10122</v>
      </c>
      <c r="E4226" t="s">
        <v>32201</v>
      </c>
      <c r="F4226">
        <v>4</v>
      </c>
      <c r="G4226" t="s">
        <v>0</v>
      </c>
      <c r="H4226" t="s">
        <v>10123</v>
      </c>
      <c r="I4226" t="s">
        <v>30540</v>
      </c>
    </row>
    <row r="4227" spans="1:9">
      <c r="A4227" s="1">
        <v>0.16222475719042395</v>
      </c>
      <c r="B4227" s="1"/>
      <c r="C4227">
        <v>8</v>
      </c>
      <c r="D4227" t="s">
        <v>10120</v>
      </c>
      <c r="E4227" t="s">
        <v>32201</v>
      </c>
      <c r="F4227">
        <v>4</v>
      </c>
      <c r="G4227" t="s">
        <v>0</v>
      </c>
      <c r="H4227" t="s">
        <v>10121</v>
      </c>
      <c r="I4227" t="s">
        <v>30540</v>
      </c>
    </row>
    <row r="4228" spans="1:9">
      <c r="A4228" s="1">
        <v>0.46349973290626956</v>
      </c>
      <c r="B4228" s="1"/>
      <c r="C4228">
        <v>16</v>
      </c>
      <c r="D4228" t="s">
        <v>10108</v>
      </c>
      <c r="E4228" t="s">
        <v>32202</v>
      </c>
      <c r="F4228">
        <v>4</v>
      </c>
      <c r="G4228" t="s">
        <v>0</v>
      </c>
      <c r="H4228" t="s">
        <v>10109</v>
      </c>
      <c r="I4228" t="s">
        <v>30540</v>
      </c>
    </row>
    <row r="4229" spans="1:9">
      <c r="A4229" s="1">
        <v>0.1759157126701939</v>
      </c>
      <c r="B4229" s="1"/>
      <c r="C4229">
        <v>19</v>
      </c>
      <c r="D4229" t="s">
        <v>10112</v>
      </c>
      <c r="E4229" t="s">
        <v>32202</v>
      </c>
      <c r="F4229">
        <v>4</v>
      </c>
      <c r="G4229" t="s">
        <v>0</v>
      </c>
      <c r="H4229" t="s">
        <v>10113</v>
      </c>
      <c r="I4229" t="s">
        <v>30540</v>
      </c>
    </row>
    <row r="4230" spans="1:9">
      <c r="A4230" s="1">
        <v>0.12661137067355244</v>
      </c>
      <c r="B4230" s="1"/>
      <c r="C4230">
        <v>1</v>
      </c>
      <c r="D4230" t="s">
        <v>10102</v>
      </c>
      <c r="E4230" t="s">
        <v>32202</v>
      </c>
      <c r="F4230">
        <v>4</v>
      </c>
      <c r="G4230" t="s">
        <v>2</v>
      </c>
      <c r="H4230" t="s">
        <v>10103</v>
      </c>
      <c r="I4230" t="s">
        <v>30540</v>
      </c>
    </row>
    <row r="4231" spans="1:9">
      <c r="A4231" s="1">
        <v>5.6952690768475867E-2</v>
      </c>
      <c r="B4231" s="1"/>
      <c r="C4231">
        <v>17</v>
      </c>
      <c r="D4231" t="s">
        <v>10110</v>
      </c>
      <c r="E4231" t="s">
        <v>32202</v>
      </c>
      <c r="F4231">
        <v>4</v>
      </c>
      <c r="G4231" t="s">
        <v>0</v>
      </c>
      <c r="H4231" t="s">
        <v>10111</v>
      </c>
      <c r="I4231" t="s">
        <v>30540</v>
      </c>
    </row>
    <row r="4232" spans="1:9">
      <c r="A4232" s="1">
        <v>0.27758209310590309</v>
      </c>
      <c r="B4232" s="1"/>
      <c r="C4232">
        <v>20</v>
      </c>
      <c r="D4232" t="s">
        <v>10114</v>
      </c>
      <c r="E4232" t="s">
        <v>32202</v>
      </c>
      <c r="F4232">
        <v>4</v>
      </c>
      <c r="G4232" t="s">
        <v>0</v>
      </c>
      <c r="H4232" t="s">
        <v>10115</v>
      </c>
      <c r="I4232" t="s">
        <v>30540</v>
      </c>
    </row>
    <row r="4233" spans="1:9">
      <c r="A4233" s="1">
        <v>0.87755542855101654</v>
      </c>
      <c r="B4233" s="1"/>
      <c r="C4233">
        <v>14</v>
      </c>
      <c r="D4233" t="s">
        <v>10104</v>
      </c>
      <c r="E4233" t="s">
        <v>32202</v>
      </c>
      <c r="F4233">
        <v>4</v>
      </c>
      <c r="G4233" t="s">
        <v>0</v>
      </c>
      <c r="H4233" t="s">
        <v>10105</v>
      </c>
      <c r="I4233" t="s">
        <v>30540</v>
      </c>
    </row>
    <row r="4234" spans="1:9">
      <c r="A4234" s="1">
        <v>0.5698865025758213</v>
      </c>
      <c r="B4234" s="1"/>
      <c r="C4234">
        <v>15</v>
      </c>
      <c r="D4234" t="s">
        <v>10106</v>
      </c>
      <c r="E4234" t="s">
        <v>32202</v>
      </c>
      <c r="F4234">
        <v>4</v>
      </c>
      <c r="G4234" t="s">
        <v>9</v>
      </c>
      <c r="H4234" t="s">
        <v>10107</v>
      </c>
      <c r="I4234" t="s">
        <v>30540</v>
      </c>
    </row>
    <row r="4235" spans="1:9">
      <c r="A4235" s="1">
        <v>0.36871148872633364</v>
      </c>
      <c r="B4235" s="1"/>
      <c r="C4235">
        <v>15</v>
      </c>
      <c r="D4235" t="s">
        <v>10100</v>
      </c>
      <c r="E4235" t="s">
        <v>32203</v>
      </c>
      <c r="F4235">
        <v>5</v>
      </c>
      <c r="G4235" t="s">
        <v>0</v>
      </c>
      <c r="H4235" t="s">
        <v>10101</v>
      </c>
      <c r="I4235" t="s">
        <v>30540</v>
      </c>
    </row>
    <row r="4236" spans="1:9">
      <c r="A4236" s="1">
        <v>0.22763820196313123</v>
      </c>
      <c r="B4236" s="1"/>
      <c r="C4236">
        <v>10</v>
      </c>
      <c r="D4236" t="s">
        <v>10098</v>
      </c>
      <c r="E4236" t="s">
        <v>32203</v>
      </c>
      <c r="F4236">
        <v>5</v>
      </c>
      <c r="G4236" t="s">
        <v>0</v>
      </c>
      <c r="H4236" t="s">
        <v>10099</v>
      </c>
      <c r="I4236" t="s">
        <v>30540</v>
      </c>
    </row>
    <row r="4237" spans="1:9">
      <c r="A4237" s="1">
        <v>0.66624751176251884</v>
      </c>
      <c r="B4237" s="1"/>
      <c r="C4237">
        <v>1</v>
      </c>
      <c r="D4237" t="s">
        <v>10094</v>
      </c>
      <c r="E4237" t="s">
        <v>32203</v>
      </c>
      <c r="F4237">
        <v>4</v>
      </c>
      <c r="G4237" t="s">
        <v>0</v>
      </c>
      <c r="H4237" t="s">
        <v>10095</v>
      </c>
      <c r="I4237" t="s">
        <v>30540</v>
      </c>
    </row>
    <row r="4238" spans="1:9">
      <c r="A4238" s="1">
        <v>0.90395325298494056</v>
      </c>
      <c r="B4238" s="1"/>
      <c r="C4238">
        <v>9</v>
      </c>
      <c r="D4238" t="s">
        <v>10096</v>
      </c>
      <c r="E4238" t="s">
        <v>32203</v>
      </c>
      <c r="F4238">
        <v>4</v>
      </c>
      <c r="G4238" t="s">
        <v>0</v>
      </c>
      <c r="H4238" t="s">
        <v>10097</v>
      </c>
      <c r="I4238" t="s">
        <v>30540</v>
      </c>
    </row>
    <row r="4239" spans="1:9">
      <c r="A4239" s="1">
        <v>0.30003229938726395</v>
      </c>
      <c r="B4239" s="1"/>
      <c r="C4239">
        <v>1</v>
      </c>
      <c r="D4239" t="s">
        <v>10082</v>
      </c>
      <c r="E4239" t="s">
        <v>32204</v>
      </c>
      <c r="F4239">
        <v>5</v>
      </c>
      <c r="G4239" t="s">
        <v>14</v>
      </c>
      <c r="H4239" t="s">
        <v>10083</v>
      </c>
      <c r="I4239" t="s">
        <v>30540</v>
      </c>
    </row>
    <row r="4240" spans="1:9">
      <c r="A4240" s="1">
        <v>0.52114999555797237</v>
      </c>
      <c r="B4240" s="1"/>
      <c r="C4240">
        <v>13</v>
      </c>
      <c r="D4240" t="s">
        <v>10088</v>
      </c>
      <c r="E4240" t="s">
        <v>32204</v>
      </c>
      <c r="F4240">
        <v>5</v>
      </c>
      <c r="G4240" t="s">
        <v>0</v>
      </c>
      <c r="H4240" t="s">
        <v>10089</v>
      </c>
      <c r="I4240" t="s">
        <v>30540</v>
      </c>
    </row>
    <row r="4241" spans="1:9">
      <c r="A4241" s="1">
        <v>3.5874778612358105E-2</v>
      </c>
      <c r="B4241" s="1"/>
      <c r="C4241">
        <v>20</v>
      </c>
      <c r="D4241" t="s">
        <v>10092</v>
      </c>
      <c r="E4241" t="s">
        <v>32204</v>
      </c>
      <c r="F4241">
        <v>5</v>
      </c>
      <c r="G4241" t="s">
        <v>0</v>
      </c>
      <c r="H4241" t="s">
        <v>10093</v>
      </c>
      <c r="I4241" t="s">
        <v>30540</v>
      </c>
    </row>
    <row r="4242" spans="1:9">
      <c r="A4242" s="1">
        <v>0.84131820993400741</v>
      </c>
      <c r="B4242" s="1"/>
      <c r="C4242">
        <v>8</v>
      </c>
      <c r="D4242" t="s">
        <v>10086</v>
      </c>
      <c r="E4242" t="s">
        <v>32204</v>
      </c>
      <c r="F4242">
        <v>4</v>
      </c>
      <c r="G4242" t="s">
        <v>2</v>
      </c>
      <c r="H4242" t="s">
        <v>10087</v>
      </c>
      <c r="I4242" t="s">
        <v>30540</v>
      </c>
    </row>
    <row r="4243" spans="1:9">
      <c r="A4243" s="1">
        <v>0.30841787135694465</v>
      </c>
      <c r="B4243" s="1"/>
      <c r="C4243">
        <v>18</v>
      </c>
      <c r="D4243" t="s">
        <v>10090</v>
      </c>
      <c r="E4243" t="s">
        <v>32204</v>
      </c>
      <c r="F4243">
        <v>4</v>
      </c>
      <c r="G4243" t="s">
        <v>14</v>
      </c>
      <c r="H4243" t="s">
        <v>10091</v>
      </c>
      <c r="I4243" t="s">
        <v>30540</v>
      </c>
    </row>
    <row r="4244" spans="1:9">
      <c r="A4244" s="1">
        <v>0.96175090970850585</v>
      </c>
      <c r="B4244" s="1"/>
      <c r="C4244">
        <v>6</v>
      </c>
      <c r="D4244" t="s">
        <v>10084</v>
      </c>
      <c r="E4244" t="s">
        <v>32204</v>
      </c>
      <c r="F4244">
        <v>3</v>
      </c>
      <c r="G4244" t="s">
        <v>14</v>
      </c>
      <c r="H4244" t="s">
        <v>10085</v>
      </c>
      <c r="I4244" t="s">
        <v>30540</v>
      </c>
    </row>
    <row r="4245" spans="1:9">
      <c r="A4245" s="1">
        <v>7.3140879637209055E-3</v>
      </c>
      <c r="B4245" s="1"/>
      <c r="C4245">
        <v>8</v>
      </c>
      <c r="D4245" t="s">
        <v>10070</v>
      </c>
      <c r="E4245" t="s">
        <v>32205</v>
      </c>
      <c r="F4245">
        <v>5</v>
      </c>
      <c r="G4245" t="s">
        <v>15</v>
      </c>
      <c r="H4245" t="s">
        <v>10071</v>
      </c>
      <c r="I4245" t="s">
        <v>30540</v>
      </c>
    </row>
    <row r="4246" spans="1:9">
      <c r="A4246" s="1">
        <v>0.51979495915995355</v>
      </c>
      <c r="B4246" s="1"/>
      <c r="C4246">
        <v>17</v>
      </c>
      <c r="D4246" t="s">
        <v>10076</v>
      </c>
      <c r="E4246" t="s">
        <v>32205</v>
      </c>
      <c r="F4246">
        <v>5</v>
      </c>
      <c r="G4246" t="s">
        <v>0</v>
      </c>
      <c r="H4246" t="s">
        <v>10077</v>
      </c>
      <c r="I4246" t="s">
        <v>30540</v>
      </c>
    </row>
    <row r="4247" spans="1:9">
      <c r="A4247" s="1">
        <v>0.45367895596809749</v>
      </c>
      <c r="B4247" s="1"/>
      <c r="C4247">
        <v>13</v>
      </c>
      <c r="D4247" t="s">
        <v>10074</v>
      </c>
      <c r="E4247" t="s">
        <v>32205</v>
      </c>
      <c r="F4247">
        <v>5</v>
      </c>
      <c r="G4247" t="s">
        <v>0</v>
      </c>
      <c r="H4247" t="s">
        <v>10075</v>
      </c>
      <c r="I4247" t="s">
        <v>30540</v>
      </c>
    </row>
    <row r="4248" spans="1:9">
      <c r="A4248" s="1">
        <v>0.74720772366399335</v>
      </c>
      <c r="B4248" s="1"/>
      <c r="C4248">
        <v>19</v>
      </c>
      <c r="D4248" t="s">
        <v>10080</v>
      </c>
      <c r="E4248" t="s">
        <v>32205</v>
      </c>
      <c r="F4248">
        <v>4</v>
      </c>
      <c r="G4248" t="s">
        <v>10</v>
      </c>
      <c r="H4248" t="s">
        <v>10081</v>
      </c>
      <c r="I4248" t="s">
        <v>30540</v>
      </c>
    </row>
    <row r="4249" spans="1:9">
      <c r="A4249" s="1">
        <v>0.83265489534539661</v>
      </c>
      <c r="B4249" s="1"/>
      <c r="C4249">
        <v>18</v>
      </c>
      <c r="D4249" t="s">
        <v>10078</v>
      </c>
      <c r="E4249" t="s">
        <v>32205</v>
      </c>
      <c r="F4249">
        <v>4</v>
      </c>
      <c r="G4249" t="s">
        <v>10</v>
      </c>
      <c r="H4249" t="s">
        <v>10079</v>
      </c>
      <c r="I4249" t="s">
        <v>30540</v>
      </c>
    </row>
    <row r="4250" spans="1:9">
      <c r="A4250" s="1">
        <v>0.42665062270242626</v>
      </c>
      <c r="B4250" s="1"/>
      <c r="C4250">
        <v>11</v>
      </c>
      <c r="D4250" t="s">
        <v>10072</v>
      </c>
      <c r="E4250" t="s">
        <v>32205</v>
      </c>
      <c r="F4250">
        <v>3</v>
      </c>
      <c r="G4250" t="s">
        <v>0</v>
      </c>
      <c r="H4250" t="s">
        <v>10073</v>
      </c>
      <c r="I4250" t="s">
        <v>30540</v>
      </c>
    </row>
    <row r="4251" spans="1:9">
      <c r="A4251" s="1">
        <v>0.94215149895749961</v>
      </c>
      <c r="B4251" s="1"/>
      <c r="C4251">
        <v>8</v>
      </c>
      <c r="D4251" t="s">
        <v>10064</v>
      </c>
      <c r="E4251" t="s">
        <v>32206</v>
      </c>
      <c r="F4251">
        <v>5</v>
      </c>
      <c r="G4251" t="s">
        <v>0</v>
      </c>
      <c r="H4251" t="s">
        <v>10065</v>
      </c>
      <c r="I4251" t="s">
        <v>30540</v>
      </c>
    </row>
    <row r="4252" spans="1:9">
      <c r="A4252" s="1">
        <v>0.419792675861553</v>
      </c>
      <c r="B4252" s="1"/>
      <c r="C4252">
        <v>10</v>
      </c>
      <c r="D4252" t="s">
        <v>10068</v>
      </c>
      <c r="E4252" t="s">
        <v>32206</v>
      </c>
      <c r="F4252">
        <v>4</v>
      </c>
      <c r="G4252" t="s">
        <v>0</v>
      </c>
      <c r="H4252" t="s">
        <v>10069</v>
      </c>
      <c r="I4252" t="s">
        <v>30540</v>
      </c>
    </row>
    <row r="4253" spans="1:9">
      <c r="A4253" s="1">
        <v>0.95071577253705364</v>
      </c>
      <c r="B4253" s="1"/>
      <c r="C4253">
        <v>2</v>
      </c>
      <c r="D4253" t="s">
        <v>10056</v>
      </c>
      <c r="E4253" t="s">
        <v>32206</v>
      </c>
      <c r="F4253">
        <v>4</v>
      </c>
      <c r="G4253" t="s">
        <v>0</v>
      </c>
      <c r="H4253" t="s">
        <v>10057</v>
      </c>
      <c r="I4253" t="s">
        <v>30540</v>
      </c>
    </row>
    <row r="4254" spans="1:9">
      <c r="A4254" s="1">
        <v>0.54035168876566464</v>
      </c>
      <c r="B4254" s="1"/>
      <c r="C4254">
        <v>7</v>
      </c>
      <c r="D4254" t="s">
        <v>10062</v>
      </c>
      <c r="E4254" t="s">
        <v>32206</v>
      </c>
      <c r="F4254">
        <v>4</v>
      </c>
      <c r="G4254" t="s">
        <v>0</v>
      </c>
      <c r="H4254" t="s">
        <v>10063</v>
      </c>
      <c r="I4254" t="s">
        <v>30540</v>
      </c>
    </row>
    <row r="4255" spans="1:9">
      <c r="A4255" s="1">
        <v>0.63493531272059645</v>
      </c>
      <c r="B4255" s="1"/>
      <c r="C4255">
        <v>9</v>
      </c>
      <c r="D4255" t="s">
        <v>10066</v>
      </c>
      <c r="E4255" t="s">
        <v>32206</v>
      </c>
      <c r="F4255">
        <v>4</v>
      </c>
      <c r="G4255" t="s">
        <v>10</v>
      </c>
      <c r="H4255" t="s">
        <v>10067</v>
      </c>
      <c r="I4255" t="s">
        <v>30540</v>
      </c>
    </row>
    <row r="4256" spans="1:9">
      <c r="A4256" s="1">
        <v>0.34125743699534838</v>
      </c>
      <c r="B4256" s="1"/>
      <c r="C4256">
        <v>6</v>
      </c>
      <c r="D4256" t="s">
        <v>10060</v>
      </c>
      <c r="E4256" t="s">
        <v>32206</v>
      </c>
      <c r="F4256">
        <v>4</v>
      </c>
      <c r="G4256" t="s">
        <v>0</v>
      </c>
      <c r="H4256" t="s">
        <v>10061</v>
      </c>
      <c r="I4256" t="s">
        <v>30540</v>
      </c>
    </row>
    <row r="4257" spans="1:9">
      <c r="A4257" s="1">
        <v>0.18521110808090557</v>
      </c>
      <c r="B4257" s="1"/>
      <c r="C4257">
        <v>4</v>
      </c>
      <c r="D4257" t="s">
        <v>10058</v>
      </c>
      <c r="E4257" t="s">
        <v>32206</v>
      </c>
      <c r="F4257">
        <v>4</v>
      </c>
      <c r="G4257" t="s">
        <v>0</v>
      </c>
      <c r="H4257" t="s">
        <v>10059</v>
      </c>
      <c r="I4257" t="s">
        <v>30540</v>
      </c>
    </row>
    <row r="4258" spans="1:9">
      <c r="A4258" s="1">
        <v>0.78162693146175277</v>
      </c>
      <c r="B4258" s="1"/>
      <c r="C4258">
        <v>12</v>
      </c>
      <c r="D4258" t="s">
        <v>10050</v>
      </c>
      <c r="E4258" t="s">
        <v>32207</v>
      </c>
      <c r="F4258">
        <v>4</v>
      </c>
      <c r="G4258" t="s">
        <v>0</v>
      </c>
      <c r="H4258" t="s">
        <v>10051</v>
      </c>
      <c r="I4258" t="s">
        <v>30540</v>
      </c>
    </row>
    <row r="4259" spans="1:9">
      <c r="A4259" s="1">
        <v>7.1938170588936257E-2</v>
      </c>
      <c r="B4259" s="1"/>
      <c r="C4259">
        <v>11</v>
      </c>
      <c r="D4259" t="s">
        <v>10048</v>
      </c>
      <c r="E4259" t="s">
        <v>32207</v>
      </c>
      <c r="F4259">
        <v>4</v>
      </c>
      <c r="G4259" t="s">
        <v>0</v>
      </c>
      <c r="H4259" t="s">
        <v>10049</v>
      </c>
      <c r="I4259" t="s">
        <v>30540</v>
      </c>
    </row>
    <row r="4260" spans="1:9">
      <c r="A4260" s="1">
        <v>0.63969118389214963</v>
      </c>
      <c r="B4260" s="1"/>
      <c r="C4260">
        <v>8</v>
      </c>
      <c r="D4260" t="s">
        <v>10044</v>
      </c>
      <c r="E4260" t="s">
        <v>32207</v>
      </c>
      <c r="F4260">
        <v>4</v>
      </c>
      <c r="G4260" t="s">
        <v>0</v>
      </c>
      <c r="H4260" t="s">
        <v>10045</v>
      </c>
      <c r="I4260" t="s">
        <v>30540</v>
      </c>
    </row>
    <row r="4261" spans="1:9">
      <c r="A4261" s="1">
        <v>0.16440634276340405</v>
      </c>
      <c r="B4261" s="1"/>
      <c r="C4261">
        <v>14</v>
      </c>
      <c r="D4261" t="s">
        <v>10052</v>
      </c>
      <c r="E4261" t="s">
        <v>32207</v>
      </c>
      <c r="F4261">
        <v>4</v>
      </c>
      <c r="G4261" t="s">
        <v>0</v>
      </c>
      <c r="H4261" t="s">
        <v>10053</v>
      </c>
      <c r="I4261" t="s">
        <v>30540</v>
      </c>
    </row>
    <row r="4262" spans="1:9">
      <c r="A4262" s="1">
        <v>0.69153716457578962</v>
      </c>
      <c r="B4262" s="1"/>
      <c r="C4262">
        <v>15</v>
      </c>
      <c r="D4262" t="s">
        <v>10054</v>
      </c>
      <c r="E4262" t="s">
        <v>32207</v>
      </c>
      <c r="F4262">
        <v>4</v>
      </c>
      <c r="G4262" t="s">
        <v>15</v>
      </c>
      <c r="H4262" t="s">
        <v>10055</v>
      </c>
      <c r="I4262" t="s">
        <v>30540</v>
      </c>
    </row>
    <row r="4263" spans="1:9">
      <c r="A4263" s="1">
        <v>0.13477877103162916</v>
      </c>
      <c r="B4263" s="1"/>
      <c r="C4263">
        <v>6</v>
      </c>
      <c r="D4263" t="s">
        <v>10042</v>
      </c>
      <c r="E4263" t="s">
        <v>32207</v>
      </c>
      <c r="F4263">
        <v>4</v>
      </c>
      <c r="G4263" t="s">
        <v>0</v>
      </c>
      <c r="H4263" t="s">
        <v>10043</v>
      </c>
      <c r="I4263" t="s">
        <v>30540</v>
      </c>
    </row>
    <row r="4264" spans="1:9">
      <c r="A4264" s="1">
        <v>0.23345782498626255</v>
      </c>
      <c r="B4264" s="1"/>
      <c r="C4264">
        <v>8</v>
      </c>
      <c r="D4264" t="s">
        <v>10032</v>
      </c>
      <c r="E4264" t="s">
        <v>32208</v>
      </c>
      <c r="F4264">
        <v>5</v>
      </c>
      <c r="G4264" t="s">
        <v>0</v>
      </c>
      <c r="H4264" t="s">
        <v>10033</v>
      </c>
      <c r="I4264" t="s">
        <v>30540</v>
      </c>
    </row>
    <row r="4265" spans="1:9">
      <c r="A4265" s="1">
        <v>0.49570376574041619</v>
      </c>
      <c r="B4265" s="1"/>
      <c r="C4265">
        <v>17</v>
      </c>
      <c r="D4265" t="s">
        <v>10038</v>
      </c>
      <c r="E4265" t="s">
        <v>32208</v>
      </c>
      <c r="F4265">
        <v>4</v>
      </c>
      <c r="G4265" t="s">
        <v>0</v>
      </c>
      <c r="H4265" t="s">
        <v>10039</v>
      </c>
      <c r="I4265" t="s">
        <v>30540</v>
      </c>
    </row>
    <row r="4266" spans="1:9">
      <c r="A4266" s="1">
        <v>0.97509202488216484</v>
      </c>
      <c r="B4266" s="1"/>
      <c r="C4266">
        <v>16</v>
      </c>
      <c r="D4266" t="s">
        <v>10036</v>
      </c>
      <c r="E4266" t="s">
        <v>32208</v>
      </c>
      <c r="F4266">
        <v>4</v>
      </c>
      <c r="G4266" t="s">
        <v>0</v>
      </c>
      <c r="H4266" t="s">
        <v>10037</v>
      </c>
      <c r="I4266" t="s">
        <v>30540</v>
      </c>
    </row>
    <row r="4267" spans="1:9">
      <c r="A4267" s="1">
        <v>0.71509004520872443</v>
      </c>
      <c r="B4267" s="1"/>
      <c r="C4267">
        <v>10</v>
      </c>
      <c r="D4267" t="s">
        <v>10034</v>
      </c>
      <c r="E4267" t="s">
        <v>32208</v>
      </c>
      <c r="F4267">
        <v>4</v>
      </c>
      <c r="G4267" t="s">
        <v>0</v>
      </c>
      <c r="H4267" t="s">
        <v>10035</v>
      </c>
      <c r="I4267" t="s">
        <v>30540</v>
      </c>
    </row>
    <row r="4268" spans="1:9">
      <c r="A4268" s="1">
        <v>0.17008656303003911</v>
      </c>
      <c r="B4268" s="1"/>
      <c r="C4268">
        <v>5</v>
      </c>
      <c r="D4268" t="s">
        <v>10030</v>
      </c>
      <c r="E4268" t="s">
        <v>32208</v>
      </c>
      <c r="F4268">
        <v>3</v>
      </c>
      <c r="G4268" t="s">
        <v>0</v>
      </c>
      <c r="H4268" t="s">
        <v>10031</v>
      </c>
      <c r="I4268" t="s">
        <v>30540</v>
      </c>
    </row>
    <row r="4269" spans="1:9">
      <c r="A4269" s="1">
        <v>0.55555355953415164</v>
      </c>
      <c r="B4269" s="1"/>
      <c r="C4269">
        <v>15</v>
      </c>
      <c r="D4269" t="s">
        <v>10022</v>
      </c>
      <c r="E4269" t="s">
        <v>32209</v>
      </c>
      <c r="F4269">
        <v>5</v>
      </c>
      <c r="G4269" t="s">
        <v>0</v>
      </c>
      <c r="H4269" t="s">
        <v>10023</v>
      </c>
      <c r="I4269" t="s">
        <v>30540</v>
      </c>
    </row>
    <row r="4270" spans="1:9">
      <c r="A4270" s="1">
        <v>0.78851020603931565</v>
      </c>
      <c r="B4270" s="1"/>
      <c r="C4270">
        <v>17</v>
      </c>
      <c r="D4270" t="s">
        <v>10024</v>
      </c>
      <c r="E4270" t="s">
        <v>32209</v>
      </c>
      <c r="F4270">
        <v>4</v>
      </c>
      <c r="G4270" t="s">
        <v>15</v>
      </c>
      <c r="H4270" t="s">
        <v>10025</v>
      </c>
      <c r="I4270" t="s">
        <v>30540</v>
      </c>
    </row>
    <row r="4271" spans="1:9">
      <c r="A4271" s="1">
        <v>0.51402618008452394</v>
      </c>
      <c r="B4271" s="1"/>
      <c r="C4271">
        <v>18</v>
      </c>
      <c r="D4271" t="s">
        <v>10026</v>
      </c>
      <c r="E4271" t="s">
        <v>32209</v>
      </c>
      <c r="F4271">
        <v>4</v>
      </c>
      <c r="G4271" t="s">
        <v>0</v>
      </c>
      <c r="H4271" t="s">
        <v>10027</v>
      </c>
      <c r="I4271" t="s">
        <v>30540</v>
      </c>
    </row>
    <row r="4272" spans="1:9">
      <c r="A4272" s="1">
        <v>0.52588572274205159</v>
      </c>
      <c r="B4272" s="1"/>
      <c r="C4272">
        <v>2</v>
      </c>
      <c r="D4272" t="s">
        <v>10020</v>
      </c>
      <c r="E4272" t="s">
        <v>32209</v>
      </c>
      <c r="F4272">
        <v>4</v>
      </c>
      <c r="G4272" t="s">
        <v>2</v>
      </c>
      <c r="H4272" t="s">
        <v>10021</v>
      </c>
      <c r="I4272" t="s">
        <v>30540</v>
      </c>
    </row>
    <row r="4273" spans="1:9">
      <c r="A4273" s="1">
        <v>0.69093056226645932</v>
      </c>
      <c r="B4273" s="1"/>
      <c r="C4273">
        <v>18</v>
      </c>
      <c r="D4273" t="s">
        <v>10016</v>
      </c>
      <c r="E4273" t="s">
        <v>32210</v>
      </c>
      <c r="F4273">
        <v>4</v>
      </c>
      <c r="G4273" t="s">
        <v>0</v>
      </c>
      <c r="H4273" t="s">
        <v>10017</v>
      </c>
      <c r="I4273" t="s">
        <v>30540</v>
      </c>
    </row>
    <row r="4274" spans="1:9">
      <c r="A4274" s="1">
        <v>0.41685214677860116</v>
      </c>
      <c r="B4274" s="1"/>
      <c r="C4274">
        <v>19</v>
      </c>
      <c r="D4274" t="s">
        <v>10018</v>
      </c>
      <c r="E4274" t="s">
        <v>32210</v>
      </c>
      <c r="F4274">
        <v>4</v>
      </c>
      <c r="G4274" t="s">
        <v>10</v>
      </c>
      <c r="H4274" t="s">
        <v>10019</v>
      </c>
      <c r="I4274" t="s">
        <v>30540</v>
      </c>
    </row>
    <row r="4275" spans="1:9">
      <c r="A4275" s="1">
        <v>0.4614391462615034</v>
      </c>
      <c r="B4275" s="1"/>
      <c r="C4275">
        <v>1</v>
      </c>
      <c r="D4275" t="s">
        <v>10012</v>
      </c>
      <c r="E4275" t="s">
        <v>32210</v>
      </c>
      <c r="F4275">
        <v>4</v>
      </c>
      <c r="G4275" t="s">
        <v>0</v>
      </c>
      <c r="H4275" t="s">
        <v>10013</v>
      </c>
      <c r="I4275" t="s">
        <v>30540</v>
      </c>
    </row>
    <row r="4276" spans="1:9">
      <c r="A4276" s="1">
        <v>0.25411501908475176</v>
      </c>
      <c r="B4276" s="1"/>
      <c r="C4276">
        <v>14</v>
      </c>
      <c r="D4276" t="s">
        <v>10014</v>
      </c>
      <c r="E4276" t="s">
        <v>32210</v>
      </c>
      <c r="F4276">
        <v>3</v>
      </c>
      <c r="G4276" t="s">
        <v>2</v>
      </c>
      <c r="H4276" t="s">
        <v>10015</v>
      </c>
      <c r="I4276" t="s">
        <v>30540</v>
      </c>
    </row>
    <row r="4277" spans="1:9">
      <c r="A4277" s="1">
        <v>0.99590356630617649</v>
      </c>
      <c r="B4277" s="1"/>
      <c r="C4277">
        <v>12</v>
      </c>
      <c r="D4277" t="s">
        <v>10004</v>
      </c>
      <c r="E4277" t="s">
        <v>32211</v>
      </c>
      <c r="F4277">
        <v>5</v>
      </c>
      <c r="G4277" t="s">
        <v>0</v>
      </c>
      <c r="H4277" t="s">
        <v>10005</v>
      </c>
      <c r="I4277" t="s">
        <v>30540</v>
      </c>
    </row>
    <row r="4278" spans="1:9">
      <c r="A4278" s="1">
        <v>0.58186962761840244</v>
      </c>
      <c r="B4278" s="1"/>
      <c r="C4278">
        <v>14</v>
      </c>
      <c r="D4278" t="s">
        <v>10008</v>
      </c>
      <c r="E4278" t="s">
        <v>32211</v>
      </c>
      <c r="F4278">
        <v>4</v>
      </c>
      <c r="G4278" t="s">
        <v>0</v>
      </c>
      <c r="H4278" t="s">
        <v>10009</v>
      </c>
      <c r="I4278" t="s">
        <v>30540</v>
      </c>
    </row>
    <row r="4279" spans="1:9">
      <c r="A4279" s="1">
        <v>0.21594859980696035</v>
      </c>
      <c r="B4279" s="1"/>
      <c r="C4279">
        <v>13</v>
      </c>
      <c r="D4279" t="s">
        <v>10006</v>
      </c>
      <c r="E4279" t="s">
        <v>32211</v>
      </c>
      <c r="F4279">
        <v>4</v>
      </c>
      <c r="G4279" t="s">
        <v>0</v>
      </c>
      <c r="H4279" t="s">
        <v>10007</v>
      </c>
      <c r="I4279" t="s">
        <v>30540</v>
      </c>
    </row>
    <row r="4280" spans="1:9">
      <c r="A4280" s="1">
        <v>0.76638087386453968</v>
      </c>
      <c r="B4280" s="1"/>
      <c r="C4280">
        <v>11</v>
      </c>
      <c r="D4280" t="s">
        <v>10002</v>
      </c>
      <c r="E4280" t="s">
        <v>32211</v>
      </c>
      <c r="F4280">
        <v>4</v>
      </c>
      <c r="G4280" t="s">
        <v>0</v>
      </c>
      <c r="H4280" t="s">
        <v>10003</v>
      </c>
      <c r="I4280" t="s">
        <v>30540</v>
      </c>
    </row>
    <row r="4281" spans="1:9">
      <c r="A4281" s="1">
        <v>0.8220845245727576</v>
      </c>
      <c r="B4281" s="1"/>
      <c r="C4281">
        <v>16</v>
      </c>
      <c r="D4281" t="s">
        <v>10010</v>
      </c>
      <c r="E4281" t="s">
        <v>32211</v>
      </c>
      <c r="F4281">
        <v>4</v>
      </c>
      <c r="G4281" t="s">
        <v>0</v>
      </c>
      <c r="H4281" t="s">
        <v>10011</v>
      </c>
      <c r="I4281" t="s">
        <v>30540</v>
      </c>
    </row>
    <row r="4282" spans="1:9">
      <c r="A4282" s="1">
        <v>0.73150233923663632</v>
      </c>
      <c r="B4282" s="1"/>
      <c r="C4282">
        <v>9</v>
      </c>
      <c r="D4282" t="s">
        <v>10000</v>
      </c>
      <c r="E4282" t="s">
        <v>32211</v>
      </c>
      <c r="F4282">
        <v>4</v>
      </c>
      <c r="G4282" t="s">
        <v>15</v>
      </c>
      <c r="H4282" t="s">
        <v>10001</v>
      </c>
      <c r="I4282" t="s">
        <v>30540</v>
      </c>
    </row>
    <row r="4283" spans="1:9">
      <c r="A4283" s="1">
        <v>0.18578563292407124</v>
      </c>
      <c r="B4283" s="1"/>
      <c r="C4283">
        <v>16</v>
      </c>
      <c r="D4283" t="s">
        <v>9992</v>
      </c>
      <c r="E4283" t="s">
        <v>32212</v>
      </c>
      <c r="F4283">
        <v>5</v>
      </c>
      <c r="G4283" t="s">
        <v>15</v>
      </c>
      <c r="H4283" t="s">
        <v>9993</v>
      </c>
      <c r="I4283" t="s">
        <v>30540</v>
      </c>
    </row>
    <row r="4284" spans="1:9">
      <c r="A4284" s="1">
        <v>0.76319941900946364</v>
      </c>
      <c r="B4284" s="1"/>
      <c r="C4284">
        <v>19</v>
      </c>
      <c r="D4284" t="s">
        <v>9996</v>
      </c>
      <c r="E4284" t="s">
        <v>32212</v>
      </c>
      <c r="F4284">
        <v>5</v>
      </c>
      <c r="G4284" t="s">
        <v>0</v>
      </c>
      <c r="H4284" t="s">
        <v>9997</v>
      </c>
      <c r="I4284" t="s">
        <v>30540</v>
      </c>
    </row>
    <row r="4285" spans="1:9">
      <c r="A4285" s="1">
        <v>0.13923862006335275</v>
      </c>
      <c r="B4285" s="1"/>
      <c r="C4285">
        <v>13</v>
      </c>
      <c r="D4285" t="s">
        <v>9986</v>
      </c>
      <c r="E4285" t="s">
        <v>32212</v>
      </c>
      <c r="F4285">
        <v>5</v>
      </c>
      <c r="G4285" t="s">
        <v>0</v>
      </c>
      <c r="H4285" t="s">
        <v>9987</v>
      </c>
      <c r="I4285" t="s">
        <v>30540</v>
      </c>
    </row>
    <row r="4286" spans="1:9">
      <c r="A4286" s="1">
        <v>0.3040770221718867</v>
      </c>
      <c r="B4286" s="1"/>
      <c r="C4286">
        <v>3</v>
      </c>
      <c r="D4286" t="s">
        <v>9978</v>
      </c>
      <c r="E4286" t="s">
        <v>32212</v>
      </c>
      <c r="F4286">
        <v>4</v>
      </c>
      <c r="G4286" t="s">
        <v>9</v>
      </c>
      <c r="H4286" t="s">
        <v>9979</v>
      </c>
      <c r="I4286" t="s">
        <v>30540</v>
      </c>
    </row>
    <row r="4287" spans="1:9">
      <c r="A4287" s="1">
        <v>0.47881226025317847</v>
      </c>
      <c r="B4287" s="1"/>
      <c r="C4287">
        <v>11</v>
      </c>
      <c r="D4287" t="s">
        <v>9984</v>
      </c>
      <c r="E4287" t="s">
        <v>32212</v>
      </c>
      <c r="F4287">
        <v>4</v>
      </c>
      <c r="G4287" t="s">
        <v>0</v>
      </c>
      <c r="H4287" t="s">
        <v>9985</v>
      </c>
      <c r="I4287" t="s">
        <v>30540</v>
      </c>
    </row>
    <row r="4288" spans="1:9">
      <c r="A4288" s="1">
        <v>0.12675043489979032</v>
      </c>
      <c r="B4288" s="1"/>
      <c r="C4288">
        <v>15</v>
      </c>
      <c r="D4288" t="s">
        <v>9990</v>
      </c>
      <c r="E4288" t="s">
        <v>32212</v>
      </c>
      <c r="F4288">
        <v>4</v>
      </c>
      <c r="G4288" t="s">
        <v>0</v>
      </c>
      <c r="H4288" t="s">
        <v>9991</v>
      </c>
      <c r="I4288" t="s">
        <v>30540</v>
      </c>
    </row>
    <row r="4289" spans="1:9">
      <c r="A4289" s="1">
        <v>0.16105268443752574</v>
      </c>
      <c r="B4289" s="1"/>
      <c r="C4289">
        <v>10</v>
      </c>
      <c r="D4289" t="s">
        <v>9982</v>
      </c>
      <c r="E4289" t="s">
        <v>32212</v>
      </c>
      <c r="F4289">
        <v>4</v>
      </c>
      <c r="G4289" t="s">
        <v>10</v>
      </c>
      <c r="H4289" t="s">
        <v>9983</v>
      </c>
      <c r="I4289" t="s">
        <v>30540</v>
      </c>
    </row>
    <row r="4290" spans="1:9">
      <c r="A4290" s="1">
        <v>0.23613299610551219</v>
      </c>
      <c r="B4290" s="1"/>
      <c r="C4290">
        <v>14</v>
      </c>
      <c r="D4290" t="s">
        <v>9988</v>
      </c>
      <c r="E4290" t="s">
        <v>32212</v>
      </c>
      <c r="F4290">
        <v>4</v>
      </c>
      <c r="G4290" t="s">
        <v>0</v>
      </c>
      <c r="H4290" t="s">
        <v>9989</v>
      </c>
      <c r="I4290" t="s">
        <v>30540</v>
      </c>
    </row>
    <row r="4291" spans="1:9">
      <c r="A4291" s="1">
        <v>0.77687823793363986</v>
      </c>
      <c r="B4291" s="1"/>
      <c r="C4291">
        <v>17</v>
      </c>
      <c r="D4291" t="s">
        <v>9994</v>
      </c>
      <c r="E4291" t="s">
        <v>32212</v>
      </c>
      <c r="F4291">
        <v>3</v>
      </c>
      <c r="G4291" t="s">
        <v>2</v>
      </c>
      <c r="H4291" t="s">
        <v>9995</v>
      </c>
      <c r="I4291" t="s">
        <v>30540</v>
      </c>
    </row>
    <row r="4292" spans="1:9">
      <c r="A4292" s="1">
        <v>0.99912722302619339</v>
      </c>
      <c r="B4292" s="1"/>
      <c r="C4292">
        <v>15</v>
      </c>
      <c r="D4292" t="s">
        <v>9974</v>
      </c>
      <c r="E4292" t="s">
        <v>32213</v>
      </c>
      <c r="F4292">
        <v>4</v>
      </c>
      <c r="G4292" t="s">
        <v>2</v>
      </c>
      <c r="H4292" t="s">
        <v>9975</v>
      </c>
      <c r="I4292" t="s">
        <v>30540</v>
      </c>
    </row>
    <row r="4293" spans="1:9">
      <c r="A4293" s="1">
        <v>0.11871516721679054</v>
      </c>
      <c r="B4293" s="1"/>
      <c r="C4293">
        <v>6</v>
      </c>
      <c r="D4293" t="s">
        <v>9968</v>
      </c>
      <c r="E4293" t="s">
        <v>32213</v>
      </c>
      <c r="F4293">
        <v>4</v>
      </c>
      <c r="G4293" t="s">
        <v>0</v>
      </c>
      <c r="H4293" t="s">
        <v>9969</v>
      </c>
      <c r="I4293" t="s">
        <v>30540</v>
      </c>
    </row>
    <row r="4294" spans="1:9">
      <c r="A4294" s="1">
        <v>7.918604946236929E-2</v>
      </c>
      <c r="B4294" s="1"/>
      <c r="C4294">
        <v>8</v>
      </c>
      <c r="D4294" t="s">
        <v>9970</v>
      </c>
      <c r="E4294" t="s">
        <v>32213</v>
      </c>
      <c r="F4294">
        <v>4</v>
      </c>
      <c r="G4294" t="s">
        <v>0</v>
      </c>
      <c r="H4294" t="s">
        <v>9971</v>
      </c>
      <c r="I4294" t="s">
        <v>30540</v>
      </c>
    </row>
    <row r="4295" spans="1:9">
      <c r="A4295" s="1">
        <v>0.47341783719183406</v>
      </c>
      <c r="B4295" s="1"/>
      <c r="C4295">
        <v>17</v>
      </c>
      <c r="D4295" t="s">
        <v>9976</v>
      </c>
      <c r="E4295" t="s">
        <v>32213</v>
      </c>
      <c r="F4295">
        <v>4</v>
      </c>
      <c r="G4295" t="s">
        <v>0</v>
      </c>
      <c r="H4295" t="s">
        <v>9977</v>
      </c>
      <c r="I4295" t="s">
        <v>30540</v>
      </c>
    </row>
    <row r="4296" spans="1:9">
      <c r="A4296" s="1">
        <v>0.95838915582558371</v>
      </c>
      <c r="B4296" s="1"/>
      <c r="C4296">
        <v>10</v>
      </c>
      <c r="D4296" t="s">
        <v>9960</v>
      </c>
      <c r="E4296" t="s">
        <v>32214</v>
      </c>
      <c r="F4296">
        <v>5</v>
      </c>
      <c r="G4296" t="s">
        <v>0</v>
      </c>
      <c r="H4296" t="s">
        <v>9961</v>
      </c>
      <c r="I4296" t="s">
        <v>30540</v>
      </c>
    </row>
    <row r="4297" spans="1:9">
      <c r="A4297" s="1">
        <v>1.1212470072199388E-2</v>
      </c>
      <c r="B4297" s="1"/>
      <c r="C4297">
        <v>1</v>
      </c>
      <c r="D4297" t="s">
        <v>9954</v>
      </c>
      <c r="E4297" t="s">
        <v>32214</v>
      </c>
      <c r="F4297">
        <v>5</v>
      </c>
      <c r="G4297" t="s">
        <v>762</v>
      </c>
      <c r="H4297" t="s">
        <v>9955</v>
      </c>
      <c r="I4297" t="s">
        <v>30540</v>
      </c>
    </row>
    <row r="4298" spans="1:9">
      <c r="A4298" s="1">
        <v>0.4323961928052894</v>
      </c>
      <c r="B4298" s="1"/>
      <c r="C4298">
        <v>6</v>
      </c>
      <c r="D4298" t="s">
        <v>9956</v>
      </c>
      <c r="E4298" t="s">
        <v>32214</v>
      </c>
      <c r="F4298">
        <v>4</v>
      </c>
      <c r="G4298" t="s">
        <v>0</v>
      </c>
      <c r="H4298" t="s">
        <v>9957</v>
      </c>
      <c r="I4298" t="s">
        <v>30540</v>
      </c>
    </row>
    <row r="4299" spans="1:9">
      <c r="A4299" s="1">
        <v>0.93106312079822884</v>
      </c>
      <c r="B4299" s="1"/>
      <c r="C4299">
        <v>15</v>
      </c>
      <c r="D4299" t="s">
        <v>9966</v>
      </c>
      <c r="E4299" t="s">
        <v>32214</v>
      </c>
      <c r="F4299">
        <v>4</v>
      </c>
      <c r="G4299" t="s">
        <v>9</v>
      </c>
      <c r="H4299" t="s">
        <v>9967</v>
      </c>
      <c r="I4299" t="s">
        <v>30540</v>
      </c>
    </row>
    <row r="4300" spans="1:9">
      <c r="A4300" s="1">
        <v>0.85829502905929045</v>
      </c>
      <c r="B4300" s="1"/>
      <c r="C4300">
        <v>11</v>
      </c>
      <c r="D4300" t="s">
        <v>9962</v>
      </c>
      <c r="E4300" t="s">
        <v>32214</v>
      </c>
      <c r="F4300">
        <v>4</v>
      </c>
      <c r="G4300" t="s">
        <v>2</v>
      </c>
      <c r="H4300" t="s">
        <v>9963</v>
      </c>
      <c r="I4300" t="s">
        <v>30540</v>
      </c>
    </row>
    <row r="4301" spans="1:9">
      <c r="A4301" s="1">
        <v>2.1857736884506318E-2</v>
      </c>
      <c r="B4301" s="1"/>
      <c r="C4301">
        <v>13</v>
      </c>
      <c r="D4301" t="s">
        <v>9964</v>
      </c>
      <c r="E4301" t="s">
        <v>32214</v>
      </c>
      <c r="F4301">
        <v>3</v>
      </c>
      <c r="G4301" t="s">
        <v>774</v>
      </c>
      <c r="H4301" t="s">
        <v>9965</v>
      </c>
      <c r="I4301" t="s">
        <v>30540</v>
      </c>
    </row>
    <row r="4302" spans="1:9">
      <c r="A4302" s="1">
        <v>0.19693044216011579</v>
      </c>
      <c r="B4302" s="1"/>
      <c r="C4302">
        <v>2</v>
      </c>
      <c r="D4302" t="s">
        <v>9948</v>
      </c>
      <c r="E4302" t="s">
        <v>32215</v>
      </c>
      <c r="F4302">
        <v>4</v>
      </c>
      <c r="G4302" t="s">
        <v>771</v>
      </c>
      <c r="H4302" t="s">
        <v>9949</v>
      </c>
      <c r="I4302" t="s">
        <v>30540</v>
      </c>
    </row>
    <row r="4303" spans="1:9">
      <c r="A4303" s="1">
        <v>0.85666781658396374</v>
      </c>
      <c r="B4303" s="1"/>
      <c r="C4303">
        <v>17</v>
      </c>
      <c r="D4303" t="s">
        <v>9952</v>
      </c>
      <c r="E4303" t="s">
        <v>32215</v>
      </c>
      <c r="F4303">
        <v>4</v>
      </c>
      <c r="G4303" t="s">
        <v>0</v>
      </c>
      <c r="H4303" t="s">
        <v>9953</v>
      </c>
      <c r="I4303" t="s">
        <v>30540</v>
      </c>
    </row>
    <row r="4304" spans="1:9">
      <c r="A4304" s="1">
        <v>0.82518350985654521</v>
      </c>
      <c r="B4304" s="1"/>
      <c r="C4304">
        <v>12</v>
      </c>
      <c r="D4304" t="s">
        <v>9950</v>
      </c>
      <c r="E4304" t="s">
        <v>32215</v>
      </c>
      <c r="F4304">
        <v>4</v>
      </c>
      <c r="G4304" t="s">
        <v>0</v>
      </c>
      <c r="H4304" t="s">
        <v>9951</v>
      </c>
      <c r="I4304" t="s">
        <v>30540</v>
      </c>
    </row>
    <row r="4305" spans="1:9">
      <c r="A4305" s="1">
        <v>0.96843613940590179</v>
      </c>
      <c r="B4305" s="1"/>
      <c r="C4305">
        <v>11</v>
      </c>
      <c r="D4305" t="s">
        <v>9944</v>
      </c>
      <c r="E4305" t="s">
        <v>32216</v>
      </c>
      <c r="F4305">
        <v>4</v>
      </c>
      <c r="G4305" t="s">
        <v>0</v>
      </c>
      <c r="H4305" t="s">
        <v>9945</v>
      </c>
      <c r="I4305" t="s">
        <v>30540</v>
      </c>
    </row>
    <row r="4306" spans="1:9">
      <c r="A4306" s="1">
        <v>0.86510517780284546</v>
      </c>
      <c r="B4306" s="1"/>
      <c r="C4306">
        <v>13</v>
      </c>
      <c r="D4306" t="s">
        <v>9946</v>
      </c>
      <c r="E4306" t="s">
        <v>32216</v>
      </c>
      <c r="F4306">
        <v>4</v>
      </c>
      <c r="G4306" t="s">
        <v>0</v>
      </c>
      <c r="H4306" t="s">
        <v>9947</v>
      </c>
      <c r="I4306" t="s">
        <v>30540</v>
      </c>
    </row>
    <row r="4307" spans="1:9">
      <c r="A4307" s="1">
        <v>0.2356867965682119</v>
      </c>
      <c r="B4307" s="1"/>
      <c r="C4307">
        <v>2</v>
      </c>
      <c r="D4307" t="s">
        <v>9924</v>
      </c>
      <c r="E4307" t="s">
        <v>32217</v>
      </c>
      <c r="F4307">
        <v>5</v>
      </c>
      <c r="G4307" t="s">
        <v>774</v>
      </c>
      <c r="H4307" t="s">
        <v>9925</v>
      </c>
      <c r="I4307" t="s">
        <v>30540</v>
      </c>
    </row>
    <row r="4308" spans="1:9">
      <c r="A4308" s="1">
        <v>0.63594208481480774</v>
      </c>
      <c r="B4308" s="1"/>
      <c r="C4308">
        <v>9</v>
      </c>
      <c r="D4308" t="s">
        <v>9932</v>
      </c>
      <c r="E4308" t="s">
        <v>32217</v>
      </c>
      <c r="F4308">
        <v>5</v>
      </c>
      <c r="G4308" t="s">
        <v>0</v>
      </c>
      <c r="H4308" t="s">
        <v>9933</v>
      </c>
      <c r="I4308" t="s">
        <v>30540</v>
      </c>
    </row>
    <row r="4309" spans="1:9">
      <c r="A4309" s="1">
        <v>0.39988975211087208</v>
      </c>
      <c r="B4309" s="1"/>
      <c r="C4309">
        <v>5</v>
      </c>
      <c r="D4309" t="s">
        <v>9926</v>
      </c>
      <c r="E4309" t="s">
        <v>32217</v>
      </c>
      <c r="F4309">
        <v>5</v>
      </c>
      <c r="G4309" t="s">
        <v>0</v>
      </c>
      <c r="H4309" t="s">
        <v>9927</v>
      </c>
      <c r="I4309" t="s">
        <v>30540</v>
      </c>
    </row>
    <row r="4310" spans="1:9">
      <c r="A4310" s="1">
        <v>0.75025518096228083</v>
      </c>
      <c r="B4310" s="1"/>
      <c r="C4310">
        <v>8</v>
      </c>
      <c r="D4310" t="s">
        <v>9930</v>
      </c>
      <c r="E4310" t="s">
        <v>32217</v>
      </c>
      <c r="F4310">
        <v>5</v>
      </c>
      <c r="G4310" t="s">
        <v>2</v>
      </c>
      <c r="H4310" t="s">
        <v>9931</v>
      </c>
      <c r="I4310" t="s">
        <v>30540</v>
      </c>
    </row>
    <row r="4311" spans="1:9">
      <c r="A4311" s="1">
        <v>0.26118340432768927</v>
      </c>
      <c r="B4311" s="1"/>
      <c r="C4311">
        <v>17</v>
      </c>
      <c r="D4311" t="s">
        <v>9938</v>
      </c>
      <c r="E4311" t="s">
        <v>32217</v>
      </c>
      <c r="F4311">
        <v>4</v>
      </c>
      <c r="G4311" t="s">
        <v>2</v>
      </c>
      <c r="H4311" t="s">
        <v>9939</v>
      </c>
      <c r="I4311" t="s">
        <v>30540</v>
      </c>
    </row>
    <row r="4312" spans="1:9">
      <c r="A4312" s="1">
        <v>0.28291100563484128</v>
      </c>
      <c r="B4312" s="1"/>
      <c r="C4312">
        <v>11</v>
      </c>
      <c r="D4312" t="s">
        <v>9934</v>
      </c>
      <c r="E4312" t="s">
        <v>32217</v>
      </c>
      <c r="F4312">
        <v>4</v>
      </c>
      <c r="G4312" t="s">
        <v>0</v>
      </c>
      <c r="H4312" t="s">
        <v>9935</v>
      </c>
      <c r="I4312" t="s">
        <v>30540</v>
      </c>
    </row>
    <row r="4313" spans="1:9">
      <c r="A4313" s="1">
        <v>0.60436079382238861</v>
      </c>
      <c r="B4313" s="1"/>
      <c r="C4313">
        <v>20</v>
      </c>
      <c r="D4313" t="s">
        <v>9942</v>
      </c>
      <c r="E4313" t="s">
        <v>32217</v>
      </c>
      <c r="F4313">
        <v>4</v>
      </c>
      <c r="G4313" t="s">
        <v>0</v>
      </c>
      <c r="H4313" t="s">
        <v>9943</v>
      </c>
      <c r="I4313" t="s">
        <v>30540</v>
      </c>
    </row>
    <row r="4314" spans="1:9">
      <c r="A4314" s="1">
        <v>5.4773411018472662E-2</v>
      </c>
      <c r="B4314" s="1"/>
      <c r="C4314">
        <v>12</v>
      </c>
      <c r="D4314" t="s">
        <v>9936</v>
      </c>
      <c r="E4314" t="s">
        <v>32217</v>
      </c>
      <c r="F4314">
        <v>4</v>
      </c>
      <c r="G4314" t="s">
        <v>0</v>
      </c>
      <c r="H4314" t="s">
        <v>9937</v>
      </c>
      <c r="I4314" t="s">
        <v>30540</v>
      </c>
    </row>
    <row r="4315" spans="1:9">
      <c r="A4315" s="1">
        <v>0.37970665770158407</v>
      </c>
      <c r="B4315" s="1"/>
      <c r="C4315">
        <v>19</v>
      </c>
      <c r="D4315" t="s">
        <v>9940</v>
      </c>
      <c r="E4315" t="s">
        <v>32217</v>
      </c>
      <c r="F4315">
        <v>4</v>
      </c>
      <c r="G4315" t="s">
        <v>0</v>
      </c>
      <c r="H4315" t="s">
        <v>9941</v>
      </c>
      <c r="I4315" t="s">
        <v>30540</v>
      </c>
    </row>
    <row r="4316" spans="1:9">
      <c r="A4316" s="1">
        <v>0.31411032769372893</v>
      </c>
      <c r="B4316" s="1"/>
      <c r="C4316">
        <v>7</v>
      </c>
      <c r="D4316" t="s">
        <v>9928</v>
      </c>
      <c r="E4316" t="s">
        <v>32217</v>
      </c>
      <c r="F4316">
        <v>3</v>
      </c>
      <c r="G4316" t="s">
        <v>14</v>
      </c>
      <c r="H4316" t="s">
        <v>9929</v>
      </c>
      <c r="I4316" t="s">
        <v>30540</v>
      </c>
    </row>
    <row r="4317" spans="1:9">
      <c r="A4317" s="1">
        <v>0.49776309195029522</v>
      </c>
      <c r="B4317" s="1"/>
      <c r="C4317">
        <v>5</v>
      </c>
      <c r="D4317" t="s">
        <v>9914</v>
      </c>
      <c r="E4317" t="s">
        <v>32218</v>
      </c>
      <c r="F4317">
        <v>4</v>
      </c>
      <c r="G4317" t="s">
        <v>0</v>
      </c>
      <c r="H4317" t="s">
        <v>9915</v>
      </c>
      <c r="I4317" t="s">
        <v>30540</v>
      </c>
    </row>
    <row r="4318" spans="1:9">
      <c r="A4318" s="1">
        <v>0.63767547986755835</v>
      </c>
      <c r="B4318" s="1"/>
      <c r="C4318">
        <v>11</v>
      </c>
      <c r="D4318" t="s">
        <v>9922</v>
      </c>
      <c r="E4318" t="s">
        <v>32218</v>
      </c>
      <c r="F4318">
        <v>4</v>
      </c>
      <c r="G4318" t="s">
        <v>15</v>
      </c>
      <c r="H4318" t="s">
        <v>9923</v>
      </c>
      <c r="I4318" t="s">
        <v>30540</v>
      </c>
    </row>
    <row r="4319" spans="1:9">
      <c r="A4319" s="1">
        <v>0.35238582247344363</v>
      </c>
      <c r="B4319" s="1"/>
      <c r="C4319">
        <v>10</v>
      </c>
      <c r="D4319" t="s">
        <v>9920</v>
      </c>
      <c r="E4319" t="s">
        <v>32218</v>
      </c>
      <c r="F4319">
        <v>4</v>
      </c>
      <c r="G4319" t="s">
        <v>9</v>
      </c>
      <c r="H4319" t="s">
        <v>9921</v>
      </c>
      <c r="I4319" t="s">
        <v>30540</v>
      </c>
    </row>
    <row r="4320" spans="1:9">
      <c r="A4320" s="1">
        <v>8.2100841411565262E-2</v>
      </c>
      <c r="B4320" s="1"/>
      <c r="C4320">
        <v>6</v>
      </c>
      <c r="D4320" t="s">
        <v>9916</v>
      </c>
      <c r="E4320" t="s">
        <v>32218</v>
      </c>
      <c r="F4320">
        <v>4</v>
      </c>
      <c r="G4320" t="s">
        <v>0</v>
      </c>
      <c r="H4320" t="s">
        <v>9917</v>
      </c>
      <c r="I4320" t="s">
        <v>30540</v>
      </c>
    </row>
    <row r="4321" spans="1:9">
      <c r="A4321" s="1">
        <v>0.36924070185110069</v>
      </c>
      <c r="B4321" s="1"/>
      <c r="C4321">
        <v>7</v>
      </c>
      <c r="D4321" t="s">
        <v>9918</v>
      </c>
      <c r="E4321" t="s">
        <v>32218</v>
      </c>
      <c r="F4321">
        <v>4</v>
      </c>
      <c r="G4321" t="s">
        <v>0</v>
      </c>
      <c r="H4321" t="s">
        <v>9919</v>
      </c>
      <c r="I4321" t="s">
        <v>30540</v>
      </c>
    </row>
    <row r="4322" spans="1:9">
      <c r="A4322" s="1">
        <v>0.47964033955019925</v>
      </c>
      <c r="B4322" s="1"/>
      <c r="C4322">
        <v>4</v>
      </c>
      <c r="D4322" t="s">
        <v>9912</v>
      </c>
      <c r="E4322" t="s">
        <v>32218</v>
      </c>
      <c r="F4322">
        <v>3</v>
      </c>
      <c r="G4322" t="s">
        <v>0</v>
      </c>
      <c r="H4322" t="s">
        <v>9913</v>
      </c>
      <c r="I4322" t="s">
        <v>30540</v>
      </c>
    </row>
    <row r="4323" spans="1:9">
      <c r="A4323" s="1">
        <v>0.2817380924235271</v>
      </c>
      <c r="B4323" s="1"/>
      <c r="C4323">
        <v>17</v>
      </c>
      <c r="D4323" t="s">
        <v>9908</v>
      </c>
      <c r="E4323" t="s">
        <v>32219</v>
      </c>
      <c r="F4323">
        <v>5</v>
      </c>
      <c r="G4323" t="s">
        <v>0</v>
      </c>
      <c r="H4323" t="s">
        <v>9909</v>
      </c>
      <c r="I4323" t="s">
        <v>30540</v>
      </c>
    </row>
    <row r="4324" spans="1:9">
      <c r="A4324" s="1">
        <v>0.94247191812082731</v>
      </c>
      <c r="B4324" s="1"/>
      <c r="C4324">
        <v>5</v>
      </c>
      <c r="D4324" t="s">
        <v>9900</v>
      </c>
      <c r="E4324" t="s">
        <v>32219</v>
      </c>
      <c r="F4324">
        <v>4</v>
      </c>
      <c r="G4324" t="s">
        <v>0</v>
      </c>
      <c r="H4324" t="s">
        <v>9901</v>
      </c>
      <c r="I4324" t="s">
        <v>30540</v>
      </c>
    </row>
    <row r="4325" spans="1:9">
      <c r="A4325" s="1">
        <v>0.66969444117680765</v>
      </c>
      <c r="B4325" s="1"/>
      <c r="C4325">
        <v>15</v>
      </c>
      <c r="D4325" t="s">
        <v>9906</v>
      </c>
      <c r="E4325" t="s">
        <v>32219</v>
      </c>
      <c r="F4325">
        <v>3</v>
      </c>
      <c r="G4325" t="s">
        <v>2</v>
      </c>
      <c r="H4325" t="s">
        <v>9907</v>
      </c>
      <c r="I4325" t="s">
        <v>30540</v>
      </c>
    </row>
    <row r="4326" spans="1:9">
      <c r="A4326" s="1">
        <v>0.74638579507441105</v>
      </c>
      <c r="B4326" s="1"/>
      <c r="C4326">
        <v>11</v>
      </c>
      <c r="D4326" t="s">
        <v>9902</v>
      </c>
      <c r="E4326" t="s">
        <v>32219</v>
      </c>
      <c r="F4326">
        <v>3</v>
      </c>
      <c r="G4326" t="s">
        <v>765</v>
      </c>
      <c r="H4326" t="s">
        <v>9903</v>
      </c>
      <c r="I4326" t="s">
        <v>30540</v>
      </c>
    </row>
    <row r="4327" spans="1:9">
      <c r="A4327" s="1">
        <v>0.88421696311170661</v>
      </c>
      <c r="B4327" s="1"/>
      <c r="C4327">
        <v>17</v>
      </c>
      <c r="D4327" t="s">
        <v>9898</v>
      </c>
      <c r="E4327" t="s">
        <v>32220</v>
      </c>
      <c r="F4327">
        <v>4</v>
      </c>
      <c r="G4327" t="s">
        <v>2</v>
      </c>
      <c r="H4327" t="s">
        <v>9899</v>
      </c>
      <c r="I4327" t="s">
        <v>30540</v>
      </c>
    </row>
    <row r="4328" spans="1:9">
      <c r="A4328" s="1">
        <v>0.20703347226212465</v>
      </c>
      <c r="B4328" s="1"/>
      <c r="C4328">
        <v>7</v>
      </c>
      <c r="D4328" t="s">
        <v>9890</v>
      </c>
      <c r="E4328" t="s">
        <v>32220</v>
      </c>
      <c r="F4328">
        <v>4</v>
      </c>
      <c r="G4328" t="s">
        <v>0</v>
      </c>
      <c r="H4328" t="s">
        <v>9891</v>
      </c>
      <c r="I4328" t="s">
        <v>30540</v>
      </c>
    </row>
    <row r="4329" spans="1:9">
      <c r="A4329" s="1">
        <v>0.96437023265605681</v>
      </c>
      <c r="B4329" s="1"/>
      <c r="C4329">
        <v>16</v>
      </c>
      <c r="D4329" t="s">
        <v>9896</v>
      </c>
      <c r="E4329" t="s">
        <v>32220</v>
      </c>
      <c r="F4329">
        <v>4</v>
      </c>
      <c r="G4329" t="s">
        <v>2</v>
      </c>
      <c r="H4329" t="s">
        <v>9897</v>
      </c>
      <c r="I4329" t="s">
        <v>30540</v>
      </c>
    </row>
    <row r="4330" spans="1:9">
      <c r="A4330" s="1">
        <v>3.891058681518289E-2</v>
      </c>
      <c r="B4330" s="1"/>
      <c r="C4330">
        <v>14</v>
      </c>
      <c r="D4330" t="s">
        <v>9894</v>
      </c>
      <c r="E4330" t="s">
        <v>32220</v>
      </c>
      <c r="F4330">
        <v>4</v>
      </c>
      <c r="G4330" t="s">
        <v>0</v>
      </c>
      <c r="H4330" t="s">
        <v>9895</v>
      </c>
      <c r="I4330" t="s">
        <v>30540</v>
      </c>
    </row>
    <row r="4331" spans="1:9">
      <c r="A4331" s="1">
        <v>0.531602133673577</v>
      </c>
      <c r="B4331" s="1"/>
      <c r="C4331">
        <v>11</v>
      </c>
      <c r="D4331" t="s">
        <v>9892</v>
      </c>
      <c r="E4331" t="s">
        <v>32220</v>
      </c>
      <c r="F4331">
        <v>3</v>
      </c>
      <c r="G4331" t="s">
        <v>0</v>
      </c>
      <c r="H4331" t="s">
        <v>9893</v>
      </c>
      <c r="I4331" t="s">
        <v>30540</v>
      </c>
    </row>
    <row r="4332" spans="1:9">
      <c r="A4332" s="1">
        <v>0.76086470828571873</v>
      </c>
      <c r="B4332" s="1"/>
      <c r="C4332">
        <v>1</v>
      </c>
      <c r="D4332" t="s">
        <v>9882</v>
      </c>
      <c r="E4332" t="s">
        <v>32221</v>
      </c>
      <c r="F4332">
        <v>4</v>
      </c>
      <c r="G4332" t="s">
        <v>2</v>
      </c>
      <c r="H4332" t="s">
        <v>9883</v>
      </c>
      <c r="I4332" t="s">
        <v>30540</v>
      </c>
    </row>
    <row r="4333" spans="1:9">
      <c r="A4333" s="1">
        <v>6.5716223011910713E-2</v>
      </c>
      <c r="B4333" s="1"/>
      <c r="C4333">
        <v>8</v>
      </c>
      <c r="D4333" t="s">
        <v>9888</v>
      </c>
      <c r="E4333" t="s">
        <v>32221</v>
      </c>
      <c r="F4333">
        <v>4</v>
      </c>
      <c r="G4333" t="s">
        <v>0</v>
      </c>
      <c r="H4333" t="s">
        <v>9889</v>
      </c>
      <c r="I4333" t="s">
        <v>30540</v>
      </c>
    </row>
    <row r="4334" spans="1:9">
      <c r="A4334" s="1">
        <v>4.7351516762947909E-3</v>
      </c>
      <c r="B4334" s="1"/>
      <c r="C4334">
        <v>4</v>
      </c>
      <c r="D4334" t="s">
        <v>9884</v>
      </c>
      <c r="E4334" t="s">
        <v>32221</v>
      </c>
      <c r="F4334">
        <v>4</v>
      </c>
      <c r="G4334" t="s">
        <v>0</v>
      </c>
      <c r="H4334" t="s">
        <v>9885</v>
      </c>
      <c r="I4334" t="s">
        <v>30540</v>
      </c>
    </row>
    <row r="4335" spans="1:9">
      <c r="A4335" s="1">
        <v>0.20442477137608683</v>
      </c>
      <c r="B4335" s="1"/>
      <c r="C4335">
        <v>7</v>
      </c>
      <c r="D4335" t="s">
        <v>9886</v>
      </c>
      <c r="E4335" t="s">
        <v>32221</v>
      </c>
      <c r="F4335">
        <v>4</v>
      </c>
      <c r="G4335" t="s">
        <v>0</v>
      </c>
      <c r="H4335" t="s">
        <v>9887</v>
      </c>
      <c r="I4335" t="s">
        <v>30540</v>
      </c>
    </row>
    <row r="4336" spans="1:9">
      <c r="A4336" s="1">
        <v>0.19212820406117337</v>
      </c>
      <c r="B4336" s="1"/>
      <c r="C4336">
        <v>10</v>
      </c>
      <c r="D4336" t="s">
        <v>9876</v>
      </c>
      <c r="E4336" t="s">
        <v>32222</v>
      </c>
      <c r="F4336">
        <v>4</v>
      </c>
      <c r="G4336" t="s">
        <v>0</v>
      </c>
      <c r="H4336" t="s">
        <v>9877</v>
      </c>
      <c r="I4336" t="s">
        <v>30540</v>
      </c>
    </row>
    <row r="4337" spans="1:9">
      <c r="A4337" s="1">
        <v>0.54723555919943279</v>
      </c>
      <c r="B4337" s="1"/>
      <c r="C4337">
        <v>17</v>
      </c>
      <c r="D4337" t="s">
        <v>9880</v>
      </c>
      <c r="E4337" t="s">
        <v>32222</v>
      </c>
      <c r="F4337">
        <v>4</v>
      </c>
      <c r="G4337" t="s">
        <v>774</v>
      </c>
      <c r="H4337" t="s">
        <v>9881</v>
      </c>
      <c r="I4337" t="s">
        <v>30540</v>
      </c>
    </row>
    <row r="4338" spans="1:9">
      <c r="A4338" s="1">
        <v>0.40739275991724389</v>
      </c>
      <c r="B4338" s="1"/>
      <c r="C4338">
        <v>2</v>
      </c>
      <c r="D4338" t="s">
        <v>9874</v>
      </c>
      <c r="E4338" t="s">
        <v>32222</v>
      </c>
      <c r="F4338">
        <v>4</v>
      </c>
      <c r="G4338" t="s">
        <v>1295</v>
      </c>
      <c r="H4338" t="s">
        <v>9875</v>
      </c>
      <c r="I4338" t="s">
        <v>30540</v>
      </c>
    </row>
    <row r="4339" spans="1:9">
      <c r="A4339" s="1">
        <v>0.32109114222343871</v>
      </c>
      <c r="B4339" s="1"/>
      <c r="C4339">
        <v>15</v>
      </c>
      <c r="D4339" t="s">
        <v>9868</v>
      </c>
      <c r="E4339" t="s">
        <v>32223</v>
      </c>
      <c r="F4339">
        <v>4</v>
      </c>
      <c r="G4339" t="s">
        <v>15</v>
      </c>
      <c r="H4339" t="s">
        <v>9869</v>
      </c>
      <c r="I4339" t="s">
        <v>30540</v>
      </c>
    </row>
    <row r="4340" spans="1:9">
      <c r="A4340" s="1">
        <v>0.77364134024651454</v>
      </c>
      <c r="B4340" s="1"/>
      <c r="C4340">
        <v>17</v>
      </c>
      <c r="D4340" t="s">
        <v>9872</v>
      </c>
      <c r="E4340" t="s">
        <v>32223</v>
      </c>
      <c r="F4340">
        <v>4</v>
      </c>
      <c r="G4340" t="s">
        <v>0</v>
      </c>
      <c r="H4340" t="s">
        <v>9873</v>
      </c>
      <c r="I4340" t="s">
        <v>30540</v>
      </c>
    </row>
    <row r="4341" spans="1:9">
      <c r="A4341" s="1">
        <v>0.82807475597306779</v>
      </c>
      <c r="B4341" s="1"/>
      <c r="C4341">
        <v>16</v>
      </c>
      <c r="D4341" t="s">
        <v>9870</v>
      </c>
      <c r="E4341" t="s">
        <v>32223</v>
      </c>
      <c r="F4341">
        <v>4</v>
      </c>
      <c r="G4341" t="s">
        <v>0</v>
      </c>
      <c r="H4341" t="s">
        <v>9871</v>
      </c>
      <c r="I4341" t="s">
        <v>30540</v>
      </c>
    </row>
    <row r="4342" spans="1:9">
      <c r="A4342" s="1">
        <v>0.85126028744678872</v>
      </c>
      <c r="B4342" s="1"/>
      <c r="C4342">
        <v>4</v>
      </c>
      <c r="D4342" t="s">
        <v>9866</v>
      </c>
      <c r="E4342" t="s">
        <v>32223</v>
      </c>
      <c r="F4342">
        <v>4</v>
      </c>
      <c r="G4342" t="s">
        <v>771</v>
      </c>
      <c r="H4342" t="s">
        <v>9867</v>
      </c>
      <c r="I4342" t="s">
        <v>30540</v>
      </c>
    </row>
    <row r="4343" spans="1:9">
      <c r="A4343" s="1">
        <v>9.699367505345946E-2</v>
      </c>
      <c r="B4343" s="1"/>
      <c r="C4343">
        <v>12</v>
      </c>
      <c r="D4343" t="s">
        <v>9864</v>
      </c>
      <c r="E4343" t="s">
        <v>32224</v>
      </c>
      <c r="F4343">
        <v>5</v>
      </c>
      <c r="G4343" t="s">
        <v>0</v>
      </c>
      <c r="H4343" t="s">
        <v>9865</v>
      </c>
      <c r="I4343" t="s">
        <v>30540</v>
      </c>
    </row>
    <row r="4344" spans="1:9">
      <c r="A4344" s="1">
        <v>0.75866434102764679</v>
      </c>
      <c r="B4344" s="1"/>
      <c r="C4344">
        <v>10</v>
      </c>
      <c r="D4344" t="s">
        <v>9860</v>
      </c>
      <c r="E4344" t="s">
        <v>32224</v>
      </c>
      <c r="F4344">
        <v>4</v>
      </c>
      <c r="G4344" t="s">
        <v>0</v>
      </c>
      <c r="H4344" t="s">
        <v>9861</v>
      </c>
      <c r="I4344" t="s">
        <v>30540</v>
      </c>
    </row>
    <row r="4345" spans="1:9">
      <c r="A4345" s="1">
        <v>0.98836839918462205</v>
      </c>
      <c r="B4345" s="1"/>
      <c r="C4345">
        <v>8</v>
      </c>
      <c r="D4345" t="s">
        <v>9850</v>
      </c>
      <c r="E4345" t="s">
        <v>32225</v>
      </c>
      <c r="F4345">
        <v>4</v>
      </c>
      <c r="G4345" t="s">
        <v>0</v>
      </c>
      <c r="H4345" t="s">
        <v>9851</v>
      </c>
      <c r="I4345" t="s">
        <v>30540</v>
      </c>
    </row>
    <row r="4346" spans="1:9">
      <c r="A4346" s="1">
        <v>0.6088987561173983</v>
      </c>
      <c r="B4346" s="1"/>
      <c r="C4346">
        <v>15</v>
      </c>
      <c r="D4346" t="s">
        <v>9856</v>
      </c>
      <c r="E4346" t="s">
        <v>32225</v>
      </c>
      <c r="F4346">
        <v>4</v>
      </c>
      <c r="G4346" t="s">
        <v>0</v>
      </c>
      <c r="H4346" t="s">
        <v>9857</v>
      </c>
      <c r="I4346" t="s">
        <v>30540</v>
      </c>
    </row>
    <row r="4347" spans="1:9">
      <c r="A4347" s="1">
        <v>0.36274004273899196</v>
      </c>
      <c r="B4347" s="1"/>
      <c r="C4347">
        <v>9</v>
      </c>
      <c r="D4347" t="s">
        <v>9852</v>
      </c>
      <c r="E4347" t="s">
        <v>32225</v>
      </c>
      <c r="F4347">
        <v>3</v>
      </c>
      <c r="G4347" t="s">
        <v>2</v>
      </c>
      <c r="H4347" t="s">
        <v>9853</v>
      </c>
      <c r="I4347" t="s">
        <v>30540</v>
      </c>
    </row>
    <row r="4348" spans="1:9">
      <c r="A4348" s="1">
        <v>0.25283807638529543</v>
      </c>
      <c r="B4348" s="1"/>
      <c r="C4348">
        <v>9</v>
      </c>
      <c r="D4348" t="s">
        <v>9846</v>
      </c>
      <c r="E4348" t="s">
        <v>32226</v>
      </c>
      <c r="F4348">
        <v>5</v>
      </c>
      <c r="G4348" t="s">
        <v>0</v>
      </c>
      <c r="H4348" t="s">
        <v>9847</v>
      </c>
      <c r="I4348" t="s">
        <v>30540</v>
      </c>
    </row>
    <row r="4349" spans="1:9">
      <c r="A4349" s="1">
        <v>0.42536494697005134</v>
      </c>
      <c r="B4349" s="1"/>
      <c r="C4349">
        <v>10</v>
      </c>
      <c r="D4349" t="s">
        <v>9848</v>
      </c>
      <c r="E4349" t="s">
        <v>32226</v>
      </c>
      <c r="F4349">
        <v>5</v>
      </c>
      <c r="G4349" t="s">
        <v>0</v>
      </c>
      <c r="H4349" t="s">
        <v>9849</v>
      </c>
      <c r="I4349" t="s">
        <v>30540</v>
      </c>
    </row>
    <row r="4350" spans="1:9">
      <c r="A4350" s="1">
        <v>0.10996786878380083</v>
      </c>
      <c r="B4350" s="1"/>
      <c r="C4350">
        <v>5</v>
      </c>
      <c r="D4350" t="s">
        <v>9836</v>
      </c>
      <c r="E4350" t="s">
        <v>32227</v>
      </c>
      <c r="F4350">
        <v>5</v>
      </c>
      <c r="G4350" t="s">
        <v>1</v>
      </c>
      <c r="H4350" t="s">
        <v>9837</v>
      </c>
      <c r="I4350" t="s">
        <v>30540</v>
      </c>
    </row>
    <row r="4351" spans="1:9">
      <c r="A4351" s="1">
        <v>0.78437130809493771</v>
      </c>
      <c r="B4351" s="1"/>
      <c r="C4351">
        <v>18</v>
      </c>
      <c r="D4351" t="s">
        <v>9842</v>
      </c>
      <c r="E4351" t="s">
        <v>32227</v>
      </c>
      <c r="F4351">
        <v>4</v>
      </c>
      <c r="G4351" t="s">
        <v>0</v>
      </c>
      <c r="H4351" t="s">
        <v>9843</v>
      </c>
      <c r="I4351" t="s">
        <v>30540</v>
      </c>
    </row>
    <row r="4352" spans="1:9">
      <c r="A4352" s="1">
        <v>0.96777998301801549</v>
      </c>
      <c r="B4352" s="1"/>
      <c r="C4352">
        <v>10</v>
      </c>
      <c r="D4352" t="s">
        <v>9840</v>
      </c>
      <c r="E4352" t="s">
        <v>32227</v>
      </c>
      <c r="F4352">
        <v>4</v>
      </c>
      <c r="G4352" t="s">
        <v>0</v>
      </c>
      <c r="H4352" t="s">
        <v>9841</v>
      </c>
      <c r="I4352" t="s">
        <v>30540</v>
      </c>
    </row>
    <row r="4353" spans="1:9">
      <c r="A4353" s="1">
        <v>0.92429634747689227</v>
      </c>
      <c r="B4353" s="1"/>
      <c r="C4353">
        <v>8</v>
      </c>
      <c r="D4353" t="s">
        <v>9838</v>
      </c>
      <c r="E4353" t="s">
        <v>32227</v>
      </c>
      <c r="F4353">
        <v>4</v>
      </c>
      <c r="G4353" t="s">
        <v>1295</v>
      </c>
      <c r="H4353" t="s">
        <v>9839</v>
      </c>
      <c r="I4353" t="s">
        <v>30540</v>
      </c>
    </row>
    <row r="4354" spans="1:9">
      <c r="A4354" s="1">
        <v>0.21939430660335624</v>
      </c>
      <c r="B4354" s="1"/>
      <c r="C4354">
        <v>13</v>
      </c>
      <c r="D4354" t="s">
        <v>9832</v>
      </c>
      <c r="E4354" t="s">
        <v>32228</v>
      </c>
      <c r="F4354">
        <v>4</v>
      </c>
      <c r="G4354" t="s">
        <v>0</v>
      </c>
      <c r="H4354" t="s">
        <v>9833</v>
      </c>
      <c r="I4354" t="s">
        <v>30540</v>
      </c>
    </row>
    <row r="4355" spans="1:9">
      <c r="A4355" s="1">
        <v>0.20626453044226956</v>
      </c>
      <c r="B4355" s="1"/>
      <c r="C4355">
        <v>19</v>
      </c>
      <c r="D4355" t="s">
        <v>9834</v>
      </c>
      <c r="E4355" t="s">
        <v>32228</v>
      </c>
      <c r="F4355">
        <v>4</v>
      </c>
      <c r="G4355" t="s">
        <v>1</v>
      </c>
      <c r="H4355" t="s">
        <v>9835</v>
      </c>
      <c r="I4355" t="s">
        <v>30540</v>
      </c>
    </row>
    <row r="4356" spans="1:9">
      <c r="A4356" s="1">
        <v>0.64946137320009067</v>
      </c>
      <c r="B4356" s="1"/>
      <c r="C4356">
        <v>1</v>
      </c>
      <c r="D4356" t="s">
        <v>9824</v>
      </c>
      <c r="E4356" t="s">
        <v>32229</v>
      </c>
      <c r="F4356">
        <v>5</v>
      </c>
      <c r="G4356" t="s">
        <v>15</v>
      </c>
      <c r="H4356" t="s">
        <v>9825</v>
      </c>
      <c r="I4356" t="s">
        <v>30540</v>
      </c>
    </row>
    <row r="4357" spans="1:9">
      <c r="A4357" s="1">
        <v>0.21521490922528863</v>
      </c>
      <c r="B4357" s="1"/>
      <c r="C4357">
        <v>10</v>
      </c>
      <c r="D4357" t="s">
        <v>9830</v>
      </c>
      <c r="E4357" t="s">
        <v>32229</v>
      </c>
      <c r="F4357">
        <v>5</v>
      </c>
      <c r="G4357" t="s">
        <v>0</v>
      </c>
      <c r="H4357" t="s">
        <v>9831</v>
      </c>
      <c r="I4357" t="s">
        <v>30540</v>
      </c>
    </row>
    <row r="4358" spans="1:9">
      <c r="A4358" s="1">
        <v>0.5568607833448227</v>
      </c>
      <c r="B4358" s="1"/>
      <c r="C4358">
        <v>9</v>
      </c>
      <c r="D4358" t="s">
        <v>9828</v>
      </c>
      <c r="E4358" t="s">
        <v>32229</v>
      </c>
      <c r="F4358">
        <v>4</v>
      </c>
      <c r="G4358" t="s">
        <v>0</v>
      </c>
      <c r="H4358" t="s">
        <v>9829</v>
      </c>
      <c r="I4358" t="s">
        <v>30540</v>
      </c>
    </row>
    <row r="4359" spans="1:9">
      <c r="A4359" s="1">
        <v>0.12568260414998167</v>
      </c>
      <c r="B4359" s="1"/>
      <c r="C4359">
        <v>8</v>
      </c>
      <c r="D4359" t="s">
        <v>9826</v>
      </c>
      <c r="E4359" t="s">
        <v>32229</v>
      </c>
      <c r="F4359">
        <v>4</v>
      </c>
      <c r="G4359" t="s">
        <v>1</v>
      </c>
      <c r="H4359" t="s">
        <v>9827</v>
      </c>
      <c r="I4359" t="s">
        <v>30540</v>
      </c>
    </row>
    <row r="4360" spans="1:9">
      <c r="A4360" s="1">
        <v>7.6263058367377567E-2</v>
      </c>
      <c r="B4360" s="1"/>
      <c r="C4360">
        <v>12</v>
      </c>
      <c r="D4360" t="s">
        <v>9818</v>
      </c>
      <c r="E4360" t="s">
        <v>32230</v>
      </c>
      <c r="F4360">
        <v>5</v>
      </c>
      <c r="G4360" t="s">
        <v>0</v>
      </c>
      <c r="H4360" t="s">
        <v>9819</v>
      </c>
      <c r="I4360" t="s">
        <v>30540</v>
      </c>
    </row>
    <row r="4361" spans="1:9">
      <c r="A4361" s="1">
        <v>0.2434703463393052</v>
      </c>
      <c r="B4361" s="1"/>
      <c r="C4361">
        <v>17</v>
      </c>
      <c r="D4361" t="s">
        <v>9820</v>
      </c>
      <c r="E4361" t="s">
        <v>32230</v>
      </c>
      <c r="F4361">
        <v>5</v>
      </c>
      <c r="G4361" t="s">
        <v>0</v>
      </c>
      <c r="H4361" t="s">
        <v>9821</v>
      </c>
      <c r="I4361" t="s">
        <v>30540</v>
      </c>
    </row>
    <row r="4362" spans="1:9">
      <c r="A4362" s="1">
        <v>0.48654599682314226</v>
      </c>
      <c r="B4362" s="1"/>
      <c r="C4362">
        <v>18</v>
      </c>
      <c r="D4362" t="s">
        <v>9822</v>
      </c>
      <c r="E4362" t="s">
        <v>32230</v>
      </c>
      <c r="F4362">
        <v>4</v>
      </c>
      <c r="G4362" t="s">
        <v>0</v>
      </c>
      <c r="H4362" t="s">
        <v>9823</v>
      </c>
      <c r="I4362" t="s">
        <v>30540</v>
      </c>
    </row>
    <row r="4363" spans="1:9">
      <c r="A4363" s="1">
        <v>0.83391238661592837</v>
      </c>
      <c r="B4363" s="1"/>
      <c r="C4363">
        <v>5</v>
      </c>
      <c r="D4363" t="s">
        <v>9814</v>
      </c>
      <c r="E4363" t="s">
        <v>32231</v>
      </c>
      <c r="F4363">
        <v>5</v>
      </c>
      <c r="G4363" t="s">
        <v>13</v>
      </c>
      <c r="H4363" t="s">
        <v>9815</v>
      </c>
      <c r="I4363" t="s">
        <v>30540</v>
      </c>
    </row>
    <row r="4364" spans="1:9">
      <c r="A4364" s="1">
        <v>0.16392415425590889</v>
      </c>
      <c r="B4364" s="1"/>
      <c r="C4364">
        <v>2</v>
      </c>
      <c r="D4364" t="s">
        <v>9810</v>
      </c>
      <c r="E4364" t="s">
        <v>32231</v>
      </c>
      <c r="F4364">
        <v>4</v>
      </c>
      <c r="G4364" t="s">
        <v>0</v>
      </c>
      <c r="H4364" t="s">
        <v>9811</v>
      </c>
      <c r="I4364" t="s">
        <v>30540</v>
      </c>
    </row>
    <row r="4365" spans="1:9">
      <c r="A4365" s="1">
        <v>0.11483620345567014</v>
      </c>
      <c r="B4365" s="1"/>
      <c r="C4365">
        <v>3</v>
      </c>
      <c r="D4365" t="s">
        <v>9812</v>
      </c>
      <c r="E4365" t="s">
        <v>32231</v>
      </c>
      <c r="F4365">
        <v>3</v>
      </c>
      <c r="G4365" t="s">
        <v>0</v>
      </c>
      <c r="H4365" t="s">
        <v>9813</v>
      </c>
      <c r="I4365" t="s">
        <v>30540</v>
      </c>
    </row>
    <row r="4366" spans="1:9">
      <c r="A4366" s="1">
        <v>0.39890114462482296</v>
      </c>
      <c r="B4366" s="1"/>
      <c r="C4366">
        <v>15</v>
      </c>
      <c r="D4366" t="s">
        <v>9802</v>
      </c>
      <c r="E4366" t="s">
        <v>32232</v>
      </c>
      <c r="F4366">
        <v>4</v>
      </c>
      <c r="G4366" t="s">
        <v>0</v>
      </c>
      <c r="H4366" t="s">
        <v>9803</v>
      </c>
      <c r="I4366" t="s">
        <v>30540</v>
      </c>
    </row>
    <row r="4367" spans="1:9">
      <c r="A4367" s="1">
        <v>0.70602022312753498</v>
      </c>
      <c r="B4367" s="1"/>
      <c r="C4367">
        <v>18</v>
      </c>
      <c r="D4367" t="s">
        <v>9806</v>
      </c>
      <c r="E4367" t="s">
        <v>32232</v>
      </c>
      <c r="F4367">
        <v>4</v>
      </c>
      <c r="G4367" t="s">
        <v>0</v>
      </c>
      <c r="H4367" t="s">
        <v>9807</v>
      </c>
      <c r="I4367" t="s">
        <v>30540</v>
      </c>
    </row>
    <row r="4368" spans="1:9">
      <c r="A4368" s="1">
        <v>0.61220171452796091</v>
      </c>
      <c r="B4368" s="1"/>
      <c r="C4368">
        <v>2</v>
      </c>
      <c r="D4368" t="s">
        <v>9798</v>
      </c>
      <c r="E4368" t="s">
        <v>32232</v>
      </c>
      <c r="F4368">
        <v>3</v>
      </c>
      <c r="G4368" t="s">
        <v>1295</v>
      </c>
      <c r="H4368" t="s">
        <v>9799</v>
      </c>
      <c r="I4368" t="s">
        <v>30540</v>
      </c>
    </row>
    <row r="4369" spans="1:9">
      <c r="A4369" s="1">
        <v>0.76784998953172878</v>
      </c>
      <c r="B4369" s="1"/>
      <c r="C4369">
        <v>5</v>
      </c>
      <c r="D4369" t="s">
        <v>9792</v>
      </c>
      <c r="E4369" t="s">
        <v>32233</v>
      </c>
      <c r="F4369">
        <v>5</v>
      </c>
      <c r="G4369" t="s">
        <v>771</v>
      </c>
      <c r="H4369" t="s">
        <v>9793</v>
      </c>
      <c r="I4369" t="s">
        <v>30540</v>
      </c>
    </row>
    <row r="4370" spans="1:9">
      <c r="A4370" s="1">
        <v>0.65113458768590537</v>
      </c>
      <c r="B4370" s="1"/>
      <c r="C4370">
        <v>8</v>
      </c>
      <c r="D4370" t="s">
        <v>9794</v>
      </c>
      <c r="E4370" t="s">
        <v>32233</v>
      </c>
      <c r="F4370">
        <v>4</v>
      </c>
      <c r="G4370" t="s">
        <v>765</v>
      </c>
      <c r="H4370" t="s">
        <v>9795</v>
      </c>
      <c r="I4370" t="s">
        <v>30540</v>
      </c>
    </row>
    <row r="4371" spans="1:9">
      <c r="A4371" s="1">
        <v>0.10468651440946919</v>
      </c>
      <c r="B4371" s="1"/>
      <c r="C4371">
        <v>4</v>
      </c>
      <c r="D4371" t="s">
        <v>9790</v>
      </c>
      <c r="E4371" t="s">
        <v>32233</v>
      </c>
      <c r="F4371">
        <v>4</v>
      </c>
      <c r="G4371" t="s">
        <v>1</v>
      </c>
      <c r="H4371" t="s">
        <v>9791</v>
      </c>
      <c r="I4371" t="s">
        <v>30540</v>
      </c>
    </row>
    <row r="4372" spans="1:9">
      <c r="A4372" s="1">
        <v>0.79607365831699284</v>
      </c>
      <c r="B4372" s="1"/>
      <c r="C4372">
        <v>11</v>
      </c>
      <c r="D4372" t="s">
        <v>9788</v>
      </c>
      <c r="E4372" t="s">
        <v>32234</v>
      </c>
      <c r="F4372">
        <v>5</v>
      </c>
      <c r="G4372" t="s">
        <v>0</v>
      </c>
      <c r="H4372" t="s">
        <v>9789</v>
      </c>
      <c r="I4372" t="s">
        <v>30540</v>
      </c>
    </row>
    <row r="4373" spans="1:9">
      <c r="A4373" s="1">
        <v>0.96487199329763951</v>
      </c>
      <c r="B4373" s="1"/>
      <c r="C4373">
        <v>11</v>
      </c>
      <c r="D4373" t="s">
        <v>9782</v>
      </c>
      <c r="E4373" t="s">
        <v>32235</v>
      </c>
      <c r="F4373">
        <v>5</v>
      </c>
      <c r="G4373" t="s">
        <v>0</v>
      </c>
      <c r="H4373" t="s">
        <v>9783</v>
      </c>
      <c r="I4373" t="s">
        <v>30540</v>
      </c>
    </row>
    <row r="4374" spans="1:9">
      <c r="A4374" s="1">
        <v>0.5506165673645671</v>
      </c>
      <c r="B4374" s="1"/>
      <c r="C4374">
        <v>9</v>
      </c>
      <c r="D4374" t="s">
        <v>9780</v>
      </c>
      <c r="E4374" t="s">
        <v>32235</v>
      </c>
      <c r="F4374">
        <v>5</v>
      </c>
      <c r="G4374" t="s">
        <v>0</v>
      </c>
      <c r="H4374" t="s">
        <v>9781</v>
      </c>
      <c r="I4374" t="s">
        <v>30540</v>
      </c>
    </row>
    <row r="4375" spans="1:9">
      <c r="A4375" s="1">
        <v>0.36886903213989852</v>
      </c>
      <c r="B4375" s="1"/>
      <c r="C4375">
        <v>8</v>
      </c>
      <c r="D4375" t="s">
        <v>9778</v>
      </c>
      <c r="E4375" t="s">
        <v>32235</v>
      </c>
      <c r="F4375">
        <v>4</v>
      </c>
      <c r="G4375" t="s">
        <v>0</v>
      </c>
      <c r="H4375" t="s">
        <v>9779</v>
      </c>
      <c r="I4375" t="s">
        <v>30540</v>
      </c>
    </row>
    <row r="4376" spans="1:9">
      <c r="A4376" s="1">
        <v>0.14214997075052105</v>
      </c>
      <c r="B4376" s="1"/>
      <c r="C4376">
        <v>9</v>
      </c>
      <c r="D4376" t="s">
        <v>9772</v>
      </c>
      <c r="E4376" t="s">
        <v>32236</v>
      </c>
      <c r="F4376">
        <v>5</v>
      </c>
      <c r="G4376" t="s">
        <v>0</v>
      </c>
      <c r="H4376" t="s">
        <v>9773</v>
      </c>
      <c r="I4376" t="s">
        <v>30540</v>
      </c>
    </row>
    <row r="4377" spans="1:9">
      <c r="A4377" s="1">
        <v>0.99884956002812997</v>
      </c>
      <c r="B4377" s="1"/>
      <c r="C4377">
        <v>12</v>
      </c>
      <c r="D4377" t="s">
        <v>9776</v>
      </c>
      <c r="E4377" t="s">
        <v>32236</v>
      </c>
      <c r="F4377">
        <v>5</v>
      </c>
      <c r="G4377" t="s">
        <v>10</v>
      </c>
      <c r="H4377" t="s">
        <v>9777</v>
      </c>
      <c r="I4377" t="s">
        <v>30540</v>
      </c>
    </row>
    <row r="4378" spans="1:9">
      <c r="A4378" s="1">
        <v>0.52074089452810823</v>
      </c>
      <c r="B4378" s="1"/>
      <c r="C4378">
        <v>8</v>
      </c>
      <c r="D4378" t="s">
        <v>9770</v>
      </c>
      <c r="E4378" t="s">
        <v>32236</v>
      </c>
      <c r="F4378">
        <v>4</v>
      </c>
      <c r="G4378" t="s">
        <v>0</v>
      </c>
      <c r="H4378" t="s">
        <v>9771</v>
      </c>
      <c r="I4378" t="s">
        <v>30540</v>
      </c>
    </row>
    <row r="4379" spans="1:9">
      <c r="A4379" s="1">
        <v>0.46093384353676847</v>
      </c>
      <c r="B4379" s="1"/>
      <c r="C4379">
        <v>10</v>
      </c>
      <c r="D4379" t="s">
        <v>9774</v>
      </c>
      <c r="E4379" t="s">
        <v>32236</v>
      </c>
      <c r="F4379">
        <v>4</v>
      </c>
      <c r="G4379" t="s">
        <v>0</v>
      </c>
      <c r="H4379" t="s">
        <v>9775</v>
      </c>
      <c r="I4379" t="s">
        <v>30540</v>
      </c>
    </row>
    <row r="4380" spans="1:9">
      <c r="A4380" s="1">
        <v>0.64185196860176397</v>
      </c>
      <c r="B4380" s="1"/>
      <c r="C4380">
        <v>19</v>
      </c>
      <c r="D4380" t="s">
        <v>9768</v>
      </c>
      <c r="E4380" t="s">
        <v>32237</v>
      </c>
      <c r="F4380">
        <v>4</v>
      </c>
      <c r="G4380" t="s">
        <v>770</v>
      </c>
      <c r="H4380" t="s">
        <v>9769</v>
      </c>
      <c r="I4380" t="s">
        <v>30540</v>
      </c>
    </row>
    <row r="4381" spans="1:9">
      <c r="A4381" s="1">
        <v>0.40301454426246952</v>
      </c>
      <c r="B4381" s="1"/>
      <c r="C4381">
        <v>14</v>
      </c>
      <c r="D4381" t="s">
        <v>9766</v>
      </c>
      <c r="E4381" t="s">
        <v>32237</v>
      </c>
      <c r="F4381">
        <v>4</v>
      </c>
      <c r="G4381" t="s">
        <v>0</v>
      </c>
      <c r="H4381" t="s">
        <v>9767</v>
      </c>
      <c r="I4381" t="s">
        <v>30540</v>
      </c>
    </row>
    <row r="4382" spans="1:9">
      <c r="A4382" s="1">
        <v>0.82448087183477936</v>
      </c>
      <c r="B4382" s="1"/>
      <c r="C4382">
        <v>5</v>
      </c>
      <c r="D4382" t="s">
        <v>9764</v>
      </c>
      <c r="E4382" t="s">
        <v>32237</v>
      </c>
      <c r="F4382">
        <v>4</v>
      </c>
      <c r="G4382" t="s">
        <v>1</v>
      </c>
      <c r="H4382" t="s">
        <v>9765</v>
      </c>
      <c r="I4382" t="s">
        <v>30540</v>
      </c>
    </row>
    <row r="4383" spans="1:9">
      <c r="A4383" s="1">
        <v>0.93010489103658311</v>
      </c>
      <c r="B4383" s="1"/>
      <c r="C4383">
        <v>16</v>
      </c>
      <c r="D4383" t="s">
        <v>9762</v>
      </c>
      <c r="E4383" t="s">
        <v>32238</v>
      </c>
      <c r="F4383">
        <v>5</v>
      </c>
      <c r="G4383" t="s">
        <v>0</v>
      </c>
      <c r="H4383" t="s">
        <v>9763</v>
      </c>
      <c r="I4383" t="s">
        <v>30540</v>
      </c>
    </row>
    <row r="4384" spans="1:9">
      <c r="A4384" s="1">
        <v>0.37087996140032997</v>
      </c>
      <c r="B4384" s="1"/>
      <c r="C4384">
        <v>2</v>
      </c>
      <c r="D4384" t="s">
        <v>9748</v>
      </c>
      <c r="E4384" t="s">
        <v>32238</v>
      </c>
      <c r="F4384">
        <v>5</v>
      </c>
      <c r="G4384" t="s">
        <v>15</v>
      </c>
      <c r="H4384" t="s">
        <v>9749</v>
      </c>
      <c r="I4384" t="s">
        <v>30540</v>
      </c>
    </row>
    <row r="4385" spans="1:9">
      <c r="A4385" s="1">
        <v>0.36368695750431068</v>
      </c>
      <c r="B4385" s="1"/>
      <c r="C4385">
        <v>14</v>
      </c>
      <c r="D4385" t="s">
        <v>9760</v>
      </c>
      <c r="E4385" t="s">
        <v>32238</v>
      </c>
      <c r="F4385">
        <v>5</v>
      </c>
      <c r="G4385" t="s">
        <v>0</v>
      </c>
      <c r="H4385" t="s">
        <v>9761</v>
      </c>
      <c r="I4385" t="s">
        <v>30540</v>
      </c>
    </row>
    <row r="4386" spans="1:9">
      <c r="A4386" s="1">
        <v>0.12278922553814475</v>
      </c>
      <c r="B4386" s="1"/>
      <c r="C4386">
        <v>11</v>
      </c>
      <c r="D4386" t="s">
        <v>9756</v>
      </c>
      <c r="E4386" t="s">
        <v>32238</v>
      </c>
      <c r="F4386">
        <v>4</v>
      </c>
      <c r="G4386" t="s">
        <v>15</v>
      </c>
      <c r="H4386" t="s">
        <v>9757</v>
      </c>
      <c r="I4386" t="s">
        <v>30540</v>
      </c>
    </row>
    <row r="4387" spans="1:9">
      <c r="A4387" s="1">
        <v>0.54329565087649478</v>
      </c>
      <c r="B4387" s="1"/>
      <c r="C4387">
        <v>1</v>
      </c>
      <c r="D4387" t="s">
        <v>9746</v>
      </c>
      <c r="E4387" t="s">
        <v>32238</v>
      </c>
      <c r="F4387">
        <v>4</v>
      </c>
      <c r="G4387" t="s">
        <v>770</v>
      </c>
      <c r="H4387" t="s">
        <v>9747</v>
      </c>
      <c r="I4387" t="s">
        <v>30540</v>
      </c>
    </row>
    <row r="4388" spans="1:9">
      <c r="A4388" s="1">
        <v>0.67339938699583446</v>
      </c>
      <c r="B4388" s="1"/>
      <c r="C4388">
        <v>6</v>
      </c>
      <c r="D4388" t="s">
        <v>9752</v>
      </c>
      <c r="E4388" t="s">
        <v>32238</v>
      </c>
      <c r="F4388">
        <v>4</v>
      </c>
      <c r="G4388" t="s">
        <v>765</v>
      </c>
      <c r="H4388" t="s">
        <v>9753</v>
      </c>
      <c r="I4388" t="s">
        <v>30540</v>
      </c>
    </row>
    <row r="4389" spans="1:9">
      <c r="A4389" s="1">
        <v>0.34475460513232403</v>
      </c>
      <c r="B4389" s="1"/>
      <c r="C4389">
        <v>10</v>
      </c>
      <c r="D4389" t="s">
        <v>9754</v>
      </c>
      <c r="E4389" t="s">
        <v>32238</v>
      </c>
      <c r="F4389">
        <v>4</v>
      </c>
      <c r="G4389" t="s">
        <v>2</v>
      </c>
      <c r="H4389" t="s">
        <v>9755</v>
      </c>
      <c r="I4389" t="s">
        <v>30540</v>
      </c>
    </row>
    <row r="4390" spans="1:9">
      <c r="A4390" s="1">
        <v>0.28549261173390195</v>
      </c>
      <c r="B4390" s="1"/>
      <c r="C4390">
        <v>12</v>
      </c>
      <c r="D4390" t="s">
        <v>9758</v>
      </c>
      <c r="E4390" t="s">
        <v>32238</v>
      </c>
      <c r="F4390">
        <v>4</v>
      </c>
      <c r="G4390" t="s">
        <v>1</v>
      </c>
      <c r="H4390" t="s">
        <v>9759</v>
      </c>
      <c r="I4390" t="s">
        <v>30540</v>
      </c>
    </row>
    <row r="4391" spans="1:9">
      <c r="A4391" s="1">
        <v>0.39515998278166875</v>
      </c>
      <c r="B4391" s="1"/>
      <c r="C4391">
        <v>4</v>
      </c>
      <c r="D4391" t="s">
        <v>9750</v>
      </c>
      <c r="E4391" t="s">
        <v>32238</v>
      </c>
      <c r="F4391">
        <v>4</v>
      </c>
      <c r="G4391" t="s">
        <v>766</v>
      </c>
      <c r="H4391" t="s">
        <v>9751</v>
      </c>
      <c r="I4391" t="s">
        <v>30540</v>
      </c>
    </row>
    <row r="4392" spans="1:9">
      <c r="A4392" s="1">
        <v>0.16190838847523092</v>
      </c>
      <c r="B4392" s="1"/>
      <c r="C4392">
        <v>6</v>
      </c>
      <c r="D4392" t="s">
        <v>9740</v>
      </c>
      <c r="E4392" t="s">
        <v>32239</v>
      </c>
      <c r="F4392">
        <v>5</v>
      </c>
      <c r="G4392" t="s">
        <v>0</v>
      </c>
      <c r="H4392" t="s">
        <v>9741</v>
      </c>
      <c r="I4392" t="s">
        <v>30540</v>
      </c>
    </row>
    <row r="4393" spans="1:9">
      <c r="A4393" s="1">
        <v>0.10975498792019633</v>
      </c>
      <c r="B4393" s="1"/>
      <c r="C4393">
        <v>9</v>
      </c>
      <c r="D4393" t="s">
        <v>9744</v>
      </c>
      <c r="E4393" t="s">
        <v>32239</v>
      </c>
      <c r="F4393">
        <v>4</v>
      </c>
      <c r="G4393" t="s">
        <v>0</v>
      </c>
      <c r="H4393" t="s">
        <v>9745</v>
      </c>
      <c r="I4393" t="s">
        <v>30540</v>
      </c>
    </row>
    <row r="4394" spans="1:9">
      <c r="A4394" s="1">
        <v>0.42913984672979044</v>
      </c>
      <c r="B4394" s="1"/>
      <c r="C4394">
        <v>3</v>
      </c>
      <c r="D4394" t="s">
        <v>9736</v>
      </c>
      <c r="E4394" t="s">
        <v>32239</v>
      </c>
      <c r="F4394">
        <v>4</v>
      </c>
      <c r="G4394" t="s">
        <v>1</v>
      </c>
      <c r="H4394" t="s">
        <v>9737</v>
      </c>
      <c r="I4394" t="s">
        <v>30540</v>
      </c>
    </row>
    <row r="4395" spans="1:9">
      <c r="A4395" s="1">
        <v>0.62601764779110658</v>
      </c>
      <c r="B4395" s="1"/>
      <c r="C4395">
        <v>5</v>
      </c>
      <c r="D4395" t="s">
        <v>9738</v>
      </c>
      <c r="E4395" t="s">
        <v>32239</v>
      </c>
      <c r="F4395">
        <v>4</v>
      </c>
      <c r="G4395" t="s">
        <v>0</v>
      </c>
      <c r="H4395" t="s">
        <v>9739</v>
      </c>
      <c r="I4395" t="s">
        <v>30540</v>
      </c>
    </row>
    <row r="4396" spans="1:9">
      <c r="A4396" s="1">
        <v>0.533361595732604</v>
      </c>
      <c r="B4396" s="1"/>
      <c r="C4396">
        <v>1</v>
      </c>
      <c r="D4396" t="s">
        <v>9734</v>
      </c>
      <c r="E4396" t="s">
        <v>32239</v>
      </c>
      <c r="F4396">
        <v>4</v>
      </c>
      <c r="G4396" t="s">
        <v>14</v>
      </c>
      <c r="H4396" t="s">
        <v>9735</v>
      </c>
      <c r="I4396" t="s">
        <v>30540</v>
      </c>
    </row>
    <row r="4397" spans="1:9">
      <c r="A4397" s="1">
        <v>0.77357828811334373</v>
      </c>
      <c r="B4397" s="1"/>
      <c r="C4397">
        <v>7</v>
      </c>
      <c r="D4397" t="s">
        <v>9720</v>
      </c>
      <c r="E4397" t="s">
        <v>32240</v>
      </c>
      <c r="F4397">
        <v>5</v>
      </c>
      <c r="G4397" t="s">
        <v>2</v>
      </c>
      <c r="H4397" t="s">
        <v>9721</v>
      </c>
      <c r="I4397" t="s">
        <v>30540</v>
      </c>
    </row>
    <row r="4398" spans="1:9">
      <c r="A4398" s="1">
        <v>0.15854592957246005</v>
      </c>
      <c r="B4398" s="1"/>
      <c r="C4398">
        <v>12</v>
      </c>
      <c r="D4398" t="s">
        <v>9726</v>
      </c>
      <c r="E4398" t="s">
        <v>32240</v>
      </c>
      <c r="F4398">
        <v>4</v>
      </c>
      <c r="G4398" t="s">
        <v>2</v>
      </c>
      <c r="H4398" t="s">
        <v>9727</v>
      </c>
      <c r="I4398" t="s">
        <v>30540</v>
      </c>
    </row>
    <row r="4399" spans="1:9">
      <c r="A4399" s="1">
        <v>0.92460865797627345</v>
      </c>
      <c r="B4399" s="1"/>
      <c r="C4399">
        <v>11</v>
      </c>
      <c r="D4399" t="s">
        <v>9724</v>
      </c>
      <c r="E4399" t="s">
        <v>32240</v>
      </c>
      <c r="F4399">
        <v>4</v>
      </c>
      <c r="G4399" t="s">
        <v>2</v>
      </c>
      <c r="H4399" t="s">
        <v>9725</v>
      </c>
      <c r="I4399" t="s">
        <v>30540</v>
      </c>
    </row>
    <row r="4400" spans="1:9">
      <c r="A4400" s="1">
        <v>0.10364008983229023</v>
      </c>
      <c r="B4400" s="1"/>
      <c r="C4400">
        <v>9</v>
      </c>
      <c r="D4400" t="s">
        <v>9722</v>
      </c>
      <c r="E4400" t="s">
        <v>32240</v>
      </c>
      <c r="F4400">
        <v>4</v>
      </c>
      <c r="G4400" t="s">
        <v>9</v>
      </c>
      <c r="H4400" t="s">
        <v>9723</v>
      </c>
      <c r="I4400" t="s">
        <v>30540</v>
      </c>
    </row>
    <row r="4401" spans="1:9">
      <c r="A4401" s="1">
        <v>0.48344357175416963</v>
      </c>
      <c r="B4401" s="1"/>
      <c r="C4401">
        <v>4</v>
      </c>
      <c r="D4401" t="s">
        <v>9716</v>
      </c>
      <c r="E4401" t="s">
        <v>32240</v>
      </c>
      <c r="F4401">
        <v>4</v>
      </c>
      <c r="G4401" t="s">
        <v>0</v>
      </c>
      <c r="H4401" t="s">
        <v>9717</v>
      </c>
      <c r="I4401" t="s">
        <v>30540</v>
      </c>
    </row>
    <row r="4402" spans="1:9">
      <c r="A4402" s="1">
        <v>0.81166842666198147</v>
      </c>
      <c r="B4402" s="1"/>
      <c r="C4402">
        <v>13</v>
      </c>
      <c r="D4402" t="s">
        <v>9728</v>
      </c>
      <c r="E4402" t="s">
        <v>32240</v>
      </c>
      <c r="F4402">
        <v>4</v>
      </c>
      <c r="G4402" t="s">
        <v>0</v>
      </c>
      <c r="H4402" t="s">
        <v>9729</v>
      </c>
      <c r="I4402" t="s">
        <v>30540</v>
      </c>
    </row>
    <row r="4403" spans="1:9">
      <c r="A4403" s="1">
        <v>0.91859252659593116</v>
      </c>
      <c r="B4403" s="1"/>
      <c r="C4403">
        <v>18</v>
      </c>
      <c r="D4403" t="s">
        <v>9732</v>
      </c>
      <c r="E4403" t="s">
        <v>32240</v>
      </c>
      <c r="F4403">
        <v>4</v>
      </c>
      <c r="G4403" t="s">
        <v>2</v>
      </c>
      <c r="H4403" t="s">
        <v>9733</v>
      </c>
      <c r="I4403" t="s">
        <v>30540</v>
      </c>
    </row>
    <row r="4404" spans="1:9">
      <c r="A4404" s="1">
        <v>0.94023442592292517</v>
      </c>
      <c r="B4404" s="1"/>
      <c r="C4404">
        <v>16</v>
      </c>
      <c r="D4404" t="s">
        <v>9730</v>
      </c>
      <c r="E4404" t="s">
        <v>32240</v>
      </c>
      <c r="F4404">
        <v>4</v>
      </c>
      <c r="G4404" t="s">
        <v>0</v>
      </c>
      <c r="H4404" t="s">
        <v>9731</v>
      </c>
      <c r="I4404" t="s">
        <v>30540</v>
      </c>
    </row>
    <row r="4405" spans="1:9">
      <c r="A4405" s="1">
        <v>0.6450874730721482</v>
      </c>
      <c r="B4405" s="1"/>
      <c r="C4405">
        <v>5</v>
      </c>
      <c r="D4405" t="s">
        <v>9718</v>
      </c>
      <c r="E4405" t="s">
        <v>32240</v>
      </c>
      <c r="F4405">
        <v>3</v>
      </c>
      <c r="G4405" t="s">
        <v>13</v>
      </c>
      <c r="H4405" t="s">
        <v>9719</v>
      </c>
      <c r="I4405" t="s">
        <v>30540</v>
      </c>
    </row>
    <row r="4406" spans="1:9">
      <c r="A4406" s="1">
        <v>0.7238182903658158</v>
      </c>
      <c r="B4406" s="1"/>
      <c r="C4406">
        <v>2</v>
      </c>
      <c r="D4406" t="s">
        <v>9706</v>
      </c>
      <c r="E4406" t="s">
        <v>32241</v>
      </c>
      <c r="F4406">
        <v>5</v>
      </c>
      <c r="G4406" t="s">
        <v>0</v>
      </c>
      <c r="H4406" t="s">
        <v>9707</v>
      </c>
      <c r="I4406" t="s">
        <v>30540</v>
      </c>
    </row>
    <row r="4407" spans="1:9">
      <c r="A4407" s="1">
        <v>0.19004578088398982</v>
      </c>
      <c r="B4407" s="1"/>
      <c r="C4407">
        <v>6</v>
      </c>
      <c r="D4407" t="s">
        <v>9710</v>
      </c>
      <c r="E4407" t="s">
        <v>32241</v>
      </c>
      <c r="F4407">
        <v>5</v>
      </c>
      <c r="G4407" t="s">
        <v>15</v>
      </c>
      <c r="H4407" t="s">
        <v>9711</v>
      </c>
      <c r="I4407" t="s">
        <v>30540</v>
      </c>
    </row>
    <row r="4408" spans="1:9">
      <c r="A4408" s="1">
        <v>0.93986516288934407</v>
      </c>
      <c r="B4408" s="1"/>
      <c r="C4408">
        <v>8</v>
      </c>
      <c r="D4408" t="s">
        <v>9714</v>
      </c>
      <c r="E4408" t="s">
        <v>32241</v>
      </c>
      <c r="F4408">
        <v>3</v>
      </c>
      <c r="G4408" t="s">
        <v>0</v>
      </c>
      <c r="H4408" t="s">
        <v>9715</v>
      </c>
      <c r="I4408" t="s">
        <v>30540</v>
      </c>
    </row>
    <row r="4409" spans="1:9">
      <c r="A4409" s="1">
        <v>0.26601679566521341</v>
      </c>
      <c r="B4409" s="1"/>
      <c r="C4409">
        <v>20</v>
      </c>
      <c r="D4409" t="s">
        <v>9704</v>
      </c>
      <c r="E4409" t="s">
        <v>32242</v>
      </c>
      <c r="F4409">
        <v>5</v>
      </c>
      <c r="G4409" t="s">
        <v>0</v>
      </c>
      <c r="H4409" t="s">
        <v>9705</v>
      </c>
      <c r="I4409" t="s">
        <v>30540</v>
      </c>
    </row>
    <row r="4410" spans="1:9">
      <c r="A4410" s="1">
        <v>0.27151730424206499</v>
      </c>
      <c r="B4410" s="1"/>
      <c r="C4410">
        <v>18</v>
      </c>
      <c r="D4410" t="s">
        <v>9702</v>
      </c>
      <c r="E4410" t="s">
        <v>32242</v>
      </c>
      <c r="F4410">
        <v>4</v>
      </c>
      <c r="G4410" t="s">
        <v>0</v>
      </c>
      <c r="H4410" t="s">
        <v>9703</v>
      </c>
      <c r="I4410" t="s">
        <v>30540</v>
      </c>
    </row>
    <row r="4411" spans="1:9">
      <c r="A4411" s="1">
        <v>0.27689005898367214</v>
      </c>
      <c r="B4411" s="1"/>
      <c r="C4411">
        <v>11</v>
      </c>
      <c r="D4411" t="s">
        <v>9698</v>
      </c>
      <c r="E4411" t="s">
        <v>32243</v>
      </c>
      <c r="F4411">
        <v>5</v>
      </c>
      <c r="G4411" t="s">
        <v>13</v>
      </c>
      <c r="H4411" t="s">
        <v>9699</v>
      </c>
      <c r="I4411" t="s">
        <v>30540</v>
      </c>
    </row>
    <row r="4412" spans="1:9">
      <c r="A4412" s="1">
        <v>0.37934481872560255</v>
      </c>
      <c r="B4412" s="1"/>
      <c r="C4412">
        <v>12</v>
      </c>
      <c r="D4412" t="s">
        <v>9700</v>
      </c>
      <c r="E4412" t="s">
        <v>32243</v>
      </c>
      <c r="F4412">
        <v>4</v>
      </c>
      <c r="G4412" t="s">
        <v>0</v>
      </c>
      <c r="H4412" t="s">
        <v>9701</v>
      </c>
      <c r="I4412" t="s">
        <v>30540</v>
      </c>
    </row>
    <row r="4413" spans="1:9">
      <c r="A4413" s="1">
        <v>0.47964904017548582</v>
      </c>
      <c r="B4413" s="1"/>
      <c r="C4413">
        <v>10</v>
      </c>
      <c r="D4413" t="s">
        <v>9694</v>
      </c>
      <c r="E4413" t="s">
        <v>32244</v>
      </c>
      <c r="F4413">
        <v>4</v>
      </c>
      <c r="G4413" t="s">
        <v>0</v>
      </c>
      <c r="H4413" t="s">
        <v>9695</v>
      </c>
      <c r="I4413" t="s">
        <v>30540</v>
      </c>
    </row>
    <row r="4414" spans="1:9">
      <c r="A4414" s="1">
        <v>0.16656020943837635</v>
      </c>
      <c r="B4414" s="1"/>
      <c r="C4414">
        <v>3</v>
      </c>
      <c r="D4414" t="s">
        <v>9692</v>
      </c>
      <c r="E4414" t="s">
        <v>32244</v>
      </c>
      <c r="F4414">
        <v>4</v>
      </c>
      <c r="G4414" t="s">
        <v>0</v>
      </c>
      <c r="H4414" t="s">
        <v>9693</v>
      </c>
      <c r="I4414" t="s">
        <v>30540</v>
      </c>
    </row>
    <row r="4415" spans="1:9">
      <c r="A4415" s="1">
        <v>0.8758546179503901</v>
      </c>
      <c r="B4415" s="1"/>
      <c r="C4415">
        <v>16</v>
      </c>
      <c r="D4415" t="s">
        <v>9690</v>
      </c>
      <c r="E4415" t="s">
        <v>32245</v>
      </c>
      <c r="F4415">
        <v>5</v>
      </c>
      <c r="G4415" t="s">
        <v>0</v>
      </c>
      <c r="H4415" t="s">
        <v>9691</v>
      </c>
      <c r="I4415" t="s">
        <v>30540</v>
      </c>
    </row>
    <row r="4416" spans="1:9">
      <c r="A4416" s="1">
        <v>0.6196632801198414</v>
      </c>
      <c r="B4416" s="1"/>
      <c r="C4416">
        <v>10</v>
      </c>
      <c r="D4416" t="s">
        <v>9686</v>
      </c>
      <c r="E4416" t="s">
        <v>32245</v>
      </c>
      <c r="F4416">
        <v>4</v>
      </c>
      <c r="G4416" t="s">
        <v>2</v>
      </c>
      <c r="H4416" t="s">
        <v>9687</v>
      </c>
      <c r="I4416" t="s">
        <v>30540</v>
      </c>
    </row>
    <row r="4417" spans="1:9">
      <c r="A4417" s="1">
        <v>0.72128684927727416</v>
      </c>
      <c r="B4417" s="1"/>
      <c r="C4417">
        <v>8</v>
      </c>
      <c r="D4417" t="s">
        <v>9684</v>
      </c>
      <c r="E4417" t="s">
        <v>32245</v>
      </c>
      <c r="F4417">
        <v>4</v>
      </c>
      <c r="G4417" t="s">
        <v>9</v>
      </c>
      <c r="H4417" t="s">
        <v>9685</v>
      </c>
      <c r="I4417" t="s">
        <v>30540</v>
      </c>
    </row>
    <row r="4418" spans="1:9">
      <c r="A4418" s="1">
        <v>0.24175815345036533</v>
      </c>
      <c r="B4418" s="1"/>
      <c r="C4418">
        <v>2</v>
      </c>
      <c r="D4418" t="s">
        <v>9680</v>
      </c>
      <c r="E4418" t="s">
        <v>32245</v>
      </c>
      <c r="F4418">
        <v>3</v>
      </c>
      <c r="G4418" t="s">
        <v>774</v>
      </c>
      <c r="H4418" t="s">
        <v>9681</v>
      </c>
      <c r="I4418" t="s">
        <v>30540</v>
      </c>
    </row>
    <row r="4419" spans="1:9">
      <c r="A4419" s="1">
        <v>0.28063158357322204</v>
      </c>
      <c r="B4419" s="1"/>
      <c r="C4419">
        <v>7</v>
      </c>
      <c r="D4419" t="s">
        <v>9672</v>
      </c>
      <c r="E4419" t="s">
        <v>32246</v>
      </c>
      <c r="F4419">
        <v>5</v>
      </c>
      <c r="G4419" t="s">
        <v>0</v>
      </c>
      <c r="H4419" t="s">
        <v>9673</v>
      </c>
      <c r="I4419" t="s">
        <v>30540</v>
      </c>
    </row>
    <row r="4420" spans="1:9">
      <c r="A4420" s="1">
        <v>0.33081905676646284</v>
      </c>
      <c r="B4420" s="1"/>
      <c r="C4420">
        <v>12</v>
      </c>
      <c r="D4420" t="s">
        <v>9674</v>
      </c>
      <c r="E4420" t="s">
        <v>32246</v>
      </c>
      <c r="F4420">
        <v>4</v>
      </c>
      <c r="G4420" t="s">
        <v>0</v>
      </c>
      <c r="H4420" t="s">
        <v>9675</v>
      </c>
      <c r="I4420" t="s">
        <v>30540</v>
      </c>
    </row>
    <row r="4421" spans="1:9">
      <c r="A4421" s="1">
        <v>0.28533336645626051</v>
      </c>
      <c r="B4421" s="1"/>
      <c r="C4421">
        <v>14</v>
      </c>
      <c r="D4421" t="s">
        <v>9678</v>
      </c>
      <c r="E4421" t="s">
        <v>32246</v>
      </c>
      <c r="F4421">
        <v>4</v>
      </c>
      <c r="G4421" t="s">
        <v>0</v>
      </c>
      <c r="H4421" t="s">
        <v>9679</v>
      </c>
      <c r="I4421" t="s">
        <v>30540</v>
      </c>
    </row>
    <row r="4422" spans="1:9">
      <c r="A4422" s="1">
        <v>0.13001958903727651</v>
      </c>
      <c r="B4422" s="1"/>
      <c r="C4422">
        <v>2</v>
      </c>
      <c r="D4422" t="s">
        <v>9670</v>
      </c>
      <c r="E4422" t="s">
        <v>32246</v>
      </c>
      <c r="F4422">
        <v>4</v>
      </c>
      <c r="G4422" t="s">
        <v>2</v>
      </c>
      <c r="H4422" t="s">
        <v>9671</v>
      </c>
      <c r="I4422" t="s">
        <v>30540</v>
      </c>
    </row>
    <row r="4423" spans="1:9">
      <c r="A4423" s="1">
        <v>0.51399038830503962</v>
      </c>
      <c r="B4423" s="1"/>
      <c r="C4423">
        <v>13</v>
      </c>
      <c r="D4423" t="s">
        <v>9676</v>
      </c>
      <c r="E4423" t="s">
        <v>32246</v>
      </c>
      <c r="F4423">
        <v>4</v>
      </c>
      <c r="G4423" t="s">
        <v>0</v>
      </c>
      <c r="H4423" t="s">
        <v>9677</v>
      </c>
      <c r="I4423" t="s">
        <v>30540</v>
      </c>
    </row>
    <row r="4424" spans="1:9">
      <c r="A4424" s="1">
        <v>5.3831807736705595E-2</v>
      </c>
      <c r="B4424" s="1"/>
      <c r="C4424">
        <v>13</v>
      </c>
      <c r="D4424" t="s">
        <v>9668</v>
      </c>
      <c r="E4424" t="s">
        <v>32247</v>
      </c>
      <c r="F4424">
        <v>4</v>
      </c>
      <c r="G4424" t="s">
        <v>0</v>
      </c>
      <c r="H4424" t="s">
        <v>9669</v>
      </c>
      <c r="I4424" t="s">
        <v>30540</v>
      </c>
    </row>
    <row r="4425" spans="1:9">
      <c r="A4425" s="1">
        <v>0.86575657232801517</v>
      </c>
      <c r="B4425" s="1"/>
      <c r="C4425">
        <v>6</v>
      </c>
      <c r="D4425" t="s">
        <v>9662</v>
      </c>
      <c r="E4425" t="s">
        <v>32248</v>
      </c>
      <c r="F4425">
        <v>5</v>
      </c>
      <c r="G4425" t="s">
        <v>0</v>
      </c>
      <c r="H4425" t="s">
        <v>9663</v>
      </c>
      <c r="I4425" t="s">
        <v>30540</v>
      </c>
    </row>
    <row r="4426" spans="1:9">
      <c r="A4426" s="1">
        <v>0.28558455674873184</v>
      </c>
      <c r="B4426" s="1"/>
      <c r="C4426">
        <v>10</v>
      </c>
      <c r="D4426" t="s">
        <v>9652</v>
      </c>
      <c r="E4426" t="s">
        <v>32249</v>
      </c>
      <c r="F4426">
        <v>5</v>
      </c>
      <c r="G4426" t="s">
        <v>2</v>
      </c>
      <c r="H4426" t="s">
        <v>9653</v>
      </c>
      <c r="I4426" t="s">
        <v>30540</v>
      </c>
    </row>
    <row r="4427" spans="1:9">
      <c r="A4427" s="1">
        <v>0.91341897205598266</v>
      </c>
      <c r="B4427" s="1"/>
      <c r="C4427">
        <v>14</v>
      </c>
      <c r="D4427" t="s">
        <v>9658</v>
      </c>
      <c r="E4427" t="s">
        <v>32249</v>
      </c>
      <c r="F4427">
        <v>4</v>
      </c>
      <c r="G4427" t="s">
        <v>2</v>
      </c>
      <c r="H4427" t="s">
        <v>9659</v>
      </c>
      <c r="I4427" t="s">
        <v>30540</v>
      </c>
    </row>
    <row r="4428" spans="1:9">
      <c r="A4428" s="1">
        <v>0.85839133619793029</v>
      </c>
      <c r="B4428" s="1"/>
      <c r="C4428">
        <v>13</v>
      </c>
      <c r="D4428" t="s">
        <v>9656</v>
      </c>
      <c r="E4428" t="s">
        <v>32249</v>
      </c>
      <c r="F4428">
        <v>4</v>
      </c>
      <c r="G4428" t="s">
        <v>2</v>
      </c>
      <c r="H4428" t="s">
        <v>9657</v>
      </c>
      <c r="I4428" t="s">
        <v>30540</v>
      </c>
    </row>
    <row r="4429" spans="1:9">
      <c r="A4429" s="1">
        <v>0.90609943761043854</v>
      </c>
      <c r="B4429" s="1"/>
      <c r="C4429">
        <v>9</v>
      </c>
      <c r="D4429" t="s">
        <v>9650</v>
      </c>
      <c r="E4429" t="s">
        <v>32249</v>
      </c>
      <c r="F4429">
        <v>4</v>
      </c>
      <c r="G4429" t="s">
        <v>0</v>
      </c>
      <c r="H4429" t="s">
        <v>9651</v>
      </c>
      <c r="I4429" t="s">
        <v>30540</v>
      </c>
    </row>
    <row r="4430" spans="1:9">
      <c r="A4430" s="1">
        <v>0.88601426314808818</v>
      </c>
      <c r="B4430" s="1"/>
      <c r="C4430">
        <v>12</v>
      </c>
      <c r="D4430" t="s">
        <v>9654</v>
      </c>
      <c r="E4430" t="s">
        <v>32249</v>
      </c>
      <c r="F4430">
        <v>4</v>
      </c>
      <c r="G4430" t="s">
        <v>2</v>
      </c>
      <c r="H4430" t="s">
        <v>9655</v>
      </c>
      <c r="I4430" t="s">
        <v>30540</v>
      </c>
    </row>
    <row r="4431" spans="1:9">
      <c r="A4431" s="1">
        <v>0.30311456446791163</v>
      </c>
      <c r="B4431" s="1"/>
      <c r="C4431">
        <v>17</v>
      </c>
      <c r="D4431" t="s">
        <v>9660</v>
      </c>
      <c r="E4431" t="s">
        <v>32249</v>
      </c>
      <c r="F4431">
        <v>4</v>
      </c>
      <c r="G4431" t="s">
        <v>0</v>
      </c>
      <c r="H4431" t="s">
        <v>9661</v>
      </c>
      <c r="I4431" t="s">
        <v>30540</v>
      </c>
    </row>
    <row r="4432" spans="1:9">
      <c r="A4432" s="1">
        <v>0.39845478162126413</v>
      </c>
      <c r="B4432" s="1"/>
      <c r="C4432">
        <v>11</v>
      </c>
      <c r="D4432" t="s">
        <v>9648</v>
      </c>
      <c r="E4432" t="s">
        <v>32250</v>
      </c>
      <c r="F4432">
        <v>5</v>
      </c>
      <c r="G4432" t="s">
        <v>0</v>
      </c>
      <c r="H4432" t="s">
        <v>9649</v>
      </c>
      <c r="I4432" t="s">
        <v>30540</v>
      </c>
    </row>
    <row r="4433" spans="1:9">
      <c r="A4433" s="1">
        <v>0.62822313066140001</v>
      </c>
      <c r="B4433" s="1"/>
      <c r="C4433">
        <v>2</v>
      </c>
      <c r="D4433" t="s">
        <v>9644</v>
      </c>
      <c r="E4433" t="s">
        <v>32250</v>
      </c>
      <c r="F4433">
        <v>4</v>
      </c>
      <c r="G4433" t="s">
        <v>0</v>
      </c>
      <c r="H4433" t="s">
        <v>9645</v>
      </c>
      <c r="I4433" t="s">
        <v>30540</v>
      </c>
    </row>
    <row r="4434" spans="1:9">
      <c r="A4434" s="1">
        <v>0.26505258114085617</v>
      </c>
      <c r="B4434" s="1"/>
      <c r="C4434">
        <v>8</v>
      </c>
      <c r="D4434" t="s">
        <v>9646</v>
      </c>
      <c r="E4434" t="s">
        <v>32250</v>
      </c>
      <c r="F4434">
        <v>4</v>
      </c>
      <c r="G4434" t="s">
        <v>0</v>
      </c>
      <c r="H4434" t="s">
        <v>9647</v>
      </c>
      <c r="I4434" t="s">
        <v>30540</v>
      </c>
    </row>
    <row r="4435" spans="1:9">
      <c r="A4435" s="1">
        <v>6.9339922472617221E-2</v>
      </c>
      <c r="B4435" s="1"/>
      <c r="C4435">
        <v>16</v>
      </c>
      <c r="D4435" t="s">
        <v>9640</v>
      </c>
      <c r="E4435" t="s">
        <v>32251</v>
      </c>
      <c r="F4435">
        <v>5</v>
      </c>
      <c r="G4435" t="s">
        <v>0</v>
      </c>
      <c r="H4435" t="s">
        <v>9641</v>
      </c>
      <c r="I4435" t="s">
        <v>30540</v>
      </c>
    </row>
    <row r="4436" spans="1:9">
      <c r="A4436" s="1">
        <v>0.54905760808093762</v>
      </c>
      <c r="B4436" s="1"/>
      <c r="C4436">
        <v>13</v>
      </c>
      <c r="D4436" t="s">
        <v>9638</v>
      </c>
      <c r="E4436" t="s">
        <v>32251</v>
      </c>
      <c r="F4436">
        <v>5</v>
      </c>
      <c r="G4436" t="s">
        <v>774</v>
      </c>
      <c r="H4436" t="s">
        <v>9639</v>
      </c>
      <c r="I4436" t="s">
        <v>30540</v>
      </c>
    </row>
    <row r="4437" spans="1:9">
      <c r="A4437" s="1">
        <v>0.63296127342817265</v>
      </c>
      <c r="B4437" s="1"/>
      <c r="C4437">
        <v>5</v>
      </c>
      <c r="D4437" t="s">
        <v>9636</v>
      </c>
      <c r="E4437" t="s">
        <v>32251</v>
      </c>
      <c r="F4437">
        <v>4</v>
      </c>
      <c r="G4437" t="s">
        <v>769</v>
      </c>
      <c r="H4437" t="s">
        <v>9637</v>
      </c>
      <c r="I4437" t="s">
        <v>30540</v>
      </c>
    </row>
    <row r="4438" spans="1:9">
      <c r="A4438" s="1">
        <v>0.87217809453846451</v>
      </c>
      <c r="B4438" s="1"/>
      <c r="C4438">
        <v>1</v>
      </c>
      <c r="D4438" t="s">
        <v>9634</v>
      </c>
      <c r="E4438" t="s">
        <v>32251</v>
      </c>
      <c r="F4438">
        <v>4</v>
      </c>
      <c r="G4438" t="s">
        <v>1295</v>
      </c>
      <c r="H4438" t="s">
        <v>9635</v>
      </c>
      <c r="I4438" t="s">
        <v>30540</v>
      </c>
    </row>
    <row r="4439" spans="1:9">
      <c r="A4439" s="1">
        <v>0.94835805924606764</v>
      </c>
      <c r="B4439" s="1"/>
      <c r="C4439">
        <v>18</v>
      </c>
      <c r="D4439" t="s">
        <v>9642</v>
      </c>
      <c r="E4439" t="s">
        <v>32251</v>
      </c>
      <c r="F4439">
        <v>4</v>
      </c>
      <c r="G4439" t="s">
        <v>0</v>
      </c>
      <c r="H4439" t="s">
        <v>9643</v>
      </c>
      <c r="I4439" t="s">
        <v>30540</v>
      </c>
    </row>
    <row r="4440" spans="1:9">
      <c r="A4440" s="1">
        <v>0.44255508118093578</v>
      </c>
      <c r="B4440" s="1"/>
      <c r="C4440">
        <v>2</v>
      </c>
      <c r="D4440" t="s">
        <v>9626</v>
      </c>
      <c r="E4440" t="s">
        <v>32252</v>
      </c>
      <c r="F4440">
        <v>5</v>
      </c>
      <c r="G4440" t="s">
        <v>0</v>
      </c>
      <c r="H4440" t="s">
        <v>9627</v>
      </c>
      <c r="I4440" t="s">
        <v>30540</v>
      </c>
    </row>
    <row r="4441" spans="1:9">
      <c r="A4441" s="1">
        <v>0.40214917441129827</v>
      </c>
      <c r="B4441" s="1"/>
      <c r="C4441">
        <v>8</v>
      </c>
      <c r="D4441" t="s">
        <v>9624</v>
      </c>
      <c r="E4441" t="s">
        <v>32253</v>
      </c>
      <c r="F4441">
        <v>5</v>
      </c>
      <c r="G4441" t="s">
        <v>15</v>
      </c>
      <c r="H4441" t="s">
        <v>9625</v>
      </c>
      <c r="I4441" t="s">
        <v>30540</v>
      </c>
    </row>
    <row r="4442" spans="1:9">
      <c r="A4442" s="1">
        <v>0.96649026274745009</v>
      </c>
      <c r="B4442" s="1"/>
      <c r="C4442">
        <v>4</v>
      </c>
      <c r="D4442" t="s">
        <v>9620</v>
      </c>
      <c r="E4442" t="s">
        <v>32253</v>
      </c>
      <c r="F4442">
        <v>4</v>
      </c>
      <c r="G4442" t="s">
        <v>0</v>
      </c>
      <c r="H4442" t="s">
        <v>9621</v>
      </c>
      <c r="I4442" t="s">
        <v>30540</v>
      </c>
    </row>
    <row r="4443" spans="1:9">
      <c r="A4443" s="1">
        <v>0.84976740691574637</v>
      </c>
      <c r="B4443" s="1"/>
      <c r="C4443">
        <v>7</v>
      </c>
      <c r="D4443" t="s">
        <v>9622</v>
      </c>
      <c r="E4443" t="s">
        <v>32253</v>
      </c>
      <c r="F4443">
        <v>3</v>
      </c>
      <c r="G4443" t="s">
        <v>0</v>
      </c>
      <c r="H4443" t="s">
        <v>9623</v>
      </c>
      <c r="I4443" t="s">
        <v>30540</v>
      </c>
    </row>
    <row r="4444" spans="1:9">
      <c r="A4444" s="1">
        <v>0.29408504516103218</v>
      </c>
      <c r="B4444" s="1"/>
      <c r="C4444">
        <v>14</v>
      </c>
      <c r="D4444" t="s">
        <v>9616</v>
      </c>
      <c r="E4444" t="s">
        <v>32254</v>
      </c>
      <c r="F4444">
        <v>5</v>
      </c>
      <c r="G4444" t="s">
        <v>15</v>
      </c>
      <c r="H4444" t="s">
        <v>9617</v>
      </c>
      <c r="I4444" t="s">
        <v>30540</v>
      </c>
    </row>
    <row r="4445" spans="1:9">
      <c r="A4445" s="1">
        <v>0.43671403992908864</v>
      </c>
      <c r="B4445" s="1"/>
      <c r="C4445">
        <v>8</v>
      </c>
      <c r="D4445" t="s">
        <v>9612</v>
      </c>
      <c r="E4445" t="s">
        <v>32254</v>
      </c>
      <c r="F4445">
        <v>5</v>
      </c>
      <c r="G4445" t="s">
        <v>0</v>
      </c>
      <c r="H4445" t="s">
        <v>9613</v>
      </c>
      <c r="I4445" t="s">
        <v>30540</v>
      </c>
    </row>
    <row r="4446" spans="1:9">
      <c r="A4446" s="1">
        <v>0.74117138199460886</v>
      </c>
      <c r="B4446" s="1"/>
      <c r="C4446">
        <v>16</v>
      </c>
      <c r="D4446" t="s">
        <v>9618</v>
      </c>
      <c r="E4446" t="s">
        <v>32254</v>
      </c>
      <c r="F4446">
        <v>5</v>
      </c>
      <c r="G4446" t="s">
        <v>0</v>
      </c>
      <c r="H4446" t="s">
        <v>9619</v>
      </c>
      <c r="I4446" t="s">
        <v>30540</v>
      </c>
    </row>
    <row r="4447" spans="1:9">
      <c r="A4447" s="1">
        <v>0.78462764024464782</v>
      </c>
      <c r="B4447" s="1"/>
      <c r="C4447">
        <v>10</v>
      </c>
      <c r="D4447" t="s">
        <v>9614</v>
      </c>
      <c r="E4447" t="s">
        <v>32254</v>
      </c>
      <c r="F4447">
        <v>4</v>
      </c>
      <c r="G4447" t="s">
        <v>0</v>
      </c>
      <c r="H4447" t="s">
        <v>9615</v>
      </c>
      <c r="I4447" t="s">
        <v>30540</v>
      </c>
    </row>
    <row r="4448" spans="1:9">
      <c r="A4448" s="1">
        <v>0.48893017508189018</v>
      </c>
      <c r="B4448" s="1"/>
      <c r="C4448">
        <v>2</v>
      </c>
      <c r="D4448" t="s">
        <v>9610</v>
      </c>
      <c r="E4448" t="s">
        <v>32254</v>
      </c>
      <c r="F4448">
        <v>3</v>
      </c>
      <c r="G4448" t="s">
        <v>0</v>
      </c>
      <c r="H4448" t="s">
        <v>9611</v>
      </c>
      <c r="I4448" t="s">
        <v>30540</v>
      </c>
    </row>
    <row r="4449" spans="1:9">
      <c r="A4449" s="1">
        <v>0.51114630913470338</v>
      </c>
      <c r="B4449" s="1"/>
      <c r="C4449">
        <v>5</v>
      </c>
      <c r="D4449" t="s">
        <v>9608</v>
      </c>
      <c r="E4449" t="s">
        <v>32255</v>
      </c>
      <c r="F4449">
        <v>4</v>
      </c>
      <c r="G4449" t="s">
        <v>0</v>
      </c>
      <c r="H4449" t="s">
        <v>9609</v>
      </c>
      <c r="I4449" t="s">
        <v>30540</v>
      </c>
    </row>
    <row r="4450" spans="1:9">
      <c r="A4450" s="1">
        <v>0.99851858682704386</v>
      </c>
      <c r="B4450" s="1"/>
      <c r="C4450">
        <v>11</v>
      </c>
      <c r="D4450" t="s">
        <v>9602</v>
      </c>
      <c r="E4450" t="s">
        <v>32256</v>
      </c>
      <c r="F4450">
        <v>4</v>
      </c>
      <c r="G4450" t="s">
        <v>0</v>
      </c>
      <c r="H4450" t="s">
        <v>9603</v>
      </c>
      <c r="I4450" t="s">
        <v>30540</v>
      </c>
    </row>
    <row r="4451" spans="1:9">
      <c r="A4451" s="1">
        <v>0.1318022996618442</v>
      </c>
      <c r="B4451" s="1"/>
      <c r="C4451">
        <v>8</v>
      </c>
      <c r="D4451" t="s">
        <v>9600</v>
      </c>
      <c r="E4451" t="s">
        <v>32256</v>
      </c>
      <c r="F4451">
        <v>4</v>
      </c>
      <c r="G4451" t="s">
        <v>0</v>
      </c>
      <c r="H4451" t="s">
        <v>9601</v>
      </c>
      <c r="I4451" t="s">
        <v>30540</v>
      </c>
    </row>
    <row r="4452" spans="1:9">
      <c r="A4452" s="1">
        <v>0.46036971012711458</v>
      </c>
      <c r="B4452" s="1"/>
      <c r="C4452">
        <v>1</v>
      </c>
      <c r="D4452" t="s">
        <v>9598</v>
      </c>
      <c r="E4452" t="s">
        <v>32256</v>
      </c>
      <c r="F4452">
        <v>4</v>
      </c>
      <c r="G4452" t="s">
        <v>1295</v>
      </c>
      <c r="H4452" t="s">
        <v>9599</v>
      </c>
      <c r="I4452" t="s">
        <v>30540</v>
      </c>
    </row>
    <row r="4453" spans="1:9">
      <c r="A4453" s="1">
        <v>0.8182002300874458</v>
      </c>
      <c r="B4453" s="1"/>
      <c r="C4453">
        <v>19</v>
      </c>
      <c r="D4453" t="s">
        <v>9604</v>
      </c>
      <c r="E4453" t="s">
        <v>32256</v>
      </c>
      <c r="F4453">
        <v>4</v>
      </c>
      <c r="G4453" t="s">
        <v>0</v>
      </c>
      <c r="H4453" t="s">
        <v>9605</v>
      </c>
      <c r="I4453" t="s">
        <v>30540</v>
      </c>
    </row>
    <row r="4454" spans="1:9">
      <c r="A4454" s="1">
        <v>0.67475331265578353</v>
      </c>
      <c r="B4454" s="1"/>
      <c r="C4454">
        <v>7</v>
      </c>
      <c r="D4454" t="s">
        <v>9592</v>
      </c>
      <c r="E4454" t="s">
        <v>32257</v>
      </c>
      <c r="F4454">
        <v>4</v>
      </c>
      <c r="G4454" t="s">
        <v>0</v>
      </c>
      <c r="H4454" t="s">
        <v>9593</v>
      </c>
      <c r="I4454" t="s">
        <v>30540</v>
      </c>
    </row>
    <row r="4455" spans="1:9">
      <c r="A4455" s="1">
        <v>0.31512728259936151</v>
      </c>
      <c r="B4455" s="1"/>
      <c r="C4455">
        <v>10</v>
      </c>
      <c r="D4455" t="s">
        <v>9596</v>
      </c>
      <c r="E4455" t="s">
        <v>32257</v>
      </c>
      <c r="F4455">
        <v>4</v>
      </c>
      <c r="G4455" t="s">
        <v>0</v>
      </c>
      <c r="H4455" t="s">
        <v>9597</v>
      </c>
      <c r="I4455" t="s">
        <v>30540</v>
      </c>
    </row>
    <row r="4456" spans="1:9">
      <c r="A4456" s="1">
        <v>0.63473885063442859</v>
      </c>
      <c r="B4456" s="1"/>
      <c r="C4456">
        <v>9</v>
      </c>
      <c r="D4456" t="s">
        <v>9594</v>
      </c>
      <c r="E4456" t="s">
        <v>32257</v>
      </c>
      <c r="F4456">
        <v>4</v>
      </c>
      <c r="G4456" t="s">
        <v>0</v>
      </c>
      <c r="H4456" t="s">
        <v>9595</v>
      </c>
      <c r="I4456" t="s">
        <v>30540</v>
      </c>
    </row>
    <row r="4457" spans="1:9">
      <c r="A4457" s="1">
        <v>0.54415149639363047</v>
      </c>
      <c r="B4457" s="1"/>
      <c r="C4457">
        <v>9</v>
      </c>
      <c r="D4457" t="s">
        <v>9590</v>
      </c>
      <c r="E4457" t="s">
        <v>32258</v>
      </c>
      <c r="F4457">
        <v>4</v>
      </c>
      <c r="G4457" t="s">
        <v>0</v>
      </c>
      <c r="H4457" t="s">
        <v>9591</v>
      </c>
      <c r="I4457" t="s">
        <v>30540</v>
      </c>
    </row>
    <row r="4458" spans="1:9">
      <c r="A4458" s="1">
        <v>0.34789692023082264</v>
      </c>
      <c r="B4458" s="1"/>
      <c r="C4458">
        <v>5</v>
      </c>
      <c r="D4458" t="s">
        <v>9588</v>
      </c>
      <c r="E4458" t="s">
        <v>32258</v>
      </c>
      <c r="F4458">
        <v>3</v>
      </c>
      <c r="G4458" t="s">
        <v>1</v>
      </c>
      <c r="H4458" t="s">
        <v>9589</v>
      </c>
      <c r="I4458" t="s">
        <v>30540</v>
      </c>
    </row>
    <row r="4459" spans="1:9">
      <c r="A4459" s="1">
        <v>0.69618300062874561</v>
      </c>
      <c r="B4459" s="1"/>
      <c r="C4459">
        <v>3</v>
      </c>
      <c r="D4459" t="s">
        <v>9578</v>
      </c>
      <c r="E4459" t="s">
        <v>32259</v>
      </c>
      <c r="F4459">
        <v>5</v>
      </c>
      <c r="G4459" t="s">
        <v>9</v>
      </c>
      <c r="H4459" t="s">
        <v>9579</v>
      </c>
      <c r="I4459" t="s">
        <v>30540</v>
      </c>
    </row>
    <row r="4460" spans="1:9">
      <c r="A4460" s="1">
        <v>6.8287537057225456E-2</v>
      </c>
      <c r="B4460" s="1"/>
      <c r="C4460">
        <v>8</v>
      </c>
      <c r="D4460" t="s">
        <v>9582</v>
      </c>
      <c r="E4460" t="s">
        <v>32259</v>
      </c>
      <c r="F4460">
        <v>4</v>
      </c>
      <c r="G4460" t="s">
        <v>0</v>
      </c>
      <c r="H4460" t="s">
        <v>9583</v>
      </c>
      <c r="I4460" t="s">
        <v>30540</v>
      </c>
    </row>
    <row r="4461" spans="1:9">
      <c r="A4461" s="1">
        <v>0.35584220665087973</v>
      </c>
      <c r="B4461" s="1"/>
      <c r="C4461">
        <v>9</v>
      </c>
      <c r="D4461" t="s">
        <v>9584</v>
      </c>
      <c r="E4461" t="s">
        <v>32259</v>
      </c>
      <c r="F4461">
        <v>4</v>
      </c>
      <c r="G4461" t="s">
        <v>0</v>
      </c>
      <c r="H4461" t="s">
        <v>9585</v>
      </c>
      <c r="I4461" t="s">
        <v>30540</v>
      </c>
    </row>
    <row r="4462" spans="1:9">
      <c r="A4462" s="1">
        <v>6.6055714968994428E-3</v>
      </c>
      <c r="B4462" s="1"/>
      <c r="C4462">
        <v>4</v>
      </c>
      <c r="D4462" t="s">
        <v>9580</v>
      </c>
      <c r="E4462" t="s">
        <v>32259</v>
      </c>
      <c r="F4462">
        <v>4</v>
      </c>
      <c r="G4462" t="s">
        <v>0</v>
      </c>
      <c r="H4462" t="s">
        <v>9581</v>
      </c>
      <c r="I4462" t="s">
        <v>30540</v>
      </c>
    </row>
    <row r="4463" spans="1:9">
      <c r="A4463" s="1">
        <v>0.20007472006150273</v>
      </c>
      <c r="B4463" s="1"/>
      <c r="C4463">
        <v>12</v>
      </c>
      <c r="D4463" t="s">
        <v>9586</v>
      </c>
      <c r="E4463" t="s">
        <v>32259</v>
      </c>
      <c r="F4463">
        <v>4</v>
      </c>
      <c r="G4463" t="s">
        <v>15</v>
      </c>
      <c r="H4463" t="s">
        <v>9587</v>
      </c>
      <c r="I4463" t="s">
        <v>30540</v>
      </c>
    </row>
    <row r="4464" spans="1:9">
      <c r="A4464" s="1">
        <v>0.91377456355858433</v>
      </c>
      <c r="B4464" s="1"/>
      <c r="C4464">
        <v>3</v>
      </c>
      <c r="D4464" t="s">
        <v>9572</v>
      </c>
      <c r="E4464" t="s">
        <v>32260</v>
      </c>
      <c r="F4464">
        <v>5</v>
      </c>
      <c r="G4464" t="s">
        <v>0</v>
      </c>
      <c r="H4464" t="s">
        <v>9573</v>
      </c>
      <c r="I4464" t="s">
        <v>30540</v>
      </c>
    </row>
    <row r="4465" spans="1:9">
      <c r="A4465" s="1">
        <v>0.60598785082419038</v>
      </c>
      <c r="B4465" s="1"/>
      <c r="C4465">
        <v>7</v>
      </c>
      <c r="D4465" t="s">
        <v>9574</v>
      </c>
      <c r="E4465" t="s">
        <v>32260</v>
      </c>
      <c r="F4465">
        <v>4</v>
      </c>
      <c r="G4465" t="s">
        <v>0</v>
      </c>
      <c r="H4465" t="s">
        <v>9575</v>
      </c>
      <c r="I4465" t="s">
        <v>30540</v>
      </c>
    </row>
    <row r="4466" spans="1:9">
      <c r="A4466" s="1">
        <v>0.53126846649532855</v>
      </c>
      <c r="B4466" s="1"/>
      <c r="C4466">
        <v>9</v>
      </c>
      <c r="D4466" t="s">
        <v>9576</v>
      </c>
      <c r="E4466" t="s">
        <v>32260</v>
      </c>
      <c r="F4466">
        <v>3</v>
      </c>
      <c r="G4466" t="s">
        <v>0</v>
      </c>
      <c r="H4466" t="s">
        <v>9577</v>
      </c>
      <c r="I4466" t="s">
        <v>30540</v>
      </c>
    </row>
    <row r="4467" spans="1:9">
      <c r="A4467" s="1">
        <v>0.7185729819590474</v>
      </c>
      <c r="B4467" s="1"/>
      <c r="C4467">
        <v>1</v>
      </c>
      <c r="D4467" t="s">
        <v>9562</v>
      </c>
      <c r="E4467" t="s">
        <v>32261</v>
      </c>
      <c r="F4467">
        <v>5</v>
      </c>
      <c r="G4467" t="s">
        <v>14</v>
      </c>
      <c r="H4467" t="s">
        <v>9563</v>
      </c>
      <c r="I4467" t="s">
        <v>30540</v>
      </c>
    </row>
    <row r="4468" spans="1:9">
      <c r="A4468" s="1">
        <v>0.45303612534787685</v>
      </c>
      <c r="B4468" s="1"/>
      <c r="C4468">
        <v>7</v>
      </c>
      <c r="D4468" t="s">
        <v>9564</v>
      </c>
      <c r="E4468" t="s">
        <v>32261</v>
      </c>
      <c r="F4468">
        <v>4</v>
      </c>
      <c r="G4468" t="s">
        <v>0</v>
      </c>
      <c r="H4468" t="s">
        <v>9565</v>
      </c>
      <c r="I4468" t="s">
        <v>30540</v>
      </c>
    </row>
    <row r="4469" spans="1:9">
      <c r="A4469" s="1">
        <v>0.75729397989123004</v>
      </c>
      <c r="B4469" s="1"/>
      <c r="C4469">
        <v>9</v>
      </c>
      <c r="D4469" t="s">
        <v>9568</v>
      </c>
      <c r="E4469" t="s">
        <v>32261</v>
      </c>
      <c r="F4469">
        <v>4</v>
      </c>
      <c r="G4469" t="s">
        <v>0</v>
      </c>
      <c r="H4469" t="s">
        <v>9569</v>
      </c>
      <c r="I4469" t="s">
        <v>30540</v>
      </c>
    </row>
    <row r="4470" spans="1:9">
      <c r="A4470" s="1">
        <v>0.16241303893371783</v>
      </c>
      <c r="B4470" s="1"/>
      <c r="C4470">
        <v>10</v>
      </c>
      <c r="D4470" t="s">
        <v>9570</v>
      </c>
      <c r="E4470" t="s">
        <v>32261</v>
      </c>
      <c r="F4470">
        <v>4</v>
      </c>
      <c r="G4470" t="s">
        <v>0</v>
      </c>
      <c r="H4470" t="s">
        <v>9571</v>
      </c>
      <c r="I4470" t="s">
        <v>30540</v>
      </c>
    </row>
    <row r="4471" spans="1:9">
      <c r="A4471" s="1">
        <v>0.17822977100341952</v>
      </c>
      <c r="B4471" s="1"/>
      <c r="C4471">
        <v>8</v>
      </c>
      <c r="D4471" t="s">
        <v>9566</v>
      </c>
      <c r="E4471" t="s">
        <v>32261</v>
      </c>
      <c r="F4471">
        <v>3</v>
      </c>
      <c r="G4471" t="s">
        <v>0</v>
      </c>
      <c r="H4471" t="s">
        <v>9567</v>
      </c>
      <c r="I4471" t="s">
        <v>30540</v>
      </c>
    </row>
    <row r="4472" spans="1:9">
      <c r="A4472" s="1">
        <v>0.59087446168845914</v>
      </c>
      <c r="B4472" s="1"/>
      <c r="C4472">
        <v>4</v>
      </c>
      <c r="D4472" t="s">
        <v>9556</v>
      </c>
      <c r="E4472" t="s">
        <v>32262</v>
      </c>
      <c r="F4472">
        <v>4</v>
      </c>
      <c r="G4472" t="s">
        <v>0</v>
      </c>
      <c r="H4472" t="s">
        <v>9557</v>
      </c>
      <c r="I4472" t="s">
        <v>30540</v>
      </c>
    </row>
    <row r="4473" spans="1:9">
      <c r="A4473" s="1">
        <v>0.34825983984406539</v>
      </c>
      <c r="B4473" s="1"/>
      <c r="C4473">
        <v>5</v>
      </c>
      <c r="D4473" t="s">
        <v>9558</v>
      </c>
      <c r="E4473" t="s">
        <v>32262</v>
      </c>
      <c r="F4473">
        <v>4</v>
      </c>
      <c r="G4473" t="s">
        <v>0</v>
      </c>
      <c r="H4473" t="s">
        <v>9559</v>
      </c>
      <c r="I4473" t="s">
        <v>30540</v>
      </c>
    </row>
    <row r="4474" spans="1:9">
      <c r="A4474" s="1">
        <v>0.57560335988058342</v>
      </c>
      <c r="B4474" s="1"/>
      <c r="C4474">
        <v>3</v>
      </c>
      <c r="D4474" t="s">
        <v>9554</v>
      </c>
      <c r="E4474" t="s">
        <v>32262</v>
      </c>
      <c r="F4474">
        <v>4</v>
      </c>
      <c r="G4474" t="s">
        <v>0</v>
      </c>
      <c r="H4474" t="s">
        <v>9555</v>
      </c>
      <c r="I4474" t="s">
        <v>30540</v>
      </c>
    </row>
    <row r="4475" spans="1:9">
      <c r="A4475" s="1">
        <v>0.5051049468076495</v>
      </c>
      <c r="B4475" s="1"/>
      <c r="C4475">
        <v>2</v>
      </c>
      <c r="D4475" t="s">
        <v>9536</v>
      </c>
      <c r="E4475" t="s">
        <v>32263</v>
      </c>
      <c r="F4475">
        <v>5</v>
      </c>
      <c r="G4475" t="s">
        <v>0</v>
      </c>
      <c r="H4475" t="s">
        <v>9537</v>
      </c>
      <c r="I4475" t="s">
        <v>30540</v>
      </c>
    </row>
    <row r="4476" spans="1:9">
      <c r="A4476" s="1">
        <v>0.40752183960385346</v>
      </c>
      <c r="B4476" s="1"/>
      <c r="C4476">
        <v>6</v>
      </c>
      <c r="D4476" t="s">
        <v>9544</v>
      </c>
      <c r="E4476" t="s">
        <v>32263</v>
      </c>
      <c r="F4476">
        <v>4</v>
      </c>
      <c r="G4476" t="s">
        <v>0</v>
      </c>
      <c r="H4476" t="s">
        <v>9545</v>
      </c>
      <c r="I4476" t="s">
        <v>30540</v>
      </c>
    </row>
    <row r="4477" spans="1:9">
      <c r="A4477" s="1">
        <v>0.7770002882997995</v>
      </c>
      <c r="B4477" s="1"/>
      <c r="C4477">
        <v>10</v>
      </c>
      <c r="D4477" t="s">
        <v>9550</v>
      </c>
      <c r="E4477" t="s">
        <v>32263</v>
      </c>
      <c r="F4477">
        <v>4</v>
      </c>
      <c r="G4477" t="s">
        <v>0</v>
      </c>
      <c r="H4477" t="s">
        <v>9551</v>
      </c>
      <c r="I4477" t="s">
        <v>30540</v>
      </c>
    </row>
    <row r="4478" spans="1:9">
      <c r="A4478" s="1">
        <v>0.3324970235642587</v>
      </c>
      <c r="B4478" s="1"/>
      <c r="C4478">
        <v>8</v>
      </c>
      <c r="D4478" t="s">
        <v>9548</v>
      </c>
      <c r="E4478" t="s">
        <v>32263</v>
      </c>
      <c r="F4478">
        <v>4</v>
      </c>
      <c r="G4478" t="s">
        <v>0</v>
      </c>
      <c r="H4478" t="s">
        <v>9549</v>
      </c>
      <c r="I4478" t="s">
        <v>30540</v>
      </c>
    </row>
    <row r="4479" spans="1:9">
      <c r="A4479" s="1">
        <v>0.97679671027453308</v>
      </c>
      <c r="B4479" s="1"/>
      <c r="C4479">
        <v>4</v>
      </c>
      <c r="D4479" t="s">
        <v>9540</v>
      </c>
      <c r="E4479" t="s">
        <v>32263</v>
      </c>
      <c r="F4479">
        <v>4</v>
      </c>
      <c r="G4479" t="s">
        <v>0</v>
      </c>
      <c r="H4479" t="s">
        <v>9541</v>
      </c>
      <c r="I4479" t="s">
        <v>30540</v>
      </c>
    </row>
    <row r="4480" spans="1:9">
      <c r="A4480" s="1">
        <v>0.8426015904330717</v>
      </c>
      <c r="B4480" s="1"/>
      <c r="C4480">
        <v>7</v>
      </c>
      <c r="D4480" t="s">
        <v>9546</v>
      </c>
      <c r="E4480" t="s">
        <v>32263</v>
      </c>
      <c r="F4480">
        <v>4</v>
      </c>
      <c r="G4480" t="s">
        <v>0</v>
      </c>
      <c r="H4480" t="s">
        <v>9547</v>
      </c>
      <c r="I4480" t="s">
        <v>30540</v>
      </c>
    </row>
    <row r="4481" spans="1:9">
      <c r="A4481" s="1">
        <v>0.6942076851355482</v>
      </c>
      <c r="B4481" s="1"/>
      <c r="C4481">
        <v>3</v>
      </c>
      <c r="D4481" t="s">
        <v>9538</v>
      </c>
      <c r="E4481" t="s">
        <v>32263</v>
      </c>
      <c r="F4481">
        <v>3</v>
      </c>
      <c r="G4481" t="s">
        <v>0</v>
      </c>
      <c r="H4481" t="s">
        <v>9539</v>
      </c>
      <c r="I4481" t="s">
        <v>30540</v>
      </c>
    </row>
    <row r="4482" spans="1:9">
      <c r="A4482" s="1">
        <v>0.34032913212610894</v>
      </c>
      <c r="B4482" s="1"/>
      <c r="C4482">
        <v>7</v>
      </c>
      <c r="D4482" t="s">
        <v>9532</v>
      </c>
      <c r="E4482" t="s">
        <v>32264</v>
      </c>
      <c r="F4482">
        <v>4</v>
      </c>
      <c r="G4482" t="s">
        <v>0</v>
      </c>
      <c r="H4482" t="s">
        <v>9533</v>
      </c>
      <c r="I4482" t="s">
        <v>30540</v>
      </c>
    </row>
    <row r="4483" spans="1:9">
      <c r="A4483" s="1">
        <v>0.73009395055598014</v>
      </c>
      <c r="B4483" s="1"/>
      <c r="C4483">
        <v>3</v>
      </c>
      <c r="D4483" t="s">
        <v>9526</v>
      </c>
      <c r="E4483" t="s">
        <v>32264</v>
      </c>
      <c r="F4483">
        <v>4</v>
      </c>
      <c r="G4483" t="s">
        <v>0</v>
      </c>
      <c r="H4483" t="s">
        <v>9527</v>
      </c>
      <c r="I4483" t="s">
        <v>30540</v>
      </c>
    </row>
    <row r="4484" spans="1:9">
      <c r="A4484" s="1">
        <v>0.70618999564719964</v>
      </c>
      <c r="B4484" s="1"/>
      <c r="C4484">
        <v>8</v>
      </c>
      <c r="D4484" t="s">
        <v>9534</v>
      </c>
      <c r="E4484" t="s">
        <v>32264</v>
      </c>
      <c r="F4484">
        <v>4</v>
      </c>
      <c r="G4484" t="s">
        <v>0</v>
      </c>
      <c r="H4484" t="s">
        <v>9535</v>
      </c>
      <c r="I4484" t="s">
        <v>30540</v>
      </c>
    </row>
    <row r="4485" spans="1:9">
      <c r="A4485" s="1">
        <v>0.26855108162958197</v>
      </c>
      <c r="B4485" s="1"/>
      <c r="C4485">
        <v>6</v>
      </c>
      <c r="D4485" t="s">
        <v>9530</v>
      </c>
      <c r="E4485" t="s">
        <v>32264</v>
      </c>
      <c r="F4485">
        <v>4</v>
      </c>
      <c r="G4485" t="s">
        <v>0</v>
      </c>
      <c r="H4485" t="s">
        <v>9531</v>
      </c>
      <c r="I4485" t="s">
        <v>30540</v>
      </c>
    </row>
    <row r="4486" spans="1:9">
      <c r="A4486" s="1">
        <v>0.68916369558199042</v>
      </c>
      <c r="B4486" s="1"/>
      <c r="C4486">
        <v>2</v>
      </c>
      <c r="D4486" t="s">
        <v>9512</v>
      </c>
      <c r="E4486" t="s">
        <v>32265</v>
      </c>
      <c r="F4486">
        <v>5</v>
      </c>
      <c r="G4486" t="s">
        <v>0</v>
      </c>
      <c r="H4486" t="s">
        <v>9513</v>
      </c>
      <c r="I4486" t="s">
        <v>30540</v>
      </c>
    </row>
    <row r="4487" spans="1:9">
      <c r="A4487" s="1">
        <v>0.85253939923253397</v>
      </c>
      <c r="B4487" s="1"/>
      <c r="C4487">
        <v>7</v>
      </c>
      <c r="D4487" t="s">
        <v>9522</v>
      </c>
      <c r="E4487" t="s">
        <v>32265</v>
      </c>
      <c r="F4487">
        <v>4</v>
      </c>
      <c r="G4487" t="s">
        <v>0</v>
      </c>
      <c r="H4487" t="s">
        <v>9523</v>
      </c>
      <c r="I4487" t="s">
        <v>30540</v>
      </c>
    </row>
    <row r="4488" spans="1:9">
      <c r="A4488" s="1">
        <v>0.35110537297620215</v>
      </c>
      <c r="B4488" s="1"/>
      <c r="C4488">
        <v>3</v>
      </c>
      <c r="D4488" t="s">
        <v>9514</v>
      </c>
      <c r="E4488" t="s">
        <v>32265</v>
      </c>
      <c r="F4488">
        <v>4</v>
      </c>
      <c r="G4488" t="s">
        <v>0</v>
      </c>
      <c r="H4488" t="s">
        <v>9515</v>
      </c>
      <c r="I4488" t="s">
        <v>30540</v>
      </c>
    </row>
    <row r="4489" spans="1:9">
      <c r="A4489" s="1">
        <v>0.41208629906084404</v>
      </c>
      <c r="B4489" s="1"/>
      <c r="C4489">
        <v>4</v>
      </c>
      <c r="D4489" t="s">
        <v>9516</v>
      </c>
      <c r="E4489" t="s">
        <v>32265</v>
      </c>
      <c r="F4489">
        <v>4</v>
      </c>
      <c r="G4489" t="s">
        <v>0</v>
      </c>
      <c r="H4489" t="s">
        <v>9517</v>
      </c>
      <c r="I4489" t="s">
        <v>30540</v>
      </c>
    </row>
    <row r="4490" spans="1:9">
      <c r="A4490" s="1">
        <v>0.64049704098222626</v>
      </c>
      <c r="B4490" s="1"/>
      <c r="C4490">
        <v>6</v>
      </c>
      <c r="D4490" t="s">
        <v>9520</v>
      </c>
      <c r="E4490" t="s">
        <v>32265</v>
      </c>
      <c r="F4490">
        <v>4</v>
      </c>
      <c r="G4490" t="s">
        <v>0</v>
      </c>
      <c r="H4490" t="s">
        <v>9521</v>
      </c>
      <c r="I4490" t="s">
        <v>30540</v>
      </c>
    </row>
    <row r="4491" spans="1:9">
      <c r="A4491" s="1">
        <v>0.91097193635938312</v>
      </c>
      <c r="B4491" s="1"/>
      <c r="C4491">
        <v>5</v>
      </c>
      <c r="D4491" t="s">
        <v>9518</v>
      </c>
      <c r="E4491" t="s">
        <v>32265</v>
      </c>
      <c r="F4491">
        <v>4</v>
      </c>
      <c r="G4491" t="s">
        <v>0</v>
      </c>
      <c r="H4491" t="s">
        <v>9519</v>
      </c>
      <c r="I4491" t="s">
        <v>30540</v>
      </c>
    </row>
    <row r="4492" spans="1:9">
      <c r="A4492" s="1">
        <v>0.14395145769011886</v>
      </c>
      <c r="B4492" s="1"/>
      <c r="C4492">
        <v>9</v>
      </c>
      <c r="D4492" t="s">
        <v>9524</v>
      </c>
      <c r="E4492" t="s">
        <v>32265</v>
      </c>
      <c r="F4492">
        <v>4</v>
      </c>
      <c r="G4492" t="s">
        <v>0</v>
      </c>
      <c r="H4492" t="s">
        <v>9525</v>
      </c>
      <c r="I4492" t="s">
        <v>30540</v>
      </c>
    </row>
    <row r="4493" spans="1:9">
      <c r="A4493" s="1">
        <v>0.32470375923535744</v>
      </c>
      <c r="B4493" s="1"/>
      <c r="C4493">
        <v>13</v>
      </c>
      <c r="D4493" t="s">
        <v>9504</v>
      </c>
      <c r="E4493" t="s">
        <v>32266</v>
      </c>
      <c r="F4493">
        <v>4</v>
      </c>
      <c r="G4493" t="s">
        <v>766</v>
      </c>
      <c r="H4493" t="s">
        <v>9505</v>
      </c>
      <c r="I4493" t="s">
        <v>30540</v>
      </c>
    </row>
    <row r="4494" spans="1:9">
      <c r="A4494" s="1">
        <v>0.98553801229970817</v>
      </c>
      <c r="B4494" s="1"/>
      <c r="C4494">
        <v>16</v>
      </c>
      <c r="D4494" t="s">
        <v>9506</v>
      </c>
      <c r="E4494" t="s">
        <v>32266</v>
      </c>
      <c r="F4494">
        <v>4</v>
      </c>
      <c r="G4494" t="s">
        <v>0</v>
      </c>
      <c r="H4494" t="s">
        <v>9507</v>
      </c>
      <c r="I4494" t="s">
        <v>30540</v>
      </c>
    </row>
    <row r="4495" spans="1:9">
      <c r="A4495" s="1">
        <v>0.62675858637669535</v>
      </c>
      <c r="B4495" s="1"/>
      <c r="C4495">
        <v>3</v>
      </c>
      <c r="D4495" t="s">
        <v>9500</v>
      </c>
      <c r="E4495" t="s">
        <v>32266</v>
      </c>
      <c r="F4495">
        <v>4</v>
      </c>
      <c r="G4495" t="s">
        <v>1295</v>
      </c>
      <c r="H4495" t="s">
        <v>9501</v>
      </c>
      <c r="I4495" t="s">
        <v>30540</v>
      </c>
    </row>
    <row r="4496" spans="1:9">
      <c r="A4496" s="1">
        <v>0.57761555743678084</v>
      </c>
      <c r="B4496" s="1"/>
      <c r="C4496">
        <v>11</v>
      </c>
      <c r="D4496" t="s">
        <v>9502</v>
      </c>
      <c r="E4496" t="s">
        <v>32266</v>
      </c>
      <c r="F4496">
        <v>4</v>
      </c>
      <c r="G4496" t="s">
        <v>0</v>
      </c>
      <c r="H4496" t="s">
        <v>9503</v>
      </c>
      <c r="I4496" t="s">
        <v>30540</v>
      </c>
    </row>
    <row r="4497" spans="1:9">
      <c r="A4497" s="1">
        <v>0.87106694697100551</v>
      </c>
      <c r="B4497" s="1"/>
      <c r="C4497">
        <v>18</v>
      </c>
      <c r="D4497" t="s">
        <v>9508</v>
      </c>
      <c r="E4497" t="s">
        <v>32266</v>
      </c>
      <c r="F4497">
        <v>4</v>
      </c>
      <c r="G4497" t="s">
        <v>0</v>
      </c>
      <c r="H4497" t="s">
        <v>9509</v>
      </c>
      <c r="I4497" t="s">
        <v>30540</v>
      </c>
    </row>
    <row r="4498" spans="1:9">
      <c r="A4498" s="1">
        <v>0.15835733823336706</v>
      </c>
      <c r="B4498" s="1"/>
      <c r="C4498">
        <v>3</v>
      </c>
      <c r="D4498" t="s">
        <v>9496</v>
      </c>
      <c r="E4498" t="s">
        <v>32267</v>
      </c>
      <c r="F4498">
        <v>3</v>
      </c>
      <c r="G4498" t="s">
        <v>0</v>
      </c>
      <c r="H4498" t="s">
        <v>9497</v>
      </c>
      <c r="I4498" t="s">
        <v>30540</v>
      </c>
    </row>
    <row r="4499" spans="1:9">
      <c r="A4499" s="1">
        <v>0.26180662787603393</v>
      </c>
      <c r="B4499" s="1"/>
      <c r="C4499">
        <v>3</v>
      </c>
      <c r="D4499" t="s">
        <v>9486</v>
      </c>
      <c r="E4499" t="s">
        <v>32268</v>
      </c>
      <c r="F4499">
        <v>4</v>
      </c>
      <c r="G4499" t="s">
        <v>0</v>
      </c>
      <c r="H4499" t="s">
        <v>9487</v>
      </c>
      <c r="I4499" t="s">
        <v>30540</v>
      </c>
    </row>
    <row r="4500" spans="1:9">
      <c r="A4500" s="1">
        <v>0.49831750571395539</v>
      </c>
      <c r="B4500" s="1"/>
      <c r="C4500">
        <v>8</v>
      </c>
      <c r="D4500" t="s">
        <v>9494</v>
      </c>
      <c r="E4500" t="s">
        <v>32268</v>
      </c>
      <c r="F4500">
        <v>4</v>
      </c>
      <c r="G4500" t="s">
        <v>0</v>
      </c>
      <c r="H4500" t="s">
        <v>9495</v>
      </c>
      <c r="I4500" t="s">
        <v>30540</v>
      </c>
    </row>
    <row r="4501" spans="1:9">
      <c r="A4501" s="1">
        <v>0.47417745232422126</v>
      </c>
      <c r="B4501" s="1"/>
      <c r="C4501">
        <v>4</v>
      </c>
      <c r="D4501" t="s">
        <v>9488</v>
      </c>
      <c r="E4501" t="s">
        <v>32268</v>
      </c>
      <c r="F4501">
        <v>4</v>
      </c>
      <c r="G4501" t="s">
        <v>0</v>
      </c>
      <c r="H4501" t="s">
        <v>9489</v>
      </c>
      <c r="I4501" t="s">
        <v>30540</v>
      </c>
    </row>
    <row r="4502" spans="1:9">
      <c r="A4502" s="1">
        <v>7.1803380636605851E-3</v>
      </c>
      <c r="B4502" s="1"/>
      <c r="C4502">
        <v>6</v>
      </c>
      <c r="D4502" t="s">
        <v>9492</v>
      </c>
      <c r="E4502" t="s">
        <v>32268</v>
      </c>
      <c r="F4502">
        <v>4</v>
      </c>
      <c r="G4502" t="s">
        <v>0</v>
      </c>
      <c r="H4502" t="s">
        <v>9493</v>
      </c>
      <c r="I4502" t="s">
        <v>30540</v>
      </c>
    </row>
    <row r="4503" spans="1:9">
      <c r="A4503" s="1">
        <v>0.13002198514711205</v>
      </c>
      <c r="B4503" s="1"/>
      <c r="C4503">
        <v>5</v>
      </c>
      <c r="D4503" t="s">
        <v>9490</v>
      </c>
      <c r="E4503" t="s">
        <v>32268</v>
      </c>
      <c r="F4503">
        <v>4</v>
      </c>
      <c r="G4503" t="s">
        <v>0</v>
      </c>
      <c r="H4503" t="s">
        <v>9491</v>
      </c>
      <c r="I4503" t="s">
        <v>30540</v>
      </c>
    </row>
    <row r="4504" spans="1:9">
      <c r="A4504" s="1">
        <v>0.5595590163920191</v>
      </c>
      <c r="B4504" s="1"/>
      <c r="C4504">
        <v>8</v>
      </c>
      <c r="D4504" t="s">
        <v>9484</v>
      </c>
      <c r="E4504" t="s">
        <v>32269</v>
      </c>
      <c r="F4504">
        <v>5</v>
      </c>
      <c r="G4504" t="s">
        <v>0</v>
      </c>
      <c r="H4504" t="s">
        <v>9485</v>
      </c>
      <c r="I4504" t="s">
        <v>30540</v>
      </c>
    </row>
    <row r="4505" spans="1:9">
      <c r="A4505" s="1">
        <v>0.33736211183289877</v>
      </c>
      <c r="B4505" s="1"/>
      <c r="C4505">
        <v>4</v>
      </c>
      <c r="D4505" t="s">
        <v>9476</v>
      </c>
      <c r="E4505" t="s">
        <v>32269</v>
      </c>
      <c r="F4505">
        <v>5</v>
      </c>
      <c r="G4505" t="s">
        <v>14</v>
      </c>
      <c r="H4505" t="s">
        <v>9477</v>
      </c>
      <c r="I4505" t="s">
        <v>30540</v>
      </c>
    </row>
    <row r="4506" spans="1:9">
      <c r="A4506" s="1">
        <v>0.57156575211458671</v>
      </c>
      <c r="B4506" s="1"/>
      <c r="C4506">
        <v>2</v>
      </c>
      <c r="D4506" t="s">
        <v>9474</v>
      </c>
      <c r="E4506" t="s">
        <v>32269</v>
      </c>
      <c r="F4506">
        <v>4</v>
      </c>
      <c r="G4506" t="s">
        <v>0</v>
      </c>
      <c r="H4506" t="s">
        <v>9475</v>
      </c>
      <c r="I4506" t="s">
        <v>30540</v>
      </c>
    </row>
    <row r="4507" spans="1:9">
      <c r="A4507" s="1">
        <v>0.99423229927593193</v>
      </c>
      <c r="B4507" s="1"/>
      <c r="C4507">
        <v>5</v>
      </c>
      <c r="D4507" t="s">
        <v>9478</v>
      </c>
      <c r="E4507" t="s">
        <v>32269</v>
      </c>
      <c r="F4507">
        <v>4</v>
      </c>
      <c r="G4507" t="s">
        <v>0</v>
      </c>
      <c r="H4507" t="s">
        <v>9479</v>
      </c>
      <c r="I4507" t="s">
        <v>30540</v>
      </c>
    </row>
    <row r="4508" spans="1:9">
      <c r="A4508" s="1">
        <v>0.55224217167680556</v>
      </c>
      <c r="B4508" s="1"/>
      <c r="C4508">
        <v>6</v>
      </c>
      <c r="D4508" t="s">
        <v>9480</v>
      </c>
      <c r="E4508" t="s">
        <v>32269</v>
      </c>
      <c r="F4508">
        <v>3</v>
      </c>
      <c r="G4508" t="s">
        <v>0</v>
      </c>
      <c r="H4508" t="s">
        <v>9481</v>
      </c>
      <c r="I4508" t="s">
        <v>30540</v>
      </c>
    </row>
    <row r="4509" spans="1:9">
      <c r="A4509" s="1">
        <v>0.40589617609006745</v>
      </c>
      <c r="B4509" s="1"/>
      <c r="C4509">
        <v>7</v>
      </c>
      <c r="D4509" t="s">
        <v>9482</v>
      </c>
      <c r="E4509" t="s">
        <v>32269</v>
      </c>
      <c r="F4509">
        <v>3</v>
      </c>
      <c r="G4509" t="s">
        <v>0</v>
      </c>
      <c r="H4509" t="s">
        <v>9483</v>
      </c>
      <c r="I4509" t="s">
        <v>30540</v>
      </c>
    </row>
    <row r="4510" spans="1:9">
      <c r="A4510" s="1">
        <v>0.98475730695836661</v>
      </c>
      <c r="B4510" s="1"/>
      <c r="C4510">
        <v>6</v>
      </c>
      <c r="D4510" t="s">
        <v>9470</v>
      </c>
      <c r="E4510" t="s">
        <v>32270</v>
      </c>
      <c r="F4510">
        <v>4</v>
      </c>
      <c r="G4510" t="s">
        <v>0</v>
      </c>
      <c r="H4510" t="s">
        <v>9471</v>
      </c>
      <c r="I4510" t="s">
        <v>30540</v>
      </c>
    </row>
    <row r="4511" spans="1:9">
      <c r="A4511" s="1">
        <v>0.71145684178349766</v>
      </c>
      <c r="B4511" s="1"/>
      <c r="C4511">
        <v>3</v>
      </c>
      <c r="D4511" t="s">
        <v>9466</v>
      </c>
      <c r="E4511" t="s">
        <v>32270</v>
      </c>
      <c r="F4511">
        <v>4</v>
      </c>
      <c r="G4511" t="s">
        <v>0</v>
      </c>
      <c r="H4511" t="s">
        <v>9467</v>
      </c>
      <c r="I4511" t="s">
        <v>30540</v>
      </c>
    </row>
    <row r="4512" spans="1:9">
      <c r="A4512" s="1">
        <v>3.2526405563865324E-2</v>
      </c>
      <c r="B4512" s="1"/>
      <c r="C4512">
        <v>4</v>
      </c>
      <c r="D4512" t="s">
        <v>9468</v>
      </c>
      <c r="E4512" t="s">
        <v>32270</v>
      </c>
      <c r="F4512">
        <v>4</v>
      </c>
      <c r="G4512" t="s">
        <v>0</v>
      </c>
      <c r="H4512" t="s">
        <v>9469</v>
      </c>
      <c r="I4512" t="s">
        <v>30540</v>
      </c>
    </row>
    <row r="4513" spans="1:9">
      <c r="A4513" s="1">
        <v>7.6135522416328372E-2</v>
      </c>
      <c r="B4513" s="1"/>
      <c r="C4513">
        <v>7</v>
      </c>
      <c r="D4513" t="s">
        <v>9472</v>
      </c>
      <c r="E4513" t="s">
        <v>32270</v>
      </c>
      <c r="F4513">
        <v>3</v>
      </c>
      <c r="G4513" t="s">
        <v>0</v>
      </c>
      <c r="H4513" t="s">
        <v>9473</v>
      </c>
      <c r="I4513" t="s">
        <v>30540</v>
      </c>
    </row>
    <row r="4514" spans="1:9">
      <c r="A4514" s="1">
        <v>0.69333036180318164</v>
      </c>
      <c r="B4514" s="1"/>
      <c r="C4514">
        <v>8</v>
      </c>
      <c r="D4514" t="s">
        <v>9458</v>
      </c>
      <c r="E4514" t="s">
        <v>32271</v>
      </c>
      <c r="F4514">
        <v>4</v>
      </c>
      <c r="G4514" t="s">
        <v>0</v>
      </c>
      <c r="H4514" t="s">
        <v>9459</v>
      </c>
      <c r="I4514" t="s">
        <v>30540</v>
      </c>
    </row>
    <row r="4515" spans="1:9">
      <c r="A4515" s="1">
        <v>0.21881842300727039</v>
      </c>
      <c r="B4515" s="1"/>
      <c r="C4515">
        <v>14</v>
      </c>
      <c r="D4515" t="s">
        <v>9462</v>
      </c>
      <c r="E4515" t="s">
        <v>32271</v>
      </c>
      <c r="F4515">
        <v>4</v>
      </c>
      <c r="G4515" t="s">
        <v>0</v>
      </c>
      <c r="H4515" t="s">
        <v>9463</v>
      </c>
      <c r="I4515" t="s">
        <v>30540</v>
      </c>
    </row>
    <row r="4516" spans="1:9">
      <c r="A4516" s="1">
        <v>2.9207134506186616E-2</v>
      </c>
      <c r="B4516" s="1"/>
      <c r="C4516">
        <v>13</v>
      </c>
      <c r="D4516" t="s">
        <v>9460</v>
      </c>
      <c r="E4516" t="s">
        <v>32271</v>
      </c>
      <c r="F4516">
        <v>4</v>
      </c>
      <c r="G4516" t="s">
        <v>0</v>
      </c>
      <c r="H4516" t="s">
        <v>9461</v>
      </c>
      <c r="I4516" t="s">
        <v>30540</v>
      </c>
    </row>
    <row r="4517" spans="1:9">
      <c r="A4517" s="1">
        <v>0.57995629175828289</v>
      </c>
      <c r="B4517" s="1"/>
      <c r="C4517">
        <v>15</v>
      </c>
      <c r="D4517" t="s">
        <v>9464</v>
      </c>
      <c r="E4517" t="s">
        <v>32271</v>
      </c>
      <c r="F4517">
        <v>4</v>
      </c>
      <c r="G4517" t="s">
        <v>0</v>
      </c>
      <c r="H4517" t="s">
        <v>9465</v>
      </c>
      <c r="I4517" t="s">
        <v>30540</v>
      </c>
    </row>
    <row r="4518" spans="1:9">
      <c r="A4518" s="1">
        <v>0.18055069484993758</v>
      </c>
      <c r="B4518" s="1"/>
      <c r="C4518">
        <v>6</v>
      </c>
      <c r="D4518" t="s">
        <v>9452</v>
      </c>
      <c r="E4518" t="s">
        <v>32272</v>
      </c>
      <c r="F4518">
        <v>4</v>
      </c>
      <c r="G4518" t="s">
        <v>15</v>
      </c>
      <c r="H4518" t="s">
        <v>9453</v>
      </c>
      <c r="I4518" t="s">
        <v>30540</v>
      </c>
    </row>
    <row r="4519" spans="1:9">
      <c r="A4519" s="1">
        <v>1.2068628604941067E-2</v>
      </c>
      <c r="B4519" s="1"/>
      <c r="C4519">
        <v>12</v>
      </c>
      <c r="D4519" t="s">
        <v>9456</v>
      </c>
      <c r="E4519" t="s">
        <v>32272</v>
      </c>
      <c r="F4519">
        <v>4</v>
      </c>
      <c r="G4519" t="s">
        <v>0</v>
      </c>
      <c r="H4519" t="s">
        <v>9457</v>
      </c>
      <c r="I4519" t="s">
        <v>30540</v>
      </c>
    </row>
    <row r="4520" spans="1:9">
      <c r="A4520" s="1">
        <v>4.3194947523278682E-2</v>
      </c>
      <c r="B4520" s="1"/>
      <c r="C4520">
        <v>1</v>
      </c>
      <c r="D4520" t="s">
        <v>9450</v>
      </c>
      <c r="E4520" t="s">
        <v>32272</v>
      </c>
      <c r="F4520">
        <v>4</v>
      </c>
      <c r="G4520" t="s">
        <v>1</v>
      </c>
      <c r="H4520" t="s">
        <v>9451</v>
      </c>
      <c r="I4520" t="s">
        <v>30540</v>
      </c>
    </row>
    <row r="4521" spans="1:9">
      <c r="A4521" s="1">
        <v>0.91997087753563378</v>
      </c>
      <c r="B4521" s="1"/>
      <c r="C4521">
        <v>11</v>
      </c>
      <c r="D4521" t="s">
        <v>9454</v>
      </c>
      <c r="E4521" t="s">
        <v>32272</v>
      </c>
      <c r="F4521">
        <v>3</v>
      </c>
      <c r="G4521" t="s">
        <v>0</v>
      </c>
      <c r="H4521" t="s">
        <v>9455</v>
      </c>
      <c r="I4521" t="s">
        <v>30540</v>
      </c>
    </row>
    <row r="4522" spans="1:9">
      <c r="A4522" s="1">
        <v>0.31113148140992342</v>
      </c>
      <c r="B4522" s="1"/>
      <c r="C4522">
        <v>8</v>
      </c>
      <c r="D4522" t="s">
        <v>9442</v>
      </c>
      <c r="E4522" t="s">
        <v>32273</v>
      </c>
      <c r="F4522">
        <v>5</v>
      </c>
      <c r="G4522" t="s">
        <v>2</v>
      </c>
      <c r="H4522" t="s">
        <v>9443</v>
      </c>
      <c r="I4522" t="s">
        <v>30540</v>
      </c>
    </row>
    <row r="4523" spans="1:9">
      <c r="A4523" s="1">
        <v>0.68113128527223132</v>
      </c>
      <c r="B4523" s="1"/>
      <c r="C4523">
        <v>2</v>
      </c>
      <c r="D4523" t="s">
        <v>9434</v>
      </c>
      <c r="E4523" t="s">
        <v>32273</v>
      </c>
      <c r="F4523">
        <v>5</v>
      </c>
      <c r="G4523" t="s">
        <v>0</v>
      </c>
      <c r="H4523" t="s">
        <v>9435</v>
      </c>
      <c r="I4523" t="s">
        <v>30540</v>
      </c>
    </row>
    <row r="4524" spans="1:9">
      <c r="A4524" s="1">
        <v>0.99929313568147038</v>
      </c>
      <c r="B4524" s="1"/>
      <c r="C4524">
        <v>4</v>
      </c>
      <c r="D4524" t="s">
        <v>9436</v>
      </c>
      <c r="E4524" t="s">
        <v>32273</v>
      </c>
      <c r="F4524">
        <v>5</v>
      </c>
      <c r="G4524" t="s">
        <v>0</v>
      </c>
      <c r="H4524" t="s">
        <v>9437</v>
      </c>
      <c r="I4524" t="s">
        <v>30540</v>
      </c>
    </row>
    <row r="4525" spans="1:9">
      <c r="A4525" s="1">
        <v>0.15952751889529804</v>
      </c>
      <c r="B4525" s="1"/>
      <c r="C4525">
        <v>10</v>
      </c>
      <c r="D4525" t="s">
        <v>9446</v>
      </c>
      <c r="E4525" t="s">
        <v>32273</v>
      </c>
      <c r="F4525">
        <v>5</v>
      </c>
      <c r="G4525" t="s">
        <v>0</v>
      </c>
      <c r="H4525" t="s">
        <v>9447</v>
      </c>
      <c r="I4525" t="s">
        <v>30540</v>
      </c>
    </row>
    <row r="4526" spans="1:9">
      <c r="A4526" s="1">
        <v>0.27529420602019961</v>
      </c>
      <c r="B4526" s="1"/>
      <c r="C4526">
        <v>9</v>
      </c>
      <c r="D4526" t="s">
        <v>9444</v>
      </c>
      <c r="E4526" t="s">
        <v>32273</v>
      </c>
      <c r="F4526">
        <v>5</v>
      </c>
      <c r="G4526" t="s">
        <v>0</v>
      </c>
      <c r="H4526" t="s">
        <v>9445</v>
      </c>
      <c r="I4526" t="s">
        <v>30540</v>
      </c>
    </row>
    <row r="4527" spans="1:9">
      <c r="A4527" s="1">
        <v>0.30258842698479571</v>
      </c>
      <c r="B4527" s="1"/>
      <c r="C4527">
        <v>5</v>
      </c>
      <c r="D4527" t="s">
        <v>9438</v>
      </c>
      <c r="E4527" t="s">
        <v>32273</v>
      </c>
      <c r="F4527">
        <v>4</v>
      </c>
      <c r="G4527" t="s">
        <v>0</v>
      </c>
      <c r="H4527" t="s">
        <v>9439</v>
      </c>
      <c r="I4527" t="s">
        <v>30540</v>
      </c>
    </row>
    <row r="4528" spans="1:9">
      <c r="A4528" s="1">
        <v>0.21971805253174892</v>
      </c>
      <c r="B4528" s="1"/>
      <c r="C4528">
        <v>1</v>
      </c>
      <c r="D4528" t="s">
        <v>9432</v>
      </c>
      <c r="E4528" t="s">
        <v>32273</v>
      </c>
      <c r="F4528">
        <v>4</v>
      </c>
      <c r="G4528" t="s">
        <v>15</v>
      </c>
      <c r="H4528" t="s">
        <v>9433</v>
      </c>
      <c r="I4528" t="s">
        <v>30540</v>
      </c>
    </row>
    <row r="4529" spans="1:9">
      <c r="A4529" s="1">
        <v>0.35718776155136522</v>
      </c>
      <c r="B4529" s="1"/>
      <c r="C4529">
        <v>13</v>
      </c>
      <c r="D4529" t="s">
        <v>9448</v>
      </c>
      <c r="E4529" t="s">
        <v>32273</v>
      </c>
      <c r="F4529">
        <v>4</v>
      </c>
      <c r="G4529" t="s">
        <v>0</v>
      </c>
      <c r="H4529" t="s">
        <v>9449</v>
      </c>
      <c r="I4529" t="s">
        <v>30540</v>
      </c>
    </row>
    <row r="4530" spans="1:9">
      <c r="A4530" s="1">
        <v>0.91181887571807763</v>
      </c>
      <c r="B4530" s="1"/>
      <c r="C4530">
        <v>6</v>
      </c>
      <c r="D4530" t="s">
        <v>9440</v>
      </c>
      <c r="E4530" t="s">
        <v>32273</v>
      </c>
      <c r="F4530">
        <v>3</v>
      </c>
      <c r="G4530" t="s">
        <v>1</v>
      </c>
      <c r="H4530" t="s">
        <v>9441</v>
      </c>
      <c r="I4530" t="s">
        <v>30540</v>
      </c>
    </row>
    <row r="4531" spans="1:9">
      <c r="A4531" s="1">
        <v>6.769408001796684E-2</v>
      </c>
      <c r="B4531" s="1"/>
      <c r="C4531">
        <v>15</v>
      </c>
      <c r="D4531" t="s">
        <v>9422</v>
      </c>
      <c r="E4531" t="s">
        <v>32274</v>
      </c>
      <c r="F4531">
        <v>4</v>
      </c>
      <c r="G4531" t="s">
        <v>2</v>
      </c>
      <c r="H4531" t="s">
        <v>9423</v>
      </c>
      <c r="I4531" t="s">
        <v>30540</v>
      </c>
    </row>
    <row r="4532" spans="1:9">
      <c r="A4532" s="1">
        <v>0.5379390317899948</v>
      </c>
      <c r="B4532" s="1"/>
      <c r="C4532">
        <v>18</v>
      </c>
      <c r="D4532" t="s">
        <v>9428</v>
      </c>
      <c r="E4532" t="s">
        <v>32274</v>
      </c>
      <c r="F4532">
        <v>4</v>
      </c>
      <c r="G4532" t="s">
        <v>0</v>
      </c>
      <c r="H4532" t="s">
        <v>9429</v>
      </c>
      <c r="I4532" t="s">
        <v>30540</v>
      </c>
    </row>
    <row r="4533" spans="1:9">
      <c r="A4533" s="1">
        <v>0.21547289602210962</v>
      </c>
      <c r="B4533" s="1"/>
      <c r="C4533">
        <v>1</v>
      </c>
      <c r="D4533" t="s">
        <v>9412</v>
      </c>
      <c r="E4533" t="s">
        <v>32274</v>
      </c>
      <c r="F4533">
        <v>4</v>
      </c>
      <c r="G4533" t="s">
        <v>762</v>
      </c>
      <c r="H4533" t="s">
        <v>9413</v>
      </c>
      <c r="I4533" t="s">
        <v>30540</v>
      </c>
    </row>
    <row r="4534" spans="1:9">
      <c r="A4534" s="1">
        <v>0.53718393188004454</v>
      </c>
      <c r="B4534" s="1"/>
      <c r="C4534">
        <v>16</v>
      </c>
      <c r="D4534" t="s">
        <v>9424</v>
      </c>
      <c r="E4534" t="s">
        <v>32274</v>
      </c>
      <c r="F4534">
        <v>4</v>
      </c>
      <c r="G4534" t="s">
        <v>2</v>
      </c>
      <c r="H4534" t="s">
        <v>9425</v>
      </c>
      <c r="I4534" t="s">
        <v>30540</v>
      </c>
    </row>
    <row r="4535" spans="1:9">
      <c r="A4535" s="1">
        <v>0.21444670159618573</v>
      </c>
      <c r="B4535" s="1"/>
      <c r="C4535">
        <v>17</v>
      </c>
      <c r="D4535" t="s">
        <v>9426</v>
      </c>
      <c r="E4535" t="s">
        <v>32274</v>
      </c>
      <c r="F4535">
        <v>4</v>
      </c>
      <c r="G4535" t="s">
        <v>0</v>
      </c>
      <c r="H4535" t="s">
        <v>9427</v>
      </c>
      <c r="I4535" t="s">
        <v>30540</v>
      </c>
    </row>
    <row r="4536" spans="1:9">
      <c r="A4536" s="1">
        <v>0.4818612204851096</v>
      </c>
      <c r="B4536" s="1"/>
      <c r="C4536">
        <v>14</v>
      </c>
      <c r="D4536" t="s">
        <v>9420</v>
      </c>
      <c r="E4536" t="s">
        <v>32274</v>
      </c>
      <c r="F4536">
        <v>4</v>
      </c>
      <c r="G4536" t="s">
        <v>0</v>
      </c>
      <c r="H4536" t="s">
        <v>9421</v>
      </c>
      <c r="I4536" t="s">
        <v>30540</v>
      </c>
    </row>
    <row r="4537" spans="1:9">
      <c r="A4537" s="1">
        <v>0.29415995353581303</v>
      </c>
      <c r="B4537" s="1"/>
      <c r="C4537">
        <v>20</v>
      </c>
      <c r="D4537" t="s">
        <v>9430</v>
      </c>
      <c r="E4537" t="s">
        <v>32274</v>
      </c>
      <c r="F4537">
        <v>4</v>
      </c>
      <c r="G4537" t="s">
        <v>2</v>
      </c>
      <c r="H4537" t="s">
        <v>9431</v>
      </c>
      <c r="I4537" t="s">
        <v>30540</v>
      </c>
    </row>
    <row r="4538" spans="1:9">
      <c r="A4538" s="1">
        <v>0.16516399487431499</v>
      </c>
      <c r="B4538" s="1"/>
      <c r="C4538">
        <v>13</v>
      </c>
      <c r="D4538" t="s">
        <v>9418</v>
      </c>
      <c r="E4538" t="s">
        <v>32274</v>
      </c>
      <c r="F4538">
        <v>4</v>
      </c>
      <c r="G4538" t="s">
        <v>1</v>
      </c>
      <c r="H4538" t="s">
        <v>9419</v>
      </c>
      <c r="I4538" t="s">
        <v>30540</v>
      </c>
    </row>
    <row r="4539" spans="1:9">
      <c r="A4539" s="1">
        <v>0.49871777297367881</v>
      </c>
      <c r="B4539" s="1"/>
      <c r="C4539">
        <v>4</v>
      </c>
      <c r="D4539" t="s">
        <v>9414</v>
      </c>
      <c r="E4539" t="s">
        <v>32274</v>
      </c>
      <c r="F4539">
        <v>4</v>
      </c>
      <c r="G4539" t="s">
        <v>14</v>
      </c>
      <c r="H4539" t="s">
        <v>9415</v>
      </c>
      <c r="I4539" t="s">
        <v>30540</v>
      </c>
    </row>
    <row r="4540" spans="1:9">
      <c r="A4540" s="1">
        <v>0.25461326959325215</v>
      </c>
      <c r="B4540" s="1"/>
      <c r="C4540">
        <v>10</v>
      </c>
      <c r="D4540" t="s">
        <v>9416</v>
      </c>
      <c r="E4540" t="s">
        <v>32274</v>
      </c>
      <c r="F4540">
        <v>3</v>
      </c>
      <c r="G4540" t="s">
        <v>0</v>
      </c>
      <c r="H4540" t="s">
        <v>9417</v>
      </c>
      <c r="I4540" t="s">
        <v>30540</v>
      </c>
    </row>
    <row r="4541" spans="1:9">
      <c r="A4541" s="1">
        <v>0.99181975888678342</v>
      </c>
      <c r="B4541" s="1"/>
      <c r="C4541">
        <v>11</v>
      </c>
      <c r="D4541" t="s">
        <v>9410</v>
      </c>
      <c r="E4541" t="s">
        <v>32275</v>
      </c>
      <c r="F4541">
        <v>4</v>
      </c>
      <c r="G4541" t="s">
        <v>0</v>
      </c>
      <c r="H4541" t="s">
        <v>9411</v>
      </c>
      <c r="I4541" t="s">
        <v>30540</v>
      </c>
    </row>
    <row r="4542" spans="1:9">
      <c r="A4542" s="1">
        <v>0.9354502572323512</v>
      </c>
      <c r="B4542" s="1"/>
      <c r="C4542">
        <v>8</v>
      </c>
      <c r="D4542" t="s">
        <v>9408</v>
      </c>
      <c r="E4542" t="s">
        <v>32275</v>
      </c>
      <c r="F4542">
        <v>4</v>
      </c>
      <c r="G4542" t="s">
        <v>0</v>
      </c>
      <c r="H4542" t="s">
        <v>9409</v>
      </c>
      <c r="I4542" t="s">
        <v>30540</v>
      </c>
    </row>
    <row r="4543" spans="1:9">
      <c r="A4543" s="1">
        <v>0.64741467514299667</v>
      </c>
      <c r="B4543" s="1"/>
      <c r="C4543">
        <v>4</v>
      </c>
      <c r="D4543" t="s">
        <v>9404</v>
      </c>
      <c r="E4543" t="s">
        <v>32275</v>
      </c>
      <c r="F4543">
        <v>4</v>
      </c>
      <c r="G4543" t="s">
        <v>0</v>
      </c>
      <c r="H4543" t="s">
        <v>9405</v>
      </c>
      <c r="I4543" t="s">
        <v>30540</v>
      </c>
    </row>
    <row r="4544" spans="1:9">
      <c r="A4544" s="1">
        <v>0.36612755470371527</v>
      </c>
      <c r="B4544" s="1"/>
      <c r="C4544">
        <v>16</v>
      </c>
      <c r="D4544" t="s">
        <v>9400</v>
      </c>
      <c r="E4544" t="s">
        <v>32276</v>
      </c>
      <c r="F4544">
        <v>4</v>
      </c>
      <c r="G4544" t="s">
        <v>0</v>
      </c>
      <c r="H4544" t="s">
        <v>9401</v>
      </c>
      <c r="I4544" t="s">
        <v>30540</v>
      </c>
    </row>
    <row r="4545" spans="1:9">
      <c r="A4545" s="1">
        <v>0.18242014051393007</v>
      </c>
      <c r="B4545" s="1"/>
      <c r="C4545">
        <v>15</v>
      </c>
      <c r="D4545" t="s">
        <v>9398</v>
      </c>
      <c r="E4545" t="s">
        <v>32276</v>
      </c>
      <c r="F4545">
        <v>4</v>
      </c>
      <c r="G4545" t="s">
        <v>0</v>
      </c>
      <c r="H4545" t="s">
        <v>9399</v>
      </c>
      <c r="I4545" t="s">
        <v>30540</v>
      </c>
    </row>
    <row r="4546" spans="1:9">
      <c r="A4546" s="1">
        <v>3.7361874710205245E-2</v>
      </c>
      <c r="B4546" s="1"/>
      <c r="C4546">
        <v>20</v>
      </c>
      <c r="D4546" t="s">
        <v>9402</v>
      </c>
      <c r="E4546" t="s">
        <v>32276</v>
      </c>
      <c r="F4546">
        <v>4</v>
      </c>
      <c r="G4546" t="s">
        <v>0</v>
      </c>
      <c r="H4546" t="s">
        <v>9403</v>
      </c>
      <c r="I4546" t="s">
        <v>30540</v>
      </c>
    </row>
    <row r="4547" spans="1:9">
      <c r="A4547" s="1">
        <v>0.80377814937698866</v>
      </c>
      <c r="B4547" s="1"/>
      <c r="C4547">
        <v>12</v>
      </c>
      <c r="D4547" t="s">
        <v>9394</v>
      </c>
      <c r="E4547" t="s">
        <v>32277</v>
      </c>
      <c r="F4547">
        <v>4</v>
      </c>
      <c r="G4547" t="s">
        <v>0</v>
      </c>
      <c r="H4547" t="s">
        <v>9395</v>
      </c>
      <c r="I4547" t="s">
        <v>30540</v>
      </c>
    </row>
    <row r="4548" spans="1:9">
      <c r="A4548" s="1">
        <v>0.76915808779255723</v>
      </c>
      <c r="B4548" s="1"/>
      <c r="C4548">
        <v>15</v>
      </c>
      <c r="D4548" t="s">
        <v>9396</v>
      </c>
      <c r="E4548" t="s">
        <v>32277</v>
      </c>
      <c r="F4548">
        <v>4</v>
      </c>
      <c r="G4548" t="s">
        <v>0</v>
      </c>
      <c r="H4548" t="s">
        <v>9397</v>
      </c>
      <c r="I4548" t="s">
        <v>30540</v>
      </c>
    </row>
    <row r="4549" spans="1:9">
      <c r="A4549" s="1">
        <v>0.12653235503189586</v>
      </c>
      <c r="B4549" s="1"/>
      <c r="C4549">
        <v>12</v>
      </c>
      <c r="D4549" t="s">
        <v>9392</v>
      </c>
      <c r="E4549" t="s">
        <v>32278</v>
      </c>
      <c r="F4549">
        <v>4</v>
      </c>
      <c r="G4549" t="s">
        <v>0</v>
      </c>
      <c r="H4549" t="s">
        <v>9393</v>
      </c>
      <c r="I4549" t="s">
        <v>30540</v>
      </c>
    </row>
    <row r="4550" spans="1:9">
      <c r="A4550" s="1">
        <v>0.44583193581354175</v>
      </c>
      <c r="B4550" s="1"/>
      <c r="C4550">
        <v>8</v>
      </c>
      <c r="D4550" t="s">
        <v>9390</v>
      </c>
      <c r="E4550" t="s">
        <v>32278</v>
      </c>
      <c r="F4550">
        <v>4</v>
      </c>
      <c r="G4550" t="s">
        <v>0</v>
      </c>
      <c r="H4550" t="s">
        <v>9391</v>
      </c>
      <c r="I4550" t="s">
        <v>30540</v>
      </c>
    </row>
    <row r="4551" spans="1:9">
      <c r="A4551" s="1">
        <v>0.25500151792693626</v>
      </c>
      <c r="B4551" s="1"/>
      <c r="C4551">
        <v>1</v>
      </c>
      <c r="D4551" t="s">
        <v>9386</v>
      </c>
      <c r="E4551" t="s">
        <v>32278</v>
      </c>
      <c r="F4551">
        <v>4</v>
      </c>
      <c r="G4551" t="s">
        <v>0</v>
      </c>
      <c r="H4551" t="s">
        <v>9387</v>
      </c>
      <c r="I4551" t="s">
        <v>30540</v>
      </c>
    </row>
    <row r="4552" spans="1:9">
      <c r="A4552" s="1">
        <v>8.0733710284569882E-2</v>
      </c>
      <c r="B4552" s="1"/>
      <c r="C4552">
        <v>4</v>
      </c>
      <c r="D4552" t="s">
        <v>9388</v>
      </c>
      <c r="E4552" t="s">
        <v>32278</v>
      </c>
      <c r="F4552">
        <v>3</v>
      </c>
      <c r="G4552" t="s">
        <v>0</v>
      </c>
      <c r="H4552" t="s">
        <v>9389</v>
      </c>
      <c r="I4552" t="s">
        <v>30540</v>
      </c>
    </row>
    <row r="4553" spans="1:9">
      <c r="A4553" s="1">
        <v>0.96447982245305497</v>
      </c>
      <c r="B4553" s="1"/>
      <c r="C4553">
        <v>11</v>
      </c>
      <c r="D4553" t="s">
        <v>9382</v>
      </c>
      <c r="E4553" t="s">
        <v>32279</v>
      </c>
      <c r="F4553">
        <v>4</v>
      </c>
      <c r="G4553" t="s">
        <v>13</v>
      </c>
      <c r="H4553" t="s">
        <v>9383</v>
      </c>
      <c r="I4553" t="s">
        <v>30540</v>
      </c>
    </row>
    <row r="4554" spans="1:9">
      <c r="A4554" s="1">
        <v>0.51393832698403596</v>
      </c>
      <c r="B4554" s="1"/>
      <c r="C4554">
        <v>13</v>
      </c>
      <c r="D4554" t="s">
        <v>9384</v>
      </c>
      <c r="E4554" t="s">
        <v>32279</v>
      </c>
      <c r="F4554">
        <v>4</v>
      </c>
      <c r="G4554" t="s">
        <v>0</v>
      </c>
      <c r="H4554" t="s">
        <v>9385</v>
      </c>
      <c r="I4554" t="s">
        <v>30540</v>
      </c>
    </row>
    <row r="4555" spans="1:9">
      <c r="A4555" s="1">
        <v>0.785686257555963</v>
      </c>
      <c r="B4555" s="1"/>
      <c r="C4555">
        <v>2</v>
      </c>
      <c r="D4555" t="s">
        <v>9374</v>
      </c>
      <c r="E4555" t="s">
        <v>32280</v>
      </c>
      <c r="F4555">
        <v>5</v>
      </c>
      <c r="G4555" t="s">
        <v>14</v>
      </c>
      <c r="H4555" t="s">
        <v>9375</v>
      </c>
      <c r="I4555" t="s">
        <v>30540</v>
      </c>
    </row>
    <row r="4556" spans="1:9">
      <c r="A4556" s="1">
        <v>6.7091699466741983E-2</v>
      </c>
      <c r="B4556" s="1"/>
      <c r="C4556">
        <v>10</v>
      </c>
      <c r="D4556" t="s">
        <v>9376</v>
      </c>
      <c r="E4556" t="s">
        <v>32280</v>
      </c>
      <c r="F4556">
        <v>4</v>
      </c>
      <c r="G4556" t="s">
        <v>0</v>
      </c>
      <c r="H4556" t="s">
        <v>9377</v>
      </c>
      <c r="I4556" t="s">
        <v>30540</v>
      </c>
    </row>
    <row r="4557" spans="1:9">
      <c r="A4557" s="1">
        <v>0.84734485302290641</v>
      </c>
      <c r="B4557" s="1"/>
      <c r="C4557">
        <v>14</v>
      </c>
      <c r="D4557" t="s">
        <v>9378</v>
      </c>
      <c r="E4557" t="s">
        <v>32280</v>
      </c>
      <c r="F4557">
        <v>4</v>
      </c>
      <c r="G4557" t="s">
        <v>0</v>
      </c>
      <c r="H4557" t="s">
        <v>9379</v>
      </c>
      <c r="I4557" t="s">
        <v>30540</v>
      </c>
    </row>
    <row r="4558" spans="1:9">
      <c r="A4558" s="1">
        <v>0.86700076643887258</v>
      </c>
      <c r="B4558" s="1"/>
      <c r="C4558">
        <v>5</v>
      </c>
      <c r="D4558" t="s">
        <v>9366</v>
      </c>
      <c r="E4558" t="s">
        <v>32281</v>
      </c>
      <c r="F4558">
        <v>4</v>
      </c>
      <c r="G4558" t="s">
        <v>1295</v>
      </c>
      <c r="H4558" t="s">
        <v>9367</v>
      </c>
      <c r="I4558" t="s">
        <v>30540</v>
      </c>
    </row>
    <row r="4559" spans="1:9">
      <c r="A4559" s="1">
        <v>0.26357366640635516</v>
      </c>
      <c r="B4559" s="1"/>
      <c r="C4559">
        <v>1</v>
      </c>
      <c r="D4559" t="s">
        <v>9364</v>
      </c>
      <c r="E4559" t="s">
        <v>32281</v>
      </c>
      <c r="F4559">
        <v>4</v>
      </c>
      <c r="G4559" t="s">
        <v>1295</v>
      </c>
      <c r="H4559" t="s">
        <v>9365</v>
      </c>
      <c r="I4559" t="s">
        <v>30540</v>
      </c>
    </row>
    <row r="4560" spans="1:9">
      <c r="A4560" s="1">
        <v>0.49648290671890261</v>
      </c>
      <c r="B4560" s="1"/>
      <c r="C4560">
        <v>16</v>
      </c>
      <c r="D4560" t="s">
        <v>9372</v>
      </c>
      <c r="E4560" t="s">
        <v>32281</v>
      </c>
      <c r="F4560">
        <v>4</v>
      </c>
      <c r="G4560" t="s">
        <v>770</v>
      </c>
      <c r="H4560" t="s">
        <v>9373</v>
      </c>
      <c r="I4560" t="s">
        <v>30540</v>
      </c>
    </row>
    <row r="4561" spans="1:9">
      <c r="A4561" s="1">
        <v>0.97952306286364743</v>
      </c>
      <c r="B4561" s="1"/>
      <c r="C4561">
        <v>12</v>
      </c>
      <c r="D4561" t="s">
        <v>9370</v>
      </c>
      <c r="E4561" t="s">
        <v>32281</v>
      </c>
      <c r="F4561">
        <v>4</v>
      </c>
      <c r="G4561" t="s">
        <v>0</v>
      </c>
      <c r="H4561" t="s">
        <v>9371</v>
      </c>
      <c r="I4561" t="s">
        <v>30540</v>
      </c>
    </row>
    <row r="4562" spans="1:9">
      <c r="A4562" s="1">
        <v>0.81564375135622791</v>
      </c>
      <c r="B4562" s="1"/>
      <c r="C4562">
        <v>11</v>
      </c>
      <c r="D4562" t="s">
        <v>9368</v>
      </c>
      <c r="E4562" t="s">
        <v>32281</v>
      </c>
      <c r="F4562">
        <v>4</v>
      </c>
      <c r="G4562" t="s">
        <v>765</v>
      </c>
      <c r="H4562" t="s">
        <v>9369</v>
      </c>
      <c r="I4562" t="s">
        <v>30540</v>
      </c>
    </row>
    <row r="4563" spans="1:9">
      <c r="A4563" s="1">
        <v>0.37399841149607715</v>
      </c>
      <c r="B4563" s="1"/>
      <c r="C4563">
        <v>11</v>
      </c>
      <c r="D4563" t="s">
        <v>9360</v>
      </c>
      <c r="E4563" t="s">
        <v>32282</v>
      </c>
      <c r="F4563">
        <v>4</v>
      </c>
      <c r="G4563" t="s">
        <v>0</v>
      </c>
      <c r="H4563" t="s">
        <v>9361</v>
      </c>
      <c r="I4563" t="s">
        <v>30540</v>
      </c>
    </row>
    <row r="4564" spans="1:9">
      <c r="A4564" s="1">
        <v>0.590154063240374</v>
      </c>
      <c r="B4564" s="1"/>
      <c r="C4564">
        <v>15</v>
      </c>
      <c r="D4564" t="s">
        <v>9362</v>
      </c>
      <c r="E4564" t="s">
        <v>32282</v>
      </c>
      <c r="F4564">
        <v>4</v>
      </c>
      <c r="G4564" t="s">
        <v>0</v>
      </c>
      <c r="H4564" t="s">
        <v>9363</v>
      </c>
      <c r="I4564" t="s">
        <v>30540</v>
      </c>
    </row>
    <row r="4565" spans="1:9">
      <c r="A4565" s="1">
        <v>0.75979671158049722</v>
      </c>
      <c r="B4565" s="1"/>
      <c r="C4565">
        <v>5</v>
      </c>
      <c r="D4565" t="s">
        <v>9358</v>
      </c>
      <c r="E4565" t="s">
        <v>32282</v>
      </c>
      <c r="F4565">
        <v>3</v>
      </c>
      <c r="G4565" t="s">
        <v>762</v>
      </c>
      <c r="H4565" t="s">
        <v>9359</v>
      </c>
      <c r="I4565" t="s">
        <v>30540</v>
      </c>
    </row>
    <row r="4566" spans="1:9">
      <c r="A4566" s="1">
        <v>0.81948579753232775</v>
      </c>
      <c r="B4566" s="1"/>
      <c r="C4566">
        <v>2</v>
      </c>
      <c r="D4566" t="s">
        <v>9352</v>
      </c>
      <c r="E4566" t="s">
        <v>32283</v>
      </c>
      <c r="F4566">
        <v>4</v>
      </c>
      <c r="G4566" t="s">
        <v>10</v>
      </c>
      <c r="H4566" t="s">
        <v>9353</v>
      </c>
      <c r="I4566" t="s">
        <v>30540</v>
      </c>
    </row>
    <row r="4567" spans="1:9">
      <c r="A4567" s="1">
        <v>7.7664085342542766E-2</v>
      </c>
      <c r="B4567" s="1"/>
      <c r="C4567">
        <v>5</v>
      </c>
      <c r="D4567" t="s">
        <v>9354</v>
      </c>
      <c r="E4567" t="s">
        <v>32283</v>
      </c>
      <c r="F4567">
        <v>3</v>
      </c>
      <c r="G4567" t="s">
        <v>0</v>
      </c>
      <c r="H4567" t="s">
        <v>9355</v>
      </c>
      <c r="I4567" t="s">
        <v>30540</v>
      </c>
    </row>
    <row r="4568" spans="1:9">
      <c r="A4568" s="1">
        <v>0.15063612397934456</v>
      </c>
      <c r="B4568" s="1"/>
      <c r="C4568">
        <v>1</v>
      </c>
      <c r="D4568" t="s">
        <v>9350</v>
      </c>
      <c r="E4568" t="s">
        <v>32283</v>
      </c>
      <c r="F4568">
        <v>3</v>
      </c>
      <c r="G4568" t="s">
        <v>15</v>
      </c>
      <c r="H4568" t="s">
        <v>9351</v>
      </c>
      <c r="I4568" t="s">
        <v>30540</v>
      </c>
    </row>
    <row r="4569" spans="1:9">
      <c r="A4569" s="1">
        <v>0.85807988565815518</v>
      </c>
      <c r="B4569" s="1"/>
      <c r="C4569">
        <v>10</v>
      </c>
      <c r="D4569" t="s">
        <v>9338</v>
      </c>
      <c r="E4569" t="s">
        <v>32284</v>
      </c>
      <c r="F4569">
        <v>4</v>
      </c>
      <c r="G4569" t="s">
        <v>0</v>
      </c>
      <c r="H4569" t="s">
        <v>9339</v>
      </c>
      <c r="I4569" t="s">
        <v>30540</v>
      </c>
    </row>
    <row r="4570" spans="1:9">
      <c r="A4570" s="1">
        <v>0.16584554389108264</v>
      </c>
      <c r="B4570" s="1"/>
      <c r="C4570">
        <v>4</v>
      </c>
      <c r="D4570" t="s">
        <v>9334</v>
      </c>
      <c r="E4570" t="s">
        <v>32284</v>
      </c>
      <c r="F4570">
        <v>4</v>
      </c>
      <c r="G4570" t="s">
        <v>9</v>
      </c>
      <c r="H4570" t="s">
        <v>9335</v>
      </c>
      <c r="I4570" t="s">
        <v>30540</v>
      </c>
    </row>
    <row r="4571" spans="1:9">
      <c r="A4571" s="1">
        <v>0.35707112301520583</v>
      </c>
      <c r="B4571" s="1"/>
      <c r="C4571">
        <v>20</v>
      </c>
      <c r="D4571" t="s">
        <v>9348</v>
      </c>
      <c r="E4571" t="s">
        <v>32284</v>
      </c>
      <c r="F4571">
        <v>4</v>
      </c>
      <c r="G4571" t="s">
        <v>0</v>
      </c>
      <c r="H4571" t="s">
        <v>9349</v>
      </c>
      <c r="I4571" t="s">
        <v>30540</v>
      </c>
    </row>
    <row r="4572" spans="1:9">
      <c r="A4572" s="1">
        <v>0.54069121931787867</v>
      </c>
      <c r="B4572" s="1"/>
      <c r="C4572">
        <v>8</v>
      </c>
      <c r="D4572" t="s">
        <v>9336</v>
      </c>
      <c r="E4572" t="s">
        <v>32284</v>
      </c>
      <c r="F4572">
        <v>4</v>
      </c>
      <c r="G4572" t="s">
        <v>0</v>
      </c>
      <c r="H4572" t="s">
        <v>9337</v>
      </c>
      <c r="I4572" t="s">
        <v>30540</v>
      </c>
    </row>
    <row r="4573" spans="1:9">
      <c r="A4573" s="1">
        <v>0.84976150709892995</v>
      </c>
      <c r="B4573" s="1"/>
      <c r="C4573">
        <v>14</v>
      </c>
      <c r="D4573" t="s">
        <v>9340</v>
      </c>
      <c r="E4573" t="s">
        <v>32284</v>
      </c>
      <c r="F4573">
        <v>4</v>
      </c>
      <c r="G4573" t="s">
        <v>0</v>
      </c>
      <c r="H4573" t="s">
        <v>9341</v>
      </c>
      <c r="I4573" t="s">
        <v>30540</v>
      </c>
    </row>
    <row r="4574" spans="1:9">
      <c r="A4574" s="1">
        <v>0.94182111152272296</v>
      </c>
      <c r="B4574" s="1"/>
      <c r="C4574">
        <v>19</v>
      </c>
      <c r="D4574" t="s">
        <v>9346</v>
      </c>
      <c r="E4574" t="s">
        <v>32284</v>
      </c>
      <c r="F4574">
        <v>4</v>
      </c>
      <c r="G4574" t="s">
        <v>15</v>
      </c>
      <c r="H4574" t="s">
        <v>9347</v>
      </c>
      <c r="I4574" t="s">
        <v>30540</v>
      </c>
    </row>
    <row r="4575" spans="1:9">
      <c r="A4575" s="1">
        <v>0.94600208611892245</v>
      </c>
      <c r="B4575" s="1"/>
      <c r="C4575">
        <v>18</v>
      </c>
      <c r="D4575" t="s">
        <v>9344</v>
      </c>
      <c r="E4575" t="s">
        <v>32284</v>
      </c>
      <c r="F4575">
        <v>3</v>
      </c>
      <c r="G4575" t="s">
        <v>0</v>
      </c>
      <c r="H4575" t="s">
        <v>9345</v>
      </c>
      <c r="I4575" t="s">
        <v>30540</v>
      </c>
    </row>
    <row r="4576" spans="1:9">
      <c r="A4576" s="1">
        <v>0.75098980862326759</v>
      </c>
      <c r="B4576" s="1"/>
      <c r="C4576">
        <v>17</v>
      </c>
      <c r="D4576" t="s">
        <v>9342</v>
      </c>
      <c r="E4576" t="s">
        <v>32284</v>
      </c>
      <c r="F4576">
        <v>3</v>
      </c>
      <c r="G4576" t="s">
        <v>0</v>
      </c>
      <c r="H4576" t="s">
        <v>9343</v>
      </c>
      <c r="I4576" t="s">
        <v>30540</v>
      </c>
    </row>
    <row r="4577" spans="1:9">
      <c r="A4577" s="1">
        <v>0.88404817708932415</v>
      </c>
      <c r="B4577" s="1"/>
      <c r="C4577">
        <v>5</v>
      </c>
      <c r="D4577" t="s">
        <v>9322</v>
      </c>
      <c r="E4577" t="s">
        <v>32285</v>
      </c>
      <c r="F4577">
        <v>5</v>
      </c>
      <c r="G4577" t="s">
        <v>0</v>
      </c>
      <c r="H4577" t="s">
        <v>9323</v>
      </c>
      <c r="I4577" t="s">
        <v>30540</v>
      </c>
    </row>
    <row r="4578" spans="1:9">
      <c r="A4578" s="1">
        <v>0.95353181992829117</v>
      </c>
      <c r="B4578" s="1"/>
      <c r="C4578">
        <v>10</v>
      </c>
      <c r="D4578" t="s">
        <v>9328</v>
      </c>
      <c r="E4578" t="s">
        <v>32285</v>
      </c>
      <c r="F4578">
        <v>4</v>
      </c>
      <c r="G4578" t="s">
        <v>15</v>
      </c>
      <c r="H4578" t="s">
        <v>9329</v>
      </c>
      <c r="I4578" t="s">
        <v>30540</v>
      </c>
    </row>
    <row r="4579" spans="1:9">
      <c r="A4579" s="1">
        <v>0.58857564414673902</v>
      </c>
      <c r="B4579" s="1"/>
      <c r="C4579">
        <v>9</v>
      </c>
      <c r="D4579" t="s">
        <v>9326</v>
      </c>
      <c r="E4579" t="s">
        <v>32285</v>
      </c>
      <c r="F4579">
        <v>4</v>
      </c>
      <c r="G4579" t="s">
        <v>0</v>
      </c>
      <c r="H4579" t="s">
        <v>9327</v>
      </c>
      <c r="I4579" t="s">
        <v>30540</v>
      </c>
    </row>
    <row r="4580" spans="1:9">
      <c r="A4580" s="1">
        <v>0.63861557973124239</v>
      </c>
      <c r="B4580" s="1"/>
      <c r="C4580">
        <v>3</v>
      </c>
      <c r="D4580" t="s">
        <v>9318</v>
      </c>
      <c r="E4580" t="s">
        <v>32285</v>
      </c>
      <c r="F4580">
        <v>4</v>
      </c>
      <c r="G4580" t="s">
        <v>0</v>
      </c>
      <c r="H4580" t="s">
        <v>9319</v>
      </c>
      <c r="I4580" t="s">
        <v>30540</v>
      </c>
    </row>
    <row r="4581" spans="1:9">
      <c r="A4581" s="1">
        <v>0.7177611949728836</v>
      </c>
      <c r="B4581" s="1"/>
      <c r="C4581">
        <v>6</v>
      </c>
      <c r="D4581" t="s">
        <v>9324</v>
      </c>
      <c r="E4581" t="s">
        <v>32285</v>
      </c>
      <c r="F4581">
        <v>4</v>
      </c>
      <c r="G4581" t="s">
        <v>0</v>
      </c>
      <c r="H4581" t="s">
        <v>9325</v>
      </c>
      <c r="I4581" t="s">
        <v>30540</v>
      </c>
    </row>
    <row r="4582" spans="1:9">
      <c r="A4582" s="1">
        <v>5.3675318345804524E-2</v>
      </c>
      <c r="B4582" s="1"/>
      <c r="C4582">
        <v>12</v>
      </c>
      <c r="D4582" t="s">
        <v>9332</v>
      </c>
      <c r="E4582" t="s">
        <v>32285</v>
      </c>
      <c r="F4582">
        <v>4</v>
      </c>
      <c r="G4582" t="s">
        <v>0</v>
      </c>
      <c r="H4582" t="s">
        <v>9333</v>
      </c>
      <c r="I4582" t="s">
        <v>30540</v>
      </c>
    </row>
    <row r="4583" spans="1:9">
      <c r="A4583" s="1">
        <v>0.76806508554240682</v>
      </c>
      <c r="B4583" s="1"/>
      <c r="C4583">
        <v>4</v>
      </c>
      <c r="D4583" t="s">
        <v>9320</v>
      </c>
      <c r="E4583" t="s">
        <v>32285</v>
      </c>
      <c r="F4583">
        <v>4</v>
      </c>
      <c r="G4583" t="s">
        <v>15</v>
      </c>
      <c r="H4583" t="s">
        <v>9321</v>
      </c>
      <c r="I4583" t="s">
        <v>30540</v>
      </c>
    </row>
    <row r="4584" spans="1:9">
      <c r="A4584" s="1">
        <v>0.65092274551395313</v>
      </c>
      <c r="B4584" s="1"/>
      <c r="C4584">
        <v>11</v>
      </c>
      <c r="D4584" t="s">
        <v>9330</v>
      </c>
      <c r="E4584" t="s">
        <v>32285</v>
      </c>
      <c r="F4584">
        <v>3</v>
      </c>
      <c r="G4584" t="s">
        <v>0</v>
      </c>
      <c r="H4584" t="s">
        <v>9331</v>
      </c>
      <c r="I4584" t="s">
        <v>30540</v>
      </c>
    </row>
    <row r="4585" spans="1:9">
      <c r="A4585" s="1">
        <v>0.25640922853755599</v>
      </c>
      <c r="B4585" s="1"/>
      <c r="C4585">
        <v>7</v>
      </c>
      <c r="D4585" t="s">
        <v>9314</v>
      </c>
      <c r="E4585" t="s">
        <v>32286</v>
      </c>
      <c r="F4585">
        <v>4</v>
      </c>
      <c r="G4585" t="s">
        <v>0</v>
      </c>
      <c r="H4585" t="s">
        <v>9315</v>
      </c>
      <c r="I4585" t="s">
        <v>30540</v>
      </c>
    </row>
    <row r="4586" spans="1:9">
      <c r="A4586" s="1">
        <v>0.46662632583672226</v>
      </c>
      <c r="B4586" s="1"/>
      <c r="C4586">
        <v>12</v>
      </c>
      <c r="D4586" t="s">
        <v>9316</v>
      </c>
      <c r="E4586" t="s">
        <v>32286</v>
      </c>
      <c r="F4586">
        <v>4</v>
      </c>
      <c r="G4586" t="s">
        <v>765</v>
      </c>
      <c r="H4586" t="s">
        <v>9317</v>
      </c>
      <c r="I4586" t="s">
        <v>30540</v>
      </c>
    </row>
    <row r="4587" spans="1:9">
      <c r="A4587" s="1">
        <v>8.7331149029741262E-2</v>
      </c>
      <c r="B4587" s="1"/>
      <c r="C4587">
        <v>5</v>
      </c>
      <c r="D4587" t="s">
        <v>9312</v>
      </c>
      <c r="E4587" t="s">
        <v>32287</v>
      </c>
      <c r="F4587">
        <v>5</v>
      </c>
      <c r="G4587" t="s">
        <v>0</v>
      </c>
      <c r="H4587" t="s">
        <v>9313</v>
      </c>
      <c r="I4587" t="s">
        <v>30540</v>
      </c>
    </row>
    <row r="4588" spans="1:9">
      <c r="A4588" s="1">
        <v>0.48908932409282413</v>
      </c>
      <c r="B4588" s="1"/>
      <c r="C4588">
        <v>15</v>
      </c>
      <c r="D4588" t="s">
        <v>9306</v>
      </c>
      <c r="E4588" t="s">
        <v>32288</v>
      </c>
      <c r="F4588">
        <v>5</v>
      </c>
      <c r="G4588" t="s">
        <v>15</v>
      </c>
      <c r="H4588" t="s">
        <v>9307</v>
      </c>
      <c r="I4588" t="s">
        <v>30540</v>
      </c>
    </row>
    <row r="4589" spans="1:9">
      <c r="A4589" s="1">
        <v>0.50895180294575515</v>
      </c>
      <c r="B4589" s="1"/>
      <c r="C4589">
        <v>6</v>
      </c>
      <c r="D4589" t="s">
        <v>9300</v>
      </c>
      <c r="E4589" t="s">
        <v>32288</v>
      </c>
      <c r="F4589">
        <v>4</v>
      </c>
      <c r="G4589" t="s">
        <v>0</v>
      </c>
      <c r="H4589" t="s">
        <v>9301</v>
      </c>
      <c r="I4589" t="s">
        <v>30540</v>
      </c>
    </row>
    <row r="4590" spans="1:9">
      <c r="A4590" s="1">
        <v>0.53703145310224754</v>
      </c>
      <c r="B4590" s="1"/>
      <c r="C4590">
        <v>5</v>
      </c>
      <c r="D4590" t="s">
        <v>9298</v>
      </c>
      <c r="E4590" t="s">
        <v>32288</v>
      </c>
      <c r="F4590">
        <v>4</v>
      </c>
      <c r="G4590" t="s">
        <v>770</v>
      </c>
      <c r="H4590" t="s">
        <v>9299</v>
      </c>
      <c r="I4590" t="s">
        <v>30540</v>
      </c>
    </row>
    <row r="4591" spans="1:9">
      <c r="A4591" s="1">
        <v>0.73027727603918335</v>
      </c>
      <c r="B4591" s="1"/>
      <c r="C4591">
        <v>8</v>
      </c>
      <c r="D4591" t="s">
        <v>9302</v>
      </c>
      <c r="E4591" t="s">
        <v>32288</v>
      </c>
      <c r="F4591">
        <v>4</v>
      </c>
      <c r="G4591" t="s">
        <v>1</v>
      </c>
      <c r="H4591" t="s">
        <v>9303</v>
      </c>
      <c r="I4591" t="s">
        <v>30540</v>
      </c>
    </row>
    <row r="4592" spans="1:9">
      <c r="A4592" s="1">
        <v>0.82403791822659056</v>
      </c>
      <c r="B4592" s="1"/>
      <c r="C4592">
        <v>10</v>
      </c>
      <c r="D4592" t="s">
        <v>9304</v>
      </c>
      <c r="E4592" t="s">
        <v>32288</v>
      </c>
      <c r="F4592">
        <v>4</v>
      </c>
      <c r="G4592" t="s">
        <v>0</v>
      </c>
      <c r="H4592" t="s">
        <v>9305</v>
      </c>
      <c r="I4592" t="s">
        <v>30540</v>
      </c>
    </row>
    <row r="4593" spans="1:9">
      <c r="A4593" s="1">
        <v>0.77831341132876986</v>
      </c>
      <c r="B4593" s="1"/>
      <c r="C4593">
        <v>3</v>
      </c>
      <c r="D4593" t="s">
        <v>9288</v>
      </c>
      <c r="E4593" t="s">
        <v>32289</v>
      </c>
      <c r="F4593">
        <v>5</v>
      </c>
      <c r="G4593" t="s">
        <v>1</v>
      </c>
      <c r="H4593" t="s">
        <v>9289</v>
      </c>
      <c r="I4593" t="s">
        <v>30540</v>
      </c>
    </row>
    <row r="4594" spans="1:9">
      <c r="A4594" s="1">
        <v>0.19149449060166701</v>
      </c>
      <c r="B4594" s="1"/>
      <c r="C4594">
        <v>6</v>
      </c>
      <c r="D4594" t="s">
        <v>9290</v>
      </c>
      <c r="E4594" t="s">
        <v>32289</v>
      </c>
      <c r="F4594">
        <v>5</v>
      </c>
      <c r="G4594" t="s">
        <v>0</v>
      </c>
      <c r="H4594" t="s">
        <v>9291</v>
      </c>
      <c r="I4594" t="s">
        <v>30540</v>
      </c>
    </row>
    <row r="4595" spans="1:9">
      <c r="A4595" s="1">
        <v>0.14994362809434814</v>
      </c>
      <c r="B4595" s="1"/>
      <c r="C4595">
        <v>10</v>
      </c>
      <c r="D4595" t="s">
        <v>9296</v>
      </c>
      <c r="E4595" t="s">
        <v>32289</v>
      </c>
      <c r="F4595">
        <v>4</v>
      </c>
      <c r="G4595" t="s">
        <v>0</v>
      </c>
      <c r="H4595" t="s">
        <v>9297</v>
      </c>
      <c r="I4595" t="s">
        <v>30540</v>
      </c>
    </row>
    <row r="4596" spans="1:9">
      <c r="A4596" s="1">
        <v>0.32318213336119084</v>
      </c>
      <c r="B4596" s="1"/>
      <c r="C4596">
        <v>9</v>
      </c>
      <c r="D4596" t="s">
        <v>9294</v>
      </c>
      <c r="E4596" t="s">
        <v>32289</v>
      </c>
      <c r="F4596">
        <v>4</v>
      </c>
      <c r="G4596" t="s">
        <v>0</v>
      </c>
      <c r="H4596" t="s">
        <v>9295</v>
      </c>
      <c r="I4596" t="s">
        <v>30540</v>
      </c>
    </row>
    <row r="4597" spans="1:9">
      <c r="A4597" s="1">
        <v>0.7217984168404783</v>
      </c>
      <c r="B4597" s="1"/>
      <c r="C4597">
        <v>7</v>
      </c>
      <c r="D4597" t="s">
        <v>9292</v>
      </c>
      <c r="E4597" t="s">
        <v>32289</v>
      </c>
      <c r="F4597">
        <v>3</v>
      </c>
      <c r="G4597" t="s">
        <v>0</v>
      </c>
      <c r="H4597" t="s">
        <v>9293</v>
      </c>
      <c r="I4597" t="s">
        <v>30540</v>
      </c>
    </row>
    <row r="4598" spans="1:9">
      <c r="A4598" s="1">
        <v>0.78740225488929216</v>
      </c>
      <c r="B4598" s="1"/>
      <c r="C4598">
        <v>13</v>
      </c>
      <c r="D4598" t="s">
        <v>9278</v>
      </c>
      <c r="E4598" t="s">
        <v>32290</v>
      </c>
      <c r="F4598">
        <v>5</v>
      </c>
      <c r="G4598" t="s">
        <v>0</v>
      </c>
      <c r="H4598" t="s">
        <v>9279</v>
      </c>
      <c r="I4598" t="s">
        <v>30540</v>
      </c>
    </row>
    <row r="4599" spans="1:9">
      <c r="A4599" s="1">
        <v>0.44195041756652143</v>
      </c>
      <c r="B4599" s="1"/>
      <c r="C4599">
        <v>15</v>
      </c>
      <c r="D4599" t="s">
        <v>9282</v>
      </c>
      <c r="E4599" t="s">
        <v>32290</v>
      </c>
      <c r="F4599">
        <v>5</v>
      </c>
      <c r="G4599" t="s">
        <v>0</v>
      </c>
      <c r="H4599" t="s">
        <v>9283</v>
      </c>
      <c r="I4599" t="s">
        <v>30540</v>
      </c>
    </row>
    <row r="4600" spans="1:9">
      <c r="A4600" s="1">
        <v>0.66309805921985876</v>
      </c>
      <c r="B4600" s="1"/>
      <c r="C4600">
        <v>16</v>
      </c>
      <c r="D4600" t="s">
        <v>9284</v>
      </c>
      <c r="E4600" t="s">
        <v>32290</v>
      </c>
      <c r="F4600">
        <v>5</v>
      </c>
      <c r="G4600" t="s">
        <v>0</v>
      </c>
      <c r="H4600" t="s">
        <v>9285</v>
      </c>
      <c r="I4600" t="s">
        <v>30540</v>
      </c>
    </row>
    <row r="4601" spans="1:9">
      <c r="A4601" s="1">
        <v>0.32201057975853875</v>
      </c>
      <c r="B4601" s="1"/>
      <c r="C4601">
        <v>17</v>
      </c>
      <c r="D4601" t="s">
        <v>9286</v>
      </c>
      <c r="E4601" t="s">
        <v>32290</v>
      </c>
      <c r="F4601">
        <v>4</v>
      </c>
      <c r="G4601" t="s">
        <v>9</v>
      </c>
      <c r="H4601" t="s">
        <v>9287</v>
      </c>
      <c r="I4601" t="s">
        <v>30540</v>
      </c>
    </row>
    <row r="4602" spans="1:9">
      <c r="A4602" s="1">
        <v>4.3356455951440442E-2</v>
      </c>
      <c r="B4602" s="1"/>
      <c r="C4602">
        <v>14</v>
      </c>
      <c r="D4602" t="s">
        <v>9280</v>
      </c>
      <c r="E4602" t="s">
        <v>32290</v>
      </c>
      <c r="F4602">
        <v>4</v>
      </c>
      <c r="G4602" t="s">
        <v>2</v>
      </c>
      <c r="H4602" t="s">
        <v>9281</v>
      </c>
      <c r="I4602" t="s">
        <v>30540</v>
      </c>
    </row>
    <row r="4603" spans="1:9">
      <c r="A4603" s="1">
        <v>0.78978601974544149</v>
      </c>
      <c r="B4603" s="1"/>
      <c r="C4603">
        <v>1</v>
      </c>
      <c r="D4603" t="s">
        <v>9274</v>
      </c>
      <c r="E4603" t="s">
        <v>32290</v>
      </c>
      <c r="F4603">
        <v>4</v>
      </c>
      <c r="G4603" t="s">
        <v>10</v>
      </c>
      <c r="H4603" t="s">
        <v>9275</v>
      </c>
      <c r="I4603" t="s">
        <v>30540</v>
      </c>
    </row>
    <row r="4604" spans="1:9">
      <c r="A4604" s="1">
        <v>0.42007526036631115</v>
      </c>
      <c r="B4604" s="1"/>
      <c r="C4604">
        <v>11</v>
      </c>
      <c r="D4604" t="s">
        <v>9276</v>
      </c>
      <c r="E4604" t="s">
        <v>32290</v>
      </c>
      <c r="F4604">
        <v>4</v>
      </c>
      <c r="G4604" t="s">
        <v>0</v>
      </c>
      <c r="H4604" t="s">
        <v>9277</v>
      </c>
      <c r="I4604" t="s">
        <v>30540</v>
      </c>
    </row>
    <row r="4605" spans="1:9">
      <c r="A4605" s="1">
        <v>0.29461267733653962</v>
      </c>
      <c r="B4605" s="1"/>
      <c r="C4605">
        <v>1</v>
      </c>
      <c r="D4605" t="s">
        <v>9266</v>
      </c>
      <c r="E4605" t="s">
        <v>32291</v>
      </c>
      <c r="F4605">
        <v>5</v>
      </c>
      <c r="G4605" t="s">
        <v>14</v>
      </c>
      <c r="H4605" t="s">
        <v>9267</v>
      </c>
      <c r="I4605" t="s">
        <v>30540</v>
      </c>
    </row>
    <row r="4606" spans="1:9">
      <c r="A4606" s="1">
        <v>1.7522900171431655E-2</v>
      </c>
      <c r="B4606" s="1"/>
      <c r="C4606">
        <v>6</v>
      </c>
      <c r="D4606" t="s">
        <v>9268</v>
      </c>
      <c r="E4606" t="s">
        <v>32291</v>
      </c>
      <c r="F4606">
        <v>4</v>
      </c>
      <c r="G4606" t="s">
        <v>765</v>
      </c>
      <c r="H4606" t="s">
        <v>9269</v>
      </c>
      <c r="I4606" t="s">
        <v>30540</v>
      </c>
    </row>
    <row r="4607" spans="1:9">
      <c r="A4607" s="1">
        <v>0.21625526941042894</v>
      </c>
      <c r="B4607" s="1"/>
      <c r="C4607">
        <v>9</v>
      </c>
      <c r="D4607" t="s">
        <v>9270</v>
      </c>
      <c r="E4607" t="s">
        <v>32291</v>
      </c>
      <c r="F4607">
        <v>4</v>
      </c>
      <c r="G4607" t="s">
        <v>762</v>
      </c>
      <c r="H4607" t="s">
        <v>9271</v>
      </c>
      <c r="I4607" t="s">
        <v>30540</v>
      </c>
    </row>
    <row r="4608" spans="1:9">
      <c r="A4608" s="1">
        <v>0.79677453461611802</v>
      </c>
      <c r="B4608" s="1"/>
      <c r="C4608">
        <v>14</v>
      </c>
      <c r="D4608" t="s">
        <v>9262</v>
      </c>
      <c r="E4608" t="s">
        <v>32292</v>
      </c>
      <c r="F4608">
        <v>4</v>
      </c>
      <c r="G4608" t="s">
        <v>0</v>
      </c>
      <c r="H4608" t="s">
        <v>9263</v>
      </c>
      <c r="I4608" t="s">
        <v>30540</v>
      </c>
    </row>
    <row r="4609" spans="1:9">
      <c r="A4609" s="1">
        <v>0.38779149078467179</v>
      </c>
      <c r="B4609" s="1"/>
      <c r="C4609">
        <v>10</v>
      </c>
      <c r="D4609" t="s">
        <v>9260</v>
      </c>
      <c r="E4609" t="s">
        <v>32292</v>
      </c>
      <c r="F4609">
        <v>4</v>
      </c>
      <c r="G4609" t="s">
        <v>0</v>
      </c>
      <c r="H4609" t="s">
        <v>9261</v>
      </c>
      <c r="I4609" t="s">
        <v>30540</v>
      </c>
    </row>
    <row r="4610" spans="1:9">
      <c r="A4610" s="1">
        <v>2.1864361200110372E-2</v>
      </c>
      <c r="B4610" s="1"/>
      <c r="C4610">
        <v>7</v>
      </c>
      <c r="D4610" t="s">
        <v>9256</v>
      </c>
      <c r="E4610" t="s">
        <v>32292</v>
      </c>
      <c r="F4610">
        <v>4</v>
      </c>
      <c r="G4610" t="s">
        <v>15</v>
      </c>
      <c r="H4610" t="s">
        <v>9257</v>
      </c>
      <c r="I4610" t="s">
        <v>30540</v>
      </c>
    </row>
    <row r="4611" spans="1:9">
      <c r="A4611" s="1">
        <v>0.78798840433083406</v>
      </c>
      <c r="B4611" s="1"/>
      <c r="C4611">
        <v>16</v>
      </c>
      <c r="D4611" t="s">
        <v>9264</v>
      </c>
      <c r="E4611" t="s">
        <v>32292</v>
      </c>
      <c r="F4611">
        <v>4</v>
      </c>
      <c r="G4611" t="s">
        <v>0</v>
      </c>
      <c r="H4611" t="s">
        <v>9265</v>
      </c>
      <c r="I4611" t="s">
        <v>30540</v>
      </c>
    </row>
    <row r="4612" spans="1:9">
      <c r="A4612" s="1">
        <v>2.29676697811243E-2</v>
      </c>
      <c r="B4612" s="1"/>
      <c r="C4612">
        <v>9</v>
      </c>
      <c r="D4612" t="s">
        <v>9258</v>
      </c>
      <c r="E4612" t="s">
        <v>32292</v>
      </c>
      <c r="F4612">
        <v>4</v>
      </c>
      <c r="G4612" t="s">
        <v>0</v>
      </c>
      <c r="H4612" t="s">
        <v>9259</v>
      </c>
      <c r="I4612" t="s">
        <v>30540</v>
      </c>
    </row>
    <row r="4613" spans="1:9">
      <c r="A4613" s="1">
        <v>0.83313179619005573</v>
      </c>
      <c r="B4613" s="1"/>
      <c r="C4613">
        <v>4</v>
      </c>
      <c r="D4613" t="s">
        <v>9242</v>
      </c>
      <c r="E4613" t="s">
        <v>32293</v>
      </c>
      <c r="F4613">
        <v>5</v>
      </c>
      <c r="G4613" t="s">
        <v>9</v>
      </c>
      <c r="H4613" t="s">
        <v>9243</v>
      </c>
      <c r="I4613" t="s">
        <v>30540</v>
      </c>
    </row>
    <row r="4614" spans="1:9">
      <c r="A4614" s="1">
        <v>0.46456868498820869</v>
      </c>
      <c r="B4614" s="1"/>
      <c r="C4614">
        <v>13</v>
      </c>
      <c r="D4614" t="s">
        <v>9248</v>
      </c>
      <c r="E4614" t="s">
        <v>32293</v>
      </c>
      <c r="F4614">
        <v>5</v>
      </c>
      <c r="G4614" t="s">
        <v>0</v>
      </c>
      <c r="H4614" t="s">
        <v>9249</v>
      </c>
      <c r="I4614" t="s">
        <v>30540</v>
      </c>
    </row>
    <row r="4615" spans="1:9">
      <c r="A4615" s="1">
        <v>0.84970992637372822</v>
      </c>
      <c r="B4615" s="1"/>
      <c r="C4615">
        <v>18</v>
      </c>
      <c r="D4615" t="s">
        <v>9252</v>
      </c>
      <c r="E4615" t="s">
        <v>32293</v>
      </c>
      <c r="F4615">
        <v>5</v>
      </c>
      <c r="G4615" t="s">
        <v>0</v>
      </c>
      <c r="H4615" t="s">
        <v>9253</v>
      </c>
      <c r="I4615" t="s">
        <v>30540</v>
      </c>
    </row>
    <row r="4616" spans="1:9">
      <c r="A4616" s="1">
        <v>0.13435680153821994</v>
      </c>
      <c r="B4616" s="1"/>
      <c r="C4616">
        <v>17</v>
      </c>
      <c r="D4616" t="s">
        <v>9250</v>
      </c>
      <c r="E4616" t="s">
        <v>32293</v>
      </c>
      <c r="F4616">
        <v>4</v>
      </c>
      <c r="G4616" t="s">
        <v>0</v>
      </c>
      <c r="H4616" t="s">
        <v>9251</v>
      </c>
      <c r="I4616" t="s">
        <v>30540</v>
      </c>
    </row>
    <row r="4617" spans="1:9">
      <c r="A4617" s="1">
        <v>0.41224771494991219</v>
      </c>
      <c r="B4617" s="1"/>
      <c r="C4617">
        <v>12</v>
      </c>
      <c r="D4617" t="s">
        <v>9246</v>
      </c>
      <c r="E4617" t="s">
        <v>32293</v>
      </c>
      <c r="F4617">
        <v>4</v>
      </c>
      <c r="G4617" t="s">
        <v>0</v>
      </c>
      <c r="H4617" t="s">
        <v>9247</v>
      </c>
      <c r="I4617" t="s">
        <v>30540</v>
      </c>
    </row>
    <row r="4618" spans="1:9">
      <c r="A4618" s="1">
        <v>0.49993847351925014</v>
      </c>
      <c r="B4618" s="1"/>
      <c r="C4618">
        <v>19</v>
      </c>
      <c r="D4618" t="s">
        <v>9254</v>
      </c>
      <c r="E4618" t="s">
        <v>32293</v>
      </c>
      <c r="F4618">
        <v>4</v>
      </c>
      <c r="G4618" t="s">
        <v>0</v>
      </c>
      <c r="H4618" t="s">
        <v>9255</v>
      </c>
      <c r="I4618" t="s">
        <v>30540</v>
      </c>
    </row>
    <row r="4619" spans="1:9">
      <c r="A4619" s="1">
        <v>0.42176591870130431</v>
      </c>
      <c r="B4619" s="1"/>
      <c r="C4619">
        <v>10</v>
      </c>
      <c r="D4619" t="s">
        <v>9244</v>
      </c>
      <c r="E4619" t="s">
        <v>32293</v>
      </c>
      <c r="F4619">
        <v>3</v>
      </c>
      <c r="G4619" t="s">
        <v>0</v>
      </c>
      <c r="H4619" t="s">
        <v>9245</v>
      </c>
      <c r="I4619" t="s">
        <v>30540</v>
      </c>
    </row>
    <row r="4620" spans="1:9">
      <c r="A4620" s="1">
        <v>0.72973123972657572</v>
      </c>
      <c r="B4620" s="1"/>
      <c r="C4620">
        <v>10</v>
      </c>
      <c r="D4620" t="s">
        <v>9238</v>
      </c>
      <c r="E4620" t="s">
        <v>32294</v>
      </c>
      <c r="F4620">
        <v>5</v>
      </c>
      <c r="G4620" t="s">
        <v>0</v>
      </c>
      <c r="H4620" t="s">
        <v>9239</v>
      </c>
      <c r="I4620" t="s">
        <v>30540</v>
      </c>
    </row>
    <row r="4621" spans="1:9">
      <c r="A4621" s="1">
        <v>0.53029024198705543</v>
      </c>
      <c r="B4621" s="1"/>
      <c r="C4621">
        <v>9</v>
      </c>
      <c r="D4621" t="s">
        <v>9236</v>
      </c>
      <c r="E4621" t="s">
        <v>32294</v>
      </c>
      <c r="F4621">
        <v>5</v>
      </c>
      <c r="G4621" t="s">
        <v>0</v>
      </c>
      <c r="H4621" t="s">
        <v>9237</v>
      </c>
      <c r="I4621" t="s">
        <v>30540</v>
      </c>
    </row>
    <row r="4622" spans="1:9">
      <c r="A4622" s="1">
        <v>0.19118866638618293</v>
      </c>
      <c r="B4622" s="1"/>
      <c r="C4622">
        <v>11</v>
      </c>
      <c r="D4622" t="s">
        <v>9240</v>
      </c>
      <c r="E4622" t="s">
        <v>32294</v>
      </c>
      <c r="F4622">
        <v>4</v>
      </c>
      <c r="G4622" t="s">
        <v>9</v>
      </c>
      <c r="H4622" t="s">
        <v>9241</v>
      </c>
      <c r="I4622" t="s">
        <v>30540</v>
      </c>
    </row>
    <row r="4623" spans="1:9">
      <c r="A4623" s="1">
        <v>0.45966520585637871</v>
      </c>
      <c r="B4623" s="1"/>
      <c r="C4623">
        <v>5</v>
      </c>
      <c r="D4623" t="s">
        <v>9234</v>
      </c>
      <c r="E4623" t="s">
        <v>32294</v>
      </c>
      <c r="F4623">
        <v>4</v>
      </c>
      <c r="G4623" t="s">
        <v>0</v>
      </c>
      <c r="H4623" t="s">
        <v>9235</v>
      </c>
      <c r="I4623" t="s">
        <v>30540</v>
      </c>
    </row>
    <row r="4624" spans="1:9">
      <c r="A4624" s="1">
        <v>0.88464871176799875</v>
      </c>
      <c r="B4624" s="1"/>
      <c r="C4624">
        <v>12</v>
      </c>
      <c r="D4624" t="s">
        <v>9226</v>
      </c>
      <c r="E4624" t="s">
        <v>32295</v>
      </c>
      <c r="F4624">
        <v>5</v>
      </c>
      <c r="G4624" t="s">
        <v>0</v>
      </c>
      <c r="H4624" t="s">
        <v>9227</v>
      </c>
      <c r="I4624" t="s">
        <v>30540</v>
      </c>
    </row>
    <row r="4625" spans="1:9">
      <c r="A4625" s="1">
        <v>0.2501342013732486</v>
      </c>
      <c r="B4625" s="1"/>
      <c r="C4625">
        <v>15</v>
      </c>
      <c r="D4625" t="s">
        <v>9230</v>
      </c>
      <c r="E4625" t="s">
        <v>32295</v>
      </c>
      <c r="F4625">
        <v>4</v>
      </c>
      <c r="G4625" t="s">
        <v>0</v>
      </c>
      <c r="H4625" t="s">
        <v>9231</v>
      </c>
      <c r="I4625" t="s">
        <v>30540</v>
      </c>
    </row>
    <row r="4626" spans="1:9">
      <c r="A4626" s="1">
        <v>0.26447188849041214</v>
      </c>
      <c r="B4626" s="1"/>
      <c r="C4626">
        <v>13</v>
      </c>
      <c r="D4626" t="s">
        <v>9228</v>
      </c>
      <c r="E4626" t="s">
        <v>32295</v>
      </c>
      <c r="F4626">
        <v>4</v>
      </c>
      <c r="G4626" t="s">
        <v>0</v>
      </c>
      <c r="H4626" t="s">
        <v>9229</v>
      </c>
      <c r="I4626" t="s">
        <v>30540</v>
      </c>
    </row>
    <row r="4627" spans="1:9">
      <c r="A4627" s="1">
        <v>0.46832723934741527</v>
      </c>
      <c r="B4627" s="1"/>
      <c r="C4627">
        <v>11</v>
      </c>
      <c r="D4627" t="s">
        <v>9224</v>
      </c>
      <c r="E4627" t="s">
        <v>32295</v>
      </c>
      <c r="F4627">
        <v>4</v>
      </c>
      <c r="G4627" t="s">
        <v>0</v>
      </c>
      <c r="H4627" t="s">
        <v>9225</v>
      </c>
      <c r="I4627" t="s">
        <v>30540</v>
      </c>
    </row>
    <row r="4628" spans="1:9">
      <c r="A4628" s="1">
        <v>0.71763930152216615</v>
      </c>
      <c r="B4628" s="1"/>
      <c r="C4628">
        <v>6</v>
      </c>
      <c r="D4628" t="s">
        <v>9220</v>
      </c>
      <c r="E4628" t="s">
        <v>32295</v>
      </c>
      <c r="F4628">
        <v>4</v>
      </c>
      <c r="G4628" t="s">
        <v>10</v>
      </c>
      <c r="H4628" t="s">
        <v>9221</v>
      </c>
      <c r="I4628" t="s">
        <v>30540</v>
      </c>
    </row>
    <row r="4629" spans="1:9">
      <c r="A4629" s="1">
        <v>9.9021454557606803E-2</v>
      </c>
      <c r="B4629" s="1"/>
      <c r="C4629">
        <v>8</v>
      </c>
      <c r="D4629" t="s">
        <v>9222</v>
      </c>
      <c r="E4629" t="s">
        <v>32295</v>
      </c>
      <c r="F4629">
        <v>3</v>
      </c>
      <c r="G4629" t="s">
        <v>1295</v>
      </c>
      <c r="H4629" t="s">
        <v>9223</v>
      </c>
      <c r="I4629" t="s">
        <v>30540</v>
      </c>
    </row>
    <row r="4630" spans="1:9">
      <c r="A4630" s="1">
        <v>0.49142788390776349</v>
      </c>
      <c r="B4630" s="1"/>
      <c r="C4630">
        <v>8</v>
      </c>
      <c r="D4630" t="s">
        <v>9214</v>
      </c>
      <c r="E4630" t="s">
        <v>32296</v>
      </c>
      <c r="F4630">
        <v>4</v>
      </c>
      <c r="G4630" t="s">
        <v>0</v>
      </c>
      <c r="H4630" t="s">
        <v>9215</v>
      </c>
      <c r="I4630" t="s">
        <v>30540</v>
      </c>
    </row>
    <row r="4631" spans="1:9">
      <c r="A4631" s="1">
        <v>2.7924173524549789E-2</v>
      </c>
      <c r="B4631" s="1"/>
      <c r="C4631">
        <v>7</v>
      </c>
      <c r="D4631" t="s">
        <v>9212</v>
      </c>
      <c r="E4631" t="s">
        <v>32296</v>
      </c>
      <c r="F4631">
        <v>4</v>
      </c>
      <c r="G4631" t="s">
        <v>9</v>
      </c>
      <c r="H4631" t="s">
        <v>9213</v>
      </c>
      <c r="I4631" t="s">
        <v>30540</v>
      </c>
    </row>
    <row r="4632" spans="1:9">
      <c r="A4632" s="1">
        <v>0.50454928235668151</v>
      </c>
      <c r="B4632" s="1"/>
      <c r="C4632">
        <v>13</v>
      </c>
      <c r="D4632" t="s">
        <v>9216</v>
      </c>
      <c r="E4632" t="s">
        <v>32296</v>
      </c>
      <c r="F4632">
        <v>4</v>
      </c>
      <c r="G4632" t="s">
        <v>0</v>
      </c>
      <c r="H4632" t="s">
        <v>9217</v>
      </c>
      <c r="I4632" t="s">
        <v>30540</v>
      </c>
    </row>
    <row r="4633" spans="1:9">
      <c r="A4633" s="1">
        <v>0.16520816575149166</v>
      </c>
      <c r="B4633" s="1"/>
      <c r="C4633">
        <v>11</v>
      </c>
      <c r="D4633" t="s">
        <v>9210</v>
      </c>
      <c r="E4633" t="s">
        <v>32297</v>
      </c>
      <c r="F4633">
        <v>5</v>
      </c>
      <c r="G4633" t="s">
        <v>0</v>
      </c>
      <c r="H4633" t="s">
        <v>9211</v>
      </c>
      <c r="I4633" t="s">
        <v>30540</v>
      </c>
    </row>
    <row r="4634" spans="1:9">
      <c r="A4634" s="1">
        <v>0.3568861064062866</v>
      </c>
      <c r="B4634" s="1"/>
      <c r="C4634">
        <v>1</v>
      </c>
      <c r="D4634" t="s">
        <v>9206</v>
      </c>
      <c r="E4634" t="s">
        <v>32297</v>
      </c>
      <c r="F4634">
        <v>5</v>
      </c>
      <c r="G4634" t="s">
        <v>1</v>
      </c>
      <c r="H4634" t="s">
        <v>9207</v>
      </c>
      <c r="I4634" t="s">
        <v>30540</v>
      </c>
    </row>
    <row r="4635" spans="1:9">
      <c r="A4635" s="1">
        <v>0.20517259691153955</v>
      </c>
      <c r="B4635" s="1"/>
      <c r="C4635">
        <v>8</v>
      </c>
      <c r="D4635" t="s">
        <v>9208</v>
      </c>
      <c r="E4635" t="s">
        <v>32297</v>
      </c>
      <c r="F4635">
        <v>3</v>
      </c>
      <c r="G4635" t="s">
        <v>2</v>
      </c>
      <c r="H4635" t="s">
        <v>9209</v>
      </c>
      <c r="I4635" t="s">
        <v>30540</v>
      </c>
    </row>
    <row r="4636" spans="1:9">
      <c r="A4636" s="1">
        <v>0.58548544715273454</v>
      </c>
      <c r="B4636" s="1"/>
      <c r="C4636">
        <v>18</v>
      </c>
      <c r="D4636" t="s">
        <v>9202</v>
      </c>
      <c r="E4636" t="s">
        <v>32298</v>
      </c>
      <c r="F4636">
        <v>5</v>
      </c>
      <c r="G4636" t="s">
        <v>9</v>
      </c>
      <c r="H4636" t="s">
        <v>9203</v>
      </c>
      <c r="I4636" t="s">
        <v>30540</v>
      </c>
    </row>
    <row r="4637" spans="1:9">
      <c r="A4637" s="1">
        <v>0.99095016573621975</v>
      </c>
      <c r="B4637" s="1"/>
      <c r="C4637">
        <v>19</v>
      </c>
      <c r="D4637" t="s">
        <v>9204</v>
      </c>
      <c r="E4637" t="s">
        <v>32298</v>
      </c>
      <c r="F4637">
        <v>4</v>
      </c>
      <c r="G4637" t="s">
        <v>0</v>
      </c>
      <c r="H4637" t="s">
        <v>9205</v>
      </c>
      <c r="I4637" t="s">
        <v>30540</v>
      </c>
    </row>
    <row r="4638" spans="1:9">
      <c r="A4638" s="1">
        <v>8.0005637885554814E-2</v>
      </c>
      <c r="B4638" s="1"/>
      <c r="C4638">
        <v>16</v>
      </c>
      <c r="D4638" t="s">
        <v>9200</v>
      </c>
      <c r="E4638" t="s">
        <v>32298</v>
      </c>
      <c r="F4638">
        <v>4</v>
      </c>
      <c r="G4638" t="s">
        <v>15</v>
      </c>
      <c r="H4638" t="s">
        <v>9201</v>
      </c>
      <c r="I4638" t="s">
        <v>30540</v>
      </c>
    </row>
    <row r="4639" spans="1:9">
      <c r="A4639" s="1">
        <v>0.33437456351921602</v>
      </c>
      <c r="B4639" s="1"/>
      <c r="C4639">
        <v>2</v>
      </c>
      <c r="D4639" t="s">
        <v>9178</v>
      </c>
      <c r="E4639" t="s">
        <v>32299</v>
      </c>
      <c r="F4639">
        <v>5</v>
      </c>
      <c r="G4639" t="s">
        <v>9</v>
      </c>
      <c r="H4639" t="s">
        <v>9179</v>
      </c>
      <c r="I4639" t="s">
        <v>30540</v>
      </c>
    </row>
    <row r="4640" spans="1:9">
      <c r="A4640" s="1">
        <v>6.0747284962212267E-2</v>
      </c>
      <c r="B4640" s="1"/>
      <c r="C4640">
        <v>6</v>
      </c>
      <c r="D4640" t="s">
        <v>9182</v>
      </c>
      <c r="E4640" t="s">
        <v>32299</v>
      </c>
      <c r="F4640">
        <v>5</v>
      </c>
      <c r="G4640" t="s">
        <v>1</v>
      </c>
      <c r="H4640" t="s">
        <v>9183</v>
      </c>
      <c r="I4640" t="s">
        <v>30540</v>
      </c>
    </row>
    <row r="4641" spans="1:9">
      <c r="A4641" s="1">
        <v>0.89592215171430867</v>
      </c>
      <c r="B4641" s="1"/>
      <c r="C4641">
        <v>4</v>
      </c>
      <c r="D4641" t="s">
        <v>9180</v>
      </c>
      <c r="E4641" t="s">
        <v>32299</v>
      </c>
      <c r="F4641">
        <v>5</v>
      </c>
      <c r="G4641" t="s">
        <v>10</v>
      </c>
      <c r="H4641" t="s">
        <v>9181</v>
      </c>
      <c r="I4641" t="s">
        <v>30540</v>
      </c>
    </row>
    <row r="4642" spans="1:9">
      <c r="A4642" s="1">
        <v>0.64258079525687473</v>
      </c>
      <c r="B4642" s="1"/>
      <c r="C4642">
        <v>16</v>
      </c>
      <c r="D4642" t="s">
        <v>9198</v>
      </c>
      <c r="E4642" t="s">
        <v>32299</v>
      </c>
      <c r="F4642">
        <v>4</v>
      </c>
      <c r="G4642" t="s">
        <v>0</v>
      </c>
      <c r="H4642" t="s">
        <v>9199</v>
      </c>
      <c r="I4642" t="s">
        <v>30540</v>
      </c>
    </row>
    <row r="4643" spans="1:9">
      <c r="A4643" s="1">
        <v>0.66515787291704687</v>
      </c>
      <c r="B4643" s="1"/>
      <c r="C4643">
        <v>8</v>
      </c>
      <c r="D4643" t="s">
        <v>9186</v>
      </c>
      <c r="E4643" t="s">
        <v>32299</v>
      </c>
      <c r="F4643">
        <v>4</v>
      </c>
      <c r="G4643" t="s">
        <v>13</v>
      </c>
      <c r="H4643" t="s">
        <v>9187</v>
      </c>
      <c r="I4643" t="s">
        <v>30540</v>
      </c>
    </row>
    <row r="4644" spans="1:9">
      <c r="A4644" s="1">
        <v>0.20413226332969936</v>
      </c>
      <c r="B4644" s="1"/>
      <c r="C4644">
        <v>11</v>
      </c>
      <c r="D4644" t="s">
        <v>9192</v>
      </c>
      <c r="E4644" t="s">
        <v>32299</v>
      </c>
      <c r="F4644">
        <v>4</v>
      </c>
      <c r="G4644" t="s">
        <v>0</v>
      </c>
      <c r="H4644" t="s">
        <v>9193</v>
      </c>
      <c r="I4644" t="s">
        <v>30540</v>
      </c>
    </row>
    <row r="4645" spans="1:9">
      <c r="A4645" s="1">
        <v>0.28953320704309127</v>
      </c>
      <c r="B4645" s="1"/>
      <c r="C4645">
        <v>7</v>
      </c>
      <c r="D4645" t="s">
        <v>9184</v>
      </c>
      <c r="E4645" t="s">
        <v>32299</v>
      </c>
      <c r="F4645">
        <v>4</v>
      </c>
      <c r="G4645" t="s">
        <v>0</v>
      </c>
      <c r="H4645" t="s">
        <v>9185</v>
      </c>
      <c r="I4645" t="s">
        <v>30540</v>
      </c>
    </row>
    <row r="4646" spans="1:9">
      <c r="A4646" s="1">
        <v>0.65074309512568762</v>
      </c>
      <c r="B4646" s="1"/>
      <c r="C4646">
        <v>14</v>
      </c>
      <c r="D4646" t="s">
        <v>9196</v>
      </c>
      <c r="E4646" t="s">
        <v>32299</v>
      </c>
      <c r="F4646">
        <v>4</v>
      </c>
      <c r="G4646" t="s">
        <v>0</v>
      </c>
      <c r="H4646" t="s">
        <v>9197</v>
      </c>
      <c r="I4646" t="s">
        <v>30540</v>
      </c>
    </row>
    <row r="4647" spans="1:9">
      <c r="A4647" s="1">
        <v>0.66800685541272486</v>
      </c>
      <c r="B4647" s="1"/>
      <c r="C4647">
        <v>10</v>
      </c>
      <c r="D4647" t="s">
        <v>9190</v>
      </c>
      <c r="E4647" t="s">
        <v>32299</v>
      </c>
      <c r="F4647">
        <v>4</v>
      </c>
      <c r="G4647" t="s">
        <v>2</v>
      </c>
      <c r="H4647" t="s">
        <v>9191</v>
      </c>
      <c r="I4647" t="s">
        <v>30540</v>
      </c>
    </row>
    <row r="4648" spans="1:9">
      <c r="A4648" s="1">
        <v>0.65198499084778272</v>
      </c>
      <c r="B4648" s="1"/>
      <c r="C4648">
        <v>7</v>
      </c>
      <c r="D4648" t="s">
        <v>9172</v>
      </c>
      <c r="E4648" t="s">
        <v>32300</v>
      </c>
      <c r="F4648">
        <v>4</v>
      </c>
      <c r="G4648" t="s">
        <v>1</v>
      </c>
      <c r="H4648" t="s">
        <v>9173</v>
      </c>
      <c r="I4648" t="s">
        <v>30540</v>
      </c>
    </row>
    <row r="4649" spans="1:9">
      <c r="A4649" s="1">
        <v>0.18365147416153182</v>
      </c>
      <c r="B4649" s="1"/>
      <c r="C4649">
        <v>16</v>
      </c>
      <c r="D4649" t="s">
        <v>9176</v>
      </c>
      <c r="E4649" t="s">
        <v>32300</v>
      </c>
      <c r="F4649">
        <v>4</v>
      </c>
      <c r="G4649" t="s">
        <v>0</v>
      </c>
      <c r="H4649" t="s">
        <v>9177</v>
      </c>
      <c r="I4649" t="s">
        <v>30540</v>
      </c>
    </row>
    <row r="4650" spans="1:9">
      <c r="A4650" s="1">
        <v>0.26870301670637375</v>
      </c>
      <c r="B4650" s="1"/>
      <c r="C4650">
        <v>12</v>
      </c>
      <c r="D4650" t="s">
        <v>9174</v>
      </c>
      <c r="E4650" t="s">
        <v>32300</v>
      </c>
      <c r="F4650">
        <v>4</v>
      </c>
      <c r="G4650" t="s">
        <v>0</v>
      </c>
      <c r="H4650" t="s">
        <v>9175</v>
      </c>
      <c r="I4650" t="s">
        <v>30540</v>
      </c>
    </row>
    <row r="4651" spans="1:9">
      <c r="A4651" s="1">
        <v>7.9726015565410813E-2</v>
      </c>
      <c r="B4651" s="1"/>
      <c r="C4651">
        <v>4</v>
      </c>
      <c r="D4651" t="s">
        <v>9164</v>
      </c>
      <c r="E4651" t="s">
        <v>32301</v>
      </c>
      <c r="F4651">
        <v>5</v>
      </c>
      <c r="G4651" t="s">
        <v>0</v>
      </c>
      <c r="H4651" t="s">
        <v>9165</v>
      </c>
      <c r="I4651" t="s">
        <v>30540</v>
      </c>
    </row>
    <row r="4652" spans="1:9">
      <c r="A4652" s="1">
        <v>0.21981761790675258</v>
      </c>
      <c r="B4652" s="1"/>
      <c r="C4652">
        <v>7</v>
      </c>
      <c r="D4652" t="s">
        <v>9166</v>
      </c>
      <c r="E4652" t="s">
        <v>32301</v>
      </c>
      <c r="F4652">
        <v>4</v>
      </c>
      <c r="G4652" t="s">
        <v>774</v>
      </c>
      <c r="H4652" t="s">
        <v>9167</v>
      </c>
      <c r="I4652" t="s">
        <v>30540</v>
      </c>
    </row>
    <row r="4653" spans="1:9">
      <c r="A4653" s="1">
        <v>0.29743518203681318</v>
      </c>
      <c r="B4653" s="1"/>
      <c r="C4653">
        <v>11</v>
      </c>
      <c r="D4653" t="s">
        <v>9168</v>
      </c>
      <c r="E4653" t="s">
        <v>32301</v>
      </c>
      <c r="F4653">
        <v>4</v>
      </c>
      <c r="G4653" t="s">
        <v>762</v>
      </c>
      <c r="H4653" t="s">
        <v>9169</v>
      </c>
      <c r="I4653" t="s">
        <v>30540</v>
      </c>
    </row>
    <row r="4654" spans="1:9">
      <c r="A4654" s="1">
        <v>0.74339243093693619</v>
      </c>
      <c r="B4654" s="1"/>
      <c r="C4654">
        <v>2</v>
      </c>
      <c r="D4654" t="s">
        <v>9156</v>
      </c>
      <c r="E4654" t="s">
        <v>32302</v>
      </c>
      <c r="F4654">
        <v>5</v>
      </c>
      <c r="G4654" t="s">
        <v>0</v>
      </c>
      <c r="H4654" t="s">
        <v>9157</v>
      </c>
      <c r="I4654" t="s">
        <v>30540</v>
      </c>
    </row>
    <row r="4655" spans="1:9">
      <c r="A4655" s="1">
        <v>0.86972780478623901</v>
      </c>
      <c r="B4655" s="1"/>
      <c r="C4655">
        <v>9</v>
      </c>
      <c r="D4655" t="s">
        <v>9160</v>
      </c>
      <c r="E4655" t="s">
        <v>32302</v>
      </c>
      <c r="F4655">
        <v>5</v>
      </c>
      <c r="G4655" t="s">
        <v>15</v>
      </c>
      <c r="H4655" t="s">
        <v>9161</v>
      </c>
      <c r="I4655" t="s">
        <v>30540</v>
      </c>
    </row>
    <row r="4656" spans="1:9">
      <c r="A4656" s="1">
        <v>7.8316377273680127E-2</v>
      </c>
      <c r="B4656" s="1"/>
      <c r="C4656">
        <v>8</v>
      </c>
      <c r="D4656" t="s">
        <v>9158</v>
      </c>
      <c r="E4656" t="s">
        <v>32302</v>
      </c>
      <c r="F4656">
        <v>4</v>
      </c>
      <c r="G4656" t="s">
        <v>0</v>
      </c>
      <c r="H4656" t="s">
        <v>9159</v>
      </c>
      <c r="I4656" t="s">
        <v>30540</v>
      </c>
    </row>
    <row r="4657" spans="1:9">
      <c r="A4657" s="1">
        <v>8.5843061495479711E-2</v>
      </c>
      <c r="B4657" s="1"/>
      <c r="C4657">
        <v>2</v>
      </c>
      <c r="D4657" t="s">
        <v>9150</v>
      </c>
      <c r="E4657" t="s">
        <v>32303</v>
      </c>
      <c r="F4657">
        <v>5</v>
      </c>
      <c r="G4657" t="s">
        <v>766</v>
      </c>
      <c r="H4657" t="s">
        <v>9151</v>
      </c>
      <c r="I4657" t="s">
        <v>30540</v>
      </c>
    </row>
    <row r="4658" spans="1:9">
      <c r="A4658" s="1">
        <v>0.60143842462207653</v>
      </c>
      <c r="B4658" s="1"/>
      <c r="C4658">
        <v>17</v>
      </c>
      <c r="D4658" t="s">
        <v>9154</v>
      </c>
      <c r="E4658" t="s">
        <v>32303</v>
      </c>
      <c r="F4658">
        <v>4</v>
      </c>
      <c r="G4658" t="s">
        <v>0</v>
      </c>
      <c r="H4658" t="s">
        <v>9155</v>
      </c>
      <c r="I4658" t="s">
        <v>30540</v>
      </c>
    </row>
    <row r="4659" spans="1:9">
      <c r="A4659" s="1">
        <v>0.66118932931074914</v>
      </c>
      <c r="B4659" s="1"/>
      <c r="C4659">
        <v>8</v>
      </c>
      <c r="D4659" t="s">
        <v>9152</v>
      </c>
      <c r="E4659" t="s">
        <v>32303</v>
      </c>
      <c r="F4659">
        <v>3</v>
      </c>
      <c r="G4659" t="s">
        <v>0</v>
      </c>
      <c r="H4659" t="s">
        <v>9153</v>
      </c>
      <c r="I4659" t="s">
        <v>30540</v>
      </c>
    </row>
    <row r="4660" spans="1:9">
      <c r="A4660" s="1">
        <v>0.86302858834526486</v>
      </c>
      <c r="B4660" s="1"/>
      <c r="C4660">
        <v>7</v>
      </c>
      <c r="D4660" t="s">
        <v>9138</v>
      </c>
      <c r="E4660" t="s">
        <v>32304</v>
      </c>
      <c r="F4660">
        <v>5</v>
      </c>
      <c r="G4660" t="s">
        <v>13</v>
      </c>
      <c r="H4660" t="s">
        <v>9139</v>
      </c>
      <c r="I4660" t="s">
        <v>30540</v>
      </c>
    </row>
    <row r="4661" spans="1:9">
      <c r="A4661" s="1">
        <v>0.70757765748583512</v>
      </c>
      <c r="B4661" s="1"/>
      <c r="C4661">
        <v>11</v>
      </c>
      <c r="D4661" t="s">
        <v>9144</v>
      </c>
      <c r="E4661" t="s">
        <v>32304</v>
      </c>
      <c r="F4661">
        <v>4</v>
      </c>
      <c r="G4661" t="s">
        <v>13</v>
      </c>
      <c r="H4661" t="s">
        <v>9145</v>
      </c>
      <c r="I4661" t="s">
        <v>30540</v>
      </c>
    </row>
    <row r="4662" spans="1:9">
      <c r="A4662" s="1">
        <v>0.80936371425718023</v>
      </c>
      <c r="B4662" s="1"/>
      <c r="C4662">
        <v>8</v>
      </c>
      <c r="D4662" t="s">
        <v>9140</v>
      </c>
      <c r="E4662" t="s">
        <v>32304</v>
      </c>
      <c r="F4662">
        <v>4</v>
      </c>
      <c r="G4662" t="s">
        <v>15</v>
      </c>
      <c r="H4662" t="s">
        <v>9141</v>
      </c>
      <c r="I4662" t="s">
        <v>30540</v>
      </c>
    </row>
    <row r="4663" spans="1:9">
      <c r="A4663" s="1">
        <v>0.65891558545871232</v>
      </c>
      <c r="B4663" s="1"/>
      <c r="C4663">
        <v>13</v>
      </c>
      <c r="D4663" t="s">
        <v>9148</v>
      </c>
      <c r="E4663" t="s">
        <v>32304</v>
      </c>
      <c r="F4663">
        <v>4</v>
      </c>
      <c r="G4663" t="s">
        <v>0</v>
      </c>
      <c r="H4663" t="s">
        <v>9149</v>
      </c>
      <c r="I4663" t="s">
        <v>30540</v>
      </c>
    </row>
    <row r="4664" spans="1:9">
      <c r="A4664" s="1">
        <v>0.86503523525974235</v>
      </c>
      <c r="B4664" s="1"/>
      <c r="C4664">
        <v>6</v>
      </c>
      <c r="D4664" t="s">
        <v>9136</v>
      </c>
      <c r="E4664" t="s">
        <v>32304</v>
      </c>
      <c r="F4664">
        <v>4</v>
      </c>
      <c r="G4664" t="s">
        <v>0</v>
      </c>
      <c r="H4664" t="s">
        <v>9137</v>
      </c>
      <c r="I4664" t="s">
        <v>30540</v>
      </c>
    </row>
    <row r="4665" spans="1:9">
      <c r="A4665" s="1">
        <v>0.49537462567165125</v>
      </c>
      <c r="B4665" s="1"/>
      <c r="C4665">
        <v>2</v>
      </c>
      <c r="D4665" t="s">
        <v>9124</v>
      </c>
      <c r="E4665" t="s">
        <v>32305</v>
      </c>
      <c r="F4665">
        <v>5</v>
      </c>
      <c r="G4665" t="s">
        <v>762</v>
      </c>
      <c r="H4665" t="s">
        <v>9125</v>
      </c>
      <c r="I4665" t="s">
        <v>30540</v>
      </c>
    </row>
    <row r="4666" spans="1:9">
      <c r="A4666" s="1">
        <v>0.46345208542661009</v>
      </c>
      <c r="B4666" s="1"/>
      <c r="C4666">
        <v>9</v>
      </c>
      <c r="D4666" t="s">
        <v>9128</v>
      </c>
      <c r="E4666" t="s">
        <v>32305</v>
      </c>
      <c r="F4666">
        <v>5</v>
      </c>
      <c r="G4666" t="s">
        <v>0</v>
      </c>
      <c r="H4666" t="s">
        <v>9129</v>
      </c>
      <c r="I4666" t="s">
        <v>30540</v>
      </c>
    </row>
    <row r="4667" spans="1:9">
      <c r="A4667" s="1">
        <v>0.56289418577714834</v>
      </c>
      <c r="B4667" s="1"/>
      <c r="C4667">
        <v>16</v>
      </c>
      <c r="D4667" t="s">
        <v>9134</v>
      </c>
      <c r="E4667" t="s">
        <v>32305</v>
      </c>
      <c r="F4667">
        <v>4</v>
      </c>
      <c r="G4667" t="s">
        <v>0</v>
      </c>
      <c r="H4667" t="s">
        <v>9135</v>
      </c>
      <c r="I4667" t="s">
        <v>30540</v>
      </c>
    </row>
    <row r="4668" spans="1:9">
      <c r="A4668" s="1">
        <v>0.39862135889150796</v>
      </c>
      <c r="B4668" s="1"/>
      <c r="C4668">
        <v>6</v>
      </c>
      <c r="D4668" t="s">
        <v>9126</v>
      </c>
      <c r="E4668" t="s">
        <v>32305</v>
      </c>
      <c r="F4668">
        <v>4</v>
      </c>
      <c r="G4668" t="s">
        <v>1295</v>
      </c>
      <c r="H4668" t="s">
        <v>9127</v>
      </c>
      <c r="I4668" t="s">
        <v>30540</v>
      </c>
    </row>
    <row r="4669" spans="1:9">
      <c r="A4669" s="1">
        <v>0.16982496360387234</v>
      </c>
      <c r="B4669" s="1"/>
      <c r="C4669">
        <v>13</v>
      </c>
      <c r="D4669" t="s">
        <v>9132</v>
      </c>
      <c r="E4669" t="s">
        <v>32305</v>
      </c>
      <c r="F4669">
        <v>3</v>
      </c>
      <c r="G4669" t="s">
        <v>0</v>
      </c>
      <c r="H4669" t="s">
        <v>9133</v>
      </c>
      <c r="I4669" t="s">
        <v>30540</v>
      </c>
    </row>
    <row r="4670" spans="1:9">
      <c r="A4670" s="1">
        <v>0.16966115027958195</v>
      </c>
      <c r="B4670" s="1"/>
      <c r="C4670">
        <v>9</v>
      </c>
      <c r="D4670" t="s">
        <v>9122</v>
      </c>
      <c r="E4670" t="s">
        <v>32306</v>
      </c>
      <c r="F4670">
        <v>4</v>
      </c>
      <c r="G4670" t="s">
        <v>771</v>
      </c>
      <c r="H4670" t="s">
        <v>9123</v>
      </c>
      <c r="I4670" t="s">
        <v>30540</v>
      </c>
    </row>
    <row r="4671" spans="1:9">
      <c r="A4671" s="1">
        <v>0.45544405293511658</v>
      </c>
      <c r="B4671" s="1"/>
      <c r="C4671">
        <v>8</v>
      </c>
      <c r="D4671" t="s">
        <v>9120</v>
      </c>
      <c r="E4671" t="s">
        <v>32306</v>
      </c>
      <c r="F4671">
        <v>4</v>
      </c>
      <c r="G4671" t="s">
        <v>762</v>
      </c>
      <c r="H4671" t="s">
        <v>9121</v>
      </c>
      <c r="I4671" t="s">
        <v>30540</v>
      </c>
    </row>
    <row r="4672" spans="1:9">
      <c r="A4672" s="1">
        <v>0.57182873560345848</v>
      </c>
      <c r="B4672" s="1"/>
      <c r="C4672">
        <v>11</v>
      </c>
      <c r="D4672" t="s">
        <v>9118</v>
      </c>
      <c r="E4672" t="s">
        <v>32307</v>
      </c>
      <c r="F4672">
        <v>5</v>
      </c>
      <c r="G4672" t="s">
        <v>15</v>
      </c>
      <c r="H4672" t="s">
        <v>9119</v>
      </c>
      <c r="I4672" t="s">
        <v>30540</v>
      </c>
    </row>
    <row r="4673" spans="1:9">
      <c r="A4673" s="1">
        <v>0.95204849045336537</v>
      </c>
      <c r="B4673" s="1"/>
      <c r="C4673">
        <v>6</v>
      </c>
      <c r="D4673" t="s">
        <v>9102</v>
      </c>
      <c r="E4673" t="s">
        <v>32308</v>
      </c>
      <c r="F4673">
        <v>5</v>
      </c>
      <c r="G4673" t="s">
        <v>2</v>
      </c>
      <c r="H4673" t="s">
        <v>9103</v>
      </c>
      <c r="I4673" t="s">
        <v>30540</v>
      </c>
    </row>
    <row r="4674" spans="1:9">
      <c r="A4674" s="1">
        <v>0.73343664636890771</v>
      </c>
      <c r="B4674" s="1"/>
      <c r="C4674">
        <v>17</v>
      </c>
      <c r="D4674" t="s">
        <v>9112</v>
      </c>
      <c r="E4674" t="s">
        <v>32308</v>
      </c>
      <c r="F4674">
        <v>5</v>
      </c>
      <c r="G4674" t="s">
        <v>0</v>
      </c>
      <c r="H4674" t="s">
        <v>9113</v>
      </c>
      <c r="I4674" t="s">
        <v>30540</v>
      </c>
    </row>
    <row r="4675" spans="1:9">
      <c r="A4675" s="1">
        <v>0.38649282243252747</v>
      </c>
      <c r="B4675" s="1"/>
      <c r="C4675">
        <v>18</v>
      </c>
      <c r="D4675" t="s">
        <v>9114</v>
      </c>
      <c r="E4675" t="s">
        <v>32308</v>
      </c>
      <c r="F4675">
        <v>5</v>
      </c>
      <c r="G4675" t="s">
        <v>769</v>
      </c>
      <c r="H4675" t="s">
        <v>9115</v>
      </c>
      <c r="I4675" t="s">
        <v>30540</v>
      </c>
    </row>
    <row r="4676" spans="1:9">
      <c r="A4676" s="1">
        <v>0.18473881906099787</v>
      </c>
      <c r="B4676" s="1"/>
      <c r="C4676">
        <v>12</v>
      </c>
      <c r="D4676" t="s">
        <v>9108</v>
      </c>
      <c r="E4676" t="s">
        <v>32308</v>
      </c>
      <c r="F4676">
        <v>4</v>
      </c>
      <c r="G4676" t="s">
        <v>0</v>
      </c>
      <c r="H4676" t="s">
        <v>9109</v>
      </c>
      <c r="I4676" t="s">
        <v>30540</v>
      </c>
    </row>
    <row r="4677" spans="1:9">
      <c r="A4677" s="1">
        <v>0.47997295586940647</v>
      </c>
      <c r="B4677" s="1"/>
      <c r="C4677">
        <v>11</v>
      </c>
      <c r="D4677" t="s">
        <v>9106</v>
      </c>
      <c r="E4677" t="s">
        <v>32308</v>
      </c>
      <c r="F4677">
        <v>4</v>
      </c>
      <c r="G4677" t="s">
        <v>770</v>
      </c>
      <c r="H4677" t="s">
        <v>9107</v>
      </c>
      <c r="I4677" t="s">
        <v>30540</v>
      </c>
    </row>
    <row r="4678" spans="1:9">
      <c r="A4678" s="1">
        <v>2.9645648873997454E-2</v>
      </c>
      <c r="B4678" s="1"/>
      <c r="C4678">
        <v>13</v>
      </c>
      <c r="D4678" t="s">
        <v>9110</v>
      </c>
      <c r="E4678" t="s">
        <v>32308</v>
      </c>
      <c r="F4678">
        <v>4</v>
      </c>
      <c r="G4678" t="s">
        <v>0</v>
      </c>
      <c r="H4678" t="s">
        <v>9111</v>
      </c>
      <c r="I4678" t="s">
        <v>30540</v>
      </c>
    </row>
    <row r="4679" spans="1:9">
      <c r="A4679" s="1">
        <v>0.26217147271697883</v>
      </c>
      <c r="B4679" s="1"/>
      <c r="C4679">
        <v>1</v>
      </c>
      <c r="D4679" t="s">
        <v>9100</v>
      </c>
      <c r="E4679" t="s">
        <v>32308</v>
      </c>
      <c r="F4679">
        <v>4</v>
      </c>
      <c r="G4679" t="s">
        <v>13</v>
      </c>
      <c r="H4679" t="s">
        <v>9101</v>
      </c>
      <c r="I4679" t="s">
        <v>30540</v>
      </c>
    </row>
    <row r="4680" spans="1:9">
      <c r="A4680" s="1">
        <v>0.83431603048515723</v>
      </c>
      <c r="B4680" s="1"/>
      <c r="C4680">
        <v>8</v>
      </c>
      <c r="D4680" t="s">
        <v>9098</v>
      </c>
      <c r="E4680" t="s">
        <v>32309</v>
      </c>
      <c r="F4680">
        <v>5</v>
      </c>
      <c r="G4680" t="s">
        <v>1</v>
      </c>
      <c r="H4680" t="s">
        <v>9099</v>
      </c>
      <c r="I4680" t="s">
        <v>30540</v>
      </c>
    </row>
    <row r="4681" spans="1:9">
      <c r="A4681" s="1">
        <v>0.26459390743980782</v>
      </c>
      <c r="B4681" s="1"/>
      <c r="C4681">
        <v>2</v>
      </c>
      <c r="D4681" t="s">
        <v>9092</v>
      </c>
      <c r="E4681" t="s">
        <v>32309</v>
      </c>
      <c r="F4681">
        <v>5</v>
      </c>
      <c r="G4681" t="s">
        <v>13</v>
      </c>
      <c r="H4681" t="s">
        <v>9093</v>
      </c>
      <c r="I4681" t="s">
        <v>30540</v>
      </c>
    </row>
    <row r="4682" spans="1:9">
      <c r="A4682" s="1">
        <v>0.1153297820561987</v>
      </c>
      <c r="B4682" s="1"/>
      <c r="C4682">
        <v>7</v>
      </c>
      <c r="D4682" t="s">
        <v>9096</v>
      </c>
      <c r="E4682" t="s">
        <v>32309</v>
      </c>
      <c r="F4682">
        <v>5</v>
      </c>
      <c r="G4682" t="s">
        <v>15</v>
      </c>
      <c r="H4682" t="s">
        <v>9097</v>
      </c>
      <c r="I4682" t="s">
        <v>30540</v>
      </c>
    </row>
    <row r="4683" spans="1:9">
      <c r="A4683" s="1">
        <v>0.10087989879143833</v>
      </c>
      <c r="B4683" s="1"/>
      <c r="C4683">
        <v>6</v>
      </c>
      <c r="D4683" t="s">
        <v>9094</v>
      </c>
      <c r="E4683" t="s">
        <v>32309</v>
      </c>
      <c r="F4683">
        <v>4</v>
      </c>
      <c r="G4683" t="s">
        <v>0</v>
      </c>
      <c r="H4683" t="s">
        <v>9095</v>
      </c>
      <c r="I4683" t="s">
        <v>30540</v>
      </c>
    </row>
    <row r="4684" spans="1:9">
      <c r="A4684" s="1">
        <v>5.4042182580942066E-2</v>
      </c>
      <c r="B4684" s="1"/>
      <c r="C4684">
        <v>15</v>
      </c>
      <c r="D4684" t="s">
        <v>9090</v>
      </c>
      <c r="E4684" t="s">
        <v>32310</v>
      </c>
      <c r="F4684">
        <v>4</v>
      </c>
      <c r="G4684" t="s">
        <v>0</v>
      </c>
      <c r="H4684" t="s">
        <v>9091</v>
      </c>
      <c r="I4684" t="s">
        <v>30540</v>
      </c>
    </row>
    <row r="4685" spans="1:9">
      <c r="A4685" s="1">
        <v>0.62181382208835967</v>
      </c>
      <c r="B4685" s="1"/>
      <c r="C4685">
        <v>1</v>
      </c>
      <c r="D4685" t="s">
        <v>9088</v>
      </c>
      <c r="E4685" t="s">
        <v>32310</v>
      </c>
      <c r="F4685">
        <v>4</v>
      </c>
      <c r="G4685" t="s">
        <v>1295</v>
      </c>
      <c r="H4685" t="s">
        <v>9089</v>
      </c>
      <c r="I4685" t="s">
        <v>30540</v>
      </c>
    </row>
    <row r="4686" spans="1:9">
      <c r="A4686" s="1">
        <v>0.7979415477430809</v>
      </c>
      <c r="B4686" s="1"/>
      <c r="C4686">
        <v>18</v>
      </c>
      <c r="D4686" t="s">
        <v>9086</v>
      </c>
      <c r="E4686" t="s">
        <v>32311</v>
      </c>
      <c r="F4686">
        <v>5</v>
      </c>
      <c r="G4686" t="s">
        <v>1</v>
      </c>
      <c r="H4686" t="s">
        <v>9087</v>
      </c>
      <c r="I4686" t="s">
        <v>30540</v>
      </c>
    </row>
    <row r="4687" spans="1:9">
      <c r="A4687" s="1">
        <v>0.40763758805037598</v>
      </c>
      <c r="B4687" s="1"/>
      <c r="C4687">
        <v>7</v>
      </c>
      <c r="D4687" t="s">
        <v>9078</v>
      </c>
      <c r="E4687" t="s">
        <v>32312</v>
      </c>
      <c r="F4687">
        <v>5</v>
      </c>
      <c r="G4687" t="s">
        <v>762</v>
      </c>
      <c r="H4687" t="s">
        <v>9079</v>
      </c>
      <c r="I4687" t="s">
        <v>30540</v>
      </c>
    </row>
    <row r="4688" spans="1:9">
      <c r="A4688" s="1">
        <v>0.84744475198978952</v>
      </c>
      <c r="B4688" s="1"/>
      <c r="C4688">
        <v>6</v>
      </c>
      <c r="D4688" t="s">
        <v>9076</v>
      </c>
      <c r="E4688" t="s">
        <v>32312</v>
      </c>
      <c r="F4688">
        <v>5</v>
      </c>
      <c r="G4688" t="s">
        <v>1</v>
      </c>
      <c r="H4688" t="s">
        <v>9077</v>
      </c>
      <c r="I4688" t="s">
        <v>30540</v>
      </c>
    </row>
    <row r="4689" spans="1:9">
      <c r="A4689" s="1">
        <v>7.3294528379911128E-2</v>
      </c>
      <c r="B4689" s="1"/>
      <c r="C4689">
        <v>9</v>
      </c>
      <c r="D4689" t="s">
        <v>9080</v>
      </c>
      <c r="E4689" t="s">
        <v>32312</v>
      </c>
      <c r="F4689">
        <v>4</v>
      </c>
      <c r="G4689" t="s">
        <v>9</v>
      </c>
      <c r="H4689" t="s">
        <v>9081</v>
      </c>
      <c r="I4689" t="s">
        <v>30540</v>
      </c>
    </row>
    <row r="4690" spans="1:9">
      <c r="A4690" s="1">
        <v>0.94033214492692085</v>
      </c>
      <c r="B4690" s="1"/>
      <c r="C4690">
        <v>15</v>
      </c>
      <c r="D4690" t="s">
        <v>9084</v>
      </c>
      <c r="E4690" t="s">
        <v>32312</v>
      </c>
      <c r="F4690">
        <v>4</v>
      </c>
      <c r="G4690" t="s">
        <v>0</v>
      </c>
      <c r="H4690" t="s">
        <v>9085</v>
      </c>
      <c r="I4690" t="s">
        <v>30540</v>
      </c>
    </row>
    <row r="4691" spans="1:9">
      <c r="A4691" s="1">
        <v>0.41203091317206464</v>
      </c>
      <c r="B4691" s="1"/>
      <c r="C4691">
        <v>14</v>
      </c>
      <c r="D4691" t="s">
        <v>9082</v>
      </c>
      <c r="E4691" t="s">
        <v>32312</v>
      </c>
      <c r="F4691">
        <v>4</v>
      </c>
      <c r="G4691" t="s">
        <v>2</v>
      </c>
      <c r="H4691" t="s">
        <v>9083</v>
      </c>
      <c r="I4691" t="s">
        <v>30540</v>
      </c>
    </row>
    <row r="4692" spans="1:9">
      <c r="A4692" s="1">
        <v>0.81270605062484047</v>
      </c>
      <c r="B4692" s="1"/>
      <c r="C4692">
        <v>4</v>
      </c>
      <c r="D4692" t="s">
        <v>9068</v>
      </c>
      <c r="E4692" t="s">
        <v>32313</v>
      </c>
      <c r="F4692">
        <v>5</v>
      </c>
      <c r="G4692" t="s">
        <v>2</v>
      </c>
      <c r="H4692" t="s">
        <v>9069</v>
      </c>
      <c r="I4692" t="s">
        <v>30540</v>
      </c>
    </row>
    <row r="4693" spans="1:9">
      <c r="A4693" s="1">
        <v>0.8775807479925618</v>
      </c>
      <c r="B4693" s="1"/>
      <c r="C4693">
        <v>6</v>
      </c>
      <c r="D4693" t="s">
        <v>9072</v>
      </c>
      <c r="E4693" t="s">
        <v>32313</v>
      </c>
      <c r="F4693">
        <v>5</v>
      </c>
      <c r="G4693" t="s">
        <v>0</v>
      </c>
      <c r="H4693" t="s">
        <v>9073</v>
      </c>
      <c r="I4693" t="s">
        <v>30540</v>
      </c>
    </row>
    <row r="4694" spans="1:9">
      <c r="A4694" s="1">
        <v>0.78345581179347468</v>
      </c>
      <c r="B4694" s="1"/>
      <c r="C4694">
        <v>2</v>
      </c>
      <c r="D4694" t="s">
        <v>9066</v>
      </c>
      <c r="E4694" t="s">
        <v>32313</v>
      </c>
      <c r="F4694">
        <v>4</v>
      </c>
      <c r="G4694" t="s">
        <v>15</v>
      </c>
      <c r="H4694" t="s">
        <v>9067</v>
      </c>
      <c r="I4694" t="s">
        <v>30540</v>
      </c>
    </row>
    <row r="4695" spans="1:9">
      <c r="A4695" s="1">
        <v>0.2178687208311525</v>
      </c>
      <c r="B4695" s="1"/>
      <c r="C4695">
        <v>5</v>
      </c>
      <c r="D4695" t="s">
        <v>9070</v>
      </c>
      <c r="E4695" t="s">
        <v>32313</v>
      </c>
      <c r="F4695">
        <v>3</v>
      </c>
      <c r="G4695" t="s">
        <v>0</v>
      </c>
      <c r="H4695" t="s">
        <v>9071</v>
      </c>
      <c r="I4695" t="s">
        <v>30540</v>
      </c>
    </row>
    <row r="4696" spans="1:9">
      <c r="A4696" s="1">
        <v>0.43395962846539926</v>
      </c>
      <c r="B4696" s="1"/>
      <c r="C4696">
        <v>7</v>
      </c>
      <c r="D4696" t="s">
        <v>9062</v>
      </c>
      <c r="E4696" t="s">
        <v>32314</v>
      </c>
      <c r="F4696">
        <v>5</v>
      </c>
      <c r="G4696" t="s">
        <v>769</v>
      </c>
      <c r="H4696" t="s">
        <v>9063</v>
      </c>
      <c r="I4696" t="s">
        <v>30540</v>
      </c>
    </row>
    <row r="4697" spans="1:9">
      <c r="A4697" s="1">
        <v>0.62871952565155487</v>
      </c>
      <c r="B4697" s="1"/>
      <c r="C4697">
        <v>8</v>
      </c>
      <c r="D4697" t="s">
        <v>9064</v>
      </c>
      <c r="E4697" t="s">
        <v>32314</v>
      </c>
      <c r="F4697">
        <v>4</v>
      </c>
      <c r="G4697" t="s">
        <v>1</v>
      </c>
      <c r="H4697" t="s">
        <v>9065</v>
      </c>
      <c r="I4697" t="s">
        <v>30540</v>
      </c>
    </row>
    <row r="4698" spans="1:9">
      <c r="A4698" s="1">
        <v>0.41059492122196883</v>
      </c>
      <c r="B4698" s="1"/>
      <c r="C4698">
        <v>16</v>
      </c>
      <c r="D4698" t="s">
        <v>9060</v>
      </c>
      <c r="E4698" t="s">
        <v>32315</v>
      </c>
      <c r="F4698">
        <v>4</v>
      </c>
      <c r="G4698" t="s">
        <v>762</v>
      </c>
      <c r="H4698" t="s">
        <v>9061</v>
      </c>
      <c r="I4698" t="s">
        <v>30540</v>
      </c>
    </row>
    <row r="4699" spans="1:9">
      <c r="A4699" s="1">
        <v>0.43257552599456817</v>
      </c>
      <c r="B4699" s="1"/>
      <c r="C4699">
        <v>7</v>
      </c>
      <c r="D4699" t="s">
        <v>9056</v>
      </c>
      <c r="E4699" t="s">
        <v>32315</v>
      </c>
      <c r="F4699">
        <v>4</v>
      </c>
      <c r="G4699" t="s">
        <v>15</v>
      </c>
      <c r="H4699" t="s">
        <v>9057</v>
      </c>
      <c r="I4699" t="s">
        <v>30540</v>
      </c>
    </row>
    <row r="4700" spans="1:9">
      <c r="A4700" s="1">
        <v>0.13651633442215239</v>
      </c>
      <c r="B4700" s="1"/>
      <c r="C4700">
        <v>15</v>
      </c>
      <c r="D4700" t="s">
        <v>9058</v>
      </c>
      <c r="E4700" t="s">
        <v>32315</v>
      </c>
      <c r="F4700">
        <v>3</v>
      </c>
      <c r="G4700" t="s">
        <v>0</v>
      </c>
      <c r="H4700" t="s">
        <v>9059</v>
      </c>
      <c r="I4700" t="s">
        <v>30540</v>
      </c>
    </row>
    <row r="4701" spans="1:9">
      <c r="A4701" s="1">
        <v>0.67882439177157627</v>
      </c>
      <c r="B4701" s="1"/>
      <c r="C4701">
        <v>6</v>
      </c>
      <c r="D4701" t="s">
        <v>9050</v>
      </c>
      <c r="E4701" t="s">
        <v>32316</v>
      </c>
      <c r="F4701">
        <v>5</v>
      </c>
      <c r="G4701" t="s">
        <v>2</v>
      </c>
      <c r="H4701" t="s">
        <v>9051</v>
      </c>
      <c r="I4701" t="s">
        <v>30540</v>
      </c>
    </row>
    <row r="4702" spans="1:9">
      <c r="A4702" s="1">
        <v>0.7588865248852299</v>
      </c>
      <c r="B4702" s="1"/>
      <c r="C4702">
        <v>10</v>
      </c>
      <c r="D4702" t="s">
        <v>9054</v>
      </c>
      <c r="E4702" t="s">
        <v>32316</v>
      </c>
      <c r="F4702">
        <v>4</v>
      </c>
      <c r="G4702" t="s">
        <v>0</v>
      </c>
      <c r="H4702" t="s">
        <v>9055</v>
      </c>
      <c r="I4702" t="s">
        <v>30540</v>
      </c>
    </row>
    <row r="4703" spans="1:9">
      <c r="A4703" s="1">
        <v>0.98512570641983221</v>
      </c>
      <c r="B4703" s="1"/>
      <c r="C4703">
        <v>9</v>
      </c>
      <c r="D4703" t="s">
        <v>9052</v>
      </c>
      <c r="E4703" t="s">
        <v>32316</v>
      </c>
      <c r="F4703">
        <v>3</v>
      </c>
      <c r="G4703" t="s">
        <v>0</v>
      </c>
      <c r="H4703" t="s">
        <v>9053</v>
      </c>
      <c r="I4703" t="s">
        <v>30540</v>
      </c>
    </row>
    <row r="4704" spans="1:9">
      <c r="A4704" s="1">
        <v>0.4625464040562921</v>
      </c>
      <c r="B4704" s="1"/>
      <c r="C4704">
        <v>16</v>
      </c>
      <c r="D4704" t="s">
        <v>9048</v>
      </c>
      <c r="E4704" t="s">
        <v>32317</v>
      </c>
      <c r="F4704">
        <v>5</v>
      </c>
      <c r="G4704" t="s">
        <v>0</v>
      </c>
      <c r="H4704" t="s">
        <v>9049</v>
      </c>
      <c r="I4704" t="s">
        <v>30540</v>
      </c>
    </row>
    <row r="4705" spans="1:9">
      <c r="A4705" s="1">
        <v>0.40769063860263022</v>
      </c>
      <c r="B4705" s="1"/>
      <c r="C4705">
        <v>13</v>
      </c>
      <c r="D4705" t="s">
        <v>9042</v>
      </c>
      <c r="E4705" t="s">
        <v>32317</v>
      </c>
      <c r="F4705">
        <v>5</v>
      </c>
      <c r="G4705" t="s">
        <v>2</v>
      </c>
      <c r="H4705" t="s">
        <v>9043</v>
      </c>
      <c r="I4705" t="s">
        <v>30540</v>
      </c>
    </row>
    <row r="4706" spans="1:9">
      <c r="A4706" s="1">
        <v>0.26515322184516033</v>
      </c>
      <c r="B4706" s="1"/>
      <c r="C4706">
        <v>14</v>
      </c>
      <c r="D4706" t="s">
        <v>9044</v>
      </c>
      <c r="E4706" t="s">
        <v>32317</v>
      </c>
      <c r="F4706">
        <v>4</v>
      </c>
      <c r="G4706" t="s">
        <v>15</v>
      </c>
      <c r="H4706" t="s">
        <v>9045</v>
      </c>
      <c r="I4706" t="s">
        <v>30540</v>
      </c>
    </row>
    <row r="4707" spans="1:9">
      <c r="A4707" s="1">
        <v>5.4561016112571914E-2</v>
      </c>
      <c r="B4707" s="1"/>
      <c r="C4707">
        <v>9</v>
      </c>
      <c r="D4707" t="s">
        <v>9038</v>
      </c>
      <c r="E4707" t="s">
        <v>32317</v>
      </c>
      <c r="F4707">
        <v>4</v>
      </c>
      <c r="G4707" t="s">
        <v>0</v>
      </c>
      <c r="H4707" t="s">
        <v>9039</v>
      </c>
      <c r="I4707" t="s">
        <v>30540</v>
      </c>
    </row>
    <row r="4708" spans="1:9">
      <c r="A4708" s="1">
        <v>0.75028480370502526</v>
      </c>
      <c r="B4708" s="1"/>
      <c r="C4708">
        <v>11</v>
      </c>
      <c r="D4708" t="s">
        <v>9040</v>
      </c>
      <c r="E4708" t="s">
        <v>32317</v>
      </c>
      <c r="F4708">
        <v>4</v>
      </c>
      <c r="G4708" t="s">
        <v>0</v>
      </c>
      <c r="H4708" t="s">
        <v>9041</v>
      </c>
      <c r="I4708" t="s">
        <v>30540</v>
      </c>
    </row>
    <row r="4709" spans="1:9">
      <c r="A4709" s="1">
        <v>0.37407235230778091</v>
      </c>
      <c r="B4709" s="1"/>
      <c r="C4709">
        <v>15</v>
      </c>
      <c r="D4709" t="s">
        <v>9046</v>
      </c>
      <c r="E4709" t="s">
        <v>32317</v>
      </c>
      <c r="F4709">
        <v>4</v>
      </c>
      <c r="G4709" t="s">
        <v>2</v>
      </c>
      <c r="H4709" t="s">
        <v>9047</v>
      </c>
      <c r="I4709" t="s">
        <v>30540</v>
      </c>
    </row>
    <row r="4710" spans="1:9">
      <c r="A4710" s="1">
        <v>0.61667451088434866</v>
      </c>
      <c r="B4710" s="1"/>
      <c r="C4710">
        <v>12</v>
      </c>
      <c r="D4710" t="s">
        <v>9036</v>
      </c>
      <c r="E4710" t="s">
        <v>32318</v>
      </c>
      <c r="F4710">
        <v>4</v>
      </c>
      <c r="G4710" t="s">
        <v>10</v>
      </c>
      <c r="H4710" t="s">
        <v>9037</v>
      </c>
      <c r="I4710" t="s">
        <v>30540</v>
      </c>
    </row>
    <row r="4711" spans="1:9">
      <c r="A4711" s="1">
        <v>0.72573779235131441</v>
      </c>
      <c r="B4711" s="1"/>
      <c r="C4711">
        <v>1</v>
      </c>
      <c r="D4711" t="s">
        <v>9030</v>
      </c>
      <c r="E4711" t="s">
        <v>32318</v>
      </c>
      <c r="F4711">
        <v>3</v>
      </c>
      <c r="G4711" t="s">
        <v>1</v>
      </c>
      <c r="H4711" t="s">
        <v>9031</v>
      </c>
      <c r="I4711" t="s">
        <v>30540</v>
      </c>
    </row>
    <row r="4712" spans="1:9">
      <c r="A4712" s="1">
        <v>0.34146267690182175</v>
      </c>
      <c r="B4712" s="1"/>
      <c r="C4712">
        <v>10</v>
      </c>
      <c r="D4712" t="s">
        <v>9032</v>
      </c>
      <c r="E4712" t="s">
        <v>32318</v>
      </c>
      <c r="F4712">
        <v>3</v>
      </c>
      <c r="G4712" t="s">
        <v>0</v>
      </c>
      <c r="H4712" t="s">
        <v>9033</v>
      </c>
      <c r="I4712" t="s">
        <v>30540</v>
      </c>
    </row>
    <row r="4713" spans="1:9">
      <c r="A4713" s="1">
        <v>7.2101818337215406E-2</v>
      </c>
      <c r="B4713" s="1"/>
      <c r="C4713">
        <v>11</v>
      </c>
      <c r="D4713" t="s">
        <v>9034</v>
      </c>
      <c r="E4713" t="s">
        <v>32318</v>
      </c>
      <c r="F4713">
        <v>3</v>
      </c>
      <c r="G4713" t="s">
        <v>9</v>
      </c>
      <c r="H4713" t="s">
        <v>9035</v>
      </c>
      <c r="I4713" t="s">
        <v>30540</v>
      </c>
    </row>
    <row r="4714" spans="1:9">
      <c r="A4714" s="1">
        <v>0.15604585863367149</v>
      </c>
      <c r="B4714" s="1"/>
      <c r="C4714">
        <v>4</v>
      </c>
      <c r="D4714" t="s">
        <v>9026</v>
      </c>
      <c r="E4714" t="s">
        <v>32319</v>
      </c>
      <c r="F4714">
        <v>5</v>
      </c>
      <c r="G4714" t="s">
        <v>766</v>
      </c>
      <c r="H4714" t="s">
        <v>9027</v>
      </c>
      <c r="I4714" t="s">
        <v>30540</v>
      </c>
    </row>
    <row r="4715" spans="1:9">
      <c r="A4715" s="1">
        <v>0.95889778914881818</v>
      </c>
      <c r="B4715" s="1"/>
      <c r="C4715">
        <v>1</v>
      </c>
      <c r="D4715" t="s">
        <v>9024</v>
      </c>
      <c r="E4715" t="s">
        <v>32319</v>
      </c>
      <c r="F4715">
        <v>4</v>
      </c>
      <c r="G4715" t="s">
        <v>762</v>
      </c>
      <c r="H4715" t="s">
        <v>9025</v>
      </c>
      <c r="I4715" t="s">
        <v>30540</v>
      </c>
    </row>
    <row r="4716" spans="1:9">
      <c r="A4716" s="1">
        <v>0.70898540832776991</v>
      </c>
      <c r="B4716" s="1"/>
      <c r="C4716">
        <v>12</v>
      </c>
      <c r="D4716" t="s">
        <v>9022</v>
      </c>
      <c r="E4716" t="s">
        <v>32320</v>
      </c>
      <c r="F4716">
        <v>4</v>
      </c>
      <c r="G4716" t="s">
        <v>0</v>
      </c>
      <c r="H4716" t="s">
        <v>9023</v>
      </c>
      <c r="I4716" t="s">
        <v>30540</v>
      </c>
    </row>
    <row r="4717" spans="1:9">
      <c r="A4717" s="1">
        <v>0.38059304702009888</v>
      </c>
      <c r="B4717" s="1"/>
      <c r="C4717">
        <v>8</v>
      </c>
      <c r="D4717" t="s">
        <v>9018</v>
      </c>
      <c r="E4717" t="s">
        <v>32321</v>
      </c>
      <c r="F4717">
        <v>5</v>
      </c>
      <c r="G4717" t="s">
        <v>0</v>
      </c>
      <c r="H4717" t="s">
        <v>9019</v>
      </c>
      <c r="I4717" t="s">
        <v>30540</v>
      </c>
    </row>
    <row r="4718" spans="1:9">
      <c r="A4718" s="1">
        <v>0.73964989733681574</v>
      </c>
      <c r="B4718" s="1"/>
      <c r="C4718">
        <v>9</v>
      </c>
      <c r="D4718" t="s">
        <v>9020</v>
      </c>
      <c r="E4718" t="s">
        <v>32321</v>
      </c>
      <c r="F4718">
        <v>4</v>
      </c>
      <c r="G4718" t="s">
        <v>15</v>
      </c>
      <c r="H4718" t="s">
        <v>9021</v>
      </c>
      <c r="I4718" t="s">
        <v>30540</v>
      </c>
    </row>
    <row r="4719" spans="1:9">
      <c r="A4719" s="1">
        <v>2.8913455594996251E-2</v>
      </c>
      <c r="B4719" s="1"/>
      <c r="C4719">
        <v>4</v>
      </c>
      <c r="D4719" t="s">
        <v>9016</v>
      </c>
      <c r="E4719" t="s">
        <v>32321</v>
      </c>
      <c r="F4719">
        <v>4</v>
      </c>
      <c r="G4719" t="s">
        <v>9</v>
      </c>
      <c r="H4719" t="s">
        <v>9017</v>
      </c>
      <c r="I4719" t="s">
        <v>30540</v>
      </c>
    </row>
    <row r="4720" spans="1:9">
      <c r="A4720" s="1">
        <v>0.57403166065865052</v>
      </c>
      <c r="B4720" s="1"/>
      <c r="C4720">
        <v>3</v>
      </c>
      <c r="D4720" t="s">
        <v>9014</v>
      </c>
      <c r="E4720" t="s">
        <v>32321</v>
      </c>
      <c r="F4720">
        <v>4</v>
      </c>
      <c r="G4720" t="s">
        <v>10</v>
      </c>
      <c r="H4720" t="s">
        <v>9015</v>
      </c>
      <c r="I4720" t="s">
        <v>30540</v>
      </c>
    </row>
    <row r="4721" spans="1:9">
      <c r="A4721" s="1">
        <v>0.47159066060005661</v>
      </c>
      <c r="B4721" s="1"/>
      <c r="C4721">
        <v>17</v>
      </c>
      <c r="D4721" t="s">
        <v>9012</v>
      </c>
      <c r="E4721" t="s">
        <v>32322</v>
      </c>
      <c r="F4721">
        <v>4</v>
      </c>
      <c r="G4721" t="s">
        <v>1295</v>
      </c>
      <c r="H4721" t="s">
        <v>9013</v>
      </c>
      <c r="I4721" t="s">
        <v>30540</v>
      </c>
    </row>
    <row r="4722" spans="1:9">
      <c r="A4722" s="1">
        <v>0.19539611869118945</v>
      </c>
      <c r="B4722" s="1"/>
      <c r="C4722">
        <v>13</v>
      </c>
      <c r="D4722" t="s">
        <v>9008</v>
      </c>
      <c r="E4722" t="s">
        <v>32322</v>
      </c>
      <c r="F4722">
        <v>4</v>
      </c>
      <c r="G4722" t="s">
        <v>0</v>
      </c>
      <c r="H4722" t="s">
        <v>9009</v>
      </c>
      <c r="I4722" t="s">
        <v>30540</v>
      </c>
    </row>
    <row r="4723" spans="1:9">
      <c r="A4723" s="1">
        <v>5.6106714115590095E-2</v>
      </c>
      <c r="B4723" s="1"/>
      <c r="C4723">
        <v>14</v>
      </c>
      <c r="D4723" t="s">
        <v>9010</v>
      </c>
      <c r="E4723" t="s">
        <v>32322</v>
      </c>
      <c r="F4723">
        <v>4</v>
      </c>
      <c r="G4723" t="s">
        <v>770</v>
      </c>
      <c r="H4723" t="s">
        <v>9011</v>
      </c>
      <c r="I4723" t="s">
        <v>30540</v>
      </c>
    </row>
    <row r="4724" spans="1:9">
      <c r="A4724" s="1">
        <v>0.37674489142783685</v>
      </c>
      <c r="B4724" s="1"/>
      <c r="C4724">
        <v>14</v>
      </c>
      <c r="D4724" t="s">
        <v>9006</v>
      </c>
      <c r="E4724" t="s">
        <v>32323</v>
      </c>
      <c r="F4724">
        <v>5</v>
      </c>
      <c r="G4724" t="s">
        <v>15</v>
      </c>
      <c r="H4724" t="s">
        <v>9007</v>
      </c>
      <c r="I4724" t="s">
        <v>30540</v>
      </c>
    </row>
    <row r="4725" spans="1:9">
      <c r="A4725" s="1">
        <v>0.43454867350622517</v>
      </c>
      <c r="B4725" s="1"/>
      <c r="C4725">
        <v>10</v>
      </c>
      <c r="D4725" t="s">
        <v>9002</v>
      </c>
      <c r="E4725" t="s">
        <v>32323</v>
      </c>
      <c r="F4725">
        <v>4</v>
      </c>
      <c r="G4725" t="s">
        <v>0</v>
      </c>
      <c r="H4725" t="s">
        <v>9003</v>
      </c>
      <c r="I4725" t="s">
        <v>30540</v>
      </c>
    </row>
    <row r="4726" spans="1:9">
      <c r="A4726" s="1">
        <v>0.36475496858144796</v>
      </c>
      <c r="B4726" s="1"/>
      <c r="C4726">
        <v>6</v>
      </c>
      <c r="D4726" t="s">
        <v>9000</v>
      </c>
      <c r="E4726" t="s">
        <v>32323</v>
      </c>
      <c r="F4726">
        <v>4</v>
      </c>
      <c r="G4726" t="s">
        <v>0</v>
      </c>
      <c r="H4726" t="s">
        <v>9001</v>
      </c>
      <c r="I4726" t="s">
        <v>30540</v>
      </c>
    </row>
    <row r="4727" spans="1:9">
      <c r="A4727" s="1">
        <v>0.66238784367356707</v>
      </c>
      <c r="B4727" s="1"/>
      <c r="C4727">
        <v>11</v>
      </c>
      <c r="D4727" t="s">
        <v>9004</v>
      </c>
      <c r="E4727" t="s">
        <v>32323</v>
      </c>
      <c r="F4727">
        <v>4</v>
      </c>
      <c r="G4727" t="s">
        <v>0</v>
      </c>
      <c r="H4727" t="s">
        <v>9005</v>
      </c>
      <c r="I4727" t="s">
        <v>30540</v>
      </c>
    </row>
    <row r="4728" spans="1:9">
      <c r="A4728" s="1">
        <v>0.41391447276976723</v>
      </c>
      <c r="B4728" s="1"/>
      <c r="C4728">
        <v>1</v>
      </c>
      <c r="D4728" t="s">
        <v>8986</v>
      </c>
      <c r="E4728" t="s">
        <v>32324</v>
      </c>
      <c r="F4728">
        <v>5</v>
      </c>
      <c r="G4728" t="s">
        <v>762</v>
      </c>
      <c r="H4728" t="s">
        <v>8987</v>
      </c>
      <c r="I4728" t="s">
        <v>30540</v>
      </c>
    </row>
    <row r="4729" spans="1:9">
      <c r="A4729" s="1">
        <v>0.92968672370666894</v>
      </c>
      <c r="B4729" s="1"/>
      <c r="C4729">
        <v>17</v>
      </c>
      <c r="D4729" t="s">
        <v>8994</v>
      </c>
      <c r="E4729" t="s">
        <v>32324</v>
      </c>
      <c r="F4729">
        <v>4</v>
      </c>
      <c r="G4729" t="s">
        <v>9</v>
      </c>
      <c r="H4729" t="s">
        <v>8995</v>
      </c>
      <c r="I4729" t="s">
        <v>30540</v>
      </c>
    </row>
    <row r="4730" spans="1:9">
      <c r="A4730" s="1">
        <v>0.57874468389558231</v>
      </c>
      <c r="B4730" s="1"/>
      <c r="C4730">
        <v>15</v>
      </c>
      <c r="D4730" t="s">
        <v>8990</v>
      </c>
      <c r="E4730" t="s">
        <v>32324</v>
      </c>
      <c r="F4730">
        <v>4</v>
      </c>
      <c r="G4730" t="s">
        <v>0</v>
      </c>
      <c r="H4730" t="s">
        <v>8991</v>
      </c>
      <c r="I4730" t="s">
        <v>30540</v>
      </c>
    </row>
    <row r="4731" spans="1:9">
      <c r="A4731" s="1">
        <v>0.10783107092674382</v>
      </c>
      <c r="B4731" s="1"/>
      <c r="C4731">
        <v>18</v>
      </c>
      <c r="D4731" t="s">
        <v>8996</v>
      </c>
      <c r="E4731" t="s">
        <v>32324</v>
      </c>
      <c r="F4731">
        <v>3</v>
      </c>
      <c r="G4731" t="s">
        <v>771</v>
      </c>
      <c r="H4731" t="s">
        <v>8997</v>
      </c>
      <c r="I4731" t="s">
        <v>30540</v>
      </c>
    </row>
    <row r="4732" spans="1:9">
      <c r="A4732" s="1">
        <v>0.80696652197753982</v>
      </c>
      <c r="B4732" s="1"/>
      <c r="C4732">
        <v>10</v>
      </c>
      <c r="D4732" t="s">
        <v>8988</v>
      </c>
      <c r="E4732" t="s">
        <v>32324</v>
      </c>
      <c r="F4732">
        <v>3</v>
      </c>
      <c r="G4732" t="s">
        <v>762</v>
      </c>
      <c r="H4732" t="s">
        <v>8989</v>
      </c>
      <c r="I4732" t="s">
        <v>30540</v>
      </c>
    </row>
    <row r="4733" spans="1:9">
      <c r="A4733" s="1">
        <v>0.80766504123572869</v>
      </c>
      <c r="B4733" s="1"/>
      <c r="C4733">
        <v>16</v>
      </c>
      <c r="D4733" t="s">
        <v>8992</v>
      </c>
      <c r="E4733" t="s">
        <v>32324</v>
      </c>
      <c r="F4733">
        <v>3</v>
      </c>
      <c r="G4733" t="s">
        <v>0</v>
      </c>
      <c r="H4733" t="s">
        <v>8993</v>
      </c>
      <c r="I4733" t="s">
        <v>30540</v>
      </c>
    </row>
    <row r="4734" spans="1:9">
      <c r="A4734" s="1">
        <v>0.79292700279568451</v>
      </c>
      <c r="B4734" s="1"/>
      <c r="C4734">
        <v>4</v>
      </c>
      <c r="D4734" t="s">
        <v>8978</v>
      </c>
      <c r="E4734" t="s">
        <v>32325</v>
      </c>
      <c r="F4734">
        <v>4</v>
      </c>
      <c r="G4734" t="s">
        <v>765</v>
      </c>
      <c r="H4734" t="s">
        <v>8979</v>
      </c>
      <c r="I4734" t="s">
        <v>30540</v>
      </c>
    </row>
    <row r="4735" spans="1:9">
      <c r="A4735" s="1">
        <v>0.86675763910344295</v>
      </c>
      <c r="B4735" s="1"/>
      <c r="C4735">
        <v>17</v>
      </c>
      <c r="D4735" t="s">
        <v>8980</v>
      </c>
      <c r="E4735" t="s">
        <v>32325</v>
      </c>
      <c r="F4735">
        <v>4</v>
      </c>
      <c r="G4735" t="s">
        <v>774</v>
      </c>
      <c r="H4735" t="s">
        <v>8981</v>
      </c>
      <c r="I4735" t="s">
        <v>30540</v>
      </c>
    </row>
    <row r="4736" spans="1:9">
      <c r="A4736" s="1">
        <v>0.58141158938271653</v>
      </c>
      <c r="B4736" s="1"/>
      <c r="C4736">
        <v>19</v>
      </c>
      <c r="D4736" t="s">
        <v>8982</v>
      </c>
      <c r="E4736" t="s">
        <v>32325</v>
      </c>
      <c r="F4736">
        <v>3</v>
      </c>
      <c r="G4736" t="s">
        <v>0</v>
      </c>
      <c r="H4736" t="s">
        <v>8983</v>
      </c>
      <c r="I4736" t="s">
        <v>30540</v>
      </c>
    </row>
    <row r="4737" spans="1:9">
      <c r="A4737" s="1">
        <v>7.9717888545268178E-2</v>
      </c>
      <c r="B4737" s="1"/>
      <c r="C4737">
        <v>4</v>
      </c>
      <c r="D4737" t="s">
        <v>8970</v>
      </c>
      <c r="E4737" t="s">
        <v>32326</v>
      </c>
      <c r="F4737">
        <v>5</v>
      </c>
      <c r="G4737" t="s">
        <v>14</v>
      </c>
      <c r="H4737" t="s">
        <v>8971</v>
      </c>
      <c r="I4737" t="s">
        <v>30540</v>
      </c>
    </row>
    <row r="4738" spans="1:9">
      <c r="A4738" s="1">
        <v>0.1341169802547747</v>
      </c>
      <c r="B4738" s="1"/>
      <c r="C4738">
        <v>9</v>
      </c>
      <c r="D4738" t="s">
        <v>8976</v>
      </c>
      <c r="E4738" t="s">
        <v>32326</v>
      </c>
      <c r="F4738">
        <v>5</v>
      </c>
      <c r="G4738" t="s">
        <v>0</v>
      </c>
      <c r="H4738" t="s">
        <v>8977</v>
      </c>
      <c r="I4738" t="s">
        <v>30540</v>
      </c>
    </row>
    <row r="4739" spans="1:9">
      <c r="A4739" s="1">
        <v>0.70119771098066563</v>
      </c>
      <c r="B4739" s="1"/>
      <c r="C4739">
        <v>8</v>
      </c>
      <c r="D4739" t="s">
        <v>8974</v>
      </c>
      <c r="E4739" t="s">
        <v>32326</v>
      </c>
      <c r="F4739">
        <v>4</v>
      </c>
      <c r="G4739" t="s">
        <v>0</v>
      </c>
      <c r="H4739" t="s">
        <v>8975</v>
      </c>
      <c r="I4739" t="s">
        <v>30540</v>
      </c>
    </row>
    <row r="4740" spans="1:9">
      <c r="A4740" s="1">
        <v>0.57187413090899575</v>
      </c>
      <c r="B4740" s="1"/>
      <c r="C4740">
        <v>7</v>
      </c>
      <c r="D4740" t="s">
        <v>8972</v>
      </c>
      <c r="E4740" t="s">
        <v>32326</v>
      </c>
      <c r="F4740">
        <v>4</v>
      </c>
      <c r="G4740" t="s">
        <v>0</v>
      </c>
      <c r="H4740" t="s">
        <v>8973</v>
      </c>
      <c r="I4740" t="s">
        <v>30540</v>
      </c>
    </row>
    <row r="4741" spans="1:9">
      <c r="A4741" s="1">
        <v>0.4787771328688547</v>
      </c>
      <c r="B4741" s="1"/>
      <c r="C4741">
        <v>5</v>
      </c>
      <c r="D4741" t="s">
        <v>8968</v>
      </c>
      <c r="E4741" t="s">
        <v>32327</v>
      </c>
      <c r="F4741">
        <v>5</v>
      </c>
      <c r="G4741" t="s">
        <v>15</v>
      </c>
      <c r="H4741" t="s">
        <v>8969</v>
      </c>
      <c r="I4741" t="s">
        <v>30540</v>
      </c>
    </row>
    <row r="4742" spans="1:9">
      <c r="A4742" s="1">
        <v>0.22927286762748544</v>
      </c>
      <c r="B4742" s="1"/>
      <c r="C4742">
        <v>1</v>
      </c>
      <c r="D4742" t="s">
        <v>8964</v>
      </c>
      <c r="E4742" t="s">
        <v>32327</v>
      </c>
      <c r="F4742">
        <v>4</v>
      </c>
      <c r="G4742" t="s">
        <v>2</v>
      </c>
      <c r="H4742" t="s">
        <v>8965</v>
      </c>
      <c r="I4742" t="s">
        <v>30540</v>
      </c>
    </row>
    <row r="4743" spans="1:9">
      <c r="A4743" s="1">
        <v>0.95269686206734772</v>
      </c>
      <c r="B4743" s="1"/>
      <c r="C4743">
        <v>3</v>
      </c>
      <c r="D4743" t="s">
        <v>8966</v>
      </c>
      <c r="E4743" t="s">
        <v>32327</v>
      </c>
      <c r="F4743">
        <v>4</v>
      </c>
      <c r="G4743" t="s">
        <v>1295</v>
      </c>
      <c r="H4743" t="s">
        <v>8967</v>
      </c>
      <c r="I4743" t="s">
        <v>30540</v>
      </c>
    </row>
    <row r="4744" spans="1:9">
      <c r="A4744" s="1">
        <v>0.16196877757991557</v>
      </c>
      <c r="B4744" s="1"/>
      <c r="C4744">
        <v>4</v>
      </c>
      <c r="D4744" t="s">
        <v>8958</v>
      </c>
      <c r="E4744" t="s">
        <v>32328</v>
      </c>
      <c r="F4744">
        <v>4</v>
      </c>
      <c r="G4744" t="s">
        <v>0</v>
      </c>
      <c r="H4744" t="s">
        <v>8959</v>
      </c>
      <c r="I4744" t="s">
        <v>30540</v>
      </c>
    </row>
    <row r="4745" spans="1:9">
      <c r="A4745" s="1">
        <v>0.24607915565184124</v>
      </c>
      <c r="B4745" s="1"/>
      <c r="C4745">
        <v>9</v>
      </c>
      <c r="D4745" t="s">
        <v>8962</v>
      </c>
      <c r="E4745" t="s">
        <v>32328</v>
      </c>
      <c r="F4745">
        <v>4</v>
      </c>
      <c r="G4745" t="s">
        <v>0</v>
      </c>
      <c r="H4745" t="s">
        <v>8963</v>
      </c>
      <c r="I4745" t="s">
        <v>30540</v>
      </c>
    </row>
    <row r="4746" spans="1:9">
      <c r="A4746" s="1">
        <v>0.53798599734094676</v>
      </c>
      <c r="B4746" s="1"/>
      <c r="C4746">
        <v>1</v>
      </c>
      <c r="D4746" t="s">
        <v>8953</v>
      </c>
      <c r="E4746" t="s">
        <v>32329</v>
      </c>
      <c r="F4746">
        <v>4</v>
      </c>
      <c r="G4746" t="s">
        <v>762</v>
      </c>
      <c r="H4746" t="s">
        <v>8954</v>
      </c>
      <c r="I4746" t="s">
        <v>30540</v>
      </c>
    </row>
    <row r="4747" spans="1:9">
      <c r="A4747" s="1">
        <v>0.89590612286107874</v>
      </c>
      <c r="B4747" s="1"/>
      <c r="C4747">
        <v>4</v>
      </c>
      <c r="D4747" t="s">
        <v>3404</v>
      </c>
      <c r="E4747" t="s">
        <v>32329</v>
      </c>
      <c r="F4747">
        <v>4</v>
      </c>
      <c r="G4747" t="s">
        <v>769</v>
      </c>
      <c r="H4747" t="s">
        <v>8955</v>
      </c>
      <c r="I4747" t="s">
        <v>30540</v>
      </c>
    </row>
    <row r="4748" spans="1:9">
      <c r="A4748" s="1">
        <v>0.46729501575527088</v>
      </c>
      <c r="B4748" s="1"/>
      <c r="C4748">
        <v>20</v>
      </c>
      <c r="D4748" t="s">
        <v>8951</v>
      </c>
      <c r="E4748" t="s">
        <v>32330</v>
      </c>
      <c r="F4748">
        <v>5</v>
      </c>
      <c r="G4748" t="s">
        <v>9</v>
      </c>
      <c r="H4748" t="s">
        <v>8952</v>
      </c>
      <c r="I4748" t="s">
        <v>30540</v>
      </c>
    </row>
    <row r="4749" spans="1:9">
      <c r="A4749" s="1">
        <v>0.94970627927307028</v>
      </c>
      <c r="B4749" s="1"/>
      <c r="C4749">
        <v>16</v>
      </c>
      <c r="D4749" t="s">
        <v>8947</v>
      </c>
      <c r="E4749" t="s">
        <v>32330</v>
      </c>
      <c r="F4749">
        <v>4</v>
      </c>
      <c r="G4749" t="s">
        <v>0</v>
      </c>
      <c r="H4749" t="s">
        <v>8948</v>
      </c>
      <c r="I4749" t="s">
        <v>30540</v>
      </c>
    </row>
    <row r="4750" spans="1:9">
      <c r="A4750" s="1">
        <v>0.54731519174098464</v>
      </c>
      <c r="B4750" s="1"/>
      <c r="C4750">
        <v>7</v>
      </c>
      <c r="D4750" t="s">
        <v>8943</v>
      </c>
      <c r="E4750" t="s">
        <v>32330</v>
      </c>
      <c r="F4750">
        <v>4</v>
      </c>
      <c r="G4750" t="s">
        <v>771</v>
      </c>
      <c r="H4750" t="s">
        <v>8944</v>
      </c>
      <c r="I4750" t="s">
        <v>30540</v>
      </c>
    </row>
    <row r="4751" spans="1:9">
      <c r="A4751" s="1">
        <v>4.3518339340187118E-2</v>
      </c>
      <c r="B4751" s="1"/>
      <c r="C4751">
        <v>8</v>
      </c>
      <c r="D4751" t="s">
        <v>8945</v>
      </c>
      <c r="E4751" t="s">
        <v>32330</v>
      </c>
      <c r="F4751">
        <v>4</v>
      </c>
      <c r="G4751" t="s">
        <v>770</v>
      </c>
      <c r="H4751" t="s">
        <v>8946</v>
      </c>
      <c r="I4751" t="s">
        <v>30540</v>
      </c>
    </row>
    <row r="4752" spans="1:9">
      <c r="A4752" s="1">
        <v>0.21426509597895738</v>
      </c>
      <c r="B4752" s="1"/>
      <c r="C4752">
        <v>19</v>
      </c>
      <c r="D4752" t="s">
        <v>8949</v>
      </c>
      <c r="E4752" t="s">
        <v>32330</v>
      </c>
      <c r="F4752">
        <v>3</v>
      </c>
      <c r="G4752" t="s">
        <v>0</v>
      </c>
      <c r="H4752" t="s">
        <v>8950</v>
      </c>
      <c r="I4752" t="s">
        <v>30540</v>
      </c>
    </row>
    <row r="4753" spans="1:9">
      <c r="A4753" s="1">
        <v>0.72741838122968672</v>
      </c>
      <c r="B4753" s="1"/>
      <c r="C4753">
        <v>2</v>
      </c>
      <c r="D4753" t="s">
        <v>8941</v>
      </c>
      <c r="E4753" t="s">
        <v>32331</v>
      </c>
      <c r="F4753">
        <v>4</v>
      </c>
      <c r="G4753" t="s">
        <v>2</v>
      </c>
      <c r="H4753" t="s">
        <v>8942</v>
      </c>
      <c r="I4753" t="s">
        <v>30540</v>
      </c>
    </row>
    <row r="4754" spans="1:9">
      <c r="A4754" s="1">
        <v>0.66811078364015863</v>
      </c>
      <c r="B4754" s="1"/>
      <c r="C4754">
        <v>9</v>
      </c>
      <c r="D4754" t="s">
        <v>8937</v>
      </c>
      <c r="E4754" t="s">
        <v>32332</v>
      </c>
      <c r="F4754">
        <v>5</v>
      </c>
      <c r="G4754" t="s">
        <v>1</v>
      </c>
      <c r="H4754" t="s">
        <v>8938</v>
      </c>
      <c r="I4754" t="s">
        <v>30540</v>
      </c>
    </row>
    <row r="4755" spans="1:9">
      <c r="A4755" s="1">
        <v>0.44296844418510639</v>
      </c>
      <c r="B4755" s="1"/>
      <c r="C4755">
        <v>5</v>
      </c>
      <c r="D4755" t="s">
        <v>8935</v>
      </c>
      <c r="E4755" t="s">
        <v>32332</v>
      </c>
      <c r="F4755">
        <v>4</v>
      </c>
      <c r="G4755" t="s">
        <v>2</v>
      </c>
      <c r="H4755" t="s">
        <v>8936</v>
      </c>
      <c r="I4755" t="s">
        <v>30540</v>
      </c>
    </row>
    <row r="4756" spans="1:9">
      <c r="A4756" s="1">
        <v>0.42810675196333581</v>
      </c>
      <c r="B4756" s="1"/>
      <c r="C4756">
        <v>13</v>
      </c>
      <c r="D4756" t="s">
        <v>8939</v>
      </c>
      <c r="E4756" t="s">
        <v>32332</v>
      </c>
      <c r="F4756">
        <v>4</v>
      </c>
      <c r="G4756" t="s">
        <v>0</v>
      </c>
      <c r="H4756" t="s">
        <v>8940</v>
      </c>
      <c r="I4756" t="s">
        <v>30540</v>
      </c>
    </row>
    <row r="4757" spans="1:9">
      <c r="A4757" s="1">
        <v>0.5087079586530856</v>
      </c>
      <c r="B4757" s="1"/>
      <c r="C4757">
        <v>10</v>
      </c>
      <c r="D4757" t="s">
        <v>8931</v>
      </c>
      <c r="E4757" t="s">
        <v>32333</v>
      </c>
      <c r="F4757">
        <v>4</v>
      </c>
      <c r="G4757" t="s">
        <v>0</v>
      </c>
      <c r="H4757" t="s">
        <v>8932</v>
      </c>
      <c r="I4757" t="s">
        <v>30540</v>
      </c>
    </row>
    <row r="4758" spans="1:9">
      <c r="A4758" s="1">
        <v>0.78899128845802635</v>
      </c>
      <c r="B4758" s="1"/>
      <c r="C4758">
        <v>11</v>
      </c>
      <c r="D4758" t="s">
        <v>8933</v>
      </c>
      <c r="E4758" t="s">
        <v>32333</v>
      </c>
      <c r="F4758">
        <v>4</v>
      </c>
      <c r="G4758" t="s">
        <v>0</v>
      </c>
      <c r="H4758" t="s">
        <v>8934</v>
      </c>
      <c r="I4758" t="s">
        <v>30540</v>
      </c>
    </row>
    <row r="4759" spans="1:9">
      <c r="A4759" s="1">
        <v>0.16116592817648889</v>
      </c>
      <c r="B4759" s="1"/>
      <c r="C4759">
        <v>14</v>
      </c>
      <c r="D4759" t="s">
        <v>8929</v>
      </c>
      <c r="E4759" t="s">
        <v>32334</v>
      </c>
      <c r="F4759">
        <v>4</v>
      </c>
      <c r="G4759" t="s">
        <v>769</v>
      </c>
      <c r="H4759" t="s">
        <v>8930</v>
      </c>
      <c r="I4759" t="s">
        <v>30540</v>
      </c>
    </row>
    <row r="4760" spans="1:9">
      <c r="A4760" s="1">
        <v>0.42966135356602964</v>
      </c>
      <c r="B4760" s="1"/>
      <c r="C4760">
        <v>11</v>
      </c>
      <c r="D4760" t="s">
        <v>8927</v>
      </c>
      <c r="E4760" t="s">
        <v>32334</v>
      </c>
      <c r="F4760">
        <v>4</v>
      </c>
      <c r="G4760" t="s">
        <v>0</v>
      </c>
      <c r="H4760" t="s">
        <v>8928</v>
      </c>
      <c r="I4760" t="s">
        <v>30540</v>
      </c>
    </row>
    <row r="4761" spans="1:9">
      <c r="A4761" s="1">
        <v>0.1052456154002479</v>
      </c>
      <c r="B4761" s="1"/>
      <c r="C4761">
        <v>7</v>
      </c>
      <c r="D4761" t="s">
        <v>8925</v>
      </c>
      <c r="E4761" t="s">
        <v>32334</v>
      </c>
      <c r="F4761">
        <v>3</v>
      </c>
      <c r="G4761" t="s">
        <v>14</v>
      </c>
      <c r="H4761" t="s">
        <v>8926</v>
      </c>
      <c r="I4761" t="s">
        <v>30540</v>
      </c>
    </row>
    <row r="4762" spans="1:9">
      <c r="A4762" s="1">
        <v>0.50711251707409999</v>
      </c>
      <c r="B4762" s="1"/>
      <c r="C4762">
        <v>5</v>
      </c>
      <c r="D4762" t="s">
        <v>8913</v>
      </c>
      <c r="E4762" t="s">
        <v>32335</v>
      </c>
      <c r="F4762">
        <v>5</v>
      </c>
      <c r="G4762" t="s">
        <v>15</v>
      </c>
      <c r="H4762" t="s">
        <v>8914</v>
      </c>
      <c r="I4762" t="s">
        <v>30540</v>
      </c>
    </row>
    <row r="4763" spans="1:9">
      <c r="A4763" s="1">
        <v>0.436440958378428</v>
      </c>
      <c r="B4763" s="1"/>
      <c r="C4763">
        <v>20</v>
      </c>
      <c r="D4763" t="s">
        <v>8923</v>
      </c>
      <c r="E4763" t="s">
        <v>32335</v>
      </c>
      <c r="F4763">
        <v>5</v>
      </c>
      <c r="G4763" t="s">
        <v>762</v>
      </c>
      <c r="H4763" t="s">
        <v>8924</v>
      </c>
      <c r="I4763" t="s">
        <v>30540</v>
      </c>
    </row>
    <row r="4764" spans="1:9">
      <c r="A4764" s="1">
        <v>0.60718551191464665</v>
      </c>
      <c r="B4764" s="1"/>
      <c r="C4764">
        <v>13</v>
      </c>
      <c r="D4764" t="s">
        <v>8915</v>
      </c>
      <c r="E4764" t="s">
        <v>32335</v>
      </c>
      <c r="F4764">
        <v>5</v>
      </c>
      <c r="G4764" t="s">
        <v>2</v>
      </c>
      <c r="H4764" t="s">
        <v>8916</v>
      </c>
      <c r="I4764" t="s">
        <v>30540</v>
      </c>
    </row>
    <row r="4765" spans="1:9">
      <c r="A4765" s="1">
        <v>0.35677424563306315</v>
      </c>
      <c r="B4765" s="1"/>
      <c r="C4765">
        <v>14</v>
      </c>
      <c r="D4765" t="s">
        <v>8917</v>
      </c>
      <c r="E4765" t="s">
        <v>32335</v>
      </c>
      <c r="F4765">
        <v>4</v>
      </c>
      <c r="G4765" t="s">
        <v>765</v>
      </c>
      <c r="H4765" t="s">
        <v>8918</v>
      </c>
      <c r="I4765" t="s">
        <v>30540</v>
      </c>
    </row>
    <row r="4766" spans="1:9">
      <c r="A4766" s="1">
        <v>2.7700147236944694E-2</v>
      </c>
      <c r="B4766" s="1"/>
      <c r="C4766">
        <v>17</v>
      </c>
      <c r="D4766" t="s">
        <v>8921</v>
      </c>
      <c r="E4766" t="s">
        <v>32335</v>
      </c>
      <c r="F4766">
        <v>4</v>
      </c>
      <c r="G4766" t="s">
        <v>0</v>
      </c>
      <c r="H4766" t="s">
        <v>8922</v>
      </c>
      <c r="I4766" t="s">
        <v>30540</v>
      </c>
    </row>
    <row r="4767" spans="1:9">
      <c r="A4767" s="1">
        <v>0.40914906154027331</v>
      </c>
      <c r="B4767" s="1"/>
      <c r="C4767">
        <v>16</v>
      </c>
      <c r="D4767" t="s">
        <v>8919</v>
      </c>
      <c r="E4767" t="s">
        <v>32335</v>
      </c>
      <c r="F4767">
        <v>4</v>
      </c>
      <c r="G4767" t="s">
        <v>0</v>
      </c>
      <c r="H4767" t="s">
        <v>8920</v>
      </c>
      <c r="I4767" t="s">
        <v>30540</v>
      </c>
    </row>
    <row r="4768" spans="1:9">
      <c r="A4768" s="1">
        <v>1.803887017092809E-2</v>
      </c>
      <c r="B4768" s="1"/>
      <c r="C4768">
        <v>10</v>
      </c>
      <c r="D4768" t="s">
        <v>8911</v>
      </c>
      <c r="E4768" t="s">
        <v>32336</v>
      </c>
      <c r="F4768">
        <v>4</v>
      </c>
      <c r="G4768" t="s">
        <v>0</v>
      </c>
      <c r="H4768" t="s">
        <v>8912</v>
      </c>
      <c r="I4768" t="s">
        <v>30540</v>
      </c>
    </row>
    <row r="4769" spans="1:9">
      <c r="A4769" s="1">
        <v>8.5215562960275992E-2</v>
      </c>
      <c r="B4769" s="1"/>
      <c r="C4769">
        <v>7</v>
      </c>
      <c r="D4769" t="s">
        <v>8909</v>
      </c>
      <c r="E4769" t="s">
        <v>32336</v>
      </c>
      <c r="F4769">
        <v>4</v>
      </c>
      <c r="G4769" t="s">
        <v>0</v>
      </c>
      <c r="H4769" t="s">
        <v>8910</v>
      </c>
      <c r="I4769" t="s">
        <v>30540</v>
      </c>
    </row>
    <row r="4770" spans="1:9">
      <c r="A4770" s="1">
        <v>0.67794491483560815</v>
      </c>
      <c r="B4770" s="1"/>
      <c r="C4770">
        <v>20</v>
      </c>
      <c r="D4770" t="s">
        <v>8907</v>
      </c>
      <c r="E4770" t="s">
        <v>32337</v>
      </c>
      <c r="F4770">
        <v>5</v>
      </c>
      <c r="G4770" t="s">
        <v>1295</v>
      </c>
      <c r="H4770" t="s">
        <v>8908</v>
      </c>
      <c r="I4770" t="s">
        <v>30540</v>
      </c>
    </row>
    <row r="4771" spans="1:9">
      <c r="A4771" s="1">
        <v>0.86906828622938104</v>
      </c>
      <c r="B4771" s="1"/>
      <c r="C4771">
        <v>14</v>
      </c>
      <c r="D4771" t="s">
        <v>8901</v>
      </c>
      <c r="E4771" t="s">
        <v>32337</v>
      </c>
      <c r="F4771">
        <v>4</v>
      </c>
      <c r="G4771" t="s">
        <v>0</v>
      </c>
      <c r="H4771" t="s">
        <v>8902</v>
      </c>
      <c r="I4771" t="s">
        <v>30540</v>
      </c>
    </row>
    <row r="4772" spans="1:9">
      <c r="A4772" s="1">
        <v>0.84148288113812653</v>
      </c>
      <c r="B4772" s="1"/>
      <c r="C4772">
        <v>7</v>
      </c>
      <c r="D4772" t="s">
        <v>8897</v>
      </c>
      <c r="E4772" t="s">
        <v>32337</v>
      </c>
      <c r="F4772">
        <v>4</v>
      </c>
      <c r="G4772" t="s">
        <v>765</v>
      </c>
      <c r="H4772" t="s">
        <v>8898</v>
      </c>
      <c r="I4772" t="s">
        <v>30540</v>
      </c>
    </row>
    <row r="4773" spans="1:9">
      <c r="A4773" s="1">
        <v>0.73191740814117279</v>
      </c>
      <c r="B4773" s="1"/>
      <c r="C4773">
        <v>1</v>
      </c>
      <c r="D4773" t="s">
        <v>8895</v>
      </c>
      <c r="E4773" t="s">
        <v>32337</v>
      </c>
      <c r="F4773">
        <v>4</v>
      </c>
      <c r="G4773" t="s">
        <v>771</v>
      </c>
      <c r="H4773" t="s">
        <v>8896</v>
      </c>
      <c r="I4773" t="s">
        <v>30540</v>
      </c>
    </row>
    <row r="4774" spans="1:9">
      <c r="A4774" s="1">
        <v>0.51055723564157296</v>
      </c>
      <c r="B4774" s="1"/>
      <c r="C4774">
        <v>12</v>
      </c>
      <c r="D4774" t="s">
        <v>8899</v>
      </c>
      <c r="E4774" t="s">
        <v>32337</v>
      </c>
      <c r="F4774">
        <v>3</v>
      </c>
      <c r="G4774" t="s">
        <v>2</v>
      </c>
      <c r="H4774" t="s">
        <v>8900</v>
      </c>
      <c r="I4774" t="s">
        <v>30540</v>
      </c>
    </row>
    <row r="4775" spans="1:9">
      <c r="A4775" s="1">
        <v>0.10011549742915427</v>
      </c>
      <c r="B4775" s="1"/>
      <c r="C4775">
        <v>17</v>
      </c>
      <c r="D4775" t="s">
        <v>8903</v>
      </c>
      <c r="E4775" t="s">
        <v>32337</v>
      </c>
      <c r="F4775">
        <v>3</v>
      </c>
      <c r="G4775" t="s">
        <v>2</v>
      </c>
      <c r="H4775" t="s">
        <v>8904</v>
      </c>
      <c r="I4775" t="s">
        <v>30540</v>
      </c>
    </row>
    <row r="4776" spans="1:9">
      <c r="A4776" s="1">
        <v>0.27029816725648093</v>
      </c>
      <c r="B4776" s="1"/>
      <c r="C4776">
        <v>12</v>
      </c>
      <c r="D4776" t="s">
        <v>8891</v>
      </c>
      <c r="E4776" t="s">
        <v>32338</v>
      </c>
      <c r="F4776">
        <v>5</v>
      </c>
      <c r="G4776" t="s">
        <v>0</v>
      </c>
      <c r="H4776" t="s">
        <v>8892</v>
      </c>
      <c r="I4776" t="s">
        <v>30540</v>
      </c>
    </row>
    <row r="4777" spans="1:9">
      <c r="A4777" s="1">
        <v>0.77291097577243273</v>
      </c>
      <c r="B4777" s="1"/>
      <c r="C4777">
        <v>10</v>
      </c>
      <c r="D4777" t="s">
        <v>8889</v>
      </c>
      <c r="E4777" t="s">
        <v>32338</v>
      </c>
      <c r="F4777">
        <v>4</v>
      </c>
      <c r="G4777" t="s">
        <v>10</v>
      </c>
      <c r="H4777" t="s">
        <v>8890</v>
      </c>
      <c r="I4777" t="s">
        <v>30540</v>
      </c>
    </row>
    <row r="4778" spans="1:9">
      <c r="A4778" s="1">
        <v>0.13191706985368279</v>
      </c>
      <c r="B4778" s="1"/>
      <c r="C4778">
        <v>13</v>
      </c>
      <c r="D4778" t="s">
        <v>8893</v>
      </c>
      <c r="E4778" t="s">
        <v>32338</v>
      </c>
      <c r="F4778">
        <v>4</v>
      </c>
      <c r="G4778" t="s">
        <v>10</v>
      </c>
      <c r="H4778" t="s">
        <v>8894</v>
      </c>
      <c r="I4778" t="s">
        <v>30540</v>
      </c>
    </row>
    <row r="4779" spans="1:9">
      <c r="A4779" s="1">
        <v>0.73001375164227222</v>
      </c>
      <c r="B4779" s="1"/>
      <c r="C4779">
        <v>9</v>
      </c>
      <c r="D4779" t="s">
        <v>8887</v>
      </c>
      <c r="E4779" t="s">
        <v>32338</v>
      </c>
      <c r="F4779">
        <v>4</v>
      </c>
      <c r="G4779" t="s">
        <v>14</v>
      </c>
      <c r="H4779" t="s">
        <v>8888</v>
      </c>
      <c r="I4779" t="s">
        <v>30540</v>
      </c>
    </row>
    <row r="4780" spans="1:9">
      <c r="A4780" s="1">
        <v>2.1521882899728451E-2</v>
      </c>
      <c r="B4780" s="1"/>
      <c r="C4780">
        <v>5</v>
      </c>
      <c r="D4780" t="s">
        <v>8885</v>
      </c>
      <c r="E4780" t="s">
        <v>32338</v>
      </c>
      <c r="F4780">
        <v>4</v>
      </c>
      <c r="G4780" t="s">
        <v>13</v>
      </c>
      <c r="H4780" t="s">
        <v>8886</v>
      </c>
      <c r="I4780" t="s">
        <v>30540</v>
      </c>
    </row>
    <row r="4781" spans="1:9">
      <c r="A4781" s="1">
        <v>0.1786479333833193</v>
      </c>
      <c r="B4781" s="1"/>
      <c r="C4781">
        <v>17</v>
      </c>
      <c r="D4781" t="s">
        <v>8881</v>
      </c>
      <c r="E4781" t="s">
        <v>32339</v>
      </c>
      <c r="F4781">
        <v>5</v>
      </c>
      <c r="G4781" t="s">
        <v>769</v>
      </c>
      <c r="H4781" t="s">
        <v>8882</v>
      </c>
      <c r="I4781" t="s">
        <v>30540</v>
      </c>
    </row>
    <row r="4782" spans="1:9">
      <c r="A4782" s="1">
        <v>0.10625284013181358</v>
      </c>
      <c r="B4782" s="1"/>
      <c r="C4782">
        <v>6</v>
      </c>
      <c r="D4782" t="s">
        <v>8877</v>
      </c>
      <c r="E4782" t="s">
        <v>32339</v>
      </c>
      <c r="F4782">
        <v>5</v>
      </c>
      <c r="G4782" t="s">
        <v>2</v>
      </c>
      <c r="H4782" t="s">
        <v>8878</v>
      </c>
      <c r="I4782" t="s">
        <v>30540</v>
      </c>
    </row>
    <row r="4783" spans="1:9">
      <c r="A4783" s="1">
        <v>0.17812057674715109</v>
      </c>
      <c r="B4783" s="1"/>
      <c r="C4783">
        <v>18</v>
      </c>
      <c r="D4783" t="s">
        <v>8883</v>
      </c>
      <c r="E4783" t="s">
        <v>32339</v>
      </c>
      <c r="F4783">
        <v>4</v>
      </c>
      <c r="G4783" t="s">
        <v>0</v>
      </c>
      <c r="H4783" t="s">
        <v>8884</v>
      </c>
      <c r="I4783" t="s">
        <v>30540</v>
      </c>
    </row>
    <row r="4784" spans="1:9">
      <c r="A4784" s="1">
        <v>0.42881426426390412</v>
      </c>
      <c r="B4784" s="1"/>
      <c r="C4784">
        <v>7</v>
      </c>
      <c r="D4784" t="s">
        <v>8879</v>
      </c>
      <c r="E4784" t="s">
        <v>32339</v>
      </c>
      <c r="F4784">
        <v>4</v>
      </c>
      <c r="G4784" t="s">
        <v>766</v>
      </c>
      <c r="H4784" t="s">
        <v>8880</v>
      </c>
      <c r="I4784" t="s">
        <v>30540</v>
      </c>
    </row>
    <row r="4785" spans="1:9">
      <c r="A4785" s="1">
        <v>0.67757207455298163</v>
      </c>
      <c r="B4785" s="1"/>
      <c r="C4785">
        <v>2</v>
      </c>
      <c r="D4785" t="s">
        <v>8875</v>
      </c>
      <c r="E4785" t="s">
        <v>32339</v>
      </c>
      <c r="F4785">
        <v>3</v>
      </c>
      <c r="G4785" t="s">
        <v>762</v>
      </c>
      <c r="H4785" t="s">
        <v>8876</v>
      </c>
      <c r="I4785" t="s">
        <v>30540</v>
      </c>
    </row>
    <row r="4786" spans="1:9">
      <c r="A4786" s="1">
        <v>0.33119139239985806</v>
      </c>
      <c r="B4786" s="1"/>
      <c r="C4786">
        <v>5</v>
      </c>
      <c r="D4786" t="s">
        <v>8867</v>
      </c>
      <c r="E4786" t="s">
        <v>32340</v>
      </c>
      <c r="F4786">
        <v>5</v>
      </c>
      <c r="G4786" t="s">
        <v>15</v>
      </c>
      <c r="H4786" t="s">
        <v>8868</v>
      </c>
      <c r="I4786" t="s">
        <v>30540</v>
      </c>
    </row>
    <row r="4787" spans="1:9">
      <c r="A4787" s="1">
        <v>0.74834486026322156</v>
      </c>
      <c r="B4787" s="1"/>
      <c r="C4787">
        <v>17</v>
      </c>
      <c r="D4787" t="s">
        <v>8869</v>
      </c>
      <c r="E4787" t="s">
        <v>32340</v>
      </c>
      <c r="F4787">
        <v>5</v>
      </c>
      <c r="G4787" t="s">
        <v>765</v>
      </c>
      <c r="H4787" t="s">
        <v>8870</v>
      </c>
      <c r="I4787" t="s">
        <v>30540</v>
      </c>
    </row>
    <row r="4788" spans="1:9">
      <c r="A4788" s="1">
        <v>0.39098206547515735</v>
      </c>
      <c r="B4788" s="1"/>
      <c r="C4788">
        <v>18</v>
      </c>
      <c r="D4788" t="s">
        <v>8871</v>
      </c>
      <c r="E4788" t="s">
        <v>32340</v>
      </c>
      <c r="F4788">
        <v>4</v>
      </c>
      <c r="G4788" t="s">
        <v>0</v>
      </c>
      <c r="H4788" t="s">
        <v>8872</v>
      </c>
      <c r="I4788" t="s">
        <v>30540</v>
      </c>
    </row>
    <row r="4789" spans="1:9">
      <c r="A4789" s="1">
        <v>6.608436624231373E-2</v>
      </c>
      <c r="B4789" s="1"/>
      <c r="C4789">
        <v>20</v>
      </c>
      <c r="D4789" t="s">
        <v>8873</v>
      </c>
      <c r="E4789" t="s">
        <v>32340</v>
      </c>
      <c r="F4789">
        <v>4</v>
      </c>
      <c r="G4789" t="s">
        <v>774</v>
      </c>
      <c r="H4789" t="s">
        <v>8874</v>
      </c>
      <c r="I4789" t="s">
        <v>30540</v>
      </c>
    </row>
    <row r="4790" spans="1:9">
      <c r="A4790" s="1">
        <v>0.72704871449166075</v>
      </c>
      <c r="B4790" s="1"/>
      <c r="C4790">
        <v>5</v>
      </c>
      <c r="D4790" t="s">
        <v>8859</v>
      </c>
      <c r="E4790" t="s">
        <v>32341</v>
      </c>
      <c r="F4790">
        <v>5</v>
      </c>
      <c r="G4790" t="s">
        <v>0</v>
      </c>
      <c r="H4790" t="s">
        <v>8860</v>
      </c>
      <c r="I4790" t="s">
        <v>30540</v>
      </c>
    </row>
    <row r="4791" spans="1:9">
      <c r="A4791" s="1">
        <v>7.2894568066942389E-3</v>
      </c>
      <c r="B4791" s="1"/>
      <c r="C4791">
        <v>7</v>
      </c>
      <c r="D4791" t="s">
        <v>8861</v>
      </c>
      <c r="E4791" t="s">
        <v>32341</v>
      </c>
      <c r="F4791">
        <v>4</v>
      </c>
      <c r="G4791" t="s">
        <v>2</v>
      </c>
      <c r="H4791" t="s">
        <v>8862</v>
      </c>
      <c r="I4791" t="s">
        <v>30540</v>
      </c>
    </row>
    <row r="4792" spans="1:9">
      <c r="A4792" s="1">
        <v>2.4808794791230104E-3</v>
      </c>
      <c r="B4792" s="1"/>
      <c r="C4792">
        <v>2</v>
      </c>
      <c r="D4792" t="s">
        <v>8857</v>
      </c>
      <c r="E4792" t="s">
        <v>32341</v>
      </c>
      <c r="F4792">
        <v>4</v>
      </c>
      <c r="G4792" t="s">
        <v>2</v>
      </c>
      <c r="H4792" t="s">
        <v>8858</v>
      </c>
      <c r="I4792" t="s">
        <v>30540</v>
      </c>
    </row>
    <row r="4793" spans="1:9">
      <c r="A4793" s="1">
        <v>0.29135579804813794</v>
      </c>
      <c r="B4793" s="1"/>
      <c r="C4793">
        <v>14</v>
      </c>
      <c r="D4793" t="s">
        <v>8865</v>
      </c>
      <c r="E4793" t="s">
        <v>32341</v>
      </c>
      <c r="F4793">
        <v>3</v>
      </c>
      <c r="G4793" t="s">
        <v>0</v>
      </c>
      <c r="H4793" t="s">
        <v>8866</v>
      </c>
      <c r="I4793" t="s">
        <v>30540</v>
      </c>
    </row>
    <row r="4794" spans="1:9">
      <c r="A4794" s="1">
        <v>2.4178057976326217E-2</v>
      </c>
      <c r="B4794" s="1"/>
      <c r="C4794">
        <v>11</v>
      </c>
      <c r="D4794" t="s">
        <v>8847</v>
      </c>
      <c r="E4794" t="s">
        <v>32342</v>
      </c>
      <c r="F4794">
        <v>5</v>
      </c>
      <c r="G4794" t="s">
        <v>774</v>
      </c>
      <c r="H4794" t="s">
        <v>8848</v>
      </c>
      <c r="I4794" t="s">
        <v>30540</v>
      </c>
    </row>
    <row r="4795" spans="1:9">
      <c r="A4795" s="1">
        <v>0.11975115498895728</v>
      </c>
      <c r="B4795" s="1"/>
      <c r="C4795">
        <v>1</v>
      </c>
      <c r="D4795" t="s">
        <v>8843</v>
      </c>
      <c r="E4795" t="s">
        <v>32342</v>
      </c>
      <c r="F4795">
        <v>5</v>
      </c>
      <c r="G4795" t="s">
        <v>0</v>
      </c>
      <c r="H4795" t="s">
        <v>8844</v>
      </c>
      <c r="I4795" t="s">
        <v>30540</v>
      </c>
    </row>
    <row r="4796" spans="1:9">
      <c r="A4796" s="1">
        <v>0.84743736477744513</v>
      </c>
      <c r="B4796" s="1"/>
      <c r="C4796">
        <v>12</v>
      </c>
      <c r="D4796" t="s">
        <v>8849</v>
      </c>
      <c r="E4796" t="s">
        <v>32342</v>
      </c>
      <c r="F4796">
        <v>4</v>
      </c>
      <c r="G4796" t="s">
        <v>15</v>
      </c>
      <c r="H4796" t="s">
        <v>8850</v>
      </c>
      <c r="I4796" t="s">
        <v>30540</v>
      </c>
    </row>
    <row r="4797" spans="1:9">
      <c r="A4797" s="1">
        <v>0.66952281289630688</v>
      </c>
      <c r="B4797" s="1"/>
      <c r="C4797">
        <v>20</v>
      </c>
      <c r="D4797" t="s">
        <v>8855</v>
      </c>
      <c r="E4797" t="s">
        <v>32342</v>
      </c>
      <c r="F4797">
        <v>4</v>
      </c>
      <c r="G4797" t="s">
        <v>0</v>
      </c>
      <c r="H4797" t="s">
        <v>8856</v>
      </c>
      <c r="I4797" t="s">
        <v>30540</v>
      </c>
    </row>
    <row r="4798" spans="1:9">
      <c r="A4798" s="1">
        <v>0.65573996272044788</v>
      </c>
      <c r="B4798" s="1"/>
      <c r="C4798">
        <v>16</v>
      </c>
      <c r="D4798" t="s">
        <v>8851</v>
      </c>
      <c r="E4798" t="s">
        <v>32342</v>
      </c>
      <c r="F4798">
        <v>4</v>
      </c>
      <c r="G4798" t="s">
        <v>2</v>
      </c>
      <c r="H4798" t="s">
        <v>8852</v>
      </c>
      <c r="I4798" t="s">
        <v>30540</v>
      </c>
    </row>
    <row r="4799" spans="1:9">
      <c r="A4799" s="1">
        <v>0.91367725689121471</v>
      </c>
      <c r="B4799" s="1"/>
      <c r="C4799">
        <v>17</v>
      </c>
      <c r="D4799" t="s">
        <v>8853</v>
      </c>
      <c r="E4799" t="s">
        <v>32342</v>
      </c>
      <c r="F4799">
        <v>4</v>
      </c>
      <c r="G4799" t="s">
        <v>770</v>
      </c>
      <c r="H4799" t="s">
        <v>8854</v>
      </c>
      <c r="I4799" t="s">
        <v>30540</v>
      </c>
    </row>
    <row r="4800" spans="1:9">
      <c r="A4800" s="1">
        <v>0.36853525150808175</v>
      </c>
      <c r="B4800" s="1"/>
      <c r="C4800">
        <v>9</v>
      </c>
      <c r="D4800" t="s">
        <v>8835</v>
      </c>
      <c r="E4800" t="s">
        <v>32343</v>
      </c>
      <c r="F4800">
        <v>5</v>
      </c>
      <c r="G4800" t="s">
        <v>0</v>
      </c>
      <c r="H4800" t="s">
        <v>8836</v>
      </c>
      <c r="I4800" t="s">
        <v>30540</v>
      </c>
    </row>
    <row r="4801" spans="1:9">
      <c r="A4801" s="1">
        <v>0.47153578135974739</v>
      </c>
      <c r="B4801" s="1"/>
      <c r="C4801">
        <v>13</v>
      </c>
      <c r="D4801" t="s">
        <v>8839</v>
      </c>
      <c r="E4801" t="s">
        <v>32343</v>
      </c>
      <c r="F4801">
        <v>4</v>
      </c>
      <c r="G4801" t="s">
        <v>15</v>
      </c>
      <c r="H4801" t="s">
        <v>8840</v>
      </c>
      <c r="I4801" t="s">
        <v>30540</v>
      </c>
    </row>
    <row r="4802" spans="1:9">
      <c r="A4802" s="1">
        <v>0.19698492450733618</v>
      </c>
      <c r="B4802" s="1"/>
      <c r="C4802">
        <v>10</v>
      </c>
      <c r="D4802" t="s">
        <v>8837</v>
      </c>
      <c r="E4802" t="s">
        <v>32343</v>
      </c>
      <c r="F4802">
        <v>4</v>
      </c>
      <c r="G4802" t="s">
        <v>15</v>
      </c>
      <c r="H4802" t="s">
        <v>8838</v>
      </c>
      <c r="I4802" t="s">
        <v>30540</v>
      </c>
    </row>
    <row r="4803" spans="1:9">
      <c r="A4803" s="1">
        <v>1.3070649431460746E-2</v>
      </c>
      <c r="B4803" s="1"/>
      <c r="C4803">
        <v>17</v>
      </c>
      <c r="D4803" t="s">
        <v>8841</v>
      </c>
      <c r="E4803" t="s">
        <v>32343</v>
      </c>
      <c r="F4803">
        <v>4</v>
      </c>
      <c r="G4803" t="s">
        <v>0</v>
      </c>
      <c r="H4803" t="s">
        <v>8842</v>
      </c>
      <c r="I4803" t="s">
        <v>30540</v>
      </c>
    </row>
    <row r="4804" spans="1:9">
      <c r="A4804" s="1">
        <v>4.1950208749332529E-2</v>
      </c>
      <c r="B4804" s="1"/>
      <c r="C4804">
        <v>5</v>
      </c>
      <c r="D4804" t="s">
        <v>8833</v>
      </c>
      <c r="E4804" t="s">
        <v>32343</v>
      </c>
      <c r="F4804">
        <v>4</v>
      </c>
      <c r="G4804" t="s">
        <v>0</v>
      </c>
      <c r="H4804" t="s">
        <v>8834</v>
      </c>
      <c r="I4804" t="s">
        <v>30540</v>
      </c>
    </row>
    <row r="4805" spans="1:9">
      <c r="A4805" s="1">
        <v>0.96718816553127096</v>
      </c>
      <c r="B4805" s="1"/>
      <c r="C4805">
        <v>3</v>
      </c>
      <c r="D4805" t="s">
        <v>8831</v>
      </c>
      <c r="E4805" t="s">
        <v>32343</v>
      </c>
      <c r="F4805">
        <v>4</v>
      </c>
      <c r="G4805" t="s">
        <v>14</v>
      </c>
      <c r="H4805" t="s">
        <v>8832</v>
      </c>
      <c r="I4805" t="s">
        <v>30540</v>
      </c>
    </row>
    <row r="4806" spans="1:9">
      <c r="A4806" s="1">
        <v>0.39057681887102591</v>
      </c>
      <c r="B4806" s="1"/>
      <c r="C4806">
        <v>18</v>
      </c>
      <c r="D4806" t="s">
        <v>8827</v>
      </c>
      <c r="E4806" t="s">
        <v>32344</v>
      </c>
      <c r="F4806">
        <v>5</v>
      </c>
      <c r="G4806" t="s">
        <v>0</v>
      </c>
      <c r="H4806" t="s">
        <v>8828</v>
      </c>
      <c r="I4806" t="s">
        <v>30540</v>
      </c>
    </row>
    <row r="4807" spans="1:9">
      <c r="A4807" s="1">
        <v>0.42114780842230992</v>
      </c>
      <c r="B4807" s="1"/>
      <c r="C4807">
        <v>20</v>
      </c>
      <c r="D4807" t="s">
        <v>8829</v>
      </c>
      <c r="E4807" t="s">
        <v>32344</v>
      </c>
      <c r="F4807">
        <v>5</v>
      </c>
      <c r="G4807" t="s">
        <v>0</v>
      </c>
      <c r="H4807" t="s">
        <v>8830</v>
      </c>
      <c r="I4807" t="s">
        <v>30540</v>
      </c>
    </row>
    <row r="4808" spans="1:9">
      <c r="A4808" s="1">
        <v>0.48678548327419158</v>
      </c>
      <c r="B4808" s="1"/>
      <c r="C4808">
        <v>11</v>
      </c>
      <c r="D4808" t="s">
        <v>8825</v>
      </c>
      <c r="E4808" t="s">
        <v>32344</v>
      </c>
      <c r="F4808">
        <v>4</v>
      </c>
      <c r="G4808" t="s">
        <v>0</v>
      </c>
      <c r="H4808" t="s">
        <v>8826</v>
      </c>
      <c r="I4808" t="s">
        <v>30540</v>
      </c>
    </row>
    <row r="4809" spans="1:9">
      <c r="A4809" s="1">
        <v>0.93395494619679442</v>
      </c>
      <c r="B4809" s="1"/>
      <c r="C4809">
        <v>14</v>
      </c>
      <c r="D4809" t="s">
        <v>8819</v>
      </c>
      <c r="E4809" t="s">
        <v>32345</v>
      </c>
      <c r="F4809">
        <v>4</v>
      </c>
      <c r="G4809" t="s">
        <v>771</v>
      </c>
      <c r="H4809" t="s">
        <v>8820</v>
      </c>
      <c r="I4809" t="s">
        <v>30540</v>
      </c>
    </row>
    <row r="4810" spans="1:9">
      <c r="A4810" s="1">
        <v>0.4535162125263501</v>
      </c>
      <c r="B4810" s="1"/>
      <c r="C4810">
        <v>15</v>
      </c>
      <c r="D4810" t="s">
        <v>8821</v>
      </c>
      <c r="E4810" t="s">
        <v>32345</v>
      </c>
      <c r="F4810">
        <v>4</v>
      </c>
      <c r="G4810" t="s">
        <v>771</v>
      </c>
      <c r="H4810" t="s">
        <v>8822</v>
      </c>
      <c r="I4810" t="s">
        <v>30540</v>
      </c>
    </row>
    <row r="4811" spans="1:9">
      <c r="A4811" s="1">
        <v>0.54309459426514695</v>
      </c>
      <c r="B4811" s="1"/>
      <c r="C4811">
        <v>19</v>
      </c>
      <c r="D4811" t="s">
        <v>8823</v>
      </c>
      <c r="E4811" t="s">
        <v>32345</v>
      </c>
      <c r="F4811">
        <v>4</v>
      </c>
      <c r="G4811" t="s">
        <v>0</v>
      </c>
      <c r="H4811" t="s">
        <v>8824</v>
      </c>
      <c r="I4811" t="s">
        <v>30540</v>
      </c>
    </row>
    <row r="4812" spans="1:9">
      <c r="A4812" s="1">
        <v>0.44006559282701252</v>
      </c>
      <c r="B4812" s="1"/>
      <c r="C4812">
        <v>5</v>
      </c>
      <c r="D4812" t="s">
        <v>8817</v>
      </c>
      <c r="E4812" t="s">
        <v>32345</v>
      </c>
      <c r="F4812">
        <v>4</v>
      </c>
      <c r="G4812" t="s">
        <v>0</v>
      </c>
      <c r="H4812" t="s">
        <v>8818</v>
      </c>
      <c r="I4812" t="s">
        <v>30540</v>
      </c>
    </row>
    <row r="4813" spans="1:9">
      <c r="A4813" s="1">
        <v>0.6781813275264571</v>
      </c>
      <c r="B4813" s="1"/>
      <c r="C4813">
        <v>11</v>
      </c>
      <c r="D4813" t="s">
        <v>8815</v>
      </c>
      <c r="E4813" t="s">
        <v>32346</v>
      </c>
      <c r="F4813">
        <v>5</v>
      </c>
      <c r="G4813" t="s">
        <v>2</v>
      </c>
      <c r="H4813" t="s">
        <v>8816</v>
      </c>
      <c r="I4813" t="s">
        <v>30540</v>
      </c>
    </row>
    <row r="4814" spans="1:9">
      <c r="A4814" s="1">
        <v>0.23380641865556451</v>
      </c>
      <c r="B4814" s="1"/>
      <c r="C4814">
        <v>10</v>
      </c>
      <c r="D4814" t="s">
        <v>8813</v>
      </c>
      <c r="E4814" t="s">
        <v>32346</v>
      </c>
      <c r="F4814">
        <v>4</v>
      </c>
      <c r="G4814" t="s">
        <v>15</v>
      </c>
      <c r="H4814" t="s">
        <v>8814</v>
      </c>
      <c r="I4814" t="s">
        <v>30540</v>
      </c>
    </row>
    <row r="4815" spans="1:9">
      <c r="A4815" s="1">
        <v>0.75825795795542461</v>
      </c>
      <c r="B4815" s="1"/>
      <c r="C4815">
        <v>6</v>
      </c>
      <c r="D4815" t="s">
        <v>8811</v>
      </c>
      <c r="E4815" t="s">
        <v>32346</v>
      </c>
      <c r="F4815">
        <v>4</v>
      </c>
      <c r="G4815" t="s">
        <v>0</v>
      </c>
      <c r="H4815" t="s">
        <v>8812</v>
      </c>
      <c r="I4815" t="s">
        <v>30540</v>
      </c>
    </row>
    <row r="4816" spans="1:9">
      <c r="A4816" s="1">
        <v>0.8739268876877937</v>
      </c>
      <c r="B4816" s="1"/>
      <c r="C4816">
        <v>7</v>
      </c>
      <c r="D4816" t="s">
        <v>8805</v>
      </c>
      <c r="E4816" t="s">
        <v>32347</v>
      </c>
      <c r="F4816">
        <v>5</v>
      </c>
      <c r="G4816" t="s">
        <v>2</v>
      </c>
      <c r="H4816" t="s">
        <v>8806</v>
      </c>
      <c r="I4816" t="s">
        <v>30540</v>
      </c>
    </row>
    <row r="4817" spans="1:9">
      <c r="A4817" s="1">
        <v>0.35857552944213966</v>
      </c>
      <c r="B4817" s="1"/>
      <c r="C4817">
        <v>13</v>
      </c>
      <c r="D4817" t="s">
        <v>8807</v>
      </c>
      <c r="E4817" t="s">
        <v>32347</v>
      </c>
      <c r="F4817">
        <v>4</v>
      </c>
      <c r="G4817" t="s">
        <v>0</v>
      </c>
      <c r="H4817" t="s">
        <v>8808</v>
      </c>
      <c r="I4817" t="s">
        <v>30540</v>
      </c>
    </row>
    <row r="4818" spans="1:9">
      <c r="A4818" s="1">
        <v>0.16389316899305806</v>
      </c>
      <c r="B4818" s="1"/>
      <c r="C4818">
        <v>20</v>
      </c>
      <c r="D4818" t="s">
        <v>8809</v>
      </c>
      <c r="E4818" t="s">
        <v>32347</v>
      </c>
      <c r="F4818">
        <v>3</v>
      </c>
      <c r="G4818" t="s">
        <v>769</v>
      </c>
      <c r="H4818" t="s">
        <v>8810</v>
      </c>
      <c r="I4818" t="s">
        <v>30540</v>
      </c>
    </row>
    <row r="4819" spans="1:9">
      <c r="A4819" s="1">
        <v>2.932539169452919E-2</v>
      </c>
      <c r="B4819" s="1"/>
      <c r="C4819">
        <v>3</v>
      </c>
      <c r="D4819" t="s">
        <v>8803</v>
      </c>
      <c r="E4819" t="s">
        <v>32347</v>
      </c>
      <c r="F4819">
        <v>3</v>
      </c>
      <c r="G4819" t="s">
        <v>774</v>
      </c>
      <c r="H4819" t="s">
        <v>8804</v>
      </c>
      <c r="I4819" t="s">
        <v>30540</v>
      </c>
    </row>
    <row r="4820" spans="1:9">
      <c r="A4820" s="1">
        <v>0.61582284812141108</v>
      </c>
      <c r="B4820" s="1"/>
      <c r="C4820">
        <v>9</v>
      </c>
      <c r="D4820" t="s">
        <v>8801</v>
      </c>
      <c r="E4820" t="s">
        <v>32348</v>
      </c>
      <c r="F4820">
        <v>4</v>
      </c>
      <c r="G4820" t="s">
        <v>0</v>
      </c>
      <c r="H4820" t="s">
        <v>8802</v>
      </c>
      <c r="I4820" t="s">
        <v>30540</v>
      </c>
    </row>
    <row r="4821" spans="1:9">
      <c r="A4821" s="1">
        <v>0.64233872860917263</v>
      </c>
      <c r="B4821" s="1"/>
      <c r="C4821">
        <v>1</v>
      </c>
      <c r="D4821" t="s">
        <v>8795</v>
      </c>
      <c r="E4821" t="s">
        <v>32348</v>
      </c>
      <c r="F4821">
        <v>3</v>
      </c>
      <c r="G4821" t="s">
        <v>1</v>
      </c>
      <c r="H4821" t="s">
        <v>8796</v>
      </c>
      <c r="I4821" t="s">
        <v>30540</v>
      </c>
    </row>
    <row r="4822" spans="1:9">
      <c r="A4822" s="1">
        <v>0.51644211986439703</v>
      </c>
      <c r="B4822" s="1"/>
      <c r="C4822">
        <v>10</v>
      </c>
      <c r="D4822" t="s">
        <v>8789</v>
      </c>
      <c r="E4822" t="s">
        <v>32349</v>
      </c>
      <c r="F4822">
        <v>4</v>
      </c>
      <c r="G4822" t="s">
        <v>9</v>
      </c>
      <c r="H4822" t="s">
        <v>8790</v>
      </c>
      <c r="I4822" t="s">
        <v>30540</v>
      </c>
    </row>
    <row r="4823" spans="1:9">
      <c r="A4823" s="1">
        <v>4.820348272217112E-2</v>
      </c>
      <c r="B4823" s="1"/>
      <c r="C4823">
        <v>12</v>
      </c>
      <c r="D4823" t="s">
        <v>8791</v>
      </c>
      <c r="E4823" t="s">
        <v>32349</v>
      </c>
      <c r="F4823">
        <v>4</v>
      </c>
      <c r="G4823" t="s">
        <v>765</v>
      </c>
      <c r="H4823" t="s">
        <v>8792</v>
      </c>
      <c r="I4823" t="s">
        <v>30540</v>
      </c>
    </row>
    <row r="4824" spans="1:9">
      <c r="A4824" s="1">
        <v>0.46250259870455801</v>
      </c>
      <c r="B4824" s="1"/>
      <c r="C4824">
        <v>20</v>
      </c>
      <c r="D4824" t="s">
        <v>8793</v>
      </c>
      <c r="E4824" t="s">
        <v>32349</v>
      </c>
      <c r="F4824">
        <v>4</v>
      </c>
      <c r="G4824" t="s">
        <v>0</v>
      </c>
      <c r="H4824" t="s">
        <v>8794</v>
      </c>
      <c r="I4824" t="s">
        <v>30540</v>
      </c>
    </row>
    <row r="4825" spans="1:9">
      <c r="A4825" s="1">
        <v>0.74032704463456711</v>
      </c>
      <c r="B4825" s="1"/>
      <c r="C4825">
        <v>3</v>
      </c>
      <c r="D4825" t="s">
        <v>8787</v>
      </c>
      <c r="E4825" t="s">
        <v>32350</v>
      </c>
      <c r="F4825">
        <v>4</v>
      </c>
      <c r="G4825" t="s">
        <v>2</v>
      </c>
      <c r="H4825" t="s">
        <v>8788</v>
      </c>
      <c r="I4825" t="s">
        <v>30540</v>
      </c>
    </row>
    <row r="4826" spans="1:9">
      <c r="A4826" s="1">
        <v>0.77214586173396804</v>
      </c>
      <c r="B4826" s="1"/>
      <c r="C4826">
        <v>9</v>
      </c>
      <c r="D4826" t="s">
        <v>8781</v>
      </c>
      <c r="E4826" t="s">
        <v>32351</v>
      </c>
      <c r="F4826">
        <v>4</v>
      </c>
      <c r="G4826" t="s">
        <v>0</v>
      </c>
      <c r="H4826" t="s">
        <v>8782</v>
      </c>
      <c r="I4826" t="s">
        <v>30540</v>
      </c>
    </row>
    <row r="4827" spans="1:9">
      <c r="A4827" s="1">
        <v>0.14382596136637915</v>
      </c>
      <c r="B4827" s="1"/>
      <c r="C4827">
        <v>8</v>
      </c>
      <c r="D4827" t="s">
        <v>8779</v>
      </c>
      <c r="E4827" t="s">
        <v>32351</v>
      </c>
      <c r="F4827">
        <v>4</v>
      </c>
      <c r="G4827" t="s">
        <v>0</v>
      </c>
      <c r="H4827" t="s">
        <v>8780</v>
      </c>
      <c r="I4827" t="s">
        <v>30540</v>
      </c>
    </row>
    <row r="4828" spans="1:9">
      <c r="A4828" s="1">
        <v>0.69698341607700076</v>
      </c>
      <c r="B4828" s="1"/>
      <c r="C4828">
        <v>11</v>
      </c>
      <c r="D4828" t="s">
        <v>8783</v>
      </c>
      <c r="E4828" t="s">
        <v>32351</v>
      </c>
      <c r="F4828">
        <v>4</v>
      </c>
      <c r="G4828" t="s">
        <v>9</v>
      </c>
      <c r="H4828" t="s">
        <v>8784</v>
      </c>
      <c r="I4828" t="s">
        <v>30540</v>
      </c>
    </row>
    <row r="4829" spans="1:9">
      <c r="A4829" s="1">
        <v>0.52769465216159961</v>
      </c>
      <c r="B4829" s="1"/>
      <c r="C4829">
        <v>5</v>
      </c>
      <c r="D4829" t="s">
        <v>8773</v>
      </c>
      <c r="E4829" t="s">
        <v>32352</v>
      </c>
      <c r="F4829">
        <v>4</v>
      </c>
      <c r="G4829" t="s">
        <v>766</v>
      </c>
      <c r="H4829" t="s">
        <v>8774</v>
      </c>
      <c r="I4829" t="s">
        <v>30540</v>
      </c>
    </row>
    <row r="4830" spans="1:9">
      <c r="A4830" s="1">
        <v>0.89716359085101538</v>
      </c>
      <c r="B4830" s="1"/>
      <c r="C4830">
        <v>6</v>
      </c>
      <c r="D4830" t="s">
        <v>8775</v>
      </c>
      <c r="E4830" t="s">
        <v>32352</v>
      </c>
      <c r="F4830">
        <v>4</v>
      </c>
      <c r="G4830" t="s">
        <v>769</v>
      </c>
      <c r="H4830" t="s">
        <v>8776</v>
      </c>
      <c r="I4830" t="s">
        <v>30540</v>
      </c>
    </row>
    <row r="4831" spans="1:9">
      <c r="A4831" s="1">
        <v>0.17160871616408235</v>
      </c>
      <c r="B4831" s="1"/>
      <c r="C4831">
        <v>1</v>
      </c>
      <c r="D4831" t="s">
        <v>8771</v>
      </c>
      <c r="E4831" t="s">
        <v>32352</v>
      </c>
      <c r="F4831">
        <v>4</v>
      </c>
      <c r="G4831" t="s">
        <v>769</v>
      </c>
      <c r="H4831" t="s">
        <v>8772</v>
      </c>
      <c r="I4831" t="s">
        <v>30540</v>
      </c>
    </row>
    <row r="4832" spans="1:9">
      <c r="A4832" s="1">
        <v>0.47481681715485036</v>
      </c>
      <c r="B4832" s="1"/>
      <c r="C4832">
        <v>12</v>
      </c>
      <c r="D4832" t="s">
        <v>8765</v>
      </c>
      <c r="E4832" t="s">
        <v>32353</v>
      </c>
      <c r="F4832">
        <v>4</v>
      </c>
      <c r="G4832" t="s">
        <v>0</v>
      </c>
      <c r="H4832" t="s">
        <v>8766</v>
      </c>
      <c r="I4832" t="s">
        <v>30540</v>
      </c>
    </row>
    <row r="4833" spans="1:9">
      <c r="A4833" s="1">
        <v>0.74703698948900754</v>
      </c>
      <c r="B4833" s="1"/>
      <c r="C4833">
        <v>14</v>
      </c>
      <c r="D4833" t="s">
        <v>8767</v>
      </c>
      <c r="E4833" t="s">
        <v>32353</v>
      </c>
      <c r="F4833">
        <v>4</v>
      </c>
      <c r="G4833" t="s">
        <v>0</v>
      </c>
      <c r="H4833" t="s">
        <v>8768</v>
      </c>
      <c r="I4833" t="s">
        <v>30540</v>
      </c>
    </row>
    <row r="4834" spans="1:9">
      <c r="A4834" s="1">
        <v>0.25632420015025592</v>
      </c>
      <c r="B4834" s="1"/>
      <c r="C4834">
        <v>15</v>
      </c>
      <c r="D4834" t="s">
        <v>8769</v>
      </c>
      <c r="E4834" t="s">
        <v>32353</v>
      </c>
      <c r="F4834">
        <v>4</v>
      </c>
      <c r="G4834" t="s">
        <v>15</v>
      </c>
      <c r="H4834" t="s">
        <v>8770</v>
      </c>
      <c r="I4834" t="s">
        <v>30540</v>
      </c>
    </row>
    <row r="4835" spans="1:9">
      <c r="A4835" s="1">
        <v>0.60553218140028264</v>
      </c>
      <c r="B4835" s="1"/>
      <c r="C4835">
        <v>15</v>
      </c>
      <c r="D4835" t="s">
        <v>8759</v>
      </c>
      <c r="E4835" t="s">
        <v>32354</v>
      </c>
      <c r="F4835">
        <v>4</v>
      </c>
      <c r="G4835" t="s">
        <v>771</v>
      </c>
      <c r="H4835" t="s">
        <v>8760</v>
      </c>
      <c r="I4835" t="s">
        <v>30540</v>
      </c>
    </row>
    <row r="4836" spans="1:9">
      <c r="A4836" s="1">
        <v>0.96309304525085782</v>
      </c>
      <c r="B4836" s="1"/>
      <c r="C4836">
        <v>18</v>
      </c>
      <c r="D4836" t="s">
        <v>8763</v>
      </c>
      <c r="E4836" t="s">
        <v>32354</v>
      </c>
      <c r="F4836">
        <v>4</v>
      </c>
      <c r="G4836" t="s">
        <v>769</v>
      </c>
      <c r="H4836" t="s">
        <v>8764</v>
      </c>
      <c r="I4836" t="s">
        <v>30540</v>
      </c>
    </row>
    <row r="4837" spans="1:9">
      <c r="A4837" s="1">
        <v>0.60707102595889351</v>
      </c>
      <c r="B4837" s="1"/>
      <c r="C4837">
        <v>12</v>
      </c>
      <c r="D4837" t="s">
        <v>8755</v>
      </c>
      <c r="E4837" t="s">
        <v>32354</v>
      </c>
      <c r="F4837">
        <v>4</v>
      </c>
      <c r="G4837" t="s">
        <v>765</v>
      </c>
      <c r="H4837" t="s">
        <v>8756</v>
      </c>
      <c r="I4837" t="s">
        <v>30540</v>
      </c>
    </row>
    <row r="4838" spans="1:9">
      <c r="A4838" s="1">
        <v>0.17444268882965352</v>
      </c>
      <c r="B4838" s="1"/>
      <c r="C4838">
        <v>17</v>
      </c>
      <c r="D4838" t="s">
        <v>8761</v>
      </c>
      <c r="E4838" t="s">
        <v>32354</v>
      </c>
      <c r="F4838">
        <v>4</v>
      </c>
      <c r="G4838" t="s">
        <v>765</v>
      </c>
      <c r="H4838" t="s">
        <v>8762</v>
      </c>
      <c r="I4838" t="s">
        <v>30540</v>
      </c>
    </row>
    <row r="4839" spans="1:9">
      <c r="A4839" s="1">
        <v>0.54481935690804129</v>
      </c>
      <c r="B4839" s="1"/>
      <c r="C4839">
        <v>4</v>
      </c>
      <c r="D4839" t="s">
        <v>8753</v>
      </c>
      <c r="E4839" t="s">
        <v>32354</v>
      </c>
      <c r="F4839">
        <v>4</v>
      </c>
      <c r="G4839" t="s">
        <v>9</v>
      </c>
      <c r="H4839" t="s">
        <v>8754</v>
      </c>
      <c r="I4839" t="s">
        <v>30540</v>
      </c>
    </row>
    <row r="4840" spans="1:9">
      <c r="A4840" s="1">
        <v>0.52644619899184486</v>
      </c>
      <c r="B4840" s="1"/>
      <c r="C4840">
        <v>13</v>
      </c>
      <c r="D4840" t="s">
        <v>8757</v>
      </c>
      <c r="E4840" t="s">
        <v>32354</v>
      </c>
      <c r="F4840">
        <v>3</v>
      </c>
      <c r="G4840" t="s">
        <v>0</v>
      </c>
      <c r="H4840" t="s">
        <v>8758</v>
      </c>
      <c r="I4840" t="s">
        <v>30540</v>
      </c>
    </row>
    <row r="4841" spans="1:9">
      <c r="A4841" s="1">
        <v>0.82479002247492517</v>
      </c>
      <c r="B4841" s="1"/>
      <c r="C4841">
        <v>3</v>
      </c>
      <c r="D4841" t="s">
        <v>8747</v>
      </c>
      <c r="E4841" t="s">
        <v>32355</v>
      </c>
      <c r="F4841">
        <v>5</v>
      </c>
      <c r="G4841" t="s">
        <v>765</v>
      </c>
      <c r="H4841" t="s">
        <v>8748</v>
      </c>
      <c r="I4841" t="s">
        <v>30540</v>
      </c>
    </row>
    <row r="4842" spans="1:9">
      <c r="A4842" s="1">
        <v>0.3504962375558941</v>
      </c>
      <c r="B4842" s="1"/>
      <c r="C4842">
        <v>20</v>
      </c>
      <c r="D4842" t="s">
        <v>8751</v>
      </c>
      <c r="E4842" t="s">
        <v>32355</v>
      </c>
      <c r="F4842">
        <v>5</v>
      </c>
      <c r="G4842" t="s">
        <v>0</v>
      </c>
      <c r="H4842" t="s">
        <v>8752</v>
      </c>
      <c r="I4842" t="s">
        <v>30540</v>
      </c>
    </row>
    <row r="4843" spans="1:9">
      <c r="A4843" s="1">
        <v>5.6439532408649851E-2</v>
      </c>
      <c r="B4843" s="1"/>
      <c r="C4843">
        <v>8</v>
      </c>
      <c r="D4843" t="s">
        <v>8749</v>
      </c>
      <c r="E4843" t="s">
        <v>32355</v>
      </c>
      <c r="F4843">
        <v>4</v>
      </c>
      <c r="G4843" t="s">
        <v>1295</v>
      </c>
      <c r="H4843" t="s">
        <v>8750</v>
      </c>
      <c r="I4843" t="s">
        <v>30540</v>
      </c>
    </row>
    <row r="4844" spans="1:9">
      <c r="A4844" s="1">
        <v>0.15362405462331807</v>
      </c>
      <c r="B4844" s="1"/>
      <c r="C4844">
        <v>10</v>
      </c>
      <c r="D4844" t="s">
        <v>8743</v>
      </c>
      <c r="E4844" t="s">
        <v>32356</v>
      </c>
      <c r="F4844">
        <v>5</v>
      </c>
      <c r="G4844" t="s">
        <v>15</v>
      </c>
      <c r="H4844" t="s">
        <v>8744</v>
      </c>
      <c r="I4844" t="s">
        <v>30540</v>
      </c>
    </row>
    <row r="4845" spans="1:9">
      <c r="A4845" s="1">
        <v>0.95937586806058806</v>
      </c>
      <c r="B4845" s="1"/>
      <c r="C4845">
        <v>9</v>
      </c>
      <c r="D4845" t="s">
        <v>8741</v>
      </c>
      <c r="E4845" t="s">
        <v>32356</v>
      </c>
      <c r="F4845">
        <v>5</v>
      </c>
      <c r="G4845" t="s">
        <v>9</v>
      </c>
      <c r="H4845" t="s">
        <v>8742</v>
      </c>
      <c r="I4845" t="s">
        <v>30540</v>
      </c>
    </row>
    <row r="4846" spans="1:9">
      <c r="A4846" s="1">
        <v>0.24320749870052838</v>
      </c>
      <c r="B4846" s="1"/>
      <c r="C4846">
        <v>12</v>
      </c>
      <c r="D4846" t="s">
        <v>8745</v>
      </c>
      <c r="E4846" t="s">
        <v>32356</v>
      </c>
      <c r="F4846">
        <v>4</v>
      </c>
      <c r="G4846" t="s">
        <v>0</v>
      </c>
      <c r="H4846" t="s">
        <v>8746</v>
      </c>
      <c r="I4846" t="s">
        <v>30540</v>
      </c>
    </row>
    <row r="4847" spans="1:9">
      <c r="A4847" s="1">
        <v>0.91889685163839341</v>
      </c>
      <c r="B4847" s="1"/>
      <c r="C4847">
        <v>1</v>
      </c>
      <c r="D4847" t="s">
        <v>8737</v>
      </c>
      <c r="E4847" t="s">
        <v>32356</v>
      </c>
      <c r="F4847">
        <v>4</v>
      </c>
      <c r="G4847" t="s">
        <v>14</v>
      </c>
      <c r="H4847" t="s">
        <v>8738</v>
      </c>
      <c r="I4847" t="s">
        <v>30540</v>
      </c>
    </row>
    <row r="4848" spans="1:9">
      <c r="A4848" s="1">
        <v>0.66016829872765381</v>
      </c>
      <c r="B4848" s="1"/>
      <c r="C4848">
        <v>5</v>
      </c>
      <c r="D4848" t="s">
        <v>8725</v>
      </c>
      <c r="E4848" t="s">
        <v>32357</v>
      </c>
      <c r="F4848">
        <v>5</v>
      </c>
      <c r="G4848" t="s">
        <v>0</v>
      </c>
      <c r="H4848" t="s">
        <v>8726</v>
      </c>
      <c r="I4848" t="s">
        <v>30540</v>
      </c>
    </row>
    <row r="4849" spans="1:9">
      <c r="A4849" s="1">
        <v>7.6598655243497182E-3</v>
      </c>
      <c r="B4849" s="1"/>
      <c r="C4849">
        <v>16</v>
      </c>
      <c r="D4849" t="s">
        <v>8733</v>
      </c>
      <c r="E4849" t="s">
        <v>32357</v>
      </c>
      <c r="F4849">
        <v>5</v>
      </c>
      <c r="G4849" t="s">
        <v>0</v>
      </c>
      <c r="H4849" t="s">
        <v>8734</v>
      </c>
      <c r="I4849" t="s">
        <v>30540</v>
      </c>
    </row>
    <row r="4850" spans="1:9">
      <c r="A4850" s="1">
        <v>0.1354270215218556</v>
      </c>
      <c r="B4850" s="1"/>
      <c r="C4850">
        <v>19</v>
      </c>
      <c r="D4850" t="s">
        <v>8735</v>
      </c>
      <c r="E4850" t="s">
        <v>32357</v>
      </c>
      <c r="F4850">
        <v>4</v>
      </c>
      <c r="G4850" t="s">
        <v>2</v>
      </c>
      <c r="H4850" t="s">
        <v>8736</v>
      </c>
      <c r="I4850" t="s">
        <v>30540</v>
      </c>
    </row>
    <row r="4851" spans="1:9">
      <c r="A4851" s="1">
        <v>0.98194465263287067</v>
      </c>
      <c r="B4851" s="1"/>
      <c r="C4851">
        <v>6</v>
      </c>
      <c r="D4851" t="s">
        <v>8727</v>
      </c>
      <c r="E4851" t="s">
        <v>32357</v>
      </c>
      <c r="F4851">
        <v>4</v>
      </c>
      <c r="G4851" t="s">
        <v>0</v>
      </c>
      <c r="H4851" t="s">
        <v>8728</v>
      </c>
      <c r="I4851" t="s">
        <v>30540</v>
      </c>
    </row>
    <row r="4852" spans="1:9">
      <c r="A4852" s="1">
        <v>0.29249913193038379</v>
      </c>
      <c r="B4852" s="1"/>
      <c r="C4852">
        <v>13</v>
      </c>
      <c r="D4852" t="s">
        <v>8731</v>
      </c>
      <c r="E4852" t="s">
        <v>32357</v>
      </c>
      <c r="F4852">
        <v>4</v>
      </c>
      <c r="G4852" t="s">
        <v>770</v>
      </c>
      <c r="H4852" t="s">
        <v>8732</v>
      </c>
      <c r="I4852" t="s">
        <v>30540</v>
      </c>
    </row>
    <row r="4853" spans="1:9">
      <c r="A4853" s="1">
        <v>0.21253933991209761</v>
      </c>
      <c r="B4853" s="1"/>
      <c r="C4853">
        <v>7</v>
      </c>
      <c r="D4853" t="s">
        <v>8729</v>
      </c>
      <c r="E4853" t="s">
        <v>32357</v>
      </c>
      <c r="F4853">
        <v>4</v>
      </c>
      <c r="G4853" t="s">
        <v>9</v>
      </c>
      <c r="H4853" t="s">
        <v>8730</v>
      </c>
      <c r="I4853" t="s">
        <v>30540</v>
      </c>
    </row>
    <row r="4854" spans="1:9">
      <c r="A4854" s="1">
        <v>0.3219109850584202</v>
      </c>
      <c r="B4854" s="1"/>
      <c r="C4854">
        <v>12</v>
      </c>
      <c r="D4854" t="s">
        <v>12587</v>
      </c>
      <c r="E4854" t="s">
        <v>32358</v>
      </c>
      <c r="F4854">
        <v>4</v>
      </c>
      <c r="G4854" t="s">
        <v>0</v>
      </c>
      <c r="H4854" t="s">
        <v>12588</v>
      </c>
      <c r="I4854" t="s">
        <v>30540</v>
      </c>
    </row>
    <row r="4855" spans="1:9">
      <c r="A4855" s="1">
        <v>0.27638783904320241</v>
      </c>
      <c r="B4855" s="1"/>
      <c r="C4855">
        <v>19</v>
      </c>
      <c r="D4855" t="s">
        <v>12589</v>
      </c>
      <c r="E4855" t="s">
        <v>32358</v>
      </c>
      <c r="F4855">
        <v>4</v>
      </c>
      <c r="G4855" t="s">
        <v>0</v>
      </c>
      <c r="H4855" t="s">
        <v>12590</v>
      </c>
      <c r="I4855" t="s">
        <v>30540</v>
      </c>
    </row>
    <row r="4856" spans="1:9">
      <c r="A4856" s="1">
        <v>8.0091224314908782E-3</v>
      </c>
      <c r="B4856" s="1"/>
      <c r="C4856">
        <v>6</v>
      </c>
      <c r="D4856" t="s">
        <v>12583</v>
      </c>
      <c r="E4856" t="s">
        <v>32359</v>
      </c>
      <c r="F4856">
        <v>4</v>
      </c>
      <c r="G4856" t="s">
        <v>15</v>
      </c>
      <c r="H4856" t="s">
        <v>12584</v>
      </c>
      <c r="I4856" t="s">
        <v>30540</v>
      </c>
    </row>
    <row r="4857" spans="1:9">
      <c r="A4857" s="1">
        <v>0.35896479120610203</v>
      </c>
      <c r="B4857" s="1"/>
      <c r="C4857">
        <v>7</v>
      </c>
      <c r="D4857" t="s">
        <v>12585</v>
      </c>
      <c r="E4857" t="s">
        <v>32359</v>
      </c>
      <c r="F4857">
        <v>3</v>
      </c>
      <c r="G4857" t="s">
        <v>15</v>
      </c>
      <c r="H4857" t="s">
        <v>12586</v>
      </c>
      <c r="I4857" t="s">
        <v>30540</v>
      </c>
    </row>
    <row r="4858" spans="1:9">
      <c r="A4858" s="1">
        <v>0.60595654310947011</v>
      </c>
      <c r="B4858" s="1"/>
      <c r="C4858">
        <v>16</v>
      </c>
      <c r="D4858" t="s">
        <v>12581</v>
      </c>
      <c r="E4858" t="s">
        <v>32360</v>
      </c>
      <c r="F4858">
        <v>5</v>
      </c>
      <c r="G4858" t="s">
        <v>2</v>
      </c>
      <c r="H4858" t="s">
        <v>12582</v>
      </c>
      <c r="I4858" t="s">
        <v>30540</v>
      </c>
    </row>
    <row r="4859" spans="1:9">
      <c r="A4859" s="1">
        <v>0.93888450063455842</v>
      </c>
      <c r="B4859" s="1"/>
      <c r="C4859">
        <v>1</v>
      </c>
      <c r="D4859" t="s">
        <v>12569</v>
      </c>
      <c r="E4859" t="s">
        <v>32360</v>
      </c>
      <c r="F4859">
        <v>4</v>
      </c>
      <c r="G4859" t="s">
        <v>769</v>
      </c>
      <c r="H4859" t="s">
        <v>12570</v>
      </c>
      <c r="I4859" t="s">
        <v>30540</v>
      </c>
    </row>
    <row r="4860" spans="1:9">
      <c r="A4860" s="1">
        <v>0.27693083030343846</v>
      </c>
      <c r="B4860" s="1"/>
      <c r="C4860">
        <v>4</v>
      </c>
      <c r="D4860" t="s">
        <v>12571</v>
      </c>
      <c r="E4860" t="s">
        <v>32360</v>
      </c>
      <c r="F4860">
        <v>4</v>
      </c>
      <c r="G4860" t="s">
        <v>770</v>
      </c>
      <c r="H4860" t="s">
        <v>12572</v>
      </c>
      <c r="I4860" t="s">
        <v>30540</v>
      </c>
    </row>
    <row r="4861" spans="1:9">
      <c r="A4861" s="1">
        <v>0.61235947984934114</v>
      </c>
      <c r="B4861" s="1"/>
      <c r="C4861">
        <v>14</v>
      </c>
      <c r="D4861" t="s">
        <v>12577</v>
      </c>
      <c r="E4861" t="s">
        <v>32360</v>
      </c>
      <c r="F4861">
        <v>4</v>
      </c>
      <c r="G4861" t="s">
        <v>0</v>
      </c>
      <c r="H4861" t="s">
        <v>12578</v>
      </c>
      <c r="I4861" t="s">
        <v>30540</v>
      </c>
    </row>
    <row r="4862" spans="1:9">
      <c r="A4862" s="1">
        <v>0.84088951470563345</v>
      </c>
      <c r="B4862" s="1"/>
      <c r="C4862">
        <v>15</v>
      </c>
      <c r="D4862" t="s">
        <v>12579</v>
      </c>
      <c r="E4862" t="s">
        <v>32360</v>
      </c>
      <c r="F4862">
        <v>4</v>
      </c>
      <c r="G4862" t="s">
        <v>15</v>
      </c>
      <c r="H4862" t="s">
        <v>12580</v>
      </c>
      <c r="I4862" t="s">
        <v>30540</v>
      </c>
    </row>
    <row r="4863" spans="1:9">
      <c r="A4863" s="1">
        <v>0.43291339919479399</v>
      </c>
      <c r="B4863" s="1"/>
      <c r="C4863">
        <v>12</v>
      </c>
      <c r="D4863" t="s">
        <v>12575</v>
      </c>
      <c r="E4863" t="s">
        <v>32360</v>
      </c>
      <c r="F4863">
        <v>4</v>
      </c>
      <c r="G4863" t="s">
        <v>13</v>
      </c>
      <c r="H4863" t="s">
        <v>12576</v>
      </c>
      <c r="I4863" t="s">
        <v>30540</v>
      </c>
    </row>
    <row r="4864" spans="1:9">
      <c r="A4864" s="1">
        <v>0.39005913566243788</v>
      </c>
      <c r="B4864" s="1"/>
      <c r="C4864">
        <v>6</v>
      </c>
      <c r="D4864" t="s">
        <v>12573</v>
      </c>
      <c r="E4864" t="s">
        <v>32360</v>
      </c>
      <c r="F4864">
        <v>3</v>
      </c>
      <c r="G4864" t="s">
        <v>0</v>
      </c>
      <c r="H4864" t="s">
        <v>12574</v>
      </c>
      <c r="I4864" t="s">
        <v>30540</v>
      </c>
    </row>
    <row r="4865" spans="1:9">
      <c r="A4865" s="1">
        <v>0.55166531399537089</v>
      </c>
      <c r="B4865" s="1"/>
      <c r="C4865">
        <v>7</v>
      </c>
      <c r="D4865" t="s">
        <v>12559</v>
      </c>
      <c r="E4865" t="s">
        <v>32361</v>
      </c>
      <c r="F4865">
        <v>4</v>
      </c>
      <c r="G4865" t="s">
        <v>2</v>
      </c>
      <c r="H4865" t="s">
        <v>12560</v>
      </c>
      <c r="I4865" t="s">
        <v>30540</v>
      </c>
    </row>
    <row r="4866" spans="1:9">
      <c r="A4866" s="1">
        <v>0.80214565350288147</v>
      </c>
      <c r="B4866" s="1"/>
      <c r="C4866">
        <v>16</v>
      </c>
      <c r="D4866" t="s">
        <v>12567</v>
      </c>
      <c r="E4866" t="s">
        <v>32361</v>
      </c>
      <c r="F4866">
        <v>3</v>
      </c>
      <c r="G4866" t="s">
        <v>0</v>
      </c>
      <c r="H4866" t="s">
        <v>12568</v>
      </c>
      <c r="I4866" t="s">
        <v>30540</v>
      </c>
    </row>
    <row r="4867" spans="1:9">
      <c r="A4867" s="1">
        <v>0.47749211373130473</v>
      </c>
      <c r="B4867" s="1"/>
      <c r="C4867">
        <v>9</v>
      </c>
      <c r="D4867" t="s">
        <v>12553</v>
      </c>
      <c r="E4867" t="s">
        <v>32362</v>
      </c>
      <c r="F4867">
        <v>4</v>
      </c>
      <c r="G4867" t="s">
        <v>0</v>
      </c>
      <c r="H4867" t="s">
        <v>12554</v>
      </c>
      <c r="I4867" t="s">
        <v>30540</v>
      </c>
    </row>
    <row r="4868" spans="1:9">
      <c r="A4868" s="1">
        <v>0.78266291659378151</v>
      </c>
      <c r="B4868" s="1"/>
      <c r="C4868">
        <v>19</v>
      </c>
      <c r="D4868" t="s">
        <v>12557</v>
      </c>
      <c r="E4868" t="s">
        <v>32362</v>
      </c>
      <c r="F4868">
        <v>4</v>
      </c>
      <c r="G4868" t="s">
        <v>0</v>
      </c>
      <c r="H4868" t="s">
        <v>12558</v>
      </c>
      <c r="I4868" t="s">
        <v>30540</v>
      </c>
    </row>
    <row r="4869" spans="1:9">
      <c r="A4869" s="1">
        <v>0.75625339235308231</v>
      </c>
      <c r="B4869" s="1"/>
      <c r="C4869">
        <v>12</v>
      </c>
      <c r="D4869" t="s">
        <v>12555</v>
      </c>
      <c r="E4869" t="s">
        <v>32362</v>
      </c>
      <c r="F4869">
        <v>3</v>
      </c>
      <c r="G4869" t="s">
        <v>762</v>
      </c>
      <c r="H4869" t="s">
        <v>12556</v>
      </c>
      <c r="I4869" t="s">
        <v>30540</v>
      </c>
    </row>
    <row r="4870" spans="1:9">
      <c r="A4870" s="1">
        <v>0.72641208591952389</v>
      </c>
      <c r="B4870" s="1"/>
      <c r="C4870">
        <v>16</v>
      </c>
      <c r="D4870" t="s">
        <v>12549</v>
      </c>
      <c r="E4870" t="s">
        <v>32363</v>
      </c>
      <c r="F4870">
        <v>5</v>
      </c>
      <c r="G4870" t="s">
        <v>15</v>
      </c>
      <c r="H4870" t="s">
        <v>12550</v>
      </c>
      <c r="I4870" t="s">
        <v>30540</v>
      </c>
    </row>
    <row r="4871" spans="1:9">
      <c r="A4871" s="1">
        <v>6.2660337091223206E-2</v>
      </c>
      <c r="B4871" s="1"/>
      <c r="C4871">
        <v>19</v>
      </c>
      <c r="D4871" t="s">
        <v>12551</v>
      </c>
      <c r="E4871" t="s">
        <v>32363</v>
      </c>
      <c r="F4871">
        <v>4</v>
      </c>
      <c r="G4871" t="s">
        <v>766</v>
      </c>
      <c r="H4871" t="s">
        <v>12552</v>
      </c>
      <c r="I4871" t="s">
        <v>30540</v>
      </c>
    </row>
    <row r="4872" spans="1:9">
      <c r="A4872" s="1">
        <v>0.13354136093284563</v>
      </c>
      <c r="B4872" s="1"/>
      <c r="C4872">
        <v>6</v>
      </c>
      <c r="D4872" t="s">
        <v>12547</v>
      </c>
      <c r="E4872" t="s">
        <v>32363</v>
      </c>
      <c r="F4872">
        <v>4</v>
      </c>
      <c r="G4872" t="s">
        <v>0</v>
      </c>
      <c r="H4872" t="s">
        <v>12548</v>
      </c>
      <c r="I4872" t="s">
        <v>30540</v>
      </c>
    </row>
    <row r="4873" spans="1:9">
      <c r="A4873" s="1">
        <v>0.52298664595910205</v>
      </c>
      <c r="B4873" s="1"/>
      <c r="C4873">
        <v>6</v>
      </c>
      <c r="D4873" t="s">
        <v>12545</v>
      </c>
      <c r="E4873" t="s">
        <v>32364</v>
      </c>
      <c r="F4873">
        <v>4</v>
      </c>
      <c r="G4873" t="s">
        <v>15</v>
      </c>
      <c r="H4873" t="s">
        <v>12546</v>
      </c>
      <c r="I4873" t="s">
        <v>30540</v>
      </c>
    </row>
    <row r="4874" spans="1:9">
      <c r="A4874" s="1">
        <v>0.49246944296446449</v>
      </c>
      <c r="B4874" s="1"/>
      <c r="C4874">
        <v>8</v>
      </c>
      <c r="D4874" t="s">
        <v>12539</v>
      </c>
      <c r="E4874" t="s">
        <v>32365</v>
      </c>
      <c r="F4874">
        <v>5</v>
      </c>
      <c r="G4874" t="s">
        <v>2</v>
      </c>
      <c r="H4874" t="s">
        <v>12540</v>
      </c>
      <c r="I4874" t="s">
        <v>30540</v>
      </c>
    </row>
    <row r="4875" spans="1:9">
      <c r="A4875" s="1">
        <v>0.9584500261204747</v>
      </c>
      <c r="B4875" s="1"/>
      <c r="C4875">
        <v>16</v>
      </c>
      <c r="D4875" t="s">
        <v>12541</v>
      </c>
      <c r="E4875" t="s">
        <v>32365</v>
      </c>
      <c r="F4875">
        <v>4</v>
      </c>
      <c r="G4875" t="s">
        <v>770</v>
      </c>
      <c r="H4875" t="s">
        <v>12542</v>
      </c>
      <c r="I4875" t="s">
        <v>30540</v>
      </c>
    </row>
    <row r="4876" spans="1:9">
      <c r="A4876" s="1">
        <v>0.16139962746789716</v>
      </c>
      <c r="B4876" s="1"/>
      <c r="C4876">
        <v>17</v>
      </c>
      <c r="D4876" t="s">
        <v>12543</v>
      </c>
      <c r="E4876" t="s">
        <v>32365</v>
      </c>
      <c r="F4876">
        <v>4</v>
      </c>
      <c r="G4876" t="s">
        <v>0</v>
      </c>
      <c r="H4876" t="s">
        <v>12544</v>
      </c>
      <c r="I4876" t="s">
        <v>30540</v>
      </c>
    </row>
    <row r="4877" spans="1:9">
      <c r="A4877" s="1">
        <v>0.82070801026370155</v>
      </c>
      <c r="B4877" s="1"/>
      <c r="C4877">
        <v>7</v>
      </c>
      <c r="D4877" t="s">
        <v>12535</v>
      </c>
      <c r="E4877" t="s">
        <v>32366</v>
      </c>
      <c r="F4877">
        <v>4</v>
      </c>
      <c r="G4877" t="s">
        <v>0</v>
      </c>
      <c r="H4877" t="s">
        <v>12536</v>
      </c>
      <c r="I4877" t="s">
        <v>30540</v>
      </c>
    </row>
    <row r="4878" spans="1:9">
      <c r="A4878" s="1">
        <v>8.9417166557440586E-3</v>
      </c>
      <c r="B4878" s="1"/>
      <c r="C4878">
        <v>5</v>
      </c>
      <c r="D4878" t="s">
        <v>12533</v>
      </c>
      <c r="E4878" t="s">
        <v>32366</v>
      </c>
      <c r="F4878">
        <v>4</v>
      </c>
      <c r="G4878" t="s">
        <v>0</v>
      </c>
      <c r="H4878" t="s">
        <v>12534</v>
      </c>
      <c r="I4878" t="s">
        <v>30540</v>
      </c>
    </row>
    <row r="4879" spans="1:9">
      <c r="A4879" s="1">
        <v>9.0675255663887122E-2</v>
      </c>
      <c r="B4879" s="1"/>
      <c r="C4879">
        <v>9</v>
      </c>
      <c r="D4879" t="s">
        <v>12537</v>
      </c>
      <c r="E4879" t="s">
        <v>32366</v>
      </c>
      <c r="F4879">
        <v>4</v>
      </c>
      <c r="G4879" t="s">
        <v>2</v>
      </c>
      <c r="H4879" t="s">
        <v>12538</v>
      </c>
      <c r="I4879" t="s">
        <v>30540</v>
      </c>
    </row>
    <row r="4880" spans="1:9">
      <c r="A4880" s="1">
        <v>0.97671718646449535</v>
      </c>
      <c r="B4880" s="1"/>
      <c r="C4880">
        <v>15</v>
      </c>
      <c r="D4880" t="s">
        <v>12531</v>
      </c>
      <c r="E4880" t="s">
        <v>32367</v>
      </c>
      <c r="F4880">
        <v>4</v>
      </c>
      <c r="G4880" t="s">
        <v>0</v>
      </c>
      <c r="H4880" t="s">
        <v>12532</v>
      </c>
      <c r="I4880" t="s">
        <v>30540</v>
      </c>
    </row>
    <row r="4881" spans="1:9">
      <c r="A4881" s="1">
        <v>0.74028707784555103</v>
      </c>
      <c r="B4881" s="1"/>
      <c r="C4881">
        <v>12</v>
      </c>
      <c r="D4881" t="s">
        <v>12525</v>
      </c>
      <c r="E4881" t="s">
        <v>32368</v>
      </c>
      <c r="F4881">
        <v>5</v>
      </c>
      <c r="G4881" t="s">
        <v>2</v>
      </c>
      <c r="H4881" t="s">
        <v>12526</v>
      </c>
      <c r="I4881" t="s">
        <v>30540</v>
      </c>
    </row>
    <row r="4882" spans="1:9">
      <c r="A4882" s="1">
        <v>0.82433993028239994</v>
      </c>
      <c r="B4882" s="1"/>
      <c r="C4882">
        <v>14</v>
      </c>
      <c r="D4882" t="s">
        <v>12529</v>
      </c>
      <c r="E4882" t="s">
        <v>32368</v>
      </c>
      <c r="F4882">
        <v>4</v>
      </c>
      <c r="G4882" t="s">
        <v>9</v>
      </c>
      <c r="H4882" t="s">
        <v>12530</v>
      </c>
      <c r="I4882" t="s">
        <v>30540</v>
      </c>
    </row>
    <row r="4883" spans="1:9">
      <c r="A4883" s="1">
        <v>0.4966856658869766</v>
      </c>
      <c r="B4883" s="1"/>
      <c r="C4883">
        <v>4</v>
      </c>
      <c r="D4883" t="s">
        <v>12521</v>
      </c>
      <c r="E4883" t="s">
        <v>32368</v>
      </c>
      <c r="F4883">
        <v>4</v>
      </c>
      <c r="G4883" t="s">
        <v>0</v>
      </c>
      <c r="H4883" t="s">
        <v>12522</v>
      </c>
      <c r="I4883" t="s">
        <v>30540</v>
      </c>
    </row>
    <row r="4884" spans="1:9">
      <c r="A4884" s="1">
        <v>0.42997500967921576</v>
      </c>
      <c r="B4884" s="1"/>
      <c r="C4884">
        <v>11</v>
      </c>
      <c r="D4884" t="s">
        <v>12523</v>
      </c>
      <c r="E4884" t="s">
        <v>32368</v>
      </c>
      <c r="F4884">
        <v>3</v>
      </c>
      <c r="G4884" t="s">
        <v>0</v>
      </c>
      <c r="H4884" t="s">
        <v>12524</v>
      </c>
      <c r="I4884" t="s">
        <v>30540</v>
      </c>
    </row>
    <row r="4885" spans="1:9">
      <c r="A4885" s="1">
        <v>0.86363549248244853</v>
      </c>
      <c r="B4885" s="1"/>
      <c r="C4885">
        <v>12</v>
      </c>
      <c r="D4885" t="s">
        <v>12517</v>
      </c>
      <c r="E4885" t="s">
        <v>32369</v>
      </c>
      <c r="F4885">
        <v>5</v>
      </c>
      <c r="G4885" t="s">
        <v>2</v>
      </c>
      <c r="H4885" t="s">
        <v>12518</v>
      </c>
      <c r="I4885" t="s">
        <v>30540</v>
      </c>
    </row>
    <row r="4886" spans="1:9">
      <c r="A4886" s="1">
        <v>0.63600691362248385</v>
      </c>
      <c r="B4886" s="1"/>
      <c r="C4886">
        <v>10</v>
      </c>
      <c r="D4886" t="s">
        <v>12513</v>
      </c>
      <c r="E4886" t="s">
        <v>32369</v>
      </c>
      <c r="F4886">
        <v>5</v>
      </c>
      <c r="G4886" t="s">
        <v>2</v>
      </c>
      <c r="H4886" t="s">
        <v>12514</v>
      </c>
      <c r="I4886" t="s">
        <v>30540</v>
      </c>
    </row>
    <row r="4887" spans="1:9">
      <c r="A4887" s="1">
        <v>0.16848018866786973</v>
      </c>
      <c r="B4887" s="1"/>
      <c r="C4887">
        <v>1</v>
      </c>
      <c r="D4887" t="s">
        <v>12509</v>
      </c>
      <c r="E4887" t="s">
        <v>32369</v>
      </c>
      <c r="F4887">
        <v>4</v>
      </c>
      <c r="G4887" t="s">
        <v>1</v>
      </c>
      <c r="H4887" t="s">
        <v>12510</v>
      </c>
      <c r="I4887" t="s">
        <v>30540</v>
      </c>
    </row>
    <row r="4888" spans="1:9">
      <c r="A4888" s="1">
        <v>4.9558994207720586E-2</v>
      </c>
      <c r="B4888" s="1"/>
      <c r="C4888">
        <v>6</v>
      </c>
      <c r="D4888" t="s">
        <v>12511</v>
      </c>
      <c r="E4888" t="s">
        <v>32369</v>
      </c>
      <c r="F4888">
        <v>4</v>
      </c>
      <c r="G4888" t="s">
        <v>15</v>
      </c>
      <c r="H4888" t="s">
        <v>12512</v>
      </c>
      <c r="I4888" t="s">
        <v>30540</v>
      </c>
    </row>
    <row r="4889" spans="1:9">
      <c r="A4889" s="1">
        <v>0.55823210803007528</v>
      </c>
      <c r="B4889" s="1"/>
      <c r="C4889">
        <v>13</v>
      </c>
      <c r="D4889" t="s">
        <v>12507</v>
      </c>
      <c r="E4889" t="s">
        <v>32370</v>
      </c>
      <c r="F4889">
        <v>5</v>
      </c>
      <c r="G4889" t="s">
        <v>0</v>
      </c>
      <c r="H4889" t="s">
        <v>12508</v>
      </c>
      <c r="I4889" t="s">
        <v>30540</v>
      </c>
    </row>
    <row r="4890" spans="1:9">
      <c r="A4890" s="1">
        <v>0.69193956193024164</v>
      </c>
      <c r="B4890" s="1"/>
      <c r="C4890">
        <v>10</v>
      </c>
      <c r="D4890" t="s">
        <v>12503</v>
      </c>
      <c r="E4890" t="s">
        <v>32370</v>
      </c>
      <c r="F4890">
        <v>4</v>
      </c>
      <c r="G4890" t="s">
        <v>1</v>
      </c>
      <c r="H4890" t="s">
        <v>12504</v>
      </c>
      <c r="I4890" t="s">
        <v>30540</v>
      </c>
    </row>
    <row r="4891" spans="1:9">
      <c r="A4891" s="1">
        <v>0.68746961988767552</v>
      </c>
      <c r="B4891" s="1"/>
      <c r="C4891">
        <v>9</v>
      </c>
      <c r="D4891" t="s">
        <v>12501</v>
      </c>
      <c r="E4891" t="s">
        <v>32370</v>
      </c>
      <c r="F4891">
        <v>4</v>
      </c>
      <c r="G4891" t="s">
        <v>0</v>
      </c>
      <c r="H4891" t="s">
        <v>12502</v>
      </c>
      <c r="I4891" t="s">
        <v>30540</v>
      </c>
    </row>
    <row r="4892" spans="1:9">
      <c r="A4892" s="1">
        <v>0.17457644114191706</v>
      </c>
      <c r="B4892" s="1"/>
      <c r="C4892">
        <v>17</v>
      </c>
      <c r="D4892" t="s">
        <v>12497</v>
      </c>
      <c r="E4892" t="s">
        <v>32371</v>
      </c>
      <c r="F4892">
        <v>4</v>
      </c>
      <c r="G4892" t="s">
        <v>0</v>
      </c>
      <c r="H4892" t="s">
        <v>12498</v>
      </c>
      <c r="I4892" t="s">
        <v>30540</v>
      </c>
    </row>
    <row r="4893" spans="1:9">
      <c r="A4893" s="1">
        <v>0.80012765048120238</v>
      </c>
      <c r="B4893" s="1"/>
      <c r="C4893">
        <v>2</v>
      </c>
      <c r="D4893" t="s">
        <v>12495</v>
      </c>
      <c r="E4893" t="s">
        <v>32371</v>
      </c>
      <c r="F4893">
        <v>4</v>
      </c>
      <c r="G4893" t="s">
        <v>762</v>
      </c>
      <c r="H4893" t="s">
        <v>12496</v>
      </c>
      <c r="I4893" t="s">
        <v>30540</v>
      </c>
    </row>
    <row r="4894" spans="1:9">
      <c r="A4894" s="1">
        <v>0.45787903884138825</v>
      </c>
      <c r="B4894" s="1"/>
      <c r="C4894">
        <v>18</v>
      </c>
      <c r="D4894" t="s">
        <v>12493</v>
      </c>
      <c r="E4894" t="s">
        <v>32372</v>
      </c>
      <c r="F4894">
        <v>5</v>
      </c>
      <c r="G4894" t="s">
        <v>0</v>
      </c>
      <c r="H4894" t="s">
        <v>12494</v>
      </c>
      <c r="I4894" t="s">
        <v>30540</v>
      </c>
    </row>
    <row r="4895" spans="1:9">
      <c r="A4895" s="1">
        <v>0.66117063134705278</v>
      </c>
      <c r="B4895" s="1"/>
      <c r="C4895">
        <v>4</v>
      </c>
      <c r="D4895" t="s">
        <v>12487</v>
      </c>
      <c r="E4895" t="s">
        <v>32372</v>
      </c>
      <c r="F4895">
        <v>4</v>
      </c>
      <c r="G4895" t="s">
        <v>762</v>
      </c>
      <c r="H4895" t="s">
        <v>12488</v>
      </c>
      <c r="I4895" t="s">
        <v>30540</v>
      </c>
    </row>
    <row r="4896" spans="1:9">
      <c r="A4896" s="1">
        <v>0.56072953784730684</v>
      </c>
      <c r="B4896" s="1"/>
      <c r="C4896">
        <v>7</v>
      </c>
      <c r="D4896" t="s">
        <v>12489</v>
      </c>
      <c r="E4896" t="s">
        <v>32372</v>
      </c>
      <c r="F4896">
        <v>4</v>
      </c>
      <c r="G4896" t="s">
        <v>0</v>
      </c>
      <c r="H4896" t="s">
        <v>12490</v>
      </c>
      <c r="I4896" t="s">
        <v>30540</v>
      </c>
    </row>
    <row r="4897" spans="1:9">
      <c r="A4897" s="1">
        <v>0.13694165371330114</v>
      </c>
      <c r="B4897" s="1"/>
      <c r="C4897">
        <v>9</v>
      </c>
      <c r="D4897" t="s">
        <v>12491</v>
      </c>
      <c r="E4897" t="s">
        <v>32372</v>
      </c>
      <c r="F4897">
        <v>4</v>
      </c>
      <c r="G4897" t="s">
        <v>771</v>
      </c>
      <c r="H4897" t="s">
        <v>12492</v>
      </c>
      <c r="I4897" t="s">
        <v>30540</v>
      </c>
    </row>
    <row r="4898" spans="1:9">
      <c r="A4898" s="1">
        <v>0.26019257589533273</v>
      </c>
      <c r="B4898" s="1"/>
      <c r="C4898">
        <v>3</v>
      </c>
      <c r="D4898" t="s">
        <v>12483</v>
      </c>
      <c r="E4898" t="s">
        <v>32373</v>
      </c>
      <c r="F4898">
        <v>5</v>
      </c>
      <c r="G4898" t="s">
        <v>2</v>
      </c>
      <c r="H4898" t="s">
        <v>12484</v>
      </c>
      <c r="I4898" t="s">
        <v>30540</v>
      </c>
    </row>
    <row r="4899" spans="1:9">
      <c r="A4899" s="1">
        <v>0.30048342103510184</v>
      </c>
      <c r="B4899" s="1"/>
      <c r="C4899">
        <v>4</v>
      </c>
      <c r="D4899" t="s">
        <v>12485</v>
      </c>
      <c r="E4899" t="s">
        <v>32373</v>
      </c>
      <c r="F4899">
        <v>4</v>
      </c>
      <c r="G4899" t="s">
        <v>0</v>
      </c>
      <c r="H4899" t="s">
        <v>12486</v>
      </c>
      <c r="I4899" t="s">
        <v>30540</v>
      </c>
    </row>
    <row r="4900" spans="1:9">
      <c r="A4900" s="1">
        <v>0.34500583544701413</v>
      </c>
      <c r="B4900" s="1"/>
      <c r="C4900">
        <v>4</v>
      </c>
      <c r="D4900" t="s">
        <v>12477</v>
      </c>
      <c r="E4900" t="s">
        <v>32374</v>
      </c>
      <c r="F4900">
        <v>5</v>
      </c>
      <c r="G4900" t="s">
        <v>0</v>
      </c>
      <c r="H4900" t="s">
        <v>12478</v>
      </c>
      <c r="I4900" t="s">
        <v>30540</v>
      </c>
    </row>
    <row r="4901" spans="1:9">
      <c r="A4901" s="1">
        <v>0.38716888554949436</v>
      </c>
      <c r="B4901" s="1"/>
      <c r="C4901">
        <v>12</v>
      </c>
      <c r="D4901" t="s">
        <v>12481</v>
      </c>
      <c r="E4901" t="s">
        <v>32374</v>
      </c>
      <c r="F4901">
        <v>5</v>
      </c>
      <c r="G4901" t="s">
        <v>15</v>
      </c>
      <c r="H4901" t="s">
        <v>12482</v>
      </c>
      <c r="I4901" t="s">
        <v>30540</v>
      </c>
    </row>
    <row r="4902" spans="1:9">
      <c r="A4902" s="1">
        <v>0.37631415612017161</v>
      </c>
      <c r="B4902" s="1"/>
      <c r="C4902">
        <v>5</v>
      </c>
      <c r="D4902" t="s">
        <v>12467</v>
      </c>
      <c r="E4902" t="s">
        <v>32375</v>
      </c>
      <c r="F4902">
        <v>4</v>
      </c>
      <c r="G4902" t="s">
        <v>13</v>
      </c>
      <c r="H4902" t="s">
        <v>12468</v>
      </c>
      <c r="I4902" t="s">
        <v>30540</v>
      </c>
    </row>
    <row r="4903" spans="1:9">
      <c r="A4903" s="1">
        <v>0.53684430897375257</v>
      </c>
      <c r="B4903" s="1"/>
      <c r="C4903">
        <v>14</v>
      </c>
      <c r="D4903" t="s">
        <v>12475</v>
      </c>
      <c r="E4903" t="s">
        <v>32375</v>
      </c>
      <c r="F4903">
        <v>4</v>
      </c>
      <c r="G4903" t="s">
        <v>0</v>
      </c>
      <c r="H4903" t="s">
        <v>12476</v>
      </c>
      <c r="I4903" t="s">
        <v>30540</v>
      </c>
    </row>
    <row r="4904" spans="1:9">
      <c r="A4904" s="1">
        <v>0.55620556314673486</v>
      </c>
      <c r="B4904" s="1"/>
      <c r="C4904">
        <v>6</v>
      </c>
      <c r="D4904" t="s">
        <v>12469</v>
      </c>
      <c r="E4904" t="s">
        <v>32375</v>
      </c>
      <c r="F4904">
        <v>4</v>
      </c>
      <c r="G4904" t="s">
        <v>13</v>
      </c>
      <c r="H4904" t="s">
        <v>12470</v>
      </c>
      <c r="I4904" t="s">
        <v>30540</v>
      </c>
    </row>
    <row r="4905" spans="1:9">
      <c r="A4905" s="1">
        <v>0.41447803673685479</v>
      </c>
      <c r="B4905" s="1"/>
      <c r="C4905">
        <v>1</v>
      </c>
      <c r="D4905" t="s">
        <v>12465</v>
      </c>
      <c r="E4905" t="s">
        <v>32375</v>
      </c>
      <c r="F4905">
        <v>4</v>
      </c>
      <c r="G4905" t="s">
        <v>0</v>
      </c>
      <c r="H4905" t="s">
        <v>12466</v>
      </c>
      <c r="I4905" t="s">
        <v>30540</v>
      </c>
    </row>
    <row r="4906" spans="1:9">
      <c r="A4906" s="1">
        <v>0.35167262705953695</v>
      </c>
      <c r="B4906" s="1"/>
      <c r="C4906">
        <v>8</v>
      </c>
      <c r="D4906" t="s">
        <v>12471</v>
      </c>
      <c r="E4906" t="s">
        <v>32375</v>
      </c>
      <c r="F4906">
        <v>3</v>
      </c>
      <c r="G4906" t="s">
        <v>15</v>
      </c>
      <c r="H4906" t="s">
        <v>12472</v>
      </c>
      <c r="I4906" t="s">
        <v>30540</v>
      </c>
    </row>
    <row r="4907" spans="1:9">
      <c r="A4907" s="1">
        <v>3.4085175590073957E-2</v>
      </c>
      <c r="B4907" s="1"/>
      <c r="C4907">
        <v>19</v>
      </c>
      <c r="D4907" t="s">
        <v>12463</v>
      </c>
      <c r="E4907" t="s">
        <v>32376</v>
      </c>
      <c r="F4907">
        <v>4</v>
      </c>
      <c r="G4907" t="s">
        <v>0</v>
      </c>
      <c r="H4907" t="s">
        <v>12464</v>
      </c>
      <c r="I4907" t="s">
        <v>30540</v>
      </c>
    </row>
    <row r="4908" spans="1:9">
      <c r="A4908" s="1">
        <v>0.18804912402097385</v>
      </c>
      <c r="B4908" s="1"/>
      <c r="C4908">
        <v>2</v>
      </c>
      <c r="D4908" t="s">
        <v>12459</v>
      </c>
      <c r="E4908" t="s">
        <v>32376</v>
      </c>
      <c r="F4908">
        <v>4</v>
      </c>
      <c r="G4908" t="s">
        <v>765</v>
      </c>
      <c r="H4908" t="s">
        <v>12460</v>
      </c>
      <c r="I4908" t="s">
        <v>30540</v>
      </c>
    </row>
    <row r="4909" spans="1:9">
      <c r="A4909" s="1">
        <v>0.11210502318540783</v>
      </c>
      <c r="B4909" s="1"/>
      <c r="C4909">
        <v>4</v>
      </c>
      <c r="D4909" t="s">
        <v>12461</v>
      </c>
      <c r="E4909" t="s">
        <v>32376</v>
      </c>
      <c r="F4909">
        <v>3</v>
      </c>
      <c r="G4909" t="s">
        <v>770</v>
      </c>
      <c r="H4909" t="s">
        <v>12462</v>
      </c>
      <c r="I4909" t="s">
        <v>30540</v>
      </c>
    </row>
    <row r="4910" spans="1:9">
      <c r="A4910" s="1">
        <v>0.2870741664115154</v>
      </c>
      <c r="B4910" s="1"/>
      <c r="C4910">
        <v>2</v>
      </c>
      <c r="D4910" t="s">
        <v>12457</v>
      </c>
      <c r="E4910" t="s">
        <v>32377</v>
      </c>
      <c r="F4910">
        <v>4</v>
      </c>
      <c r="G4910" t="s">
        <v>15</v>
      </c>
      <c r="H4910" t="s">
        <v>12458</v>
      </c>
      <c r="I4910" t="s">
        <v>30540</v>
      </c>
    </row>
    <row r="4911" spans="1:9">
      <c r="A4911" s="1">
        <v>0.23628355771319942</v>
      </c>
      <c r="B4911" s="1"/>
      <c r="C4911">
        <v>5</v>
      </c>
      <c r="D4911" t="s">
        <v>12455</v>
      </c>
      <c r="E4911" t="s">
        <v>32378</v>
      </c>
      <c r="F4911">
        <v>4</v>
      </c>
      <c r="G4911" t="s">
        <v>0</v>
      </c>
      <c r="H4911" t="s">
        <v>12456</v>
      </c>
      <c r="I4911" t="s">
        <v>30540</v>
      </c>
    </row>
    <row r="4912" spans="1:9">
      <c r="A4912" s="1">
        <v>0.22552626087197103</v>
      </c>
      <c r="B4912" s="1"/>
      <c r="C4912">
        <v>4</v>
      </c>
      <c r="D4912" t="s">
        <v>12453</v>
      </c>
      <c r="E4912" t="s">
        <v>32379</v>
      </c>
      <c r="F4912">
        <v>3</v>
      </c>
      <c r="G4912" t="s">
        <v>9</v>
      </c>
      <c r="H4912" t="s">
        <v>12454</v>
      </c>
      <c r="I4912" t="s">
        <v>30540</v>
      </c>
    </row>
    <row r="4913" spans="1:9">
      <c r="A4913" s="1">
        <v>0.48334126408647005</v>
      </c>
      <c r="B4913" s="1"/>
      <c r="C4913">
        <v>14</v>
      </c>
      <c r="D4913" t="s">
        <v>12451</v>
      </c>
      <c r="E4913" t="s">
        <v>32380</v>
      </c>
      <c r="F4913">
        <v>4</v>
      </c>
      <c r="G4913" t="s">
        <v>15</v>
      </c>
      <c r="H4913" t="s">
        <v>12452</v>
      </c>
      <c r="I4913" t="s">
        <v>30540</v>
      </c>
    </row>
    <row r="4914" spans="1:9">
      <c r="A4914" s="1">
        <v>0.4049849467376454</v>
      </c>
      <c r="B4914" s="1"/>
      <c r="C4914">
        <v>4</v>
      </c>
      <c r="D4914" t="s">
        <v>12447</v>
      </c>
      <c r="E4914" t="s">
        <v>32380</v>
      </c>
      <c r="F4914">
        <v>4</v>
      </c>
      <c r="G4914" t="s">
        <v>0</v>
      </c>
      <c r="H4914" t="s">
        <v>12448</v>
      </c>
      <c r="I4914" t="s">
        <v>30540</v>
      </c>
    </row>
    <row r="4915" spans="1:9">
      <c r="A4915" s="1">
        <v>0.71743630028428806</v>
      </c>
      <c r="B4915" s="1"/>
      <c r="C4915">
        <v>11</v>
      </c>
      <c r="D4915" t="s">
        <v>12449</v>
      </c>
      <c r="E4915" t="s">
        <v>32380</v>
      </c>
      <c r="F4915">
        <v>3</v>
      </c>
      <c r="G4915" t="s">
        <v>0</v>
      </c>
      <c r="H4915" t="s">
        <v>12450</v>
      </c>
      <c r="I4915" t="s">
        <v>30540</v>
      </c>
    </row>
    <row r="4916" spans="1:9">
      <c r="A4916" s="1">
        <v>7.1451353473245049E-2</v>
      </c>
      <c r="B4916" s="1"/>
      <c r="C4916">
        <v>8</v>
      </c>
      <c r="D4916" t="s">
        <v>12439</v>
      </c>
      <c r="E4916" t="s">
        <v>32381</v>
      </c>
      <c r="F4916">
        <v>5</v>
      </c>
      <c r="G4916" t="s">
        <v>9</v>
      </c>
      <c r="H4916" t="s">
        <v>12440</v>
      </c>
      <c r="I4916" t="s">
        <v>30540</v>
      </c>
    </row>
    <row r="4917" spans="1:9">
      <c r="A4917" s="1">
        <v>0.16161181230720434</v>
      </c>
      <c r="B4917" s="1"/>
      <c r="C4917">
        <v>9</v>
      </c>
      <c r="D4917" t="s">
        <v>12441</v>
      </c>
      <c r="E4917" t="s">
        <v>32381</v>
      </c>
      <c r="F4917">
        <v>4</v>
      </c>
      <c r="G4917" t="s">
        <v>1295</v>
      </c>
      <c r="H4917" t="s">
        <v>12442</v>
      </c>
      <c r="I4917" t="s">
        <v>30540</v>
      </c>
    </row>
    <row r="4918" spans="1:9">
      <c r="A4918" s="1">
        <v>0.47051094267600801</v>
      </c>
      <c r="B4918" s="1"/>
      <c r="C4918">
        <v>4</v>
      </c>
      <c r="D4918" t="s">
        <v>12437</v>
      </c>
      <c r="E4918" t="s">
        <v>32381</v>
      </c>
      <c r="F4918">
        <v>4</v>
      </c>
      <c r="G4918" t="s">
        <v>774</v>
      </c>
      <c r="H4918" t="s">
        <v>12438</v>
      </c>
      <c r="I4918" t="s">
        <v>30540</v>
      </c>
    </row>
    <row r="4919" spans="1:9">
      <c r="A4919" s="1">
        <v>0.68321549622347866</v>
      </c>
      <c r="B4919" s="1"/>
      <c r="C4919">
        <v>20</v>
      </c>
      <c r="D4919" t="s">
        <v>12445</v>
      </c>
      <c r="E4919" t="s">
        <v>32381</v>
      </c>
      <c r="F4919">
        <v>3</v>
      </c>
      <c r="G4919" t="s">
        <v>2</v>
      </c>
      <c r="H4919" t="s">
        <v>12446</v>
      </c>
      <c r="I4919" t="s">
        <v>30540</v>
      </c>
    </row>
    <row r="4920" spans="1:9">
      <c r="A4920" s="1">
        <v>0.66586959779364518</v>
      </c>
      <c r="B4920" s="1"/>
      <c r="C4920">
        <v>12</v>
      </c>
      <c r="D4920" t="s">
        <v>12443</v>
      </c>
      <c r="E4920" t="s">
        <v>32381</v>
      </c>
      <c r="F4920">
        <v>3</v>
      </c>
      <c r="G4920" t="s">
        <v>14</v>
      </c>
      <c r="H4920" t="s">
        <v>12444</v>
      </c>
      <c r="I4920" t="s">
        <v>30540</v>
      </c>
    </row>
    <row r="4921" spans="1:9">
      <c r="A4921" s="1">
        <v>0.40473121714350113</v>
      </c>
      <c r="B4921" s="1"/>
      <c r="C4921">
        <v>12</v>
      </c>
      <c r="D4921" t="s">
        <v>12433</v>
      </c>
      <c r="E4921" t="s">
        <v>32382</v>
      </c>
      <c r="F4921">
        <v>5</v>
      </c>
      <c r="G4921" t="s">
        <v>771</v>
      </c>
      <c r="H4921" t="s">
        <v>12434</v>
      </c>
      <c r="I4921" t="s">
        <v>30540</v>
      </c>
    </row>
    <row r="4922" spans="1:9">
      <c r="A4922" s="1">
        <v>0.32586537803262605</v>
      </c>
      <c r="B4922" s="1"/>
      <c r="C4922">
        <v>14</v>
      </c>
      <c r="D4922" t="s">
        <v>12435</v>
      </c>
      <c r="E4922" t="s">
        <v>32382</v>
      </c>
      <c r="F4922">
        <v>4</v>
      </c>
      <c r="G4922" t="s">
        <v>0</v>
      </c>
      <c r="H4922" t="s">
        <v>12436</v>
      </c>
      <c r="I4922" t="s">
        <v>30540</v>
      </c>
    </row>
    <row r="4923" spans="1:9">
      <c r="A4923" s="1">
        <v>9.6900074933745417E-2</v>
      </c>
      <c r="B4923" s="1"/>
      <c r="C4923">
        <v>8</v>
      </c>
      <c r="D4923" t="s">
        <v>12425</v>
      </c>
      <c r="E4923" t="s">
        <v>32383</v>
      </c>
      <c r="F4923">
        <v>5</v>
      </c>
      <c r="G4923" t="s">
        <v>15</v>
      </c>
      <c r="H4923" t="s">
        <v>12426</v>
      </c>
      <c r="I4923" t="s">
        <v>30540</v>
      </c>
    </row>
    <row r="4924" spans="1:9">
      <c r="A4924" s="1">
        <v>0.10619565018134858</v>
      </c>
      <c r="B4924" s="1"/>
      <c r="C4924">
        <v>3</v>
      </c>
      <c r="D4924" t="s">
        <v>12421</v>
      </c>
      <c r="E4924" t="s">
        <v>32383</v>
      </c>
      <c r="F4924">
        <v>4</v>
      </c>
      <c r="G4924" t="s">
        <v>0</v>
      </c>
      <c r="H4924" t="s">
        <v>12422</v>
      </c>
      <c r="I4924" t="s">
        <v>30540</v>
      </c>
    </row>
    <row r="4925" spans="1:9">
      <c r="A4925" s="1">
        <v>0.73017917599089799</v>
      </c>
      <c r="B4925" s="1"/>
      <c r="C4925">
        <v>13</v>
      </c>
      <c r="D4925" t="s">
        <v>12431</v>
      </c>
      <c r="E4925" t="s">
        <v>32383</v>
      </c>
      <c r="F4925">
        <v>4</v>
      </c>
      <c r="G4925" t="s">
        <v>0</v>
      </c>
      <c r="H4925" t="s">
        <v>12432</v>
      </c>
      <c r="I4925" t="s">
        <v>30540</v>
      </c>
    </row>
    <row r="4926" spans="1:9">
      <c r="A4926" s="1">
        <v>0.87812543870658633</v>
      </c>
      <c r="B4926" s="1"/>
      <c r="C4926">
        <v>10</v>
      </c>
      <c r="D4926" t="s">
        <v>12427</v>
      </c>
      <c r="E4926" t="s">
        <v>32383</v>
      </c>
      <c r="F4926">
        <v>4</v>
      </c>
      <c r="G4926" t="s">
        <v>2</v>
      </c>
      <c r="H4926" t="s">
        <v>12428</v>
      </c>
      <c r="I4926" t="s">
        <v>30540</v>
      </c>
    </row>
    <row r="4927" spans="1:9">
      <c r="A4927" s="1">
        <v>0.5165764338210137</v>
      </c>
      <c r="B4927" s="1"/>
      <c r="C4927">
        <v>6</v>
      </c>
      <c r="D4927" t="s">
        <v>12423</v>
      </c>
      <c r="E4927" t="s">
        <v>32383</v>
      </c>
      <c r="F4927">
        <v>4</v>
      </c>
      <c r="G4927" t="s">
        <v>15</v>
      </c>
      <c r="H4927" t="s">
        <v>12424</v>
      </c>
      <c r="I4927" t="s">
        <v>30540</v>
      </c>
    </row>
    <row r="4928" spans="1:9">
      <c r="A4928" s="1">
        <v>4.3635096672018037E-2</v>
      </c>
      <c r="B4928" s="1"/>
      <c r="C4928">
        <v>12</v>
      </c>
      <c r="D4928" t="s">
        <v>12429</v>
      </c>
      <c r="E4928" t="s">
        <v>32383</v>
      </c>
      <c r="F4928">
        <v>4</v>
      </c>
      <c r="G4928" t="s">
        <v>9</v>
      </c>
      <c r="H4928" t="s">
        <v>12430</v>
      </c>
      <c r="I4928" t="s">
        <v>30540</v>
      </c>
    </row>
    <row r="4929" spans="1:9">
      <c r="A4929" s="1">
        <v>0.66303291127910136</v>
      </c>
      <c r="B4929" s="1"/>
      <c r="C4929">
        <v>11</v>
      </c>
      <c r="D4929" t="s">
        <v>12409</v>
      </c>
      <c r="E4929" t="s">
        <v>32384</v>
      </c>
      <c r="F4929">
        <v>4</v>
      </c>
      <c r="G4929" t="s">
        <v>0</v>
      </c>
      <c r="H4929" t="s">
        <v>12410</v>
      </c>
      <c r="I4929" t="s">
        <v>30540</v>
      </c>
    </row>
    <row r="4930" spans="1:9">
      <c r="A4930" s="1">
        <v>0.31213286679000962</v>
      </c>
      <c r="B4930" s="1"/>
      <c r="C4930">
        <v>15</v>
      </c>
      <c r="D4930" t="s">
        <v>12417</v>
      </c>
      <c r="E4930" t="s">
        <v>32384</v>
      </c>
      <c r="F4930">
        <v>4</v>
      </c>
      <c r="G4930" t="s">
        <v>765</v>
      </c>
      <c r="H4930" t="s">
        <v>12418</v>
      </c>
      <c r="I4930" t="s">
        <v>30540</v>
      </c>
    </row>
    <row r="4931" spans="1:9">
      <c r="A4931" s="1">
        <v>5.8690790424018258E-2</v>
      </c>
      <c r="B4931" s="1"/>
      <c r="C4931">
        <v>13</v>
      </c>
      <c r="D4931" t="s">
        <v>12413</v>
      </c>
      <c r="E4931" t="s">
        <v>32384</v>
      </c>
      <c r="F4931">
        <v>4</v>
      </c>
      <c r="G4931" t="s">
        <v>0</v>
      </c>
      <c r="H4931" t="s">
        <v>12414</v>
      </c>
      <c r="I4931" t="s">
        <v>30540</v>
      </c>
    </row>
    <row r="4932" spans="1:9">
      <c r="A4932" s="1">
        <v>0.81381437843563764</v>
      </c>
      <c r="B4932" s="1"/>
      <c r="C4932">
        <v>14</v>
      </c>
      <c r="D4932" t="s">
        <v>12415</v>
      </c>
      <c r="E4932" t="s">
        <v>32384</v>
      </c>
      <c r="F4932">
        <v>4</v>
      </c>
      <c r="G4932" t="s">
        <v>765</v>
      </c>
      <c r="H4932" t="s">
        <v>12416</v>
      </c>
      <c r="I4932" t="s">
        <v>30540</v>
      </c>
    </row>
    <row r="4933" spans="1:9">
      <c r="A4933" s="1">
        <v>0.20298725877374246</v>
      </c>
      <c r="B4933" s="1"/>
      <c r="C4933">
        <v>12</v>
      </c>
      <c r="D4933" t="s">
        <v>12411</v>
      </c>
      <c r="E4933" t="s">
        <v>32384</v>
      </c>
      <c r="F4933">
        <v>4</v>
      </c>
      <c r="G4933" t="s">
        <v>0</v>
      </c>
      <c r="H4933" t="s">
        <v>12412</v>
      </c>
      <c r="I4933" t="s">
        <v>30540</v>
      </c>
    </row>
    <row r="4934" spans="1:9">
      <c r="A4934" s="1">
        <v>0.21960380060058726</v>
      </c>
      <c r="B4934" s="1"/>
      <c r="C4934">
        <v>18</v>
      </c>
      <c r="D4934" t="s">
        <v>12419</v>
      </c>
      <c r="E4934" t="s">
        <v>32384</v>
      </c>
      <c r="F4934">
        <v>4</v>
      </c>
      <c r="G4934" t="s">
        <v>0</v>
      </c>
      <c r="H4934" t="s">
        <v>12420</v>
      </c>
      <c r="I4934" t="s">
        <v>30540</v>
      </c>
    </row>
    <row r="4935" spans="1:9">
      <c r="A4935" s="1">
        <v>0.28599887447043293</v>
      </c>
      <c r="B4935" s="1"/>
      <c r="C4935">
        <v>13</v>
      </c>
      <c r="D4935" t="s">
        <v>12407</v>
      </c>
      <c r="E4935" t="s">
        <v>32385</v>
      </c>
      <c r="F4935">
        <v>4</v>
      </c>
      <c r="G4935" t="s">
        <v>0</v>
      </c>
      <c r="H4935" t="s">
        <v>12408</v>
      </c>
      <c r="I4935" t="s">
        <v>30540</v>
      </c>
    </row>
    <row r="4936" spans="1:9">
      <c r="A4936" s="1">
        <v>0.83174669372388466</v>
      </c>
      <c r="B4936" s="1"/>
      <c r="C4936">
        <v>4</v>
      </c>
      <c r="D4936" t="s">
        <v>12401</v>
      </c>
      <c r="E4936" t="s">
        <v>32385</v>
      </c>
      <c r="F4936">
        <v>4</v>
      </c>
      <c r="G4936" t="s">
        <v>0</v>
      </c>
      <c r="H4936" t="s">
        <v>12402</v>
      </c>
      <c r="I4936" t="s">
        <v>30540</v>
      </c>
    </row>
    <row r="4937" spans="1:9">
      <c r="A4937" s="1">
        <v>0.34658097104359642</v>
      </c>
      <c r="B4937" s="1"/>
      <c r="C4937">
        <v>5</v>
      </c>
      <c r="D4937" t="s">
        <v>12403</v>
      </c>
      <c r="E4937" t="s">
        <v>32385</v>
      </c>
      <c r="F4937">
        <v>4</v>
      </c>
      <c r="G4937" t="s">
        <v>1</v>
      </c>
      <c r="H4937" t="s">
        <v>12404</v>
      </c>
      <c r="I4937" t="s">
        <v>30540</v>
      </c>
    </row>
    <row r="4938" spans="1:9">
      <c r="A4938" s="1">
        <v>0.35106397430460146</v>
      </c>
      <c r="B4938" s="1"/>
      <c r="C4938">
        <v>1</v>
      </c>
      <c r="D4938" t="s">
        <v>12399</v>
      </c>
      <c r="E4938" t="s">
        <v>32385</v>
      </c>
      <c r="F4938">
        <v>4</v>
      </c>
      <c r="G4938" t="s">
        <v>0</v>
      </c>
      <c r="H4938" t="s">
        <v>12400</v>
      </c>
      <c r="I4938" t="s">
        <v>30540</v>
      </c>
    </row>
    <row r="4939" spans="1:9">
      <c r="A4939" s="1">
        <v>0.73940281939850427</v>
      </c>
      <c r="B4939" s="1"/>
      <c r="C4939">
        <v>20</v>
      </c>
      <c r="D4939" t="s">
        <v>12397</v>
      </c>
      <c r="E4939" t="s">
        <v>32386</v>
      </c>
      <c r="F4939">
        <v>4</v>
      </c>
      <c r="G4939" t="s">
        <v>774</v>
      </c>
      <c r="H4939" t="s">
        <v>12398</v>
      </c>
      <c r="I4939" t="s">
        <v>30540</v>
      </c>
    </row>
    <row r="4940" spans="1:9">
      <c r="A4940" s="1">
        <v>0.20134736433925193</v>
      </c>
      <c r="B4940" s="1"/>
      <c r="C4940">
        <v>7</v>
      </c>
      <c r="D4940" t="s">
        <v>12395</v>
      </c>
      <c r="E4940" t="s">
        <v>32386</v>
      </c>
      <c r="F4940">
        <v>3</v>
      </c>
      <c r="G4940" t="s">
        <v>0</v>
      </c>
      <c r="H4940" t="s">
        <v>12396</v>
      </c>
      <c r="I4940" t="s">
        <v>30540</v>
      </c>
    </row>
    <row r="4941" spans="1:9">
      <c r="A4941" s="1">
        <v>0.66875622663210377</v>
      </c>
      <c r="B4941" s="1"/>
      <c r="C4941">
        <v>6</v>
      </c>
      <c r="D4941" t="s">
        <v>12389</v>
      </c>
      <c r="E4941" t="s">
        <v>32387</v>
      </c>
      <c r="F4941">
        <v>5</v>
      </c>
      <c r="G4941" t="s">
        <v>771</v>
      </c>
      <c r="H4941" t="s">
        <v>12390</v>
      </c>
      <c r="I4941" t="s">
        <v>30540</v>
      </c>
    </row>
    <row r="4942" spans="1:9">
      <c r="A4942" s="1">
        <v>0.92747982985241439</v>
      </c>
      <c r="B4942" s="1"/>
      <c r="C4942">
        <v>17</v>
      </c>
      <c r="D4942" t="s">
        <v>12393</v>
      </c>
      <c r="E4942" t="s">
        <v>32387</v>
      </c>
      <c r="F4942">
        <v>4</v>
      </c>
      <c r="G4942" t="s">
        <v>0</v>
      </c>
      <c r="H4942" t="s">
        <v>12394</v>
      </c>
      <c r="I4942" t="s">
        <v>30540</v>
      </c>
    </row>
    <row r="4943" spans="1:9">
      <c r="A4943" s="1">
        <v>0.54228613173266649</v>
      </c>
      <c r="B4943" s="1"/>
      <c r="C4943">
        <v>3</v>
      </c>
      <c r="D4943" t="s">
        <v>12387</v>
      </c>
      <c r="E4943" t="s">
        <v>32387</v>
      </c>
      <c r="F4943">
        <v>4</v>
      </c>
      <c r="G4943" t="s">
        <v>765</v>
      </c>
      <c r="H4943" t="s">
        <v>12388</v>
      </c>
      <c r="I4943" t="s">
        <v>30540</v>
      </c>
    </row>
    <row r="4944" spans="1:9">
      <c r="A4944" s="1">
        <v>0.78108135503080312</v>
      </c>
      <c r="B4944" s="1"/>
      <c r="C4944">
        <v>11</v>
      </c>
      <c r="D4944" t="s">
        <v>12391</v>
      </c>
      <c r="E4944" t="s">
        <v>32387</v>
      </c>
      <c r="F4944">
        <v>4</v>
      </c>
      <c r="G4944" t="s">
        <v>774</v>
      </c>
      <c r="H4944" t="s">
        <v>12392</v>
      </c>
      <c r="I4944" t="s">
        <v>30540</v>
      </c>
    </row>
    <row r="4945" spans="1:9">
      <c r="A4945" s="1">
        <v>0.58722950826881593</v>
      </c>
      <c r="B4945" s="1"/>
      <c r="C4945">
        <v>2</v>
      </c>
      <c r="D4945" t="s">
        <v>12385</v>
      </c>
      <c r="E4945" t="s">
        <v>32387</v>
      </c>
      <c r="F4945">
        <v>4</v>
      </c>
      <c r="G4945" t="s">
        <v>14</v>
      </c>
      <c r="H4945" t="s">
        <v>12386</v>
      </c>
      <c r="I4945" t="s">
        <v>30540</v>
      </c>
    </row>
    <row r="4946" spans="1:9">
      <c r="A4946" s="1">
        <v>0.88665710132949827</v>
      </c>
      <c r="B4946" s="1"/>
      <c r="C4946">
        <v>4</v>
      </c>
      <c r="D4946" t="s">
        <v>12381</v>
      </c>
      <c r="E4946" t="s">
        <v>32388</v>
      </c>
      <c r="F4946">
        <v>5</v>
      </c>
      <c r="G4946" t="s">
        <v>9</v>
      </c>
      <c r="H4946" t="s">
        <v>12382</v>
      </c>
      <c r="I4946" t="s">
        <v>30540</v>
      </c>
    </row>
    <row r="4947" spans="1:9">
      <c r="A4947" s="1">
        <v>0.37004216088629827</v>
      </c>
      <c r="B4947" s="1"/>
      <c r="C4947">
        <v>1</v>
      </c>
      <c r="D4947" t="s">
        <v>12377</v>
      </c>
      <c r="E4947" t="s">
        <v>32388</v>
      </c>
      <c r="F4947">
        <v>5</v>
      </c>
      <c r="G4947" t="s">
        <v>14</v>
      </c>
      <c r="H4947" t="s">
        <v>12378</v>
      </c>
      <c r="I4947" t="s">
        <v>30540</v>
      </c>
    </row>
    <row r="4948" spans="1:9">
      <c r="A4948" s="1">
        <v>0.89832694945894109</v>
      </c>
      <c r="B4948" s="1"/>
      <c r="C4948">
        <v>9</v>
      </c>
      <c r="D4948" t="s">
        <v>12383</v>
      </c>
      <c r="E4948" t="s">
        <v>32388</v>
      </c>
      <c r="F4948">
        <v>4</v>
      </c>
      <c r="G4948" t="s">
        <v>2</v>
      </c>
      <c r="H4948" t="s">
        <v>12384</v>
      </c>
      <c r="I4948" t="s">
        <v>30540</v>
      </c>
    </row>
    <row r="4949" spans="1:9">
      <c r="A4949" s="1">
        <v>0.82697049466743822</v>
      </c>
      <c r="B4949" s="1"/>
      <c r="C4949">
        <v>3</v>
      </c>
      <c r="D4949" t="s">
        <v>12379</v>
      </c>
      <c r="E4949" t="s">
        <v>32388</v>
      </c>
      <c r="F4949">
        <v>4</v>
      </c>
      <c r="G4949" t="s">
        <v>0</v>
      </c>
      <c r="H4949" t="s">
        <v>12380</v>
      </c>
      <c r="I4949" t="s">
        <v>30540</v>
      </c>
    </row>
    <row r="4950" spans="1:9">
      <c r="A4950" s="1">
        <v>4.4574126485411147E-2</v>
      </c>
      <c r="B4950" s="1"/>
      <c r="C4950">
        <v>6</v>
      </c>
      <c r="D4950" t="s">
        <v>12375</v>
      </c>
      <c r="E4950" t="s">
        <v>32389</v>
      </c>
      <c r="F4950">
        <v>4</v>
      </c>
      <c r="G4950" t="s">
        <v>10</v>
      </c>
      <c r="H4950" t="s">
        <v>12376</v>
      </c>
      <c r="I4950" t="s">
        <v>30540</v>
      </c>
    </row>
    <row r="4951" spans="1:9">
      <c r="A4951" s="1">
        <v>0.61981565904742808</v>
      </c>
      <c r="B4951" s="1"/>
      <c r="C4951">
        <v>15</v>
      </c>
      <c r="D4951" t="s">
        <v>12371</v>
      </c>
      <c r="E4951" t="s">
        <v>32390</v>
      </c>
      <c r="F4951">
        <v>4</v>
      </c>
      <c r="G4951" t="s">
        <v>0</v>
      </c>
      <c r="H4951" t="s">
        <v>12372</v>
      </c>
      <c r="I4951" t="s">
        <v>30540</v>
      </c>
    </row>
    <row r="4952" spans="1:9">
      <c r="A4952" s="1">
        <v>0.51435850026886931</v>
      </c>
      <c r="B4952" s="1"/>
      <c r="C4952">
        <v>15</v>
      </c>
      <c r="D4952" t="s">
        <v>12365</v>
      </c>
      <c r="E4952" t="s">
        <v>32391</v>
      </c>
      <c r="F4952">
        <v>5</v>
      </c>
      <c r="G4952" t="s">
        <v>0</v>
      </c>
      <c r="H4952" t="s">
        <v>12366</v>
      </c>
      <c r="I4952" t="s">
        <v>30540</v>
      </c>
    </row>
    <row r="4953" spans="1:9">
      <c r="A4953" s="1">
        <v>0.11681038244338704</v>
      </c>
      <c r="B4953" s="1"/>
      <c r="C4953">
        <v>18</v>
      </c>
      <c r="D4953" t="s">
        <v>12367</v>
      </c>
      <c r="E4953" t="s">
        <v>32391</v>
      </c>
      <c r="F4953">
        <v>5</v>
      </c>
      <c r="G4953" t="s">
        <v>0</v>
      </c>
      <c r="H4953" t="s">
        <v>12368</v>
      </c>
      <c r="I4953" t="s">
        <v>30540</v>
      </c>
    </row>
    <row r="4954" spans="1:9">
      <c r="A4954" s="1">
        <v>0.44092583216762504</v>
      </c>
      <c r="B4954" s="1"/>
      <c r="C4954">
        <v>20</v>
      </c>
      <c r="D4954" t="s">
        <v>12369</v>
      </c>
      <c r="E4954" t="s">
        <v>32391</v>
      </c>
      <c r="F4954">
        <v>4</v>
      </c>
      <c r="G4954" t="s">
        <v>0</v>
      </c>
      <c r="H4954" t="s">
        <v>12370</v>
      </c>
      <c r="I4954" t="s">
        <v>30540</v>
      </c>
    </row>
    <row r="4955" spans="1:9">
      <c r="A4955" s="1">
        <v>0.28430517337479166</v>
      </c>
      <c r="B4955" s="1"/>
      <c r="C4955">
        <v>6</v>
      </c>
      <c r="D4955" t="s">
        <v>12355</v>
      </c>
      <c r="E4955" t="s">
        <v>32392</v>
      </c>
      <c r="F4955">
        <v>5</v>
      </c>
      <c r="G4955" t="s">
        <v>0</v>
      </c>
      <c r="H4955" t="s">
        <v>12356</v>
      </c>
      <c r="I4955" t="s">
        <v>30540</v>
      </c>
    </row>
    <row r="4956" spans="1:9">
      <c r="A4956" s="1">
        <v>0.75129301569371232</v>
      </c>
      <c r="B4956" s="1"/>
      <c r="C4956">
        <v>8</v>
      </c>
      <c r="D4956" t="s">
        <v>12357</v>
      </c>
      <c r="E4956" t="s">
        <v>32392</v>
      </c>
      <c r="F4956">
        <v>4</v>
      </c>
      <c r="G4956" t="s">
        <v>774</v>
      </c>
      <c r="H4956" t="s">
        <v>12358</v>
      </c>
      <c r="I4956" t="s">
        <v>30540</v>
      </c>
    </row>
    <row r="4957" spans="1:9">
      <c r="A4957" s="1">
        <v>3.7944660102834815E-2</v>
      </c>
      <c r="B4957" s="1"/>
      <c r="C4957">
        <v>12</v>
      </c>
      <c r="D4957" t="s">
        <v>12361</v>
      </c>
      <c r="E4957" t="s">
        <v>32392</v>
      </c>
      <c r="F4957">
        <v>4</v>
      </c>
      <c r="G4957" t="s">
        <v>0</v>
      </c>
      <c r="H4957" t="s">
        <v>12362</v>
      </c>
      <c r="I4957" t="s">
        <v>30540</v>
      </c>
    </row>
    <row r="4958" spans="1:9">
      <c r="A4958" s="1">
        <v>0.58094698786981058</v>
      </c>
      <c r="B4958" s="1"/>
      <c r="C4958">
        <v>10</v>
      </c>
      <c r="D4958" t="s">
        <v>12359</v>
      </c>
      <c r="E4958" t="s">
        <v>32392</v>
      </c>
      <c r="F4958">
        <v>3</v>
      </c>
      <c r="G4958" t="s">
        <v>14</v>
      </c>
      <c r="H4958" t="s">
        <v>12360</v>
      </c>
      <c r="I4958" t="s">
        <v>30540</v>
      </c>
    </row>
    <row r="4959" spans="1:9">
      <c r="A4959" s="1">
        <v>0.88442630690172919</v>
      </c>
      <c r="B4959" s="1"/>
      <c r="C4959">
        <v>10</v>
      </c>
      <c r="D4959" t="s">
        <v>12353</v>
      </c>
      <c r="E4959" t="s">
        <v>32393</v>
      </c>
      <c r="F4959">
        <v>4</v>
      </c>
      <c r="G4959" t="s">
        <v>2</v>
      </c>
      <c r="H4959" t="s">
        <v>12354</v>
      </c>
      <c r="I4959" t="s">
        <v>30540</v>
      </c>
    </row>
    <row r="4960" spans="1:9">
      <c r="A4960" s="1">
        <v>0.85881402810317942</v>
      </c>
      <c r="B4960" s="1"/>
      <c r="C4960">
        <v>5</v>
      </c>
      <c r="D4960" t="s">
        <v>12349</v>
      </c>
      <c r="E4960" t="s">
        <v>32393</v>
      </c>
      <c r="F4960">
        <v>4</v>
      </c>
      <c r="G4960" t="s">
        <v>0</v>
      </c>
      <c r="H4960" t="s">
        <v>12350</v>
      </c>
      <c r="I4960" t="s">
        <v>30540</v>
      </c>
    </row>
    <row r="4961" spans="1:9">
      <c r="A4961" s="1">
        <v>0.23803577023891731</v>
      </c>
      <c r="B4961" s="1"/>
      <c r="C4961">
        <v>7</v>
      </c>
      <c r="D4961" t="s">
        <v>12351</v>
      </c>
      <c r="E4961" t="s">
        <v>32393</v>
      </c>
      <c r="F4961">
        <v>4</v>
      </c>
      <c r="G4961" t="s">
        <v>0</v>
      </c>
      <c r="H4961" t="s">
        <v>12352</v>
      </c>
      <c r="I4961" t="s">
        <v>30540</v>
      </c>
    </row>
    <row r="4962" spans="1:9">
      <c r="A4962" s="1">
        <v>5.3184387272201761E-2</v>
      </c>
      <c r="B4962" s="1"/>
      <c r="C4962">
        <v>8</v>
      </c>
      <c r="D4962" t="s">
        <v>12345</v>
      </c>
      <c r="E4962" t="s">
        <v>32394</v>
      </c>
      <c r="F4962">
        <v>5</v>
      </c>
      <c r="G4962" t="s">
        <v>9</v>
      </c>
      <c r="H4962" t="s">
        <v>12346</v>
      </c>
      <c r="I4962" t="s">
        <v>30540</v>
      </c>
    </row>
    <row r="4963" spans="1:9">
      <c r="A4963" s="1">
        <v>5.3007799201315486E-2</v>
      </c>
      <c r="B4963" s="1"/>
      <c r="C4963">
        <v>13</v>
      </c>
      <c r="D4963" t="s">
        <v>12347</v>
      </c>
      <c r="E4963" t="s">
        <v>32394</v>
      </c>
      <c r="F4963">
        <v>5</v>
      </c>
      <c r="G4963" t="s">
        <v>0</v>
      </c>
      <c r="H4963" t="s">
        <v>12348</v>
      </c>
      <c r="I4963" t="s">
        <v>30540</v>
      </c>
    </row>
    <row r="4964" spans="1:9">
      <c r="A4964" s="1">
        <v>0.76238333146108384</v>
      </c>
      <c r="B4964" s="1"/>
      <c r="C4964">
        <v>7</v>
      </c>
      <c r="D4964" t="s">
        <v>12343</v>
      </c>
      <c r="E4964" t="s">
        <v>32394</v>
      </c>
      <c r="F4964">
        <v>4</v>
      </c>
      <c r="G4964" t="s">
        <v>769</v>
      </c>
      <c r="H4964" t="s">
        <v>12344</v>
      </c>
      <c r="I4964" t="s">
        <v>30540</v>
      </c>
    </row>
    <row r="4965" spans="1:9">
      <c r="A4965" s="1">
        <v>0.91741266723304171</v>
      </c>
      <c r="B4965" s="1"/>
      <c r="C4965">
        <v>2</v>
      </c>
      <c r="D4965" t="s">
        <v>12337</v>
      </c>
      <c r="E4965" t="s">
        <v>32395</v>
      </c>
      <c r="F4965">
        <v>4</v>
      </c>
      <c r="G4965" t="s">
        <v>0</v>
      </c>
      <c r="H4965" t="s">
        <v>12338</v>
      </c>
      <c r="I4965" t="s">
        <v>30540</v>
      </c>
    </row>
    <row r="4966" spans="1:9">
      <c r="A4966" s="1">
        <v>0.35754797869005261</v>
      </c>
      <c r="B4966" s="1"/>
      <c r="C4966">
        <v>4</v>
      </c>
      <c r="D4966" t="s">
        <v>12339</v>
      </c>
      <c r="E4966" t="s">
        <v>32395</v>
      </c>
      <c r="F4966">
        <v>4</v>
      </c>
      <c r="G4966" t="s">
        <v>0</v>
      </c>
      <c r="H4966" t="s">
        <v>12340</v>
      </c>
      <c r="I4966" t="s">
        <v>30540</v>
      </c>
    </row>
    <row r="4967" spans="1:9">
      <c r="A4967" s="1">
        <v>0.87487480452087396</v>
      </c>
      <c r="B4967" s="1"/>
      <c r="C4967">
        <v>10</v>
      </c>
      <c r="D4967" t="s">
        <v>12341</v>
      </c>
      <c r="E4967" t="s">
        <v>32395</v>
      </c>
      <c r="F4967">
        <v>4</v>
      </c>
      <c r="G4967" t="s">
        <v>2</v>
      </c>
      <c r="H4967" t="s">
        <v>12342</v>
      </c>
      <c r="I4967" t="s">
        <v>30540</v>
      </c>
    </row>
    <row r="4968" spans="1:9">
      <c r="A4968" s="1">
        <v>0.83170263140717915</v>
      </c>
      <c r="B4968" s="1"/>
      <c r="C4968">
        <v>10</v>
      </c>
      <c r="D4968" t="s">
        <v>12327</v>
      </c>
      <c r="E4968" t="s">
        <v>32396</v>
      </c>
      <c r="F4968">
        <v>5</v>
      </c>
      <c r="G4968" t="s">
        <v>774</v>
      </c>
      <c r="H4968" t="s">
        <v>12328</v>
      </c>
      <c r="I4968" t="s">
        <v>30540</v>
      </c>
    </row>
    <row r="4969" spans="1:9">
      <c r="A4969" s="1">
        <v>0.11896443126943834</v>
      </c>
      <c r="B4969" s="1"/>
      <c r="C4969">
        <v>6</v>
      </c>
      <c r="D4969" t="s">
        <v>12325</v>
      </c>
      <c r="E4969" t="s">
        <v>32396</v>
      </c>
      <c r="F4969">
        <v>4</v>
      </c>
      <c r="G4969" t="s">
        <v>769</v>
      </c>
      <c r="H4969" t="s">
        <v>12326</v>
      </c>
      <c r="I4969" t="s">
        <v>30540</v>
      </c>
    </row>
    <row r="4970" spans="1:9">
      <c r="A4970" s="1">
        <v>0.64343497222160595</v>
      </c>
      <c r="B4970" s="1"/>
      <c r="C4970">
        <v>13</v>
      </c>
      <c r="D4970" t="s">
        <v>12331</v>
      </c>
      <c r="E4970" t="s">
        <v>32396</v>
      </c>
      <c r="F4970">
        <v>4</v>
      </c>
      <c r="G4970" t="s">
        <v>0</v>
      </c>
      <c r="H4970" t="s">
        <v>12332</v>
      </c>
      <c r="I4970" t="s">
        <v>30540</v>
      </c>
    </row>
    <row r="4971" spans="1:9">
      <c r="A4971" s="1">
        <v>0.11099902574161424</v>
      </c>
      <c r="B4971" s="1"/>
      <c r="C4971">
        <v>15</v>
      </c>
      <c r="D4971" t="s">
        <v>12335</v>
      </c>
      <c r="E4971" t="s">
        <v>32396</v>
      </c>
      <c r="F4971">
        <v>4</v>
      </c>
      <c r="G4971" t="s">
        <v>0</v>
      </c>
      <c r="H4971" t="s">
        <v>12336</v>
      </c>
      <c r="I4971" t="s">
        <v>30540</v>
      </c>
    </row>
    <row r="4972" spans="1:9">
      <c r="A4972" s="1">
        <v>0.46838898246134508</v>
      </c>
      <c r="B4972" s="1"/>
      <c r="C4972">
        <v>14</v>
      </c>
      <c r="D4972" t="s">
        <v>12333</v>
      </c>
      <c r="E4972" t="s">
        <v>32396</v>
      </c>
      <c r="F4972">
        <v>4</v>
      </c>
      <c r="G4972" t="s">
        <v>0</v>
      </c>
      <c r="H4972" t="s">
        <v>12334</v>
      </c>
      <c r="I4972" t="s">
        <v>30540</v>
      </c>
    </row>
    <row r="4973" spans="1:9">
      <c r="A4973" s="1">
        <v>0.92549415063451712</v>
      </c>
      <c r="B4973" s="1"/>
      <c r="C4973">
        <v>5</v>
      </c>
      <c r="D4973" t="s">
        <v>12321</v>
      </c>
      <c r="E4973" t="s">
        <v>32397</v>
      </c>
      <c r="F4973">
        <v>4</v>
      </c>
      <c r="G4973" t="s">
        <v>1</v>
      </c>
      <c r="H4973" t="s">
        <v>12322</v>
      </c>
      <c r="I4973" t="s">
        <v>30540</v>
      </c>
    </row>
    <row r="4974" spans="1:9">
      <c r="A4974" s="1">
        <v>0.16008802888322127</v>
      </c>
      <c r="B4974" s="1"/>
      <c r="C4974">
        <v>4</v>
      </c>
      <c r="D4974" t="s">
        <v>12319</v>
      </c>
      <c r="E4974" t="s">
        <v>32398</v>
      </c>
      <c r="F4974">
        <v>4</v>
      </c>
      <c r="G4974" t="s">
        <v>13</v>
      </c>
      <c r="H4974" t="s">
        <v>12320</v>
      </c>
      <c r="I4974" t="s">
        <v>30540</v>
      </c>
    </row>
    <row r="4975" spans="1:9">
      <c r="A4975" s="1">
        <v>0.7227257651762059</v>
      </c>
      <c r="B4975" s="1"/>
      <c r="C4975">
        <v>17</v>
      </c>
      <c r="D4975" t="s">
        <v>12315</v>
      </c>
      <c r="E4975" t="s">
        <v>32399</v>
      </c>
      <c r="F4975">
        <v>5</v>
      </c>
      <c r="G4975" t="s">
        <v>770</v>
      </c>
      <c r="H4975" t="s">
        <v>12316</v>
      </c>
      <c r="I4975" t="s">
        <v>30540</v>
      </c>
    </row>
    <row r="4976" spans="1:9">
      <c r="A4976" s="1">
        <v>2.5675468295449533E-2</v>
      </c>
      <c r="B4976" s="1"/>
      <c r="C4976">
        <v>20</v>
      </c>
      <c r="D4976" t="s">
        <v>12317</v>
      </c>
      <c r="E4976" t="s">
        <v>32399</v>
      </c>
      <c r="F4976">
        <v>5</v>
      </c>
      <c r="G4976" t="s">
        <v>0</v>
      </c>
      <c r="H4976" t="s">
        <v>12318</v>
      </c>
      <c r="I4976" t="s">
        <v>30540</v>
      </c>
    </row>
    <row r="4977" spans="1:9">
      <c r="A4977" s="1">
        <v>0.206194888185676</v>
      </c>
      <c r="B4977" s="1"/>
      <c r="C4977">
        <v>10</v>
      </c>
      <c r="D4977" t="s">
        <v>12313</v>
      </c>
      <c r="E4977" t="s">
        <v>32399</v>
      </c>
      <c r="F4977">
        <v>4</v>
      </c>
      <c r="G4977" t="s">
        <v>0</v>
      </c>
      <c r="H4977" t="s">
        <v>12314</v>
      </c>
      <c r="I4977" t="s">
        <v>30540</v>
      </c>
    </row>
    <row r="4978" spans="1:9">
      <c r="A4978" s="1">
        <v>0.60280588659894307</v>
      </c>
      <c r="B4978" s="1"/>
      <c r="C4978">
        <v>8</v>
      </c>
      <c r="D4978" t="s">
        <v>12307</v>
      </c>
      <c r="E4978" t="s">
        <v>32400</v>
      </c>
      <c r="F4978">
        <v>5</v>
      </c>
      <c r="G4978" t="s">
        <v>770</v>
      </c>
      <c r="H4978" t="s">
        <v>12308</v>
      </c>
      <c r="I4978" t="s">
        <v>30540</v>
      </c>
    </row>
    <row r="4979" spans="1:9">
      <c r="A4979" s="1">
        <v>0.19479455385122513</v>
      </c>
      <c r="B4979" s="1"/>
      <c r="C4979">
        <v>10</v>
      </c>
      <c r="D4979" t="s">
        <v>12311</v>
      </c>
      <c r="E4979" t="s">
        <v>32400</v>
      </c>
      <c r="F4979">
        <v>5</v>
      </c>
      <c r="G4979" t="s">
        <v>0</v>
      </c>
      <c r="H4979" t="s">
        <v>12312</v>
      </c>
      <c r="I4979" t="s">
        <v>30540</v>
      </c>
    </row>
    <row r="4980" spans="1:9">
      <c r="A4980" s="1">
        <v>0.19244476393734467</v>
      </c>
      <c r="B4980" s="1"/>
      <c r="C4980">
        <v>9</v>
      </c>
      <c r="D4980" t="s">
        <v>12299</v>
      </c>
      <c r="E4980" t="s">
        <v>32401</v>
      </c>
      <c r="F4980">
        <v>5</v>
      </c>
      <c r="G4980" t="s">
        <v>0</v>
      </c>
      <c r="H4980" t="s">
        <v>12300</v>
      </c>
      <c r="I4980" t="s">
        <v>30540</v>
      </c>
    </row>
    <row r="4981" spans="1:9">
      <c r="A4981" s="1">
        <v>0.97011637977803611</v>
      </c>
      <c r="B4981" s="1"/>
      <c r="C4981">
        <v>15</v>
      </c>
      <c r="D4981" t="s">
        <v>12303</v>
      </c>
      <c r="E4981" t="s">
        <v>32401</v>
      </c>
      <c r="F4981">
        <v>5</v>
      </c>
      <c r="G4981" t="s">
        <v>0</v>
      </c>
      <c r="H4981" t="s">
        <v>12304</v>
      </c>
      <c r="I4981" t="s">
        <v>30540</v>
      </c>
    </row>
    <row r="4982" spans="1:9">
      <c r="A4982" s="1">
        <v>0.89505033263174072</v>
      </c>
      <c r="B4982" s="1"/>
      <c r="C4982">
        <v>18</v>
      </c>
      <c r="D4982" t="s">
        <v>12305</v>
      </c>
      <c r="E4982" t="s">
        <v>32401</v>
      </c>
      <c r="F4982">
        <v>4</v>
      </c>
      <c r="G4982" t="s">
        <v>0</v>
      </c>
      <c r="H4982" t="s">
        <v>12306</v>
      </c>
      <c r="I4982" t="s">
        <v>30540</v>
      </c>
    </row>
    <row r="4983" spans="1:9">
      <c r="A4983" s="1">
        <v>0.56067058869185671</v>
      </c>
      <c r="B4983" s="1"/>
      <c r="C4983">
        <v>2</v>
      </c>
      <c r="D4983" t="s">
        <v>12297</v>
      </c>
      <c r="E4983" t="s">
        <v>32401</v>
      </c>
      <c r="F4983">
        <v>4</v>
      </c>
      <c r="G4983" t="s">
        <v>10</v>
      </c>
      <c r="H4983" t="s">
        <v>12298</v>
      </c>
      <c r="I4983" t="s">
        <v>30540</v>
      </c>
    </row>
    <row r="4984" spans="1:9">
      <c r="A4984" s="1">
        <v>0.29008226470718279</v>
      </c>
      <c r="B4984" s="1"/>
      <c r="C4984">
        <v>13</v>
      </c>
      <c r="D4984" t="s">
        <v>12301</v>
      </c>
      <c r="E4984" t="s">
        <v>32401</v>
      </c>
      <c r="F4984">
        <v>4</v>
      </c>
      <c r="G4984" t="s">
        <v>1</v>
      </c>
      <c r="H4984" t="s">
        <v>12302</v>
      </c>
      <c r="I4984" t="s">
        <v>30540</v>
      </c>
    </row>
    <row r="4985" spans="1:9">
      <c r="A4985" s="1">
        <v>0.28841846166535912</v>
      </c>
      <c r="B4985" s="1"/>
      <c r="C4985">
        <v>20</v>
      </c>
      <c r="D4985" t="s">
        <v>12295</v>
      </c>
      <c r="E4985" t="s">
        <v>32402</v>
      </c>
      <c r="F4985">
        <v>5</v>
      </c>
      <c r="G4985" t="s">
        <v>0</v>
      </c>
      <c r="H4985" t="s">
        <v>12296</v>
      </c>
      <c r="I4985" t="s">
        <v>30540</v>
      </c>
    </row>
    <row r="4986" spans="1:9">
      <c r="A4986" s="1">
        <v>0.98353500234599212</v>
      </c>
      <c r="B4986" s="1"/>
      <c r="C4986">
        <v>11</v>
      </c>
      <c r="D4986" t="s">
        <v>12291</v>
      </c>
      <c r="E4986" t="s">
        <v>32402</v>
      </c>
      <c r="F4986">
        <v>4</v>
      </c>
      <c r="G4986" t="s">
        <v>0</v>
      </c>
      <c r="H4986" t="s">
        <v>12292</v>
      </c>
      <c r="I4986" t="s">
        <v>30540</v>
      </c>
    </row>
    <row r="4987" spans="1:9">
      <c r="A4987" s="1">
        <v>0.55041781451576699</v>
      </c>
      <c r="B4987" s="1"/>
      <c r="C4987">
        <v>3</v>
      </c>
      <c r="D4987" t="s">
        <v>12289</v>
      </c>
      <c r="E4987" t="s">
        <v>32402</v>
      </c>
      <c r="F4987">
        <v>3</v>
      </c>
      <c r="G4987" t="s">
        <v>769</v>
      </c>
      <c r="H4987" t="s">
        <v>12290</v>
      </c>
      <c r="I4987" t="s">
        <v>30540</v>
      </c>
    </row>
    <row r="4988" spans="1:9">
      <c r="A4988" s="1">
        <v>0.41338189878477583</v>
      </c>
      <c r="B4988" s="1"/>
      <c r="C4988">
        <v>16</v>
      </c>
      <c r="D4988" t="s">
        <v>12293</v>
      </c>
      <c r="E4988" t="s">
        <v>32402</v>
      </c>
      <c r="F4988">
        <v>3</v>
      </c>
      <c r="G4988" t="s">
        <v>0</v>
      </c>
      <c r="H4988" t="s">
        <v>12294</v>
      </c>
      <c r="I4988" t="s">
        <v>30540</v>
      </c>
    </row>
    <row r="4989" spans="1:9">
      <c r="A4989" s="1">
        <v>5.6003236547978008E-2</v>
      </c>
      <c r="B4989" s="1"/>
      <c r="C4989">
        <v>4</v>
      </c>
      <c r="D4989" t="s">
        <v>12287</v>
      </c>
      <c r="E4989" t="s">
        <v>32403</v>
      </c>
      <c r="F4989">
        <v>4</v>
      </c>
      <c r="G4989" t="s">
        <v>14</v>
      </c>
      <c r="H4989" t="s">
        <v>12288</v>
      </c>
      <c r="I4989" t="s">
        <v>30540</v>
      </c>
    </row>
    <row r="4990" spans="1:9">
      <c r="A4990" s="1">
        <v>0.42139667178801599</v>
      </c>
      <c r="B4990" s="1"/>
      <c r="C4990">
        <v>8</v>
      </c>
      <c r="D4990" t="s">
        <v>12283</v>
      </c>
      <c r="E4990" t="s">
        <v>32404</v>
      </c>
      <c r="F4990">
        <v>5</v>
      </c>
      <c r="G4990" t="s">
        <v>1</v>
      </c>
      <c r="H4990" t="s">
        <v>12284</v>
      </c>
      <c r="I4990" t="s">
        <v>30540</v>
      </c>
    </row>
    <row r="4991" spans="1:9">
      <c r="A4991" s="1">
        <v>0.60406456185504664</v>
      </c>
      <c r="B4991" s="1"/>
      <c r="C4991">
        <v>1</v>
      </c>
      <c r="D4991" t="s">
        <v>12281</v>
      </c>
      <c r="E4991" t="s">
        <v>32404</v>
      </c>
      <c r="F4991">
        <v>5</v>
      </c>
      <c r="G4991" t="s">
        <v>15</v>
      </c>
      <c r="H4991" t="s">
        <v>12282</v>
      </c>
      <c r="I4991" t="s">
        <v>30540</v>
      </c>
    </row>
    <row r="4992" spans="1:9">
      <c r="A4992" s="1">
        <v>0.52474249564838948</v>
      </c>
      <c r="B4992" s="1"/>
      <c r="C4992">
        <v>11</v>
      </c>
      <c r="D4992" t="s">
        <v>12285</v>
      </c>
      <c r="E4992" t="s">
        <v>32404</v>
      </c>
      <c r="F4992">
        <v>4</v>
      </c>
      <c r="G4992" t="s">
        <v>762</v>
      </c>
      <c r="H4992" t="s">
        <v>12286</v>
      </c>
      <c r="I4992" t="s">
        <v>30540</v>
      </c>
    </row>
    <row r="4993" spans="1:9">
      <c r="A4993" s="1">
        <v>0.77916630109913276</v>
      </c>
      <c r="B4993" s="1"/>
      <c r="C4993">
        <v>3</v>
      </c>
      <c r="D4993" t="s">
        <v>12277</v>
      </c>
      <c r="E4993" t="s">
        <v>32405</v>
      </c>
      <c r="F4993">
        <v>4</v>
      </c>
      <c r="G4993" t="s">
        <v>0</v>
      </c>
      <c r="H4993" t="s">
        <v>12278</v>
      </c>
      <c r="I4993" t="s">
        <v>30540</v>
      </c>
    </row>
    <row r="4994" spans="1:9">
      <c r="A4994" s="1">
        <v>0.12506249233370381</v>
      </c>
      <c r="B4994" s="1"/>
      <c r="C4994">
        <v>5</v>
      </c>
      <c r="D4994" t="s">
        <v>12279</v>
      </c>
      <c r="E4994" t="s">
        <v>32405</v>
      </c>
      <c r="F4994">
        <v>4</v>
      </c>
      <c r="G4994" t="s">
        <v>15</v>
      </c>
      <c r="H4994" t="s">
        <v>12280</v>
      </c>
      <c r="I4994" t="s">
        <v>30540</v>
      </c>
    </row>
    <row r="4995" spans="1:9">
      <c r="A4995" s="1">
        <v>0.82556009844834999</v>
      </c>
      <c r="B4995" s="1"/>
      <c r="C4995">
        <v>7</v>
      </c>
      <c r="D4995" t="s">
        <v>12273</v>
      </c>
      <c r="E4995" t="s">
        <v>32406</v>
      </c>
      <c r="F4995">
        <v>4</v>
      </c>
      <c r="G4995" t="s">
        <v>0</v>
      </c>
      <c r="H4995" t="s">
        <v>12274</v>
      </c>
      <c r="I4995" t="s">
        <v>30540</v>
      </c>
    </row>
    <row r="4996" spans="1:9">
      <c r="A4996" s="1">
        <v>0.82801556047328817</v>
      </c>
      <c r="B4996" s="1"/>
      <c r="C4996">
        <v>12</v>
      </c>
      <c r="D4996" t="s">
        <v>12275</v>
      </c>
      <c r="E4996" t="s">
        <v>32406</v>
      </c>
      <c r="F4996">
        <v>4</v>
      </c>
      <c r="G4996" t="s">
        <v>0</v>
      </c>
      <c r="H4996" t="s">
        <v>12276</v>
      </c>
      <c r="I4996" t="s">
        <v>30540</v>
      </c>
    </row>
    <row r="4997" spans="1:9">
      <c r="A4997" s="1">
        <v>0.31285362929359772</v>
      </c>
      <c r="B4997" s="1"/>
      <c r="C4997">
        <v>8</v>
      </c>
      <c r="D4997" t="s">
        <v>12267</v>
      </c>
      <c r="E4997" t="s">
        <v>32407</v>
      </c>
      <c r="F4997">
        <v>5</v>
      </c>
      <c r="G4997" t="s">
        <v>0</v>
      </c>
      <c r="H4997" t="s">
        <v>12268</v>
      </c>
      <c r="I4997" t="s">
        <v>30540</v>
      </c>
    </row>
    <row r="4998" spans="1:9">
      <c r="A4998" s="1">
        <v>0.77987794161829049</v>
      </c>
      <c r="B4998" s="1"/>
      <c r="C4998">
        <v>5</v>
      </c>
      <c r="D4998" t="s">
        <v>12265</v>
      </c>
      <c r="E4998" t="s">
        <v>32407</v>
      </c>
      <c r="F4998">
        <v>4</v>
      </c>
      <c r="G4998" t="s">
        <v>774</v>
      </c>
      <c r="H4998" t="s">
        <v>12266</v>
      </c>
      <c r="I4998" t="s">
        <v>30540</v>
      </c>
    </row>
    <row r="4999" spans="1:9">
      <c r="A4999" s="1">
        <v>9.4005028926366641E-2</v>
      </c>
      <c r="B4999" s="1"/>
      <c r="C4999">
        <v>9</v>
      </c>
      <c r="D4999" t="s">
        <v>12269</v>
      </c>
      <c r="E4999" t="s">
        <v>32407</v>
      </c>
      <c r="F4999">
        <v>4</v>
      </c>
      <c r="G4999" t="s">
        <v>13</v>
      </c>
      <c r="H4999" t="s">
        <v>12270</v>
      </c>
      <c r="I4999" t="s">
        <v>30540</v>
      </c>
    </row>
    <row r="5000" spans="1:9">
      <c r="A5000" s="1">
        <v>0.98718374369184825</v>
      </c>
      <c r="B5000" s="1"/>
      <c r="C5000">
        <v>20</v>
      </c>
      <c r="D5000" t="s">
        <v>12271</v>
      </c>
      <c r="E5000" t="s">
        <v>32407</v>
      </c>
      <c r="F5000">
        <v>4</v>
      </c>
      <c r="G5000" t="s">
        <v>10</v>
      </c>
      <c r="H5000" t="s">
        <v>12272</v>
      </c>
      <c r="I5000" t="s">
        <v>30540</v>
      </c>
    </row>
    <row r="5001" spans="1:9">
      <c r="A5001" s="1">
        <v>0.26569655599470077</v>
      </c>
      <c r="B5001" s="1"/>
      <c r="C5001">
        <v>4</v>
      </c>
      <c r="D5001" t="s">
        <v>12263</v>
      </c>
      <c r="E5001" t="s">
        <v>32407</v>
      </c>
      <c r="F5001">
        <v>4</v>
      </c>
      <c r="G5001" t="s">
        <v>766</v>
      </c>
      <c r="H5001" t="s">
        <v>12264</v>
      </c>
      <c r="I5001" t="s">
        <v>30540</v>
      </c>
    </row>
    <row r="5002" spans="1:9">
      <c r="A5002" s="1">
        <v>0.49372055334373677</v>
      </c>
      <c r="B5002" s="1"/>
      <c r="C5002">
        <v>5</v>
      </c>
      <c r="D5002" t="s">
        <v>12259</v>
      </c>
      <c r="E5002" t="s">
        <v>32408</v>
      </c>
      <c r="F5002">
        <v>4</v>
      </c>
      <c r="G5002" t="s">
        <v>774</v>
      </c>
      <c r="H5002" t="s">
        <v>12260</v>
      </c>
      <c r="I5002" t="s">
        <v>30540</v>
      </c>
    </row>
    <row r="5003" spans="1:9">
      <c r="A5003" s="1">
        <v>0.88547827405317869</v>
      </c>
      <c r="B5003" s="1"/>
      <c r="C5003">
        <v>19</v>
      </c>
      <c r="D5003" t="s">
        <v>12261</v>
      </c>
      <c r="E5003" t="s">
        <v>32408</v>
      </c>
      <c r="F5003">
        <v>4</v>
      </c>
      <c r="G5003" t="s">
        <v>771</v>
      </c>
      <c r="H5003" t="s">
        <v>12262</v>
      </c>
      <c r="I5003" t="s">
        <v>30540</v>
      </c>
    </row>
    <row r="5004" spans="1:9">
      <c r="A5004" s="1">
        <v>0.29702191630150421</v>
      </c>
      <c r="B5004" s="1"/>
      <c r="C5004">
        <v>2</v>
      </c>
      <c r="D5004" t="s">
        <v>12253</v>
      </c>
      <c r="E5004" t="s">
        <v>32409</v>
      </c>
      <c r="F5004">
        <v>5</v>
      </c>
      <c r="G5004" t="s">
        <v>13</v>
      </c>
      <c r="H5004" t="s">
        <v>12254</v>
      </c>
      <c r="I5004" t="s">
        <v>30540</v>
      </c>
    </row>
    <row r="5005" spans="1:9">
      <c r="A5005" s="1">
        <v>0.14514141097347633</v>
      </c>
      <c r="B5005" s="1"/>
      <c r="C5005">
        <v>10</v>
      </c>
      <c r="D5005" t="s">
        <v>12257</v>
      </c>
      <c r="E5005" t="s">
        <v>32409</v>
      </c>
      <c r="F5005">
        <v>4</v>
      </c>
      <c r="G5005" t="s">
        <v>0</v>
      </c>
      <c r="H5005" t="s">
        <v>12258</v>
      </c>
      <c r="I5005" t="s">
        <v>30540</v>
      </c>
    </row>
    <row r="5006" spans="1:9">
      <c r="A5006" s="1">
        <v>0.49910050715983834</v>
      </c>
      <c r="B5006" s="1"/>
      <c r="C5006">
        <v>7</v>
      </c>
      <c r="D5006" t="s">
        <v>12255</v>
      </c>
      <c r="E5006" t="s">
        <v>32409</v>
      </c>
      <c r="F5006">
        <v>4</v>
      </c>
      <c r="G5006" t="s">
        <v>2</v>
      </c>
      <c r="H5006" t="s">
        <v>12256</v>
      </c>
      <c r="I5006" t="s">
        <v>30540</v>
      </c>
    </row>
    <row r="5007" spans="1:9">
      <c r="A5007" s="1">
        <v>0.38748371859770991</v>
      </c>
      <c r="B5007" s="1"/>
      <c r="C5007">
        <v>8</v>
      </c>
      <c r="D5007" t="s">
        <v>12247</v>
      </c>
      <c r="E5007" t="s">
        <v>32410</v>
      </c>
      <c r="F5007">
        <v>5</v>
      </c>
      <c r="G5007" t="s">
        <v>774</v>
      </c>
      <c r="H5007" t="s">
        <v>12248</v>
      </c>
      <c r="I5007" t="s">
        <v>30540</v>
      </c>
    </row>
    <row r="5008" spans="1:9">
      <c r="A5008" s="1">
        <v>4.0678264167201217E-2</v>
      </c>
      <c r="B5008" s="1"/>
      <c r="C5008">
        <v>5</v>
      </c>
      <c r="D5008" t="s">
        <v>12245</v>
      </c>
      <c r="E5008" t="s">
        <v>32410</v>
      </c>
      <c r="F5008">
        <v>5</v>
      </c>
      <c r="G5008" t="s">
        <v>0</v>
      </c>
      <c r="H5008" t="s">
        <v>12246</v>
      </c>
      <c r="I5008" t="s">
        <v>30540</v>
      </c>
    </row>
    <row r="5009" spans="1:9">
      <c r="A5009" s="1">
        <v>0.78435923154510878</v>
      </c>
      <c r="B5009" s="1"/>
      <c r="C5009">
        <v>11</v>
      </c>
      <c r="D5009" t="s">
        <v>12249</v>
      </c>
      <c r="E5009" t="s">
        <v>32410</v>
      </c>
      <c r="F5009">
        <v>4</v>
      </c>
      <c r="G5009" t="s">
        <v>0</v>
      </c>
      <c r="H5009" t="s">
        <v>12250</v>
      </c>
      <c r="I5009" t="s">
        <v>30540</v>
      </c>
    </row>
    <row r="5010" spans="1:9">
      <c r="A5010" s="1">
        <v>0.45960657538755711</v>
      </c>
      <c r="B5010" s="1"/>
      <c r="C5010">
        <v>3</v>
      </c>
      <c r="D5010" t="s">
        <v>12243</v>
      </c>
      <c r="E5010" t="s">
        <v>32410</v>
      </c>
      <c r="F5010">
        <v>4</v>
      </c>
      <c r="G5010" t="s">
        <v>769</v>
      </c>
      <c r="H5010" t="s">
        <v>12244</v>
      </c>
      <c r="I5010" t="s">
        <v>30540</v>
      </c>
    </row>
    <row r="5011" spans="1:9">
      <c r="A5011" s="1">
        <v>0.18673458703991264</v>
      </c>
      <c r="B5011" s="1"/>
      <c r="C5011">
        <v>15</v>
      </c>
      <c r="D5011" t="s">
        <v>12241</v>
      </c>
      <c r="E5011" t="s">
        <v>32411</v>
      </c>
      <c r="F5011">
        <v>4</v>
      </c>
      <c r="G5011" t="s">
        <v>15</v>
      </c>
      <c r="H5011" t="s">
        <v>12242</v>
      </c>
      <c r="I5011" t="s">
        <v>30540</v>
      </c>
    </row>
    <row r="5012" spans="1:9">
      <c r="A5012" s="1">
        <v>0.59093395839663765</v>
      </c>
      <c r="B5012" s="1"/>
      <c r="C5012">
        <v>13</v>
      </c>
      <c r="D5012" t="s">
        <v>12239</v>
      </c>
      <c r="E5012" t="s">
        <v>32411</v>
      </c>
      <c r="F5012">
        <v>4</v>
      </c>
      <c r="G5012" t="s">
        <v>1</v>
      </c>
      <c r="H5012" t="s">
        <v>12240</v>
      </c>
      <c r="I5012" t="s">
        <v>30540</v>
      </c>
    </row>
    <row r="5013" spans="1:9">
      <c r="A5013" s="1">
        <v>0.73097234421316593</v>
      </c>
      <c r="B5013" s="1"/>
      <c r="C5013">
        <v>12</v>
      </c>
      <c r="D5013" t="s">
        <v>12237</v>
      </c>
      <c r="E5013" t="s">
        <v>32411</v>
      </c>
      <c r="F5013">
        <v>4</v>
      </c>
      <c r="G5013" t="s">
        <v>9</v>
      </c>
      <c r="H5013" t="s">
        <v>12238</v>
      </c>
      <c r="I5013" t="s">
        <v>30540</v>
      </c>
    </row>
    <row r="5014" spans="1:9">
      <c r="A5014" s="1">
        <v>0.35760403732804469</v>
      </c>
      <c r="B5014" s="1"/>
      <c r="C5014">
        <v>11</v>
      </c>
      <c r="D5014" t="s">
        <v>12233</v>
      </c>
      <c r="E5014" t="s">
        <v>32412</v>
      </c>
      <c r="F5014">
        <v>4</v>
      </c>
      <c r="G5014" t="s">
        <v>13</v>
      </c>
      <c r="H5014" t="s">
        <v>12234</v>
      </c>
      <c r="I5014" t="s">
        <v>30540</v>
      </c>
    </row>
    <row r="5015" spans="1:9">
      <c r="A5015" s="1">
        <v>0.53094622772027911</v>
      </c>
      <c r="B5015" s="1"/>
      <c r="C5015">
        <v>10</v>
      </c>
      <c r="D5015" t="s">
        <v>12231</v>
      </c>
      <c r="E5015" t="s">
        <v>32412</v>
      </c>
      <c r="F5015">
        <v>4</v>
      </c>
      <c r="G5015" t="s">
        <v>1295</v>
      </c>
      <c r="H5015" t="s">
        <v>12232</v>
      </c>
      <c r="I5015" t="s">
        <v>30540</v>
      </c>
    </row>
    <row r="5016" spans="1:9">
      <c r="A5016" s="1">
        <v>0.79622353133035795</v>
      </c>
      <c r="B5016" s="1"/>
      <c r="C5016">
        <v>13</v>
      </c>
      <c r="D5016" t="s">
        <v>12235</v>
      </c>
      <c r="E5016" t="s">
        <v>32412</v>
      </c>
      <c r="F5016">
        <v>4</v>
      </c>
      <c r="G5016" t="s">
        <v>1295</v>
      </c>
      <c r="H5016" t="s">
        <v>12236</v>
      </c>
      <c r="I5016" t="s">
        <v>30540</v>
      </c>
    </row>
    <row r="5017" spans="1:9">
      <c r="A5017" s="1">
        <v>0.13651006127476151</v>
      </c>
      <c r="B5017" s="1"/>
      <c r="C5017">
        <v>18</v>
      </c>
      <c r="D5017" t="s">
        <v>12225</v>
      </c>
      <c r="E5017" t="s">
        <v>32414</v>
      </c>
      <c r="F5017">
        <v>4</v>
      </c>
      <c r="G5017" t="s">
        <v>1295</v>
      </c>
      <c r="H5017" t="s">
        <v>12226</v>
      </c>
      <c r="I5017" t="s">
        <v>30540</v>
      </c>
    </row>
    <row r="5018" spans="1:9">
      <c r="A5018" s="1">
        <v>0.24584749264706729</v>
      </c>
      <c r="B5018" s="1"/>
      <c r="C5018">
        <v>11</v>
      </c>
      <c r="D5018" t="s">
        <v>12223</v>
      </c>
      <c r="E5018" t="s">
        <v>32414</v>
      </c>
      <c r="F5018">
        <v>4</v>
      </c>
      <c r="G5018" t="s">
        <v>766</v>
      </c>
      <c r="H5018" t="s">
        <v>12224</v>
      </c>
      <c r="I5018" t="s">
        <v>30540</v>
      </c>
    </row>
    <row r="5019" spans="1:9">
      <c r="A5019" s="1">
        <v>0.43316906385136122</v>
      </c>
      <c r="B5019" s="1"/>
      <c r="C5019">
        <v>11</v>
      </c>
      <c r="D5019" t="s">
        <v>12221</v>
      </c>
      <c r="E5019" t="s">
        <v>32415</v>
      </c>
      <c r="F5019">
        <v>5</v>
      </c>
      <c r="G5019" t="s">
        <v>14</v>
      </c>
      <c r="H5019" t="s">
        <v>12222</v>
      </c>
      <c r="I5019" t="s">
        <v>30540</v>
      </c>
    </row>
    <row r="5020" spans="1:9">
      <c r="A5020" s="1">
        <v>0.45082445174464103</v>
      </c>
      <c r="B5020" s="1"/>
      <c r="C5020">
        <v>16</v>
      </c>
      <c r="D5020" t="s">
        <v>12217</v>
      </c>
      <c r="E5020" t="s">
        <v>32416</v>
      </c>
      <c r="F5020">
        <v>5</v>
      </c>
      <c r="G5020" t="s">
        <v>11306</v>
      </c>
      <c r="H5020" t="s">
        <v>12218</v>
      </c>
      <c r="I5020" t="s">
        <v>30540</v>
      </c>
    </row>
    <row r="5021" spans="1:9">
      <c r="A5021" s="1">
        <v>0.39565638050112828</v>
      </c>
      <c r="B5021" s="1"/>
      <c r="C5021">
        <v>1</v>
      </c>
      <c r="D5021" t="s">
        <v>12213</v>
      </c>
      <c r="E5021" t="s">
        <v>32416</v>
      </c>
      <c r="F5021">
        <v>4</v>
      </c>
      <c r="G5021" t="s">
        <v>2</v>
      </c>
      <c r="H5021" t="s">
        <v>12214</v>
      </c>
      <c r="I5021" t="s">
        <v>30540</v>
      </c>
    </row>
    <row r="5022" spans="1:9">
      <c r="A5022" s="1">
        <v>3.6001381113184627E-2</v>
      </c>
      <c r="B5022" s="1"/>
      <c r="C5022">
        <v>15</v>
      </c>
      <c r="D5022" t="s">
        <v>12215</v>
      </c>
      <c r="E5022" t="s">
        <v>32416</v>
      </c>
      <c r="F5022">
        <v>4</v>
      </c>
      <c r="G5022" t="s">
        <v>11300</v>
      </c>
      <c r="H5022" t="s">
        <v>12216</v>
      </c>
      <c r="I5022" t="s">
        <v>30540</v>
      </c>
    </row>
    <row r="5023" spans="1:9">
      <c r="A5023" s="1">
        <v>0.42712139096746826</v>
      </c>
      <c r="B5023" s="1"/>
      <c r="C5023">
        <v>20</v>
      </c>
      <c r="D5023" t="s">
        <v>12219</v>
      </c>
      <c r="E5023" t="s">
        <v>32416</v>
      </c>
      <c r="F5023">
        <v>4</v>
      </c>
      <c r="G5023" t="s">
        <v>11346</v>
      </c>
      <c r="H5023" t="s">
        <v>12220</v>
      </c>
      <c r="I5023" t="s">
        <v>30540</v>
      </c>
    </row>
    <row r="5024" spans="1:9">
      <c r="A5024" s="1">
        <v>0.14241910453487328</v>
      </c>
      <c r="B5024" s="1"/>
      <c r="C5024">
        <v>14</v>
      </c>
      <c r="D5024" t="s">
        <v>12211</v>
      </c>
      <c r="E5024" t="s">
        <v>32417</v>
      </c>
      <c r="F5024">
        <v>4</v>
      </c>
      <c r="G5024" t="s">
        <v>14</v>
      </c>
      <c r="H5024" t="s">
        <v>12212</v>
      </c>
      <c r="I5024" t="s">
        <v>30540</v>
      </c>
    </row>
    <row r="5025" spans="1:9">
      <c r="A5025" s="1">
        <v>0.37891545723044218</v>
      </c>
      <c r="B5025" s="1"/>
      <c r="C5025">
        <v>13</v>
      </c>
      <c r="D5025" t="s">
        <v>12209</v>
      </c>
      <c r="E5025" t="s">
        <v>32417</v>
      </c>
      <c r="F5025">
        <v>4</v>
      </c>
      <c r="G5025" t="s">
        <v>0</v>
      </c>
      <c r="H5025" t="s">
        <v>12210</v>
      </c>
      <c r="I5025" t="s">
        <v>30540</v>
      </c>
    </row>
    <row r="5026" spans="1:9">
      <c r="A5026" s="1">
        <v>0.20428635150793395</v>
      </c>
      <c r="B5026" s="1"/>
      <c r="C5026">
        <v>14</v>
      </c>
      <c r="D5026" t="s">
        <v>12203</v>
      </c>
      <c r="E5026" t="s">
        <v>32418</v>
      </c>
      <c r="F5026">
        <v>4</v>
      </c>
      <c r="G5026" t="s">
        <v>770</v>
      </c>
      <c r="H5026" t="s">
        <v>12204</v>
      </c>
      <c r="I5026" t="s">
        <v>30540</v>
      </c>
    </row>
    <row r="5027" spans="1:9">
      <c r="A5027" s="1">
        <v>0.21720120394525988</v>
      </c>
      <c r="B5027" s="1"/>
      <c r="C5027">
        <v>17</v>
      </c>
      <c r="D5027" t="s">
        <v>12205</v>
      </c>
      <c r="E5027" t="s">
        <v>32418</v>
      </c>
      <c r="F5027">
        <v>4</v>
      </c>
      <c r="G5027" t="s">
        <v>771</v>
      </c>
      <c r="H5027" t="s">
        <v>12206</v>
      </c>
      <c r="I5027" t="s">
        <v>30540</v>
      </c>
    </row>
    <row r="5028" spans="1:9">
      <c r="A5028" s="1">
        <v>0.55531065870905261</v>
      </c>
      <c r="B5028" s="1"/>
      <c r="C5028">
        <v>3</v>
      </c>
      <c r="D5028" t="s">
        <v>12201</v>
      </c>
      <c r="E5028" t="s">
        <v>32418</v>
      </c>
      <c r="F5028">
        <v>4</v>
      </c>
      <c r="G5028" t="s">
        <v>13</v>
      </c>
      <c r="H5028" t="s">
        <v>12202</v>
      </c>
      <c r="I5028" t="s">
        <v>30540</v>
      </c>
    </row>
    <row r="5029" spans="1:9">
      <c r="A5029" s="1">
        <v>0.46705163205270084</v>
      </c>
      <c r="B5029" s="1"/>
      <c r="C5029">
        <v>1</v>
      </c>
      <c r="D5029" t="s">
        <v>12199</v>
      </c>
      <c r="E5029" t="s">
        <v>32418</v>
      </c>
      <c r="F5029">
        <v>4</v>
      </c>
      <c r="G5029" t="s">
        <v>15</v>
      </c>
      <c r="H5029" t="s">
        <v>12200</v>
      </c>
      <c r="I5029" t="s">
        <v>30540</v>
      </c>
    </row>
    <row r="5030" spans="1:9">
      <c r="A5030" s="1">
        <v>0.85524511672516013</v>
      </c>
      <c r="B5030" s="1"/>
      <c r="C5030">
        <v>20</v>
      </c>
      <c r="D5030" t="s">
        <v>12207</v>
      </c>
      <c r="E5030" t="s">
        <v>32418</v>
      </c>
      <c r="F5030">
        <v>4</v>
      </c>
      <c r="G5030" t="s">
        <v>1295</v>
      </c>
      <c r="H5030" t="s">
        <v>12208</v>
      </c>
      <c r="I5030" t="s">
        <v>30540</v>
      </c>
    </row>
    <row r="5031" spans="1:9">
      <c r="A5031" s="1">
        <v>0.74452724103823864</v>
      </c>
      <c r="B5031" s="1"/>
      <c r="C5031">
        <v>7</v>
      </c>
      <c r="D5031" t="s">
        <v>12197</v>
      </c>
      <c r="E5031" t="s">
        <v>32419</v>
      </c>
      <c r="F5031">
        <v>4</v>
      </c>
      <c r="G5031" t="s">
        <v>14</v>
      </c>
      <c r="H5031" t="s">
        <v>12198</v>
      </c>
      <c r="I5031" t="s">
        <v>30540</v>
      </c>
    </row>
    <row r="5032" spans="1:9">
      <c r="A5032" s="1">
        <v>5.6413024575720283E-2</v>
      </c>
      <c r="B5032" s="1"/>
      <c r="C5032">
        <v>6</v>
      </c>
      <c r="D5032" t="s">
        <v>12193</v>
      </c>
      <c r="E5032" t="s">
        <v>32420</v>
      </c>
      <c r="F5032">
        <v>5</v>
      </c>
      <c r="G5032" t="s">
        <v>11507</v>
      </c>
      <c r="H5032" t="s">
        <v>12194</v>
      </c>
      <c r="I5032" t="s">
        <v>30540</v>
      </c>
    </row>
    <row r="5033" spans="1:9">
      <c r="A5033" s="1">
        <v>0.11318312267221475</v>
      </c>
      <c r="B5033" s="1"/>
      <c r="C5033">
        <v>1</v>
      </c>
      <c r="D5033" t="s">
        <v>12189</v>
      </c>
      <c r="E5033" t="s">
        <v>32420</v>
      </c>
      <c r="F5033">
        <v>4</v>
      </c>
      <c r="G5033" t="s">
        <v>15</v>
      </c>
      <c r="H5033" t="s">
        <v>12190</v>
      </c>
      <c r="I5033" t="s">
        <v>30540</v>
      </c>
    </row>
    <row r="5034" spans="1:9">
      <c r="A5034" s="1">
        <v>4.782075526129026E-2</v>
      </c>
      <c r="B5034" s="1"/>
      <c r="C5034">
        <v>2</v>
      </c>
      <c r="D5034" t="s">
        <v>12191</v>
      </c>
      <c r="E5034" t="s">
        <v>32420</v>
      </c>
      <c r="F5034">
        <v>4</v>
      </c>
      <c r="G5034" t="s">
        <v>15</v>
      </c>
      <c r="H5034" t="s">
        <v>12192</v>
      </c>
      <c r="I5034" t="s">
        <v>30540</v>
      </c>
    </row>
    <row r="5035" spans="1:9">
      <c r="A5035" s="1">
        <v>0.90387131261961784</v>
      </c>
      <c r="B5035" s="1"/>
      <c r="C5035">
        <v>2</v>
      </c>
      <c r="D5035" t="s">
        <v>12185</v>
      </c>
      <c r="E5035" t="s">
        <v>32421</v>
      </c>
      <c r="F5035">
        <v>4</v>
      </c>
      <c r="G5035" t="s">
        <v>9</v>
      </c>
      <c r="H5035" t="s">
        <v>12186</v>
      </c>
      <c r="I5035" t="s">
        <v>30540</v>
      </c>
    </row>
    <row r="5036" spans="1:9">
      <c r="A5036" s="1">
        <v>0.12756175481509013</v>
      </c>
      <c r="B5036" s="1"/>
      <c r="C5036">
        <v>6</v>
      </c>
      <c r="D5036" t="s">
        <v>12187</v>
      </c>
      <c r="E5036" t="s">
        <v>32421</v>
      </c>
      <c r="F5036">
        <v>3</v>
      </c>
      <c r="G5036" t="s">
        <v>10</v>
      </c>
      <c r="H5036" t="s">
        <v>12188</v>
      </c>
      <c r="I5036" t="s">
        <v>30540</v>
      </c>
    </row>
    <row r="5037" spans="1:9">
      <c r="A5037" s="1">
        <v>0.87476162758599596</v>
      </c>
      <c r="B5037" s="1"/>
      <c r="C5037">
        <v>1</v>
      </c>
      <c r="D5037" t="s">
        <v>12181</v>
      </c>
      <c r="E5037" t="s">
        <v>32422</v>
      </c>
      <c r="F5037">
        <v>5</v>
      </c>
      <c r="G5037" t="s">
        <v>2</v>
      </c>
      <c r="H5037" t="s">
        <v>12182</v>
      </c>
      <c r="I5037" t="s">
        <v>30540</v>
      </c>
    </row>
    <row r="5038" spans="1:9">
      <c r="A5038" s="1">
        <v>0.30553260949440775</v>
      </c>
      <c r="B5038" s="1"/>
      <c r="C5038">
        <v>7</v>
      </c>
      <c r="D5038" t="s">
        <v>12183</v>
      </c>
      <c r="E5038" t="s">
        <v>32422</v>
      </c>
      <c r="F5038">
        <v>3</v>
      </c>
      <c r="G5038" t="s">
        <v>14</v>
      </c>
      <c r="H5038" t="s">
        <v>12184</v>
      </c>
      <c r="I5038" t="s">
        <v>30540</v>
      </c>
    </row>
    <row r="5039" spans="1:9">
      <c r="A5039" s="1">
        <v>0.63563317878879011</v>
      </c>
      <c r="B5039" s="1"/>
      <c r="C5039">
        <v>19</v>
      </c>
      <c r="D5039" t="s">
        <v>12179</v>
      </c>
      <c r="E5039" t="s">
        <v>32423</v>
      </c>
      <c r="F5039">
        <v>4</v>
      </c>
      <c r="G5039" t="s">
        <v>14</v>
      </c>
      <c r="H5039" t="s">
        <v>12180</v>
      </c>
      <c r="I5039" t="s">
        <v>30540</v>
      </c>
    </row>
    <row r="5040" spans="1:9">
      <c r="A5040" s="1">
        <v>0.10174523985391271</v>
      </c>
      <c r="B5040" s="1"/>
      <c r="C5040">
        <v>16</v>
      </c>
      <c r="D5040" t="s">
        <v>12177</v>
      </c>
      <c r="E5040" t="s">
        <v>32423</v>
      </c>
      <c r="F5040">
        <v>4</v>
      </c>
      <c r="G5040" t="s">
        <v>0</v>
      </c>
      <c r="H5040" t="s">
        <v>12178</v>
      </c>
      <c r="I5040" t="s">
        <v>30540</v>
      </c>
    </row>
    <row r="5041" spans="1:9">
      <c r="A5041" s="1">
        <v>0.33325162909162664</v>
      </c>
      <c r="B5041" s="1"/>
      <c r="C5041">
        <v>9</v>
      </c>
      <c r="D5041" t="s">
        <v>12173</v>
      </c>
      <c r="E5041" t="s">
        <v>32424</v>
      </c>
      <c r="F5041">
        <v>4</v>
      </c>
      <c r="G5041" t="s">
        <v>14</v>
      </c>
      <c r="H5041" t="s">
        <v>12174</v>
      </c>
      <c r="I5041" t="s">
        <v>30540</v>
      </c>
    </row>
    <row r="5042" spans="1:9">
      <c r="A5042" s="1">
        <v>0.10953537513270273</v>
      </c>
      <c r="B5042" s="1"/>
      <c r="C5042">
        <v>6</v>
      </c>
      <c r="D5042" t="s">
        <v>12171</v>
      </c>
      <c r="E5042" t="s">
        <v>32424</v>
      </c>
      <c r="F5042">
        <v>4</v>
      </c>
      <c r="G5042" t="s">
        <v>15</v>
      </c>
      <c r="H5042" t="s">
        <v>12172</v>
      </c>
      <c r="I5042" t="s">
        <v>30540</v>
      </c>
    </row>
    <row r="5043" spans="1:9">
      <c r="A5043" s="1">
        <v>0.39549159624448815</v>
      </c>
      <c r="B5043" s="1"/>
      <c r="C5043">
        <v>1</v>
      </c>
      <c r="D5043" t="s">
        <v>12167</v>
      </c>
      <c r="E5043" t="s">
        <v>32424</v>
      </c>
      <c r="F5043">
        <v>4</v>
      </c>
      <c r="G5043" t="s">
        <v>9</v>
      </c>
      <c r="H5043" t="s">
        <v>12168</v>
      </c>
      <c r="I5043" t="s">
        <v>30540</v>
      </c>
    </row>
    <row r="5044" spans="1:9">
      <c r="A5044" s="1">
        <v>0.4189464291187085</v>
      </c>
      <c r="B5044" s="1"/>
      <c r="C5044">
        <v>3</v>
      </c>
      <c r="D5044" t="s">
        <v>12169</v>
      </c>
      <c r="E5044" t="s">
        <v>32424</v>
      </c>
      <c r="F5044">
        <v>3</v>
      </c>
      <c r="G5044" t="s">
        <v>14</v>
      </c>
      <c r="H5044" t="s">
        <v>12170</v>
      </c>
      <c r="I5044" t="s">
        <v>30540</v>
      </c>
    </row>
    <row r="5045" spans="1:9">
      <c r="A5045" s="1">
        <v>0.77800318637057242</v>
      </c>
      <c r="B5045" s="1"/>
      <c r="C5045">
        <v>5</v>
      </c>
      <c r="D5045" t="s">
        <v>12165</v>
      </c>
      <c r="E5045" t="s">
        <v>32425</v>
      </c>
      <c r="F5045">
        <v>5</v>
      </c>
      <c r="G5045" t="s">
        <v>0</v>
      </c>
      <c r="H5045" t="s">
        <v>12166</v>
      </c>
      <c r="I5045" t="s">
        <v>30540</v>
      </c>
    </row>
    <row r="5046" spans="1:9">
      <c r="A5046" s="1">
        <v>0.42242051295682592</v>
      </c>
      <c r="B5046" s="1"/>
      <c r="C5046">
        <v>3</v>
      </c>
      <c r="D5046" t="s">
        <v>12163</v>
      </c>
      <c r="E5046" t="s">
        <v>32425</v>
      </c>
      <c r="F5046">
        <v>4</v>
      </c>
      <c r="G5046" t="s">
        <v>0</v>
      </c>
      <c r="H5046" t="s">
        <v>12164</v>
      </c>
      <c r="I5046" t="s">
        <v>30540</v>
      </c>
    </row>
    <row r="5047" spans="1:9">
      <c r="A5047" s="1">
        <v>0.26856736674435189</v>
      </c>
      <c r="B5047" s="1"/>
      <c r="C5047">
        <v>2</v>
      </c>
      <c r="D5047" t="s">
        <v>12161</v>
      </c>
      <c r="E5047" t="s">
        <v>32425</v>
      </c>
      <c r="F5047">
        <v>4</v>
      </c>
      <c r="G5047" t="s">
        <v>14</v>
      </c>
      <c r="H5047" t="s">
        <v>12162</v>
      </c>
      <c r="I5047" t="s">
        <v>30540</v>
      </c>
    </row>
    <row r="5048" spans="1:9">
      <c r="A5048" s="1">
        <v>0.42823963586894576</v>
      </c>
      <c r="B5048" s="1"/>
      <c r="C5048">
        <v>1</v>
      </c>
      <c r="D5048" t="s">
        <v>12159</v>
      </c>
      <c r="E5048" t="s">
        <v>32425</v>
      </c>
      <c r="F5048">
        <v>3</v>
      </c>
      <c r="G5048" t="s">
        <v>11302</v>
      </c>
      <c r="H5048" t="s">
        <v>12160</v>
      </c>
      <c r="I5048" t="s">
        <v>30540</v>
      </c>
    </row>
    <row r="5049" spans="1:9">
      <c r="A5049" s="1">
        <v>0.13895935408033155</v>
      </c>
      <c r="B5049" s="1"/>
      <c r="C5049">
        <v>13</v>
      </c>
      <c r="D5049" t="s">
        <v>12155</v>
      </c>
      <c r="E5049" t="s">
        <v>32426</v>
      </c>
      <c r="F5049">
        <v>5</v>
      </c>
      <c r="G5049" t="s">
        <v>13</v>
      </c>
      <c r="H5049" t="s">
        <v>12156</v>
      </c>
      <c r="I5049" t="s">
        <v>30540</v>
      </c>
    </row>
    <row r="5050" spans="1:9">
      <c r="A5050" s="1">
        <v>0.36097988543252713</v>
      </c>
      <c r="B5050" s="1"/>
      <c r="C5050">
        <v>12</v>
      </c>
      <c r="D5050" t="s">
        <v>12153</v>
      </c>
      <c r="E5050" t="s">
        <v>32426</v>
      </c>
      <c r="F5050">
        <v>4</v>
      </c>
      <c r="G5050" t="s">
        <v>10</v>
      </c>
      <c r="H5050" t="s">
        <v>12154</v>
      </c>
      <c r="I5050" t="s">
        <v>30540</v>
      </c>
    </row>
    <row r="5051" spans="1:9">
      <c r="A5051" s="1">
        <v>8.6806917164038433E-3</v>
      </c>
      <c r="B5051" s="1"/>
      <c r="C5051">
        <v>2</v>
      </c>
      <c r="D5051" t="s">
        <v>12151</v>
      </c>
      <c r="E5051" t="s">
        <v>32426</v>
      </c>
      <c r="F5051">
        <v>4</v>
      </c>
      <c r="G5051" t="s">
        <v>14</v>
      </c>
      <c r="H5051" t="s">
        <v>12152</v>
      </c>
      <c r="I5051" t="s">
        <v>30540</v>
      </c>
    </row>
    <row r="5052" spans="1:9">
      <c r="A5052" s="1">
        <v>0.87423812353386654</v>
      </c>
      <c r="B5052" s="1"/>
      <c r="C5052">
        <v>10</v>
      </c>
      <c r="D5052" t="s">
        <v>12147</v>
      </c>
      <c r="E5052" t="s">
        <v>32427</v>
      </c>
      <c r="F5052">
        <v>4</v>
      </c>
      <c r="G5052" t="s">
        <v>14</v>
      </c>
      <c r="H5052" t="s">
        <v>12148</v>
      </c>
      <c r="I5052" t="s">
        <v>30540</v>
      </c>
    </row>
    <row r="5053" spans="1:9">
      <c r="A5053" s="1">
        <v>0.5830601288082784</v>
      </c>
      <c r="B5053" s="1"/>
      <c r="C5053">
        <v>15</v>
      </c>
      <c r="D5053" t="s">
        <v>12141</v>
      </c>
      <c r="E5053" t="s">
        <v>32428</v>
      </c>
      <c r="F5053">
        <v>5</v>
      </c>
      <c r="G5053" t="s">
        <v>13</v>
      </c>
      <c r="H5053" t="s">
        <v>12142</v>
      </c>
      <c r="I5053" t="s">
        <v>30540</v>
      </c>
    </row>
    <row r="5054" spans="1:9">
      <c r="A5054" s="1">
        <v>0.7079847244434655</v>
      </c>
      <c r="B5054" s="1"/>
      <c r="C5054">
        <v>1</v>
      </c>
      <c r="D5054" t="s">
        <v>12135</v>
      </c>
      <c r="E5054" t="s">
        <v>32428</v>
      </c>
      <c r="F5054">
        <v>5</v>
      </c>
      <c r="G5054" t="s">
        <v>2</v>
      </c>
      <c r="H5054" t="s">
        <v>12136</v>
      </c>
      <c r="I5054" t="s">
        <v>30540</v>
      </c>
    </row>
    <row r="5055" spans="1:9">
      <c r="A5055" s="1">
        <v>0.30491072260095009</v>
      </c>
      <c r="B5055" s="1"/>
      <c r="C5055">
        <v>17</v>
      </c>
      <c r="D5055" t="s">
        <v>12143</v>
      </c>
      <c r="E5055" t="s">
        <v>32428</v>
      </c>
      <c r="F5055">
        <v>4</v>
      </c>
      <c r="G5055" t="s">
        <v>769</v>
      </c>
      <c r="H5055" t="s">
        <v>12144</v>
      </c>
      <c r="I5055" t="s">
        <v>30540</v>
      </c>
    </row>
    <row r="5056" spans="1:9">
      <c r="A5056" s="1">
        <v>0.70490902058627403</v>
      </c>
      <c r="B5056" s="1"/>
      <c r="C5056">
        <v>2</v>
      </c>
      <c r="D5056" t="s">
        <v>12137</v>
      </c>
      <c r="E5056" t="s">
        <v>32428</v>
      </c>
      <c r="F5056">
        <v>4</v>
      </c>
      <c r="G5056" t="s">
        <v>2</v>
      </c>
      <c r="H5056" t="s">
        <v>12138</v>
      </c>
      <c r="I5056" t="s">
        <v>30540</v>
      </c>
    </row>
    <row r="5057" spans="1:9">
      <c r="A5057" s="1">
        <v>0.26159673236454173</v>
      </c>
      <c r="B5057" s="1"/>
      <c r="C5057">
        <v>11</v>
      </c>
      <c r="D5057" t="s">
        <v>12139</v>
      </c>
      <c r="E5057" t="s">
        <v>32428</v>
      </c>
      <c r="F5057">
        <v>4</v>
      </c>
      <c r="G5057" t="s">
        <v>774</v>
      </c>
      <c r="H5057" t="s">
        <v>12140</v>
      </c>
      <c r="I5057" t="s">
        <v>30540</v>
      </c>
    </row>
    <row r="5058" spans="1:9">
      <c r="A5058" s="1">
        <v>0.33266674619629566</v>
      </c>
      <c r="B5058" s="1"/>
      <c r="C5058">
        <v>19</v>
      </c>
      <c r="D5058" t="s">
        <v>12145</v>
      </c>
      <c r="E5058" t="s">
        <v>32428</v>
      </c>
      <c r="F5058">
        <v>4</v>
      </c>
      <c r="G5058" t="s">
        <v>14</v>
      </c>
      <c r="H5058" t="s">
        <v>12146</v>
      </c>
      <c r="I5058" t="s">
        <v>30540</v>
      </c>
    </row>
    <row r="5059" spans="1:9">
      <c r="A5059" s="1">
        <v>0.73367383857654012</v>
      </c>
      <c r="B5059" s="1"/>
      <c r="C5059">
        <v>18</v>
      </c>
      <c r="D5059" t="s">
        <v>12133</v>
      </c>
      <c r="E5059" t="s">
        <v>32429</v>
      </c>
      <c r="F5059">
        <v>5</v>
      </c>
      <c r="G5059" t="s">
        <v>0</v>
      </c>
      <c r="H5059" t="s">
        <v>12134</v>
      </c>
      <c r="I5059" t="s">
        <v>30540</v>
      </c>
    </row>
    <row r="5060" spans="1:9">
      <c r="A5060" s="1">
        <v>0.40243038402846676</v>
      </c>
      <c r="B5060" s="1"/>
      <c r="C5060">
        <v>17</v>
      </c>
      <c r="D5060" t="s">
        <v>12131</v>
      </c>
      <c r="E5060" t="s">
        <v>32429</v>
      </c>
      <c r="F5060">
        <v>4</v>
      </c>
      <c r="G5060" t="s">
        <v>15</v>
      </c>
      <c r="H5060" t="s">
        <v>12132</v>
      </c>
      <c r="I5060" t="s">
        <v>30540</v>
      </c>
    </row>
    <row r="5061" spans="1:9">
      <c r="A5061" s="1">
        <v>0.46650380241749456</v>
      </c>
      <c r="B5061" s="1"/>
      <c r="C5061">
        <v>9</v>
      </c>
      <c r="D5061" t="s">
        <v>12127</v>
      </c>
      <c r="E5061" t="s">
        <v>32430</v>
      </c>
      <c r="F5061">
        <v>5</v>
      </c>
      <c r="G5061" t="s">
        <v>2</v>
      </c>
      <c r="H5061" t="s">
        <v>12128</v>
      </c>
      <c r="I5061" t="s">
        <v>30540</v>
      </c>
    </row>
    <row r="5062" spans="1:9">
      <c r="A5062" s="1">
        <v>1.6094870790965166E-2</v>
      </c>
      <c r="B5062" s="1"/>
      <c r="C5062">
        <v>7</v>
      </c>
      <c r="D5062" t="s">
        <v>12123</v>
      </c>
      <c r="E5062" t="s">
        <v>32431</v>
      </c>
      <c r="F5062">
        <v>5</v>
      </c>
      <c r="G5062" t="s">
        <v>14</v>
      </c>
      <c r="H5062" t="s">
        <v>12124</v>
      </c>
      <c r="I5062" t="s">
        <v>30540</v>
      </c>
    </row>
    <row r="5063" spans="1:9">
      <c r="A5063" s="1">
        <v>2.0511997370887713E-2</v>
      </c>
      <c r="B5063" s="1"/>
      <c r="C5063">
        <v>5</v>
      </c>
      <c r="D5063" t="s">
        <v>12121</v>
      </c>
      <c r="E5063" t="s">
        <v>32431</v>
      </c>
      <c r="F5063">
        <v>4</v>
      </c>
      <c r="G5063" t="s">
        <v>14</v>
      </c>
      <c r="H5063" t="s">
        <v>12122</v>
      </c>
      <c r="I5063" t="s">
        <v>30540</v>
      </c>
    </row>
    <row r="5064" spans="1:9">
      <c r="A5064" s="1">
        <v>0.63228817729423226</v>
      </c>
      <c r="B5064" s="1"/>
      <c r="C5064">
        <v>1</v>
      </c>
      <c r="D5064" t="s">
        <v>12111</v>
      </c>
      <c r="E5064" t="s">
        <v>32432</v>
      </c>
      <c r="F5064">
        <v>4</v>
      </c>
      <c r="G5064" t="s">
        <v>14</v>
      </c>
      <c r="H5064" t="s">
        <v>12112</v>
      </c>
      <c r="I5064" t="s">
        <v>30540</v>
      </c>
    </row>
    <row r="5065" spans="1:9">
      <c r="A5065" s="1">
        <v>0.44279205029030488</v>
      </c>
      <c r="B5065" s="1"/>
      <c r="C5065">
        <v>10</v>
      </c>
      <c r="D5065" t="s">
        <v>12117</v>
      </c>
      <c r="E5065" t="s">
        <v>32432</v>
      </c>
      <c r="F5065">
        <v>4</v>
      </c>
      <c r="G5065" t="s">
        <v>14</v>
      </c>
      <c r="H5065" t="s">
        <v>12118</v>
      </c>
      <c r="I5065" t="s">
        <v>30540</v>
      </c>
    </row>
    <row r="5066" spans="1:9">
      <c r="A5066" s="1">
        <v>0.65753438502694239</v>
      </c>
      <c r="B5066" s="1"/>
      <c r="C5066">
        <v>6</v>
      </c>
      <c r="D5066" t="s">
        <v>12115</v>
      </c>
      <c r="E5066" t="s">
        <v>32432</v>
      </c>
      <c r="F5066">
        <v>4</v>
      </c>
      <c r="G5066" t="s">
        <v>14</v>
      </c>
      <c r="H5066" t="s">
        <v>12116</v>
      </c>
      <c r="I5066" t="s">
        <v>30540</v>
      </c>
    </row>
    <row r="5067" spans="1:9">
      <c r="A5067" s="1">
        <v>0.97673357812764938</v>
      </c>
      <c r="B5067" s="1"/>
      <c r="C5067">
        <v>3</v>
      </c>
      <c r="D5067" t="s">
        <v>12113</v>
      </c>
      <c r="E5067" t="s">
        <v>32432</v>
      </c>
      <c r="F5067">
        <v>3</v>
      </c>
      <c r="G5067" t="s">
        <v>13</v>
      </c>
      <c r="H5067" t="s">
        <v>12114</v>
      </c>
      <c r="I5067" t="s">
        <v>30540</v>
      </c>
    </row>
    <row r="5068" spans="1:9">
      <c r="A5068" s="1">
        <v>0.89155171005867651</v>
      </c>
      <c r="B5068" s="1"/>
      <c r="C5068">
        <v>5</v>
      </c>
      <c r="D5068" t="s">
        <v>12107</v>
      </c>
      <c r="E5068" t="s">
        <v>32433</v>
      </c>
      <c r="F5068">
        <v>4</v>
      </c>
      <c r="G5068" t="s">
        <v>2</v>
      </c>
      <c r="H5068" t="s">
        <v>12108</v>
      </c>
      <c r="I5068" t="s">
        <v>30540</v>
      </c>
    </row>
    <row r="5069" spans="1:9">
      <c r="A5069" s="1">
        <v>0.12944248615155429</v>
      </c>
      <c r="B5069" s="1"/>
      <c r="C5069">
        <v>13</v>
      </c>
      <c r="D5069" t="s">
        <v>12109</v>
      </c>
      <c r="E5069" t="s">
        <v>32433</v>
      </c>
      <c r="F5069">
        <v>4</v>
      </c>
      <c r="G5069" t="s">
        <v>769</v>
      </c>
      <c r="H5069" t="s">
        <v>12110</v>
      </c>
      <c r="I5069" t="s">
        <v>30540</v>
      </c>
    </row>
    <row r="5070" spans="1:9">
      <c r="A5070" s="1">
        <v>0.16449626663935923</v>
      </c>
      <c r="B5070" s="1"/>
      <c r="C5070">
        <v>8</v>
      </c>
      <c r="D5070" t="s">
        <v>12103</v>
      </c>
      <c r="E5070" t="s">
        <v>32434</v>
      </c>
      <c r="F5070">
        <v>5</v>
      </c>
      <c r="G5070" t="s">
        <v>13</v>
      </c>
      <c r="H5070" t="s">
        <v>12104</v>
      </c>
      <c r="I5070" t="s">
        <v>30540</v>
      </c>
    </row>
    <row r="5071" spans="1:9">
      <c r="A5071" s="1">
        <v>0.13360675679153111</v>
      </c>
      <c r="B5071" s="1"/>
      <c r="C5071">
        <v>13</v>
      </c>
      <c r="D5071" t="s">
        <v>12105</v>
      </c>
      <c r="E5071" t="s">
        <v>32434</v>
      </c>
      <c r="F5071">
        <v>5</v>
      </c>
      <c r="G5071" t="s">
        <v>14</v>
      </c>
      <c r="H5071" t="s">
        <v>12106</v>
      </c>
      <c r="I5071" t="s">
        <v>30540</v>
      </c>
    </row>
    <row r="5072" spans="1:9">
      <c r="A5072" s="1">
        <v>2.816225750126411E-3</v>
      </c>
      <c r="B5072" s="1"/>
      <c r="C5072">
        <v>7</v>
      </c>
      <c r="D5072" t="s">
        <v>12101</v>
      </c>
      <c r="E5072" t="s">
        <v>32434</v>
      </c>
      <c r="F5072">
        <v>4</v>
      </c>
      <c r="G5072" t="s">
        <v>9</v>
      </c>
      <c r="H5072" t="s">
        <v>12102</v>
      </c>
      <c r="I5072" t="s">
        <v>30540</v>
      </c>
    </row>
    <row r="5073" spans="1:9">
      <c r="A5073" s="1">
        <v>0.11957829488007399</v>
      </c>
      <c r="B5073" s="1"/>
      <c r="C5073">
        <v>12</v>
      </c>
      <c r="D5073" t="s">
        <v>12097</v>
      </c>
      <c r="E5073" t="s">
        <v>32435</v>
      </c>
      <c r="F5073">
        <v>4</v>
      </c>
      <c r="G5073" t="s">
        <v>1</v>
      </c>
      <c r="H5073" t="s">
        <v>12098</v>
      </c>
      <c r="I5073" t="s">
        <v>30540</v>
      </c>
    </row>
    <row r="5074" spans="1:9">
      <c r="A5074" s="1">
        <v>0.94218111892008916</v>
      </c>
      <c r="B5074" s="1"/>
      <c r="C5074">
        <v>2</v>
      </c>
      <c r="D5074" t="s">
        <v>12093</v>
      </c>
      <c r="E5074" t="s">
        <v>32435</v>
      </c>
      <c r="F5074">
        <v>4</v>
      </c>
      <c r="G5074" t="s">
        <v>0</v>
      </c>
      <c r="H5074" t="s">
        <v>12094</v>
      </c>
      <c r="I5074" t="s">
        <v>30540</v>
      </c>
    </row>
    <row r="5075" spans="1:9">
      <c r="A5075" s="1">
        <v>0.96065194761003447</v>
      </c>
      <c r="B5075" s="1"/>
      <c r="C5075">
        <v>6</v>
      </c>
      <c r="D5075" t="s">
        <v>12095</v>
      </c>
      <c r="E5075" t="s">
        <v>32435</v>
      </c>
      <c r="F5075">
        <v>4</v>
      </c>
      <c r="G5075" t="s">
        <v>14</v>
      </c>
      <c r="H5075" t="s">
        <v>12096</v>
      </c>
      <c r="I5075" t="s">
        <v>30540</v>
      </c>
    </row>
    <row r="5076" spans="1:9">
      <c r="A5076" s="1">
        <v>0.1206964982611699</v>
      </c>
      <c r="B5076" s="1"/>
      <c r="C5076">
        <v>1</v>
      </c>
      <c r="D5076" t="s">
        <v>12087</v>
      </c>
      <c r="E5076" t="s">
        <v>32436</v>
      </c>
      <c r="F5076">
        <v>4</v>
      </c>
      <c r="G5076" t="s">
        <v>2</v>
      </c>
      <c r="H5076" t="s">
        <v>12088</v>
      </c>
      <c r="I5076" t="s">
        <v>30540</v>
      </c>
    </row>
    <row r="5077" spans="1:9">
      <c r="A5077" s="1">
        <v>0.42959607672862166</v>
      </c>
      <c r="B5077" s="1"/>
      <c r="C5077">
        <v>6</v>
      </c>
      <c r="D5077" t="s">
        <v>12089</v>
      </c>
      <c r="E5077" t="s">
        <v>32436</v>
      </c>
      <c r="F5077">
        <v>3</v>
      </c>
      <c r="G5077" t="s">
        <v>14</v>
      </c>
      <c r="H5077" t="s">
        <v>12090</v>
      </c>
      <c r="I5077" t="s">
        <v>30540</v>
      </c>
    </row>
    <row r="5078" spans="1:9">
      <c r="A5078" s="1">
        <v>0.92878680831561888</v>
      </c>
      <c r="B5078" s="1"/>
      <c r="C5078">
        <v>15</v>
      </c>
      <c r="D5078" t="s">
        <v>12085</v>
      </c>
      <c r="E5078" t="s">
        <v>32437</v>
      </c>
      <c r="F5078">
        <v>5</v>
      </c>
      <c r="G5078" t="s">
        <v>769</v>
      </c>
      <c r="H5078" t="s">
        <v>12086</v>
      </c>
      <c r="I5078" t="s">
        <v>30540</v>
      </c>
    </row>
    <row r="5079" spans="1:9">
      <c r="A5079" s="1">
        <v>0.43260291562740338</v>
      </c>
      <c r="B5079" s="1"/>
      <c r="C5079">
        <v>7</v>
      </c>
      <c r="D5079" t="s">
        <v>12081</v>
      </c>
      <c r="E5079" t="s">
        <v>32437</v>
      </c>
      <c r="F5079">
        <v>5</v>
      </c>
      <c r="G5079" t="s">
        <v>771</v>
      </c>
      <c r="H5079" t="s">
        <v>12082</v>
      </c>
      <c r="I5079" t="s">
        <v>30540</v>
      </c>
    </row>
    <row r="5080" spans="1:9">
      <c r="A5080" s="1">
        <v>0.36134790804578187</v>
      </c>
      <c r="B5080" s="1"/>
      <c r="C5080">
        <v>9</v>
      </c>
      <c r="D5080" t="s">
        <v>12083</v>
      </c>
      <c r="E5080" t="s">
        <v>32437</v>
      </c>
      <c r="F5080">
        <v>4</v>
      </c>
      <c r="G5080" t="s">
        <v>765</v>
      </c>
      <c r="H5080" t="s">
        <v>12084</v>
      </c>
      <c r="I5080" t="s">
        <v>30540</v>
      </c>
    </row>
    <row r="5081" spans="1:9">
      <c r="A5081" s="1">
        <v>0.94604854783304537</v>
      </c>
      <c r="B5081" s="1"/>
      <c r="C5081">
        <v>3</v>
      </c>
      <c r="D5081" t="s">
        <v>12079</v>
      </c>
      <c r="E5081" t="s">
        <v>32437</v>
      </c>
      <c r="F5081">
        <v>4</v>
      </c>
      <c r="G5081" t="s">
        <v>15</v>
      </c>
      <c r="H5081" t="s">
        <v>12080</v>
      </c>
      <c r="I5081" t="s">
        <v>30540</v>
      </c>
    </row>
    <row r="5082" spans="1:9">
      <c r="A5082" s="1">
        <v>0.76674502852492687</v>
      </c>
      <c r="B5082" s="1"/>
      <c r="C5082">
        <v>8</v>
      </c>
      <c r="D5082" t="s">
        <v>12073</v>
      </c>
      <c r="E5082" t="s">
        <v>32438</v>
      </c>
      <c r="F5082">
        <v>5</v>
      </c>
      <c r="G5082" t="s">
        <v>1</v>
      </c>
      <c r="H5082" t="s">
        <v>12074</v>
      </c>
      <c r="I5082" t="s">
        <v>30540</v>
      </c>
    </row>
    <row r="5083" spans="1:9">
      <c r="A5083" s="1">
        <v>0.21400781198658225</v>
      </c>
      <c r="B5083" s="1"/>
      <c r="C5083">
        <v>12</v>
      </c>
      <c r="D5083" t="s">
        <v>12075</v>
      </c>
      <c r="E5083" t="s">
        <v>32438</v>
      </c>
      <c r="F5083">
        <v>4</v>
      </c>
      <c r="G5083" t="s">
        <v>14</v>
      </c>
      <c r="H5083" t="s">
        <v>12076</v>
      </c>
      <c r="I5083" t="s">
        <v>30540</v>
      </c>
    </row>
    <row r="5084" spans="1:9">
      <c r="A5084" s="1">
        <v>0.18832248203750757</v>
      </c>
      <c r="B5084" s="1"/>
      <c r="C5084">
        <v>14</v>
      </c>
      <c r="D5084" t="s">
        <v>12077</v>
      </c>
      <c r="E5084" t="s">
        <v>32438</v>
      </c>
      <c r="F5084">
        <v>4</v>
      </c>
      <c r="G5084" t="s">
        <v>14</v>
      </c>
      <c r="H5084" t="s">
        <v>12078</v>
      </c>
      <c r="I5084" t="s">
        <v>30540</v>
      </c>
    </row>
    <row r="5085" spans="1:9">
      <c r="A5085" s="1">
        <v>0.45318957040086028</v>
      </c>
      <c r="B5085" s="1"/>
      <c r="C5085">
        <v>7</v>
      </c>
      <c r="D5085" t="s">
        <v>12071</v>
      </c>
      <c r="E5085" t="s">
        <v>32438</v>
      </c>
      <c r="F5085">
        <v>4</v>
      </c>
      <c r="G5085" t="s">
        <v>10</v>
      </c>
      <c r="H5085" t="s">
        <v>12072</v>
      </c>
      <c r="I5085" t="s">
        <v>30540</v>
      </c>
    </row>
    <row r="5086" spans="1:9">
      <c r="A5086" s="1">
        <v>0.43659614763761834</v>
      </c>
      <c r="B5086" s="1"/>
      <c r="C5086">
        <v>4</v>
      </c>
      <c r="D5086" t="s">
        <v>12055</v>
      </c>
      <c r="E5086" t="s">
        <v>32439</v>
      </c>
      <c r="F5086">
        <v>4</v>
      </c>
      <c r="G5086" t="s">
        <v>9</v>
      </c>
      <c r="H5086" t="s">
        <v>12056</v>
      </c>
      <c r="I5086" t="s">
        <v>30540</v>
      </c>
    </row>
    <row r="5087" spans="1:9">
      <c r="A5087" s="1">
        <v>0.60587004733849603</v>
      </c>
      <c r="B5087" s="1"/>
      <c r="C5087">
        <v>9</v>
      </c>
      <c r="D5087" t="s">
        <v>12061</v>
      </c>
      <c r="E5087" t="s">
        <v>32439</v>
      </c>
      <c r="F5087">
        <v>4</v>
      </c>
      <c r="G5087" t="s">
        <v>14</v>
      </c>
      <c r="H5087" t="s">
        <v>12062</v>
      </c>
      <c r="I5087" t="s">
        <v>30540</v>
      </c>
    </row>
    <row r="5088" spans="1:9">
      <c r="A5088" s="1">
        <v>0.464273791654086</v>
      </c>
      <c r="B5088" s="1"/>
      <c r="C5088">
        <v>20</v>
      </c>
      <c r="D5088" t="s">
        <v>12067</v>
      </c>
      <c r="E5088" t="s">
        <v>32439</v>
      </c>
      <c r="F5088">
        <v>4</v>
      </c>
      <c r="G5088" t="s">
        <v>10</v>
      </c>
      <c r="H5088" t="s">
        <v>12068</v>
      </c>
      <c r="I5088" t="s">
        <v>30540</v>
      </c>
    </row>
    <row r="5089" spans="1:9">
      <c r="A5089" s="1">
        <v>0.98103706264048629</v>
      </c>
      <c r="B5089" s="1"/>
      <c r="C5089">
        <v>6</v>
      </c>
      <c r="D5089" t="s">
        <v>12057</v>
      </c>
      <c r="E5089" t="s">
        <v>32439</v>
      </c>
      <c r="F5089">
        <v>4</v>
      </c>
      <c r="G5089" t="s">
        <v>11300</v>
      </c>
      <c r="H5089" t="s">
        <v>12058</v>
      </c>
      <c r="I5089" t="s">
        <v>30540</v>
      </c>
    </row>
    <row r="5090" spans="1:9">
      <c r="A5090" s="1">
        <v>0.83525578710056103</v>
      </c>
      <c r="B5090" s="1"/>
      <c r="C5090">
        <v>16</v>
      </c>
      <c r="D5090" t="s">
        <v>12063</v>
      </c>
      <c r="E5090" t="s">
        <v>32439</v>
      </c>
      <c r="F5090">
        <v>4</v>
      </c>
      <c r="G5090" t="s">
        <v>11346</v>
      </c>
      <c r="H5090" t="s">
        <v>12064</v>
      </c>
      <c r="I5090" t="s">
        <v>30540</v>
      </c>
    </row>
    <row r="5091" spans="1:9">
      <c r="A5091" s="1">
        <v>0.53482423588193739</v>
      </c>
      <c r="B5091" s="1"/>
      <c r="C5091">
        <v>3</v>
      </c>
      <c r="D5091" t="s">
        <v>12053</v>
      </c>
      <c r="E5091" t="s">
        <v>32439</v>
      </c>
      <c r="F5091">
        <v>4</v>
      </c>
      <c r="G5091" t="s">
        <v>2</v>
      </c>
      <c r="H5091" t="s">
        <v>12054</v>
      </c>
      <c r="I5091" t="s">
        <v>30540</v>
      </c>
    </row>
    <row r="5092" spans="1:9">
      <c r="A5092" s="1">
        <v>0.66197810899441156</v>
      </c>
      <c r="B5092" s="1"/>
      <c r="C5092">
        <v>7</v>
      </c>
      <c r="D5092" t="s">
        <v>12059</v>
      </c>
      <c r="E5092" t="s">
        <v>32439</v>
      </c>
      <c r="F5092">
        <v>4</v>
      </c>
      <c r="G5092" t="s">
        <v>11424</v>
      </c>
      <c r="H5092" t="s">
        <v>12060</v>
      </c>
      <c r="I5092" t="s">
        <v>30540</v>
      </c>
    </row>
    <row r="5093" spans="1:9">
      <c r="A5093" s="1">
        <v>0.94389532095229833</v>
      </c>
      <c r="B5093" s="1"/>
      <c r="C5093">
        <v>9</v>
      </c>
      <c r="D5093" t="s">
        <v>12051</v>
      </c>
      <c r="E5093" t="s">
        <v>32440</v>
      </c>
      <c r="F5093">
        <v>5</v>
      </c>
      <c r="G5093" t="s">
        <v>14</v>
      </c>
      <c r="H5093" t="s">
        <v>12052</v>
      </c>
      <c r="I5093" t="s">
        <v>30540</v>
      </c>
    </row>
    <row r="5094" spans="1:9">
      <c r="A5094" s="1">
        <v>0.81589199383422673</v>
      </c>
      <c r="B5094" s="1"/>
      <c r="C5094">
        <v>5</v>
      </c>
      <c r="D5094" t="s">
        <v>12047</v>
      </c>
      <c r="E5094" t="s">
        <v>32441</v>
      </c>
      <c r="F5094">
        <v>5</v>
      </c>
      <c r="G5094" t="s">
        <v>9</v>
      </c>
      <c r="H5094" t="s">
        <v>12048</v>
      </c>
      <c r="I5094" t="s">
        <v>30540</v>
      </c>
    </row>
    <row r="5095" spans="1:9">
      <c r="A5095" s="1">
        <v>0.63033304983290561</v>
      </c>
      <c r="B5095" s="1"/>
      <c r="C5095">
        <v>6</v>
      </c>
      <c r="D5095" t="s">
        <v>12049</v>
      </c>
      <c r="E5095" t="s">
        <v>32441</v>
      </c>
      <c r="F5095">
        <v>5</v>
      </c>
      <c r="G5095" t="s">
        <v>0</v>
      </c>
      <c r="H5095" t="s">
        <v>12050</v>
      </c>
      <c r="I5095" t="s">
        <v>30540</v>
      </c>
    </row>
    <row r="5096" spans="1:9">
      <c r="A5096" s="1">
        <v>5.8858034499101097E-2</v>
      </c>
      <c r="B5096" s="1"/>
      <c r="C5096">
        <v>6</v>
      </c>
      <c r="D5096" t="s">
        <v>12037</v>
      </c>
      <c r="E5096" t="s">
        <v>32443</v>
      </c>
      <c r="F5096">
        <v>5</v>
      </c>
      <c r="G5096" t="s">
        <v>2</v>
      </c>
      <c r="H5096" t="s">
        <v>12038</v>
      </c>
      <c r="I5096" t="s">
        <v>30540</v>
      </c>
    </row>
    <row r="5097" spans="1:9">
      <c r="A5097" s="1">
        <v>0.9656840389856135</v>
      </c>
      <c r="B5097" s="1"/>
      <c r="C5097">
        <v>8</v>
      </c>
      <c r="D5097" t="s">
        <v>12039</v>
      </c>
      <c r="E5097" t="s">
        <v>32443</v>
      </c>
      <c r="F5097">
        <v>4</v>
      </c>
      <c r="G5097" t="s">
        <v>0</v>
      </c>
      <c r="H5097" t="s">
        <v>12040</v>
      </c>
      <c r="I5097" t="s">
        <v>30540</v>
      </c>
    </row>
    <row r="5098" spans="1:9">
      <c r="A5098" s="1">
        <v>0.29051413196082088</v>
      </c>
      <c r="B5098" s="1"/>
      <c r="C5098">
        <v>9</v>
      </c>
      <c r="D5098" t="s">
        <v>12041</v>
      </c>
      <c r="E5098" t="s">
        <v>32443</v>
      </c>
      <c r="F5098">
        <v>4</v>
      </c>
      <c r="G5098" t="s">
        <v>10</v>
      </c>
      <c r="H5098" t="s">
        <v>12042</v>
      </c>
      <c r="I5098" t="s">
        <v>30540</v>
      </c>
    </row>
    <row r="5099" spans="1:9">
      <c r="A5099" s="1">
        <v>0.43258051801133091</v>
      </c>
      <c r="B5099" s="1"/>
      <c r="C5099">
        <v>17</v>
      </c>
      <c r="D5099" t="s">
        <v>12035</v>
      </c>
      <c r="E5099" t="s">
        <v>32444</v>
      </c>
      <c r="F5099">
        <v>5</v>
      </c>
      <c r="G5099" t="s">
        <v>14</v>
      </c>
      <c r="H5099" t="s">
        <v>12036</v>
      </c>
      <c r="I5099" t="s">
        <v>30540</v>
      </c>
    </row>
    <row r="5100" spans="1:9">
      <c r="A5100" s="1">
        <v>0.81940839894704409</v>
      </c>
      <c r="B5100" s="1"/>
      <c r="C5100">
        <v>4</v>
      </c>
      <c r="D5100" t="s">
        <v>12027</v>
      </c>
      <c r="E5100" t="s">
        <v>32444</v>
      </c>
      <c r="F5100">
        <v>4</v>
      </c>
      <c r="G5100" t="s">
        <v>0</v>
      </c>
      <c r="H5100" t="s">
        <v>12028</v>
      </c>
      <c r="I5100" t="s">
        <v>30540</v>
      </c>
    </row>
    <row r="5101" spans="1:9">
      <c r="A5101" s="1">
        <v>0.19064464094851952</v>
      </c>
      <c r="B5101" s="1"/>
      <c r="C5101">
        <v>13</v>
      </c>
      <c r="D5101" t="s">
        <v>12031</v>
      </c>
      <c r="E5101" t="s">
        <v>32444</v>
      </c>
      <c r="F5101">
        <v>4</v>
      </c>
      <c r="G5101" t="s">
        <v>14</v>
      </c>
      <c r="H5101" t="s">
        <v>12032</v>
      </c>
      <c r="I5101" t="s">
        <v>30540</v>
      </c>
    </row>
    <row r="5102" spans="1:9">
      <c r="A5102" s="1">
        <v>0.76706499028031694</v>
      </c>
      <c r="B5102" s="1"/>
      <c r="C5102">
        <v>7</v>
      </c>
      <c r="D5102" t="s">
        <v>12029</v>
      </c>
      <c r="E5102" t="s">
        <v>32444</v>
      </c>
      <c r="F5102">
        <v>4</v>
      </c>
      <c r="G5102" t="s">
        <v>1</v>
      </c>
      <c r="H5102" t="s">
        <v>12030</v>
      </c>
      <c r="I5102" t="s">
        <v>30540</v>
      </c>
    </row>
    <row r="5103" spans="1:9">
      <c r="A5103" s="1">
        <v>2.4530137437672406E-2</v>
      </c>
      <c r="B5103" s="1"/>
      <c r="C5103">
        <v>16</v>
      </c>
      <c r="D5103" t="s">
        <v>12033</v>
      </c>
      <c r="E5103" t="s">
        <v>32444</v>
      </c>
      <c r="F5103">
        <v>4</v>
      </c>
      <c r="G5103" t="s">
        <v>14</v>
      </c>
      <c r="H5103" t="s">
        <v>12034</v>
      </c>
      <c r="I5103" t="s">
        <v>30540</v>
      </c>
    </row>
    <row r="5104" spans="1:9">
      <c r="A5104" s="1">
        <v>0.92667754641704603</v>
      </c>
      <c r="B5104" s="1"/>
      <c r="C5104">
        <v>2</v>
      </c>
      <c r="D5104" t="s">
        <v>12025</v>
      </c>
      <c r="E5104" t="s">
        <v>32444</v>
      </c>
      <c r="F5104">
        <v>3</v>
      </c>
      <c r="G5104" t="s">
        <v>2</v>
      </c>
      <c r="H5104" t="s">
        <v>12026</v>
      </c>
      <c r="I5104" t="s">
        <v>30540</v>
      </c>
    </row>
    <row r="5105" spans="1:9">
      <c r="A5105" s="1">
        <v>0.7923515059608317</v>
      </c>
      <c r="B5105" s="1"/>
      <c r="C5105">
        <v>11</v>
      </c>
      <c r="D5105" t="s">
        <v>12019</v>
      </c>
      <c r="E5105" t="s">
        <v>32446</v>
      </c>
      <c r="F5105">
        <v>4</v>
      </c>
      <c r="G5105" t="s">
        <v>10</v>
      </c>
      <c r="H5105" t="s">
        <v>12020</v>
      </c>
      <c r="I5105" t="s">
        <v>30540</v>
      </c>
    </row>
    <row r="5106" spans="1:9">
      <c r="A5106" s="1">
        <v>0.1372028886134129</v>
      </c>
      <c r="B5106" s="1"/>
      <c r="C5106">
        <v>10</v>
      </c>
      <c r="D5106" t="s">
        <v>12017</v>
      </c>
      <c r="E5106" t="s">
        <v>32446</v>
      </c>
      <c r="F5106">
        <v>4</v>
      </c>
      <c r="G5106" t="s">
        <v>0</v>
      </c>
      <c r="H5106" t="s">
        <v>12018</v>
      </c>
      <c r="I5106" t="s">
        <v>30540</v>
      </c>
    </row>
    <row r="5107" spans="1:9">
      <c r="A5107" s="1">
        <v>0.33464521855063289</v>
      </c>
      <c r="B5107" s="1"/>
      <c r="C5107">
        <v>4</v>
      </c>
      <c r="D5107" t="s">
        <v>12015</v>
      </c>
      <c r="E5107" t="s">
        <v>32446</v>
      </c>
      <c r="F5107">
        <v>4</v>
      </c>
      <c r="G5107" t="s">
        <v>1</v>
      </c>
      <c r="H5107" t="s">
        <v>12016</v>
      </c>
      <c r="I5107" t="s">
        <v>30540</v>
      </c>
    </row>
    <row r="5108" spans="1:9">
      <c r="A5108" s="1">
        <v>0.78932608985194141</v>
      </c>
      <c r="B5108" s="1"/>
      <c r="C5108">
        <v>6</v>
      </c>
      <c r="D5108" t="s">
        <v>12007</v>
      </c>
      <c r="E5108" t="s">
        <v>32447</v>
      </c>
      <c r="F5108">
        <v>5</v>
      </c>
      <c r="G5108" t="s">
        <v>9</v>
      </c>
      <c r="H5108" t="s">
        <v>12008</v>
      </c>
      <c r="I5108" t="s">
        <v>30540</v>
      </c>
    </row>
    <row r="5109" spans="1:9">
      <c r="A5109" s="1">
        <v>0.10330976839845574</v>
      </c>
      <c r="B5109" s="1"/>
      <c r="C5109">
        <v>12</v>
      </c>
      <c r="D5109" t="s">
        <v>12013</v>
      </c>
      <c r="E5109" t="s">
        <v>32447</v>
      </c>
      <c r="F5109">
        <v>4</v>
      </c>
      <c r="G5109" t="s">
        <v>9</v>
      </c>
      <c r="H5109" t="s">
        <v>12014</v>
      </c>
      <c r="I5109" t="s">
        <v>30540</v>
      </c>
    </row>
    <row r="5110" spans="1:9">
      <c r="A5110" s="1">
        <v>3.2502836730772255E-3</v>
      </c>
      <c r="B5110" s="1"/>
      <c r="C5110">
        <v>9</v>
      </c>
      <c r="D5110" t="s">
        <v>12009</v>
      </c>
      <c r="E5110" t="s">
        <v>32447</v>
      </c>
      <c r="F5110">
        <v>4</v>
      </c>
      <c r="G5110" t="s">
        <v>769</v>
      </c>
      <c r="H5110" t="s">
        <v>12010</v>
      </c>
      <c r="I5110" t="s">
        <v>30540</v>
      </c>
    </row>
    <row r="5111" spans="1:9">
      <c r="A5111" s="1">
        <v>0.66866841427281731</v>
      </c>
      <c r="B5111" s="1"/>
      <c r="C5111">
        <v>10</v>
      </c>
      <c r="D5111" t="s">
        <v>12011</v>
      </c>
      <c r="E5111" t="s">
        <v>32447</v>
      </c>
      <c r="F5111">
        <v>4</v>
      </c>
      <c r="G5111" t="s">
        <v>9</v>
      </c>
      <c r="H5111" t="s">
        <v>12012</v>
      </c>
      <c r="I5111" t="s">
        <v>30540</v>
      </c>
    </row>
    <row r="5112" spans="1:9">
      <c r="A5112" s="1">
        <v>0.96021403448536591</v>
      </c>
      <c r="B5112" s="1"/>
      <c r="C5112">
        <v>4</v>
      </c>
      <c r="D5112" t="s">
        <v>12003</v>
      </c>
      <c r="E5112" t="s">
        <v>32448</v>
      </c>
      <c r="F5112">
        <v>5</v>
      </c>
      <c r="G5112" t="s">
        <v>0</v>
      </c>
      <c r="H5112" t="s">
        <v>12004</v>
      </c>
      <c r="I5112" t="s">
        <v>30540</v>
      </c>
    </row>
    <row r="5113" spans="1:9">
      <c r="A5113" s="1">
        <v>0.35302245039077285</v>
      </c>
      <c r="B5113" s="1"/>
      <c r="C5113">
        <v>4</v>
      </c>
      <c r="D5113" t="s">
        <v>11993</v>
      </c>
      <c r="E5113" t="s">
        <v>32449</v>
      </c>
      <c r="F5113">
        <v>5</v>
      </c>
      <c r="G5113" t="s">
        <v>15</v>
      </c>
      <c r="H5113" t="s">
        <v>11994</v>
      </c>
      <c r="I5113" t="s">
        <v>30540</v>
      </c>
    </row>
    <row r="5114" spans="1:9">
      <c r="A5114" s="1">
        <v>0.97385846841436174</v>
      </c>
      <c r="B5114" s="1"/>
      <c r="C5114">
        <v>13</v>
      </c>
      <c r="D5114" t="s">
        <v>11997</v>
      </c>
      <c r="E5114" t="s">
        <v>32449</v>
      </c>
      <c r="F5114">
        <v>5</v>
      </c>
      <c r="G5114" t="s">
        <v>14</v>
      </c>
      <c r="H5114" t="s">
        <v>11998</v>
      </c>
      <c r="I5114" t="s">
        <v>30540</v>
      </c>
    </row>
    <row r="5115" spans="1:9">
      <c r="A5115" s="1">
        <v>0.97254684142803338</v>
      </c>
      <c r="B5115" s="1"/>
      <c r="C5115">
        <v>9</v>
      </c>
      <c r="D5115" t="s">
        <v>11995</v>
      </c>
      <c r="E5115" t="s">
        <v>32449</v>
      </c>
      <c r="F5115">
        <v>4</v>
      </c>
      <c r="G5115" t="s">
        <v>9</v>
      </c>
      <c r="H5115" t="s">
        <v>11996</v>
      </c>
      <c r="I5115" t="s">
        <v>30540</v>
      </c>
    </row>
    <row r="5116" spans="1:9">
      <c r="A5116" s="1">
        <v>0.66613759219918955</v>
      </c>
      <c r="B5116" s="1"/>
      <c r="C5116">
        <v>19</v>
      </c>
      <c r="D5116" t="s">
        <v>12001</v>
      </c>
      <c r="E5116" t="s">
        <v>32449</v>
      </c>
      <c r="F5116">
        <v>4</v>
      </c>
      <c r="G5116" t="s">
        <v>14</v>
      </c>
      <c r="H5116" t="s">
        <v>12002</v>
      </c>
      <c r="I5116" t="s">
        <v>30540</v>
      </c>
    </row>
    <row r="5117" spans="1:9">
      <c r="A5117" s="1">
        <v>0.18692283718680014</v>
      </c>
      <c r="B5117" s="1"/>
      <c r="C5117">
        <v>18</v>
      </c>
      <c r="D5117" t="s">
        <v>11999</v>
      </c>
      <c r="E5117" t="s">
        <v>32449</v>
      </c>
      <c r="F5117">
        <v>4</v>
      </c>
      <c r="G5117" t="s">
        <v>11426</v>
      </c>
      <c r="H5117" t="s">
        <v>12000</v>
      </c>
      <c r="I5117" t="s">
        <v>30540</v>
      </c>
    </row>
    <row r="5118" spans="1:9">
      <c r="A5118" s="1">
        <v>0.92559373622517893</v>
      </c>
      <c r="B5118" s="1"/>
      <c r="C5118">
        <v>5</v>
      </c>
      <c r="D5118" t="s">
        <v>11989</v>
      </c>
      <c r="E5118" t="s">
        <v>32450</v>
      </c>
      <c r="F5118">
        <v>4</v>
      </c>
      <c r="G5118" t="s">
        <v>15</v>
      </c>
      <c r="H5118" t="s">
        <v>11990</v>
      </c>
      <c r="I5118" t="s">
        <v>30540</v>
      </c>
    </row>
    <row r="5119" spans="1:9">
      <c r="A5119" s="1">
        <v>0.17870780579700518</v>
      </c>
      <c r="B5119" s="1"/>
      <c r="C5119">
        <v>1</v>
      </c>
      <c r="D5119" t="s">
        <v>11985</v>
      </c>
      <c r="E5119" t="s">
        <v>32450</v>
      </c>
      <c r="F5119">
        <v>4</v>
      </c>
      <c r="G5119" t="s">
        <v>15</v>
      </c>
      <c r="H5119" t="s">
        <v>11986</v>
      </c>
      <c r="I5119" t="s">
        <v>30540</v>
      </c>
    </row>
    <row r="5120" spans="1:9">
      <c r="A5120" s="1">
        <v>0.73242463235321831</v>
      </c>
      <c r="B5120" s="1"/>
      <c r="C5120">
        <v>2</v>
      </c>
      <c r="D5120" t="s">
        <v>11987</v>
      </c>
      <c r="E5120" t="s">
        <v>32450</v>
      </c>
      <c r="F5120">
        <v>4</v>
      </c>
      <c r="G5120" t="s">
        <v>10</v>
      </c>
      <c r="H5120" t="s">
        <v>11988</v>
      </c>
      <c r="I5120" t="s">
        <v>30540</v>
      </c>
    </row>
    <row r="5121" spans="1:9">
      <c r="A5121" s="1">
        <v>0.61379057934118675</v>
      </c>
      <c r="B5121" s="1"/>
      <c r="C5121">
        <v>3</v>
      </c>
      <c r="D5121" t="s">
        <v>11981</v>
      </c>
      <c r="E5121" t="s">
        <v>32451</v>
      </c>
      <c r="F5121">
        <v>4</v>
      </c>
      <c r="G5121" t="s">
        <v>0</v>
      </c>
      <c r="H5121" t="s">
        <v>11982</v>
      </c>
      <c r="I5121" t="s">
        <v>30540</v>
      </c>
    </row>
    <row r="5122" spans="1:9">
      <c r="A5122" s="1">
        <v>0.80937587878552752</v>
      </c>
      <c r="B5122" s="1"/>
      <c r="C5122">
        <v>14</v>
      </c>
      <c r="D5122" t="s">
        <v>11983</v>
      </c>
      <c r="E5122" t="s">
        <v>32451</v>
      </c>
      <c r="F5122">
        <v>4</v>
      </c>
      <c r="G5122" t="s">
        <v>9</v>
      </c>
      <c r="H5122" t="s">
        <v>11984</v>
      </c>
      <c r="I5122" t="s">
        <v>30540</v>
      </c>
    </row>
    <row r="5123" spans="1:9">
      <c r="A5123" s="1">
        <v>0.66961393108195677</v>
      </c>
      <c r="B5123" s="1"/>
      <c r="C5123">
        <v>9</v>
      </c>
      <c r="D5123" t="s">
        <v>11975</v>
      </c>
      <c r="E5123" t="s">
        <v>32452</v>
      </c>
      <c r="F5123">
        <v>5</v>
      </c>
      <c r="G5123" t="s">
        <v>765</v>
      </c>
      <c r="H5123" t="s">
        <v>11976</v>
      </c>
      <c r="I5123" t="s">
        <v>30540</v>
      </c>
    </row>
    <row r="5124" spans="1:9">
      <c r="A5124" s="1">
        <v>0.27587714381984951</v>
      </c>
      <c r="B5124" s="1"/>
      <c r="C5124">
        <v>16</v>
      </c>
      <c r="D5124" t="s">
        <v>11977</v>
      </c>
      <c r="E5124" t="s">
        <v>32452</v>
      </c>
      <c r="F5124">
        <v>4</v>
      </c>
      <c r="G5124" t="s">
        <v>0</v>
      </c>
      <c r="H5124" t="s">
        <v>11978</v>
      </c>
      <c r="I5124" t="s">
        <v>30540</v>
      </c>
    </row>
    <row r="5125" spans="1:9">
      <c r="A5125" s="1">
        <v>0.80705727202120803</v>
      </c>
      <c r="B5125" s="1"/>
      <c r="C5125">
        <v>17</v>
      </c>
      <c r="D5125" t="s">
        <v>11979</v>
      </c>
      <c r="E5125" t="s">
        <v>32452</v>
      </c>
      <c r="F5125">
        <v>4</v>
      </c>
      <c r="G5125" t="s">
        <v>14</v>
      </c>
      <c r="H5125" t="s">
        <v>11980</v>
      </c>
      <c r="I5125" t="s">
        <v>30540</v>
      </c>
    </row>
    <row r="5126" spans="1:9">
      <c r="A5126" s="1">
        <v>0.75335979940178088</v>
      </c>
      <c r="B5126" s="1"/>
      <c r="C5126">
        <v>8</v>
      </c>
      <c r="D5126" t="s">
        <v>11973</v>
      </c>
      <c r="E5126" t="s">
        <v>32453</v>
      </c>
      <c r="F5126">
        <v>4</v>
      </c>
      <c r="G5126" t="s">
        <v>13</v>
      </c>
      <c r="H5126" t="s">
        <v>11974</v>
      </c>
      <c r="I5126" t="s">
        <v>30540</v>
      </c>
    </row>
    <row r="5127" spans="1:9">
      <c r="A5127" s="1">
        <v>0.51676002670189614</v>
      </c>
      <c r="B5127" s="1"/>
      <c r="C5127">
        <v>2</v>
      </c>
      <c r="D5127" t="s">
        <v>11969</v>
      </c>
      <c r="E5127" t="s">
        <v>32454</v>
      </c>
      <c r="F5127">
        <v>4</v>
      </c>
      <c r="G5127" t="s">
        <v>15</v>
      </c>
      <c r="H5127" t="s">
        <v>11970</v>
      </c>
      <c r="I5127" t="s">
        <v>30540</v>
      </c>
    </row>
    <row r="5128" spans="1:9">
      <c r="A5128" s="1">
        <v>4.6951079977575527E-2</v>
      </c>
      <c r="B5128" s="1"/>
      <c r="C5128">
        <v>5</v>
      </c>
      <c r="D5128" t="s">
        <v>11971</v>
      </c>
      <c r="E5128" t="s">
        <v>32454</v>
      </c>
      <c r="F5128">
        <v>4</v>
      </c>
      <c r="G5128" t="s">
        <v>13</v>
      </c>
      <c r="H5128" t="s">
        <v>11972</v>
      </c>
      <c r="I5128" t="s">
        <v>30540</v>
      </c>
    </row>
    <row r="5129" spans="1:9">
      <c r="A5129" s="1">
        <v>0.4086989878237467</v>
      </c>
      <c r="B5129" s="1"/>
      <c r="C5129">
        <v>2</v>
      </c>
      <c r="D5129" t="s">
        <v>11959</v>
      </c>
      <c r="E5129" t="s">
        <v>32455</v>
      </c>
      <c r="F5129">
        <v>5</v>
      </c>
      <c r="G5129" t="s">
        <v>13</v>
      </c>
      <c r="H5129" t="s">
        <v>11960</v>
      </c>
      <c r="I5129" t="s">
        <v>30540</v>
      </c>
    </row>
    <row r="5130" spans="1:9">
      <c r="A5130" s="1">
        <v>0.2473546693489358</v>
      </c>
      <c r="B5130" s="1"/>
      <c r="C5130">
        <v>6</v>
      </c>
      <c r="D5130" t="s">
        <v>11963</v>
      </c>
      <c r="E5130" t="s">
        <v>32455</v>
      </c>
      <c r="F5130">
        <v>4</v>
      </c>
      <c r="G5130" t="s">
        <v>1</v>
      </c>
      <c r="H5130" t="s">
        <v>11964</v>
      </c>
      <c r="I5130" t="s">
        <v>30540</v>
      </c>
    </row>
    <row r="5131" spans="1:9">
      <c r="A5131" s="1">
        <v>0.23693280714360632</v>
      </c>
      <c r="B5131" s="1"/>
      <c r="C5131">
        <v>7</v>
      </c>
      <c r="D5131" t="s">
        <v>11965</v>
      </c>
      <c r="E5131" t="s">
        <v>32455</v>
      </c>
      <c r="F5131">
        <v>4</v>
      </c>
      <c r="G5131" t="s">
        <v>13</v>
      </c>
      <c r="H5131" t="s">
        <v>11966</v>
      </c>
      <c r="I5131" t="s">
        <v>30540</v>
      </c>
    </row>
    <row r="5132" spans="1:9">
      <c r="A5132" s="1">
        <v>0.39957764291900899</v>
      </c>
      <c r="B5132" s="1"/>
      <c r="C5132">
        <v>12</v>
      </c>
      <c r="D5132" t="s">
        <v>11955</v>
      </c>
      <c r="E5132" t="s">
        <v>32456</v>
      </c>
      <c r="F5132">
        <v>6</v>
      </c>
      <c r="G5132" t="s">
        <v>14</v>
      </c>
      <c r="H5132" t="s">
        <v>11956</v>
      </c>
      <c r="I5132" t="s">
        <v>30540</v>
      </c>
    </row>
    <row r="5133" spans="1:9">
      <c r="A5133" s="1">
        <v>0.8073123606609941</v>
      </c>
      <c r="B5133" s="1"/>
      <c r="C5133">
        <v>18</v>
      </c>
      <c r="D5133" t="s">
        <v>11957</v>
      </c>
      <c r="E5133" t="s">
        <v>32456</v>
      </c>
      <c r="F5133">
        <v>5</v>
      </c>
      <c r="G5133" t="s">
        <v>13</v>
      </c>
      <c r="H5133" t="s">
        <v>11958</v>
      </c>
      <c r="I5133" t="s">
        <v>30540</v>
      </c>
    </row>
    <row r="5134" spans="1:9">
      <c r="A5134" s="1">
        <v>0.92580622309067462</v>
      </c>
      <c r="B5134" s="1"/>
      <c r="C5134">
        <v>5</v>
      </c>
      <c r="D5134" t="s">
        <v>11951</v>
      </c>
      <c r="E5134" t="s">
        <v>32456</v>
      </c>
      <c r="F5134">
        <v>4</v>
      </c>
      <c r="G5134" t="s">
        <v>769</v>
      </c>
      <c r="H5134" t="s">
        <v>11952</v>
      </c>
      <c r="I5134" t="s">
        <v>30540</v>
      </c>
    </row>
    <row r="5135" spans="1:9">
      <c r="A5135" s="1">
        <v>0.53080653769912078</v>
      </c>
      <c r="B5135" s="1"/>
      <c r="C5135">
        <v>7</v>
      </c>
      <c r="D5135" t="s">
        <v>11953</v>
      </c>
      <c r="E5135" t="s">
        <v>32456</v>
      </c>
      <c r="F5135">
        <v>4</v>
      </c>
      <c r="G5135" t="s">
        <v>9</v>
      </c>
      <c r="H5135" t="s">
        <v>11954</v>
      </c>
      <c r="I5135" t="s">
        <v>30540</v>
      </c>
    </row>
    <row r="5136" spans="1:9">
      <c r="A5136" s="1">
        <v>0.56806224913699321</v>
      </c>
      <c r="B5136" s="1"/>
      <c r="C5136">
        <v>3</v>
      </c>
      <c r="D5136" t="s">
        <v>11949</v>
      </c>
      <c r="E5136" t="s">
        <v>32456</v>
      </c>
      <c r="F5136">
        <v>3</v>
      </c>
      <c r="G5136" t="s">
        <v>15</v>
      </c>
      <c r="H5136" t="s">
        <v>11950</v>
      </c>
      <c r="I5136" t="s">
        <v>30540</v>
      </c>
    </row>
    <row r="5137" spans="1:9">
      <c r="A5137" s="1">
        <v>0.31034134122871859</v>
      </c>
      <c r="B5137" s="1"/>
      <c r="C5137">
        <v>3</v>
      </c>
      <c r="D5137" t="s">
        <v>11937</v>
      </c>
      <c r="E5137" t="s">
        <v>32457</v>
      </c>
      <c r="F5137">
        <v>5</v>
      </c>
      <c r="G5137" t="s">
        <v>14</v>
      </c>
      <c r="H5137" t="s">
        <v>11938</v>
      </c>
      <c r="I5137" t="s">
        <v>30540</v>
      </c>
    </row>
    <row r="5138" spans="1:9">
      <c r="A5138" s="1">
        <v>0.7599448613463986</v>
      </c>
      <c r="B5138" s="1"/>
      <c r="C5138">
        <v>4</v>
      </c>
      <c r="D5138" t="s">
        <v>11939</v>
      </c>
      <c r="E5138" t="s">
        <v>32457</v>
      </c>
      <c r="F5138">
        <v>5</v>
      </c>
      <c r="G5138" t="s">
        <v>13</v>
      </c>
      <c r="H5138" t="s">
        <v>11940</v>
      </c>
      <c r="I5138" t="s">
        <v>30540</v>
      </c>
    </row>
    <row r="5139" spans="1:9">
      <c r="A5139" s="1">
        <v>0.662409339533374</v>
      </c>
      <c r="B5139" s="1"/>
      <c r="C5139">
        <v>10</v>
      </c>
      <c r="D5139" t="s">
        <v>11943</v>
      </c>
      <c r="E5139" t="s">
        <v>32457</v>
      </c>
      <c r="F5139">
        <v>4</v>
      </c>
      <c r="G5139" t="s">
        <v>14</v>
      </c>
      <c r="H5139" t="s">
        <v>11944</v>
      </c>
      <c r="I5139" t="s">
        <v>30540</v>
      </c>
    </row>
    <row r="5140" spans="1:9">
      <c r="A5140" s="1">
        <v>0.15611051895450234</v>
      </c>
      <c r="B5140" s="1"/>
      <c r="C5140">
        <v>12</v>
      </c>
      <c r="D5140" t="s">
        <v>11945</v>
      </c>
      <c r="E5140" t="s">
        <v>32457</v>
      </c>
      <c r="F5140">
        <v>4</v>
      </c>
      <c r="G5140" t="s">
        <v>13</v>
      </c>
      <c r="H5140" t="s">
        <v>11946</v>
      </c>
      <c r="I5140" t="s">
        <v>30540</v>
      </c>
    </row>
    <row r="5141" spans="1:9">
      <c r="A5141" s="1">
        <v>0.30601001417571816</v>
      </c>
      <c r="B5141" s="1"/>
      <c r="C5141">
        <v>14</v>
      </c>
      <c r="D5141" t="s">
        <v>11947</v>
      </c>
      <c r="E5141" t="s">
        <v>32457</v>
      </c>
      <c r="F5141">
        <v>4</v>
      </c>
      <c r="G5141" t="s">
        <v>0</v>
      </c>
      <c r="H5141" t="s">
        <v>11948</v>
      </c>
      <c r="I5141" t="s">
        <v>30540</v>
      </c>
    </row>
    <row r="5142" spans="1:9">
      <c r="A5142" s="1">
        <v>0.63307127142475494</v>
      </c>
      <c r="B5142" s="1"/>
      <c r="C5142">
        <v>6</v>
      </c>
      <c r="D5142" t="s">
        <v>11941</v>
      </c>
      <c r="E5142" t="s">
        <v>32457</v>
      </c>
      <c r="F5142">
        <v>4</v>
      </c>
      <c r="G5142" t="s">
        <v>14</v>
      </c>
      <c r="H5142" t="s">
        <v>11942</v>
      </c>
      <c r="I5142" t="s">
        <v>30540</v>
      </c>
    </row>
    <row r="5143" spans="1:9">
      <c r="A5143" s="1">
        <v>0.68019953067128169</v>
      </c>
      <c r="B5143" s="1"/>
      <c r="C5143">
        <v>7</v>
      </c>
      <c r="D5143" t="s">
        <v>11931</v>
      </c>
      <c r="E5143" t="s">
        <v>32458</v>
      </c>
      <c r="F5143">
        <v>5</v>
      </c>
      <c r="G5143" t="s">
        <v>2</v>
      </c>
      <c r="H5143" t="s">
        <v>11932</v>
      </c>
      <c r="I5143" t="s">
        <v>30540</v>
      </c>
    </row>
    <row r="5144" spans="1:9">
      <c r="A5144" s="1">
        <v>0.63748154384120292</v>
      </c>
      <c r="B5144" s="1"/>
      <c r="C5144">
        <v>9</v>
      </c>
      <c r="D5144" t="s">
        <v>11935</v>
      </c>
      <c r="E5144" t="s">
        <v>32458</v>
      </c>
      <c r="F5144">
        <v>4</v>
      </c>
      <c r="G5144" t="s">
        <v>14</v>
      </c>
      <c r="H5144" t="s">
        <v>11936</v>
      </c>
      <c r="I5144" t="s">
        <v>30540</v>
      </c>
    </row>
    <row r="5145" spans="1:9">
      <c r="A5145" s="1">
        <v>0.20068912700740171</v>
      </c>
      <c r="B5145" s="1"/>
      <c r="C5145">
        <v>1</v>
      </c>
      <c r="D5145" t="s">
        <v>11923</v>
      </c>
      <c r="E5145" t="s">
        <v>32458</v>
      </c>
      <c r="F5145">
        <v>4</v>
      </c>
      <c r="G5145" t="s">
        <v>0</v>
      </c>
      <c r="H5145" t="s">
        <v>11924</v>
      </c>
      <c r="I5145" t="s">
        <v>30540</v>
      </c>
    </row>
    <row r="5146" spans="1:9">
      <c r="A5146" s="1">
        <v>0.7280167724207367</v>
      </c>
      <c r="B5146" s="1"/>
      <c r="C5146">
        <v>6</v>
      </c>
      <c r="D5146" t="s">
        <v>11929</v>
      </c>
      <c r="E5146" t="s">
        <v>32458</v>
      </c>
      <c r="F5146">
        <v>4</v>
      </c>
      <c r="G5146" t="s">
        <v>2</v>
      </c>
      <c r="H5146" t="s">
        <v>11930</v>
      </c>
      <c r="I5146" t="s">
        <v>30540</v>
      </c>
    </row>
    <row r="5147" spans="1:9">
      <c r="A5147" s="1">
        <v>0.17181069418839745</v>
      </c>
      <c r="B5147" s="1"/>
      <c r="C5147">
        <v>3</v>
      </c>
      <c r="D5147" t="s">
        <v>11925</v>
      </c>
      <c r="E5147" t="s">
        <v>32458</v>
      </c>
      <c r="F5147">
        <v>4</v>
      </c>
      <c r="G5147" t="s">
        <v>13</v>
      </c>
      <c r="H5147" t="s">
        <v>11926</v>
      </c>
      <c r="I5147" t="s">
        <v>30540</v>
      </c>
    </row>
    <row r="5148" spans="1:9">
      <c r="A5148" s="1">
        <v>0.94593650431287402</v>
      </c>
      <c r="B5148" s="1"/>
      <c r="C5148">
        <v>8</v>
      </c>
      <c r="D5148" t="s">
        <v>11933</v>
      </c>
      <c r="E5148" t="s">
        <v>32458</v>
      </c>
      <c r="F5148">
        <v>4</v>
      </c>
      <c r="G5148" t="s">
        <v>11302</v>
      </c>
      <c r="H5148" t="s">
        <v>11934</v>
      </c>
      <c r="I5148" t="s">
        <v>30540</v>
      </c>
    </row>
    <row r="5149" spans="1:9">
      <c r="A5149" s="1">
        <v>0.50460939806264615</v>
      </c>
      <c r="B5149" s="1"/>
      <c r="C5149">
        <v>2</v>
      </c>
      <c r="D5149" t="s">
        <v>11917</v>
      </c>
      <c r="E5149" t="s">
        <v>32459</v>
      </c>
      <c r="F5149">
        <v>5</v>
      </c>
      <c r="G5149" t="s">
        <v>13</v>
      </c>
      <c r="H5149" t="s">
        <v>11918</v>
      </c>
      <c r="I5149" t="s">
        <v>30540</v>
      </c>
    </row>
    <row r="5150" spans="1:9">
      <c r="A5150" s="1">
        <v>0.31392253906942891</v>
      </c>
      <c r="B5150" s="1"/>
      <c r="C5150">
        <v>7</v>
      </c>
      <c r="D5150" t="s">
        <v>11921</v>
      </c>
      <c r="E5150" t="s">
        <v>32459</v>
      </c>
      <c r="F5150">
        <v>5</v>
      </c>
      <c r="G5150" t="s">
        <v>0</v>
      </c>
      <c r="H5150" t="s">
        <v>11922</v>
      </c>
      <c r="I5150" t="s">
        <v>30540</v>
      </c>
    </row>
    <row r="5151" spans="1:9">
      <c r="A5151" s="1">
        <v>0.16011298286539699</v>
      </c>
      <c r="B5151" s="1"/>
      <c r="C5151">
        <v>4</v>
      </c>
      <c r="D5151" t="s">
        <v>11919</v>
      </c>
      <c r="E5151" t="s">
        <v>32459</v>
      </c>
      <c r="F5151">
        <v>4</v>
      </c>
      <c r="G5151" t="s">
        <v>14</v>
      </c>
      <c r="H5151" t="s">
        <v>11920</v>
      </c>
      <c r="I5151" t="s">
        <v>30540</v>
      </c>
    </row>
    <row r="5152" spans="1:9">
      <c r="A5152" s="1">
        <v>0.74198282983524388</v>
      </c>
      <c r="B5152" s="1"/>
      <c r="C5152">
        <v>11</v>
      </c>
      <c r="D5152" t="s">
        <v>11909</v>
      </c>
      <c r="E5152" t="s">
        <v>32460</v>
      </c>
      <c r="F5152">
        <v>5</v>
      </c>
      <c r="G5152" t="s">
        <v>1</v>
      </c>
      <c r="H5152" t="s">
        <v>11910</v>
      </c>
      <c r="I5152" t="s">
        <v>30540</v>
      </c>
    </row>
    <row r="5153" spans="1:9">
      <c r="A5153" s="1">
        <v>0.38113377751465605</v>
      </c>
      <c r="B5153" s="1"/>
      <c r="C5153">
        <v>17</v>
      </c>
      <c r="D5153" t="s">
        <v>11915</v>
      </c>
      <c r="E5153" t="s">
        <v>32460</v>
      </c>
      <c r="F5153">
        <v>4</v>
      </c>
      <c r="G5153" t="s">
        <v>14</v>
      </c>
      <c r="H5153" t="s">
        <v>11916</v>
      </c>
      <c r="I5153" t="s">
        <v>30540</v>
      </c>
    </row>
    <row r="5154" spans="1:9">
      <c r="A5154" s="1">
        <v>5.6407169228901988E-2</v>
      </c>
      <c r="B5154" s="1"/>
      <c r="C5154">
        <v>3</v>
      </c>
      <c r="D5154" t="s">
        <v>11907</v>
      </c>
      <c r="E5154" t="s">
        <v>32460</v>
      </c>
      <c r="F5154">
        <v>4</v>
      </c>
      <c r="G5154" t="s">
        <v>0</v>
      </c>
      <c r="H5154" t="s">
        <v>11908</v>
      </c>
      <c r="I5154" t="s">
        <v>30540</v>
      </c>
    </row>
    <row r="5155" spans="1:9">
      <c r="A5155" s="1">
        <v>0.32557012477280645</v>
      </c>
      <c r="B5155" s="1"/>
      <c r="C5155">
        <v>16</v>
      </c>
      <c r="D5155" t="s">
        <v>11913</v>
      </c>
      <c r="E5155" t="s">
        <v>32460</v>
      </c>
      <c r="F5155">
        <v>4</v>
      </c>
      <c r="G5155" t="s">
        <v>14</v>
      </c>
      <c r="H5155" t="s">
        <v>11914</v>
      </c>
      <c r="I5155" t="s">
        <v>30540</v>
      </c>
    </row>
    <row r="5156" spans="1:9">
      <c r="A5156" s="1">
        <v>0.89131393445788765</v>
      </c>
      <c r="B5156" s="1"/>
      <c r="C5156">
        <v>17</v>
      </c>
      <c r="D5156" t="s">
        <v>11901</v>
      </c>
      <c r="E5156" t="s">
        <v>32461</v>
      </c>
      <c r="F5156">
        <v>5</v>
      </c>
      <c r="G5156" t="s">
        <v>14</v>
      </c>
      <c r="H5156" t="s">
        <v>11902</v>
      </c>
      <c r="I5156" t="s">
        <v>30540</v>
      </c>
    </row>
    <row r="5157" spans="1:9">
      <c r="A5157" s="1">
        <v>0.31663227077867862</v>
      </c>
      <c r="B5157" s="1"/>
      <c r="C5157">
        <v>19</v>
      </c>
      <c r="D5157" t="s">
        <v>11905</v>
      </c>
      <c r="E5157" t="s">
        <v>32461</v>
      </c>
      <c r="F5157">
        <v>4</v>
      </c>
      <c r="G5157" t="s">
        <v>769</v>
      </c>
      <c r="H5157" t="s">
        <v>11906</v>
      </c>
      <c r="I5157" t="s">
        <v>30540</v>
      </c>
    </row>
    <row r="5158" spans="1:9">
      <c r="A5158" s="1">
        <v>0.3138731585287573</v>
      </c>
      <c r="B5158" s="1"/>
      <c r="C5158">
        <v>18</v>
      </c>
      <c r="D5158" t="s">
        <v>11903</v>
      </c>
      <c r="E5158" t="s">
        <v>32461</v>
      </c>
      <c r="F5158">
        <v>4</v>
      </c>
      <c r="G5158" t="s">
        <v>14</v>
      </c>
      <c r="H5158" t="s">
        <v>11904</v>
      </c>
      <c r="I5158" t="s">
        <v>30540</v>
      </c>
    </row>
    <row r="5159" spans="1:9">
      <c r="A5159" s="1">
        <v>0.94613729865217477</v>
      </c>
      <c r="B5159" s="1"/>
      <c r="C5159">
        <v>1</v>
      </c>
      <c r="D5159" t="s">
        <v>11899</v>
      </c>
      <c r="E5159" t="s">
        <v>32462</v>
      </c>
      <c r="F5159">
        <v>4</v>
      </c>
      <c r="G5159" t="s">
        <v>2</v>
      </c>
      <c r="H5159" t="s">
        <v>11900</v>
      </c>
      <c r="I5159" t="s">
        <v>30540</v>
      </c>
    </row>
    <row r="5160" spans="1:9">
      <c r="A5160" s="1">
        <v>0.92006918995348097</v>
      </c>
      <c r="B5160" s="1"/>
      <c r="C5160">
        <v>1</v>
      </c>
      <c r="D5160" t="s">
        <v>11895</v>
      </c>
      <c r="E5160" t="s">
        <v>32463</v>
      </c>
      <c r="F5160">
        <v>4</v>
      </c>
      <c r="G5160" t="s">
        <v>11507</v>
      </c>
      <c r="H5160" t="s">
        <v>11896</v>
      </c>
      <c r="I5160" t="s">
        <v>30540</v>
      </c>
    </row>
    <row r="5161" spans="1:9">
      <c r="A5161" s="1">
        <v>0.57247997893287472</v>
      </c>
      <c r="B5161" s="1"/>
      <c r="C5161">
        <v>6</v>
      </c>
      <c r="D5161" t="s">
        <v>11897</v>
      </c>
      <c r="E5161" t="s">
        <v>32463</v>
      </c>
      <c r="F5161">
        <v>4</v>
      </c>
      <c r="G5161" t="s">
        <v>2</v>
      </c>
      <c r="H5161" t="s">
        <v>11898</v>
      </c>
      <c r="I5161" t="s">
        <v>30540</v>
      </c>
    </row>
    <row r="5162" spans="1:9">
      <c r="A5162" s="1">
        <v>0.8497308107225916</v>
      </c>
      <c r="B5162" s="1"/>
      <c r="C5162">
        <v>9</v>
      </c>
      <c r="D5162" t="s">
        <v>11893</v>
      </c>
      <c r="E5162" t="s">
        <v>32464</v>
      </c>
      <c r="F5162">
        <v>4</v>
      </c>
      <c r="G5162" t="s">
        <v>0</v>
      </c>
      <c r="H5162" t="s">
        <v>11894</v>
      </c>
      <c r="I5162" t="s">
        <v>30540</v>
      </c>
    </row>
    <row r="5163" spans="1:9">
      <c r="A5163" s="1">
        <v>0.65979456436538286</v>
      </c>
      <c r="B5163" s="1"/>
      <c r="C5163">
        <v>6</v>
      </c>
      <c r="D5163" t="s">
        <v>11889</v>
      </c>
      <c r="E5163" t="s">
        <v>32465</v>
      </c>
      <c r="F5163">
        <v>4</v>
      </c>
      <c r="G5163" t="s">
        <v>0</v>
      </c>
      <c r="H5163" t="s">
        <v>11890</v>
      </c>
      <c r="I5163" t="s">
        <v>30540</v>
      </c>
    </row>
    <row r="5164" spans="1:9">
      <c r="A5164" s="1">
        <v>0.27912696331875664</v>
      </c>
      <c r="B5164" s="1"/>
      <c r="C5164">
        <v>5</v>
      </c>
      <c r="D5164" t="s">
        <v>11887</v>
      </c>
      <c r="E5164" t="s">
        <v>32465</v>
      </c>
      <c r="F5164">
        <v>4</v>
      </c>
      <c r="G5164" t="s">
        <v>771</v>
      </c>
      <c r="H5164" t="s">
        <v>11888</v>
      </c>
      <c r="I5164" t="s">
        <v>30540</v>
      </c>
    </row>
    <row r="5165" spans="1:9">
      <c r="A5165" s="1">
        <v>0.91580420148724806</v>
      </c>
      <c r="B5165" s="1"/>
      <c r="C5165">
        <v>18</v>
      </c>
      <c r="D5165" t="s">
        <v>11891</v>
      </c>
      <c r="E5165" t="s">
        <v>32465</v>
      </c>
      <c r="F5165">
        <v>4</v>
      </c>
      <c r="G5165" t="s">
        <v>14</v>
      </c>
      <c r="H5165" t="s">
        <v>11892</v>
      </c>
      <c r="I5165" t="s">
        <v>30540</v>
      </c>
    </row>
    <row r="5166" spans="1:9">
      <c r="A5166" s="1">
        <v>0.95761070707228202</v>
      </c>
      <c r="B5166" s="1"/>
      <c r="C5166">
        <v>3</v>
      </c>
      <c r="D5166" t="s">
        <v>11885</v>
      </c>
      <c r="E5166" t="s">
        <v>32465</v>
      </c>
      <c r="F5166">
        <v>3</v>
      </c>
      <c r="G5166" t="s">
        <v>14</v>
      </c>
      <c r="H5166" t="s">
        <v>11886</v>
      </c>
      <c r="I5166" t="s">
        <v>30540</v>
      </c>
    </row>
    <row r="5167" spans="1:9">
      <c r="A5167" s="1">
        <v>0.81013740942916146</v>
      </c>
      <c r="B5167" s="1"/>
      <c r="C5167">
        <v>4</v>
      </c>
      <c r="D5167" t="s">
        <v>11877</v>
      </c>
      <c r="E5167" t="s">
        <v>32466</v>
      </c>
      <c r="F5167">
        <v>5</v>
      </c>
      <c r="G5167" t="s">
        <v>14</v>
      </c>
      <c r="H5167" t="s">
        <v>11878</v>
      </c>
      <c r="I5167" t="s">
        <v>30540</v>
      </c>
    </row>
    <row r="5168" spans="1:9">
      <c r="A5168" s="1">
        <v>0.58000149497467279</v>
      </c>
      <c r="B5168" s="1"/>
      <c r="C5168">
        <v>3</v>
      </c>
      <c r="D5168" t="s">
        <v>11875</v>
      </c>
      <c r="E5168" t="s">
        <v>32466</v>
      </c>
      <c r="F5168">
        <v>5</v>
      </c>
      <c r="G5168" t="s">
        <v>0</v>
      </c>
      <c r="H5168" t="s">
        <v>11876</v>
      </c>
      <c r="I5168" t="s">
        <v>30540</v>
      </c>
    </row>
    <row r="5169" spans="1:9">
      <c r="A5169" s="1">
        <v>0.54243962227913023</v>
      </c>
      <c r="B5169" s="1"/>
      <c r="C5169">
        <v>2</v>
      </c>
      <c r="D5169" t="s">
        <v>11873</v>
      </c>
      <c r="E5169" t="s">
        <v>32466</v>
      </c>
      <c r="F5169">
        <v>4</v>
      </c>
      <c r="G5169" t="s">
        <v>0</v>
      </c>
      <c r="H5169" t="s">
        <v>11874</v>
      </c>
      <c r="I5169" t="s">
        <v>30540</v>
      </c>
    </row>
    <row r="5170" spans="1:9">
      <c r="A5170" s="1">
        <v>0.70532199365057568</v>
      </c>
      <c r="B5170" s="1"/>
      <c r="C5170">
        <v>6</v>
      </c>
      <c r="D5170" t="s">
        <v>11879</v>
      </c>
      <c r="E5170" t="s">
        <v>32466</v>
      </c>
      <c r="F5170">
        <v>4</v>
      </c>
      <c r="G5170" t="s">
        <v>15</v>
      </c>
      <c r="H5170" t="s">
        <v>11880</v>
      </c>
      <c r="I5170" t="s">
        <v>30540</v>
      </c>
    </row>
    <row r="5171" spans="1:9">
      <c r="A5171" s="1">
        <v>1.0201405430222743E-2</v>
      </c>
      <c r="B5171" s="1"/>
      <c r="C5171">
        <v>8</v>
      </c>
      <c r="D5171" t="s">
        <v>11881</v>
      </c>
      <c r="E5171" t="s">
        <v>32466</v>
      </c>
      <c r="F5171">
        <v>4</v>
      </c>
      <c r="G5171" t="s">
        <v>15</v>
      </c>
      <c r="H5171" t="s">
        <v>11882</v>
      </c>
      <c r="I5171" t="s">
        <v>30540</v>
      </c>
    </row>
    <row r="5172" spans="1:9">
      <c r="A5172" s="1">
        <v>0.83822682683189986</v>
      </c>
      <c r="B5172" s="1"/>
      <c r="C5172">
        <v>13</v>
      </c>
      <c r="D5172" t="s">
        <v>11883</v>
      </c>
      <c r="E5172" t="s">
        <v>32466</v>
      </c>
      <c r="F5172">
        <v>3</v>
      </c>
      <c r="G5172" t="s">
        <v>14</v>
      </c>
      <c r="H5172" t="s">
        <v>11884</v>
      </c>
      <c r="I5172" t="s">
        <v>30540</v>
      </c>
    </row>
    <row r="5173" spans="1:9">
      <c r="A5173" s="1">
        <v>0.92924877929394167</v>
      </c>
      <c r="B5173" s="1"/>
      <c r="C5173">
        <v>11</v>
      </c>
      <c r="D5173" t="s">
        <v>11869</v>
      </c>
      <c r="E5173" t="s">
        <v>32467</v>
      </c>
      <c r="F5173">
        <v>5</v>
      </c>
      <c r="G5173" t="s">
        <v>11353</v>
      </c>
      <c r="H5173" t="s">
        <v>11870</v>
      </c>
      <c r="I5173" t="s">
        <v>30540</v>
      </c>
    </row>
    <row r="5174" spans="1:9">
      <c r="A5174" s="1">
        <v>0.62465668908743865</v>
      </c>
      <c r="B5174" s="1"/>
      <c r="C5174">
        <v>1</v>
      </c>
      <c r="D5174" t="s">
        <v>11863</v>
      </c>
      <c r="E5174" t="s">
        <v>32467</v>
      </c>
      <c r="F5174">
        <v>5</v>
      </c>
      <c r="G5174" t="s">
        <v>13</v>
      </c>
      <c r="H5174" t="s">
        <v>11864</v>
      </c>
      <c r="I5174" t="s">
        <v>30540</v>
      </c>
    </row>
    <row r="5175" spans="1:9">
      <c r="A5175" s="1">
        <v>0.85545679703098787</v>
      </c>
      <c r="B5175" s="1"/>
      <c r="C5175">
        <v>18</v>
      </c>
      <c r="D5175" t="s">
        <v>11871</v>
      </c>
      <c r="E5175" t="s">
        <v>32467</v>
      </c>
      <c r="F5175">
        <v>5</v>
      </c>
      <c r="G5175" t="s">
        <v>14</v>
      </c>
      <c r="H5175" t="s">
        <v>11872</v>
      </c>
      <c r="I5175" t="s">
        <v>30540</v>
      </c>
    </row>
    <row r="5176" spans="1:9">
      <c r="A5176" s="1">
        <v>0.60115474192966778</v>
      </c>
      <c r="B5176" s="1"/>
      <c r="C5176">
        <v>3</v>
      </c>
      <c r="D5176" t="s">
        <v>11865</v>
      </c>
      <c r="E5176" t="s">
        <v>32467</v>
      </c>
      <c r="F5176">
        <v>4</v>
      </c>
      <c r="G5176" t="s">
        <v>2</v>
      </c>
      <c r="H5176" t="s">
        <v>11866</v>
      </c>
      <c r="I5176" t="s">
        <v>30540</v>
      </c>
    </row>
    <row r="5177" spans="1:9">
      <c r="A5177" s="1">
        <v>0.95470163554999077</v>
      </c>
      <c r="B5177" s="1"/>
      <c r="C5177">
        <v>10</v>
      </c>
      <c r="D5177" t="s">
        <v>11867</v>
      </c>
      <c r="E5177" t="s">
        <v>32467</v>
      </c>
      <c r="F5177">
        <v>4</v>
      </c>
      <c r="G5177" t="s">
        <v>11302</v>
      </c>
      <c r="H5177" t="s">
        <v>11868</v>
      </c>
      <c r="I5177" t="s">
        <v>30540</v>
      </c>
    </row>
    <row r="5178" spans="1:9">
      <c r="A5178" s="1">
        <v>0.36459389398453623</v>
      </c>
      <c r="B5178" s="1"/>
      <c r="C5178">
        <v>17</v>
      </c>
      <c r="D5178" t="s">
        <v>11861</v>
      </c>
      <c r="E5178" t="s">
        <v>32468</v>
      </c>
      <c r="F5178">
        <v>5</v>
      </c>
      <c r="G5178" t="s">
        <v>14</v>
      </c>
      <c r="H5178" t="s">
        <v>11862</v>
      </c>
      <c r="I5178" t="s">
        <v>30540</v>
      </c>
    </row>
    <row r="5179" spans="1:9">
      <c r="A5179" s="1">
        <v>0.23764762699831454</v>
      </c>
      <c r="B5179" s="1"/>
      <c r="C5179">
        <v>4</v>
      </c>
      <c r="D5179" t="s">
        <v>11859</v>
      </c>
      <c r="E5179" t="s">
        <v>32468</v>
      </c>
      <c r="F5179">
        <v>4</v>
      </c>
      <c r="G5179" t="s">
        <v>10</v>
      </c>
      <c r="H5179" t="s">
        <v>11860</v>
      </c>
      <c r="I5179" t="s">
        <v>30540</v>
      </c>
    </row>
    <row r="5180" spans="1:9">
      <c r="A5180" s="1">
        <v>0.18781094769536788</v>
      </c>
      <c r="B5180" s="1"/>
      <c r="C5180">
        <v>2</v>
      </c>
      <c r="D5180" t="s">
        <v>11857</v>
      </c>
      <c r="E5180" t="s">
        <v>32468</v>
      </c>
      <c r="F5180">
        <v>3</v>
      </c>
      <c r="G5180" t="s">
        <v>2</v>
      </c>
      <c r="H5180" t="s">
        <v>11858</v>
      </c>
      <c r="I5180" t="s">
        <v>30540</v>
      </c>
    </row>
    <row r="5181" spans="1:9">
      <c r="A5181" s="1">
        <v>0.39991623179321989</v>
      </c>
      <c r="B5181" s="1"/>
      <c r="C5181">
        <v>3</v>
      </c>
      <c r="D5181" t="s">
        <v>11855</v>
      </c>
      <c r="E5181" t="s">
        <v>32469</v>
      </c>
      <c r="F5181">
        <v>4</v>
      </c>
      <c r="G5181" t="s">
        <v>0</v>
      </c>
      <c r="H5181" t="s">
        <v>11856</v>
      </c>
      <c r="I5181" t="s">
        <v>30540</v>
      </c>
    </row>
    <row r="5182" spans="1:9">
      <c r="A5182" s="1">
        <v>0.28042073737296358</v>
      </c>
      <c r="B5182" s="1"/>
      <c r="C5182">
        <v>20</v>
      </c>
      <c r="D5182" t="s">
        <v>11853</v>
      </c>
      <c r="E5182" t="s">
        <v>32470</v>
      </c>
      <c r="F5182">
        <v>4</v>
      </c>
      <c r="G5182" t="s">
        <v>14</v>
      </c>
      <c r="H5182" t="s">
        <v>11854</v>
      </c>
      <c r="I5182" t="s">
        <v>30540</v>
      </c>
    </row>
    <row r="5183" spans="1:9">
      <c r="A5183" s="1">
        <v>0.61988178999893095</v>
      </c>
      <c r="B5183" s="1"/>
      <c r="C5183">
        <v>7</v>
      </c>
      <c r="D5183" t="s">
        <v>11851</v>
      </c>
      <c r="E5183" t="s">
        <v>32470</v>
      </c>
      <c r="F5183">
        <v>4</v>
      </c>
      <c r="G5183" t="s">
        <v>2</v>
      </c>
      <c r="H5183" t="s">
        <v>11852</v>
      </c>
      <c r="I5183" t="s">
        <v>30540</v>
      </c>
    </row>
    <row r="5184" spans="1:9">
      <c r="A5184" s="1">
        <v>0.97746812975353414</v>
      </c>
      <c r="B5184" s="1"/>
      <c r="C5184">
        <v>1</v>
      </c>
      <c r="D5184" t="s">
        <v>11849</v>
      </c>
      <c r="E5184" t="s">
        <v>32470</v>
      </c>
      <c r="F5184">
        <v>4</v>
      </c>
      <c r="G5184" t="s">
        <v>765</v>
      </c>
      <c r="H5184" t="s">
        <v>11850</v>
      </c>
      <c r="I5184" t="s">
        <v>30540</v>
      </c>
    </row>
    <row r="5185" spans="1:9">
      <c r="A5185" s="1">
        <v>0.24920294400280374</v>
      </c>
      <c r="B5185" s="1"/>
      <c r="C5185">
        <v>6</v>
      </c>
      <c r="D5185" t="s">
        <v>11847</v>
      </c>
      <c r="E5185" t="s">
        <v>32471</v>
      </c>
      <c r="F5185">
        <v>5</v>
      </c>
      <c r="G5185" t="s">
        <v>13</v>
      </c>
      <c r="H5185" t="s">
        <v>11848</v>
      </c>
      <c r="I5185" t="s">
        <v>30540</v>
      </c>
    </row>
    <row r="5186" spans="1:9">
      <c r="A5186" s="1">
        <v>0.49775076171763299</v>
      </c>
      <c r="B5186" s="1"/>
      <c r="C5186">
        <v>5</v>
      </c>
      <c r="D5186" t="s">
        <v>11837</v>
      </c>
      <c r="E5186" t="s">
        <v>32472</v>
      </c>
      <c r="F5186">
        <v>5</v>
      </c>
      <c r="G5186" t="s">
        <v>11426</v>
      </c>
      <c r="H5186" t="s">
        <v>11838</v>
      </c>
      <c r="I5186" t="s">
        <v>30540</v>
      </c>
    </row>
    <row r="5187" spans="1:9">
      <c r="A5187" s="1">
        <v>0.53855230880461569</v>
      </c>
      <c r="B5187" s="1"/>
      <c r="C5187">
        <v>20</v>
      </c>
      <c r="D5187" t="s">
        <v>11845</v>
      </c>
      <c r="E5187" t="s">
        <v>32472</v>
      </c>
      <c r="F5187">
        <v>5</v>
      </c>
      <c r="G5187" t="s">
        <v>9</v>
      </c>
      <c r="H5187" t="s">
        <v>11846</v>
      </c>
      <c r="I5187" t="s">
        <v>30540</v>
      </c>
    </row>
    <row r="5188" spans="1:9">
      <c r="A5188" s="1">
        <v>0.79770150089547021</v>
      </c>
      <c r="B5188" s="1"/>
      <c r="C5188">
        <v>13</v>
      </c>
      <c r="D5188" t="s">
        <v>11843</v>
      </c>
      <c r="E5188" t="s">
        <v>32472</v>
      </c>
      <c r="F5188">
        <v>4</v>
      </c>
      <c r="G5188" t="s">
        <v>11425</v>
      </c>
      <c r="H5188" t="s">
        <v>11844</v>
      </c>
      <c r="I5188" t="s">
        <v>30540</v>
      </c>
    </row>
    <row r="5189" spans="1:9">
      <c r="A5189" s="1">
        <v>0.85743651557659961</v>
      </c>
      <c r="B5189" s="1"/>
      <c r="C5189">
        <v>3</v>
      </c>
      <c r="D5189" t="s">
        <v>11835</v>
      </c>
      <c r="E5189" t="s">
        <v>32472</v>
      </c>
      <c r="F5189">
        <v>4</v>
      </c>
      <c r="G5189" t="s">
        <v>2</v>
      </c>
      <c r="H5189" t="s">
        <v>11836</v>
      </c>
      <c r="I5189" t="s">
        <v>30540</v>
      </c>
    </row>
    <row r="5190" spans="1:9">
      <c r="A5190" s="1">
        <v>8.2027928268260442E-2</v>
      </c>
      <c r="B5190" s="1"/>
      <c r="C5190">
        <v>12</v>
      </c>
      <c r="D5190" t="s">
        <v>11841</v>
      </c>
      <c r="E5190" t="s">
        <v>32472</v>
      </c>
      <c r="F5190">
        <v>4</v>
      </c>
      <c r="G5190" t="s">
        <v>0</v>
      </c>
      <c r="H5190" t="s">
        <v>11842</v>
      </c>
      <c r="I5190" t="s">
        <v>30540</v>
      </c>
    </row>
    <row r="5191" spans="1:9">
      <c r="A5191" s="1">
        <v>0.73953731074143658</v>
      </c>
      <c r="B5191" s="1"/>
      <c r="C5191">
        <v>9</v>
      </c>
      <c r="D5191" t="s">
        <v>11839</v>
      </c>
      <c r="E5191" t="s">
        <v>32472</v>
      </c>
      <c r="F5191">
        <v>4</v>
      </c>
      <c r="G5191" t="s">
        <v>11302</v>
      </c>
      <c r="H5191" t="s">
        <v>11840</v>
      </c>
      <c r="I5191" t="s">
        <v>30540</v>
      </c>
    </row>
    <row r="5192" spans="1:9">
      <c r="A5192" s="1">
        <v>0.35207639176472916</v>
      </c>
      <c r="B5192" s="1"/>
      <c r="C5192">
        <v>6</v>
      </c>
      <c r="D5192" t="s">
        <v>11833</v>
      </c>
      <c r="E5192" t="s">
        <v>32473</v>
      </c>
      <c r="F5192">
        <v>4</v>
      </c>
      <c r="G5192" t="s">
        <v>9</v>
      </c>
      <c r="H5192" t="s">
        <v>11834</v>
      </c>
      <c r="I5192" t="s">
        <v>30540</v>
      </c>
    </row>
    <row r="5193" spans="1:9">
      <c r="A5193" s="1">
        <v>0.38563604374845684</v>
      </c>
      <c r="B5193" s="1"/>
      <c r="C5193">
        <v>5</v>
      </c>
      <c r="D5193" t="s">
        <v>11831</v>
      </c>
      <c r="E5193" t="s">
        <v>32473</v>
      </c>
      <c r="F5193">
        <v>4</v>
      </c>
      <c r="G5193" t="s">
        <v>1</v>
      </c>
      <c r="H5193" t="s">
        <v>11832</v>
      </c>
      <c r="I5193" t="s">
        <v>30540</v>
      </c>
    </row>
    <row r="5194" spans="1:9">
      <c r="A5194" s="1">
        <v>0.6194748551410707</v>
      </c>
      <c r="B5194" s="1"/>
      <c r="C5194">
        <v>8</v>
      </c>
      <c r="D5194" t="s">
        <v>11825</v>
      </c>
      <c r="E5194" t="s">
        <v>32474</v>
      </c>
      <c r="F5194">
        <v>4</v>
      </c>
      <c r="G5194" t="s">
        <v>762</v>
      </c>
      <c r="H5194" t="s">
        <v>11826</v>
      </c>
      <c r="I5194" t="s">
        <v>30540</v>
      </c>
    </row>
    <row r="5195" spans="1:9">
      <c r="A5195" s="1">
        <v>0.39799968290497023</v>
      </c>
      <c r="B5195" s="1"/>
      <c r="C5195">
        <v>18</v>
      </c>
      <c r="D5195" t="s">
        <v>11829</v>
      </c>
      <c r="E5195" t="s">
        <v>32474</v>
      </c>
      <c r="F5195">
        <v>3</v>
      </c>
      <c r="G5195" t="s">
        <v>14</v>
      </c>
      <c r="H5195" t="s">
        <v>11830</v>
      </c>
      <c r="I5195" t="s">
        <v>30540</v>
      </c>
    </row>
    <row r="5196" spans="1:9">
      <c r="A5196" s="1">
        <v>0.99220984616292063</v>
      </c>
      <c r="B5196" s="1"/>
      <c r="C5196">
        <v>9</v>
      </c>
      <c r="D5196" t="s">
        <v>11827</v>
      </c>
      <c r="E5196" t="s">
        <v>32474</v>
      </c>
      <c r="F5196">
        <v>3</v>
      </c>
      <c r="G5196" t="s">
        <v>2</v>
      </c>
      <c r="H5196" t="s">
        <v>11828</v>
      </c>
      <c r="I5196" t="s">
        <v>30540</v>
      </c>
    </row>
    <row r="5197" spans="1:9">
      <c r="A5197" s="1">
        <v>0.51764595860730156</v>
      </c>
      <c r="B5197" s="1"/>
      <c r="C5197">
        <v>11</v>
      </c>
      <c r="D5197" t="s">
        <v>11823</v>
      </c>
      <c r="E5197" t="s">
        <v>32475</v>
      </c>
      <c r="F5197">
        <v>4</v>
      </c>
      <c r="G5197" t="s">
        <v>10</v>
      </c>
      <c r="H5197" t="s">
        <v>11824</v>
      </c>
      <c r="I5197" t="s">
        <v>30540</v>
      </c>
    </row>
    <row r="5198" spans="1:9">
      <c r="A5198" s="1">
        <v>0.53025297315127096</v>
      </c>
      <c r="B5198" s="1"/>
      <c r="C5198">
        <v>12</v>
      </c>
      <c r="D5198" t="s">
        <v>11819</v>
      </c>
      <c r="E5198" t="s">
        <v>32476</v>
      </c>
      <c r="F5198">
        <v>4</v>
      </c>
      <c r="G5198" t="s">
        <v>2</v>
      </c>
      <c r="H5198" t="s">
        <v>11820</v>
      </c>
      <c r="I5198" t="s">
        <v>30540</v>
      </c>
    </row>
    <row r="5199" spans="1:9">
      <c r="A5199" s="1">
        <v>0.6422490730144973</v>
      </c>
      <c r="B5199" s="1"/>
      <c r="C5199">
        <v>14</v>
      </c>
      <c r="D5199" t="s">
        <v>11821</v>
      </c>
      <c r="E5199" t="s">
        <v>32476</v>
      </c>
      <c r="F5199">
        <v>4</v>
      </c>
      <c r="G5199" t="s">
        <v>11426</v>
      </c>
      <c r="H5199" t="s">
        <v>11822</v>
      </c>
      <c r="I5199" t="s">
        <v>30540</v>
      </c>
    </row>
    <row r="5200" spans="1:9">
      <c r="A5200" s="1">
        <v>0.40774876586175635</v>
      </c>
      <c r="B5200" s="1"/>
      <c r="C5200">
        <v>10</v>
      </c>
      <c r="D5200" t="s">
        <v>11813</v>
      </c>
      <c r="E5200" t="s">
        <v>32477</v>
      </c>
      <c r="F5200">
        <v>4</v>
      </c>
      <c r="G5200" t="s">
        <v>14</v>
      </c>
      <c r="H5200" t="s">
        <v>11814</v>
      </c>
      <c r="I5200" t="s">
        <v>30540</v>
      </c>
    </row>
    <row r="5201" spans="1:9">
      <c r="A5201" s="1">
        <v>0.19389562919663372</v>
      </c>
      <c r="B5201" s="1"/>
      <c r="C5201">
        <v>12</v>
      </c>
      <c r="D5201" t="s">
        <v>11815</v>
      </c>
      <c r="E5201" t="s">
        <v>32477</v>
      </c>
      <c r="F5201">
        <v>4</v>
      </c>
      <c r="G5201" t="s">
        <v>14</v>
      </c>
      <c r="H5201" t="s">
        <v>11816</v>
      </c>
      <c r="I5201" t="s">
        <v>30540</v>
      </c>
    </row>
    <row r="5202" spans="1:9">
      <c r="A5202" s="1">
        <v>0.16439719226016059</v>
      </c>
      <c r="B5202" s="1"/>
      <c r="C5202">
        <v>6</v>
      </c>
      <c r="D5202" t="s">
        <v>11811</v>
      </c>
      <c r="E5202" t="s">
        <v>32477</v>
      </c>
      <c r="F5202">
        <v>4</v>
      </c>
      <c r="G5202" t="s">
        <v>0</v>
      </c>
      <c r="H5202" t="s">
        <v>11812</v>
      </c>
      <c r="I5202" t="s">
        <v>30540</v>
      </c>
    </row>
    <row r="5203" spans="1:9">
      <c r="A5203" s="1">
        <v>0.64895987235968888</v>
      </c>
      <c r="B5203" s="1"/>
      <c r="C5203">
        <v>1</v>
      </c>
      <c r="D5203" t="s">
        <v>11809</v>
      </c>
      <c r="E5203" t="s">
        <v>32477</v>
      </c>
      <c r="F5203">
        <v>3</v>
      </c>
      <c r="G5203" t="s">
        <v>13</v>
      </c>
      <c r="H5203" t="s">
        <v>11810</v>
      </c>
      <c r="I5203" t="s">
        <v>30540</v>
      </c>
    </row>
    <row r="5204" spans="1:9">
      <c r="A5204" s="1">
        <v>0.84133141472525075</v>
      </c>
      <c r="B5204" s="1"/>
      <c r="C5204">
        <v>8</v>
      </c>
      <c r="D5204" t="s">
        <v>11807</v>
      </c>
      <c r="E5204" t="s">
        <v>32478</v>
      </c>
      <c r="F5204">
        <v>4</v>
      </c>
      <c r="G5204" t="s">
        <v>0</v>
      </c>
      <c r="H5204" t="s">
        <v>11808</v>
      </c>
      <c r="I5204" t="s">
        <v>30540</v>
      </c>
    </row>
    <row r="5205" spans="1:9">
      <c r="A5205" s="1">
        <v>0.89367915920225838</v>
      </c>
      <c r="B5205" s="1"/>
      <c r="C5205">
        <v>7</v>
      </c>
      <c r="D5205" t="s">
        <v>11805</v>
      </c>
      <c r="E5205" t="s">
        <v>32479</v>
      </c>
      <c r="F5205">
        <v>5</v>
      </c>
      <c r="G5205" t="s">
        <v>766</v>
      </c>
      <c r="H5205" t="s">
        <v>11806</v>
      </c>
      <c r="I5205" t="s">
        <v>30540</v>
      </c>
    </row>
    <row r="5206" spans="1:9">
      <c r="A5206" s="1">
        <v>0.84067720181474526</v>
      </c>
      <c r="B5206" s="1"/>
      <c r="C5206">
        <v>4</v>
      </c>
      <c r="D5206" t="s">
        <v>11801</v>
      </c>
      <c r="E5206" t="s">
        <v>32479</v>
      </c>
      <c r="F5206">
        <v>4</v>
      </c>
      <c r="G5206" t="s">
        <v>771</v>
      </c>
      <c r="H5206" t="s">
        <v>11802</v>
      </c>
      <c r="I5206" t="s">
        <v>30540</v>
      </c>
    </row>
    <row r="5207" spans="1:9">
      <c r="A5207" s="1">
        <v>0.97321873413564919</v>
      </c>
      <c r="B5207" s="1"/>
      <c r="C5207">
        <v>5</v>
      </c>
      <c r="D5207" t="s">
        <v>11803</v>
      </c>
      <c r="E5207" t="s">
        <v>32479</v>
      </c>
      <c r="F5207">
        <v>4</v>
      </c>
      <c r="G5207" t="s">
        <v>14</v>
      </c>
      <c r="H5207" t="s">
        <v>11804</v>
      </c>
      <c r="I5207" t="s">
        <v>30540</v>
      </c>
    </row>
    <row r="5208" spans="1:9">
      <c r="A5208" s="1">
        <v>0.86763404731095373</v>
      </c>
      <c r="B5208" s="1"/>
      <c r="C5208">
        <v>3</v>
      </c>
      <c r="D5208" t="s">
        <v>11799</v>
      </c>
      <c r="E5208" t="s">
        <v>32479</v>
      </c>
      <c r="F5208">
        <v>4</v>
      </c>
      <c r="G5208" t="s">
        <v>15</v>
      </c>
      <c r="H5208" t="s">
        <v>11800</v>
      </c>
      <c r="I5208" t="s">
        <v>30540</v>
      </c>
    </row>
    <row r="5209" spans="1:9">
      <c r="A5209" s="1">
        <v>0.70966770021207592</v>
      </c>
      <c r="B5209" s="1"/>
      <c r="C5209">
        <v>5</v>
      </c>
      <c r="D5209" t="s">
        <v>11791</v>
      </c>
      <c r="E5209" t="s">
        <v>32480</v>
      </c>
      <c r="F5209">
        <v>5</v>
      </c>
      <c r="G5209" t="s">
        <v>9</v>
      </c>
      <c r="H5209" t="s">
        <v>11792</v>
      </c>
      <c r="I5209" t="s">
        <v>30540</v>
      </c>
    </row>
    <row r="5210" spans="1:9">
      <c r="A5210" s="1">
        <v>0.19127051551431951</v>
      </c>
      <c r="B5210" s="1"/>
      <c r="C5210">
        <v>6</v>
      </c>
      <c r="D5210" t="s">
        <v>11793</v>
      </c>
      <c r="E5210" t="s">
        <v>32480</v>
      </c>
      <c r="F5210">
        <v>5</v>
      </c>
      <c r="G5210" t="s">
        <v>14</v>
      </c>
      <c r="H5210" t="s">
        <v>11794</v>
      </c>
      <c r="I5210" t="s">
        <v>30540</v>
      </c>
    </row>
    <row r="5211" spans="1:9">
      <c r="A5211" s="1">
        <v>0.99738071378896398</v>
      </c>
      <c r="B5211" s="1"/>
      <c r="C5211">
        <v>10</v>
      </c>
      <c r="D5211" t="s">
        <v>11797</v>
      </c>
      <c r="E5211" t="s">
        <v>32480</v>
      </c>
      <c r="F5211">
        <v>4</v>
      </c>
      <c r="G5211" t="s">
        <v>14</v>
      </c>
      <c r="H5211" t="s">
        <v>11798</v>
      </c>
      <c r="I5211" t="s">
        <v>30540</v>
      </c>
    </row>
    <row r="5212" spans="1:9">
      <c r="A5212" s="1">
        <v>0.66855528592212221</v>
      </c>
      <c r="B5212" s="1"/>
      <c r="C5212">
        <v>4</v>
      </c>
      <c r="D5212" t="s">
        <v>11785</v>
      </c>
      <c r="E5212" t="s">
        <v>32481</v>
      </c>
      <c r="F5212">
        <v>4</v>
      </c>
      <c r="G5212" t="s">
        <v>2</v>
      </c>
      <c r="H5212" t="s">
        <v>11786</v>
      </c>
      <c r="I5212" t="s">
        <v>30540</v>
      </c>
    </row>
    <row r="5213" spans="1:9">
      <c r="A5213" s="1">
        <v>0.85341157786502442</v>
      </c>
      <c r="B5213" s="1"/>
      <c r="C5213">
        <v>8</v>
      </c>
      <c r="D5213" t="s">
        <v>11787</v>
      </c>
      <c r="E5213" t="s">
        <v>32481</v>
      </c>
      <c r="F5213">
        <v>4</v>
      </c>
      <c r="G5213" t="s">
        <v>11300</v>
      </c>
      <c r="H5213" t="s">
        <v>11788</v>
      </c>
      <c r="I5213" t="s">
        <v>30540</v>
      </c>
    </row>
    <row r="5214" spans="1:9">
      <c r="A5214" s="1">
        <v>0.66246792564678503</v>
      </c>
      <c r="B5214" s="1"/>
      <c r="C5214">
        <v>3</v>
      </c>
      <c r="D5214" t="s">
        <v>11781</v>
      </c>
      <c r="E5214" t="s">
        <v>32482</v>
      </c>
      <c r="F5214">
        <v>5</v>
      </c>
      <c r="G5214" t="s">
        <v>9</v>
      </c>
      <c r="H5214" t="s">
        <v>11782</v>
      </c>
      <c r="I5214" t="s">
        <v>30540</v>
      </c>
    </row>
    <row r="5215" spans="1:9">
      <c r="A5215" s="1">
        <v>0.49559132804452999</v>
      </c>
      <c r="B5215" s="1"/>
      <c r="C5215">
        <v>5</v>
      </c>
      <c r="D5215" t="s">
        <v>11783</v>
      </c>
      <c r="E5215" t="s">
        <v>32482</v>
      </c>
      <c r="F5215">
        <v>4</v>
      </c>
      <c r="G5215" t="s">
        <v>2</v>
      </c>
      <c r="H5215" t="s">
        <v>11784</v>
      </c>
      <c r="I5215" t="s">
        <v>30540</v>
      </c>
    </row>
    <row r="5216" spans="1:9">
      <c r="A5216" s="1">
        <v>0.3614076278813102</v>
      </c>
      <c r="B5216" s="1"/>
      <c r="C5216">
        <v>1</v>
      </c>
      <c r="D5216" t="s">
        <v>11779</v>
      </c>
      <c r="E5216" t="s">
        <v>32483</v>
      </c>
      <c r="F5216">
        <v>5</v>
      </c>
      <c r="G5216" t="s">
        <v>2</v>
      </c>
      <c r="H5216" t="s">
        <v>11780</v>
      </c>
      <c r="I5216" t="s">
        <v>30540</v>
      </c>
    </row>
    <row r="5217" spans="1:9">
      <c r="A5217" s="1">
        <v>0.67152704831585142</v>
      </c>
      <c r="B5217" s="1"/>
      <c r="C5217">
        <v>20</v>
      </c>
      <c r="D5217" t="s">
        <v>11777</v>
      </c>
      <c r="E5217" t="s">
        <v>32484</v>
      </c>
      <c r="F5217">
        <v>5</v>
      </c>
      <c r="G5217" t="s">
        <v>765</v>
      </c>
      <c r="H5217" t="s">
        <v>11778</v>
      </c>
      <c r="I5217" t="s">
        <v>30540</v>
      </c>
    </row>
    <row r="5218" spans="1:9">
      <c r="A5218" s="1">
        <v>0.46971262264384306</v>
      </c>
      <c r="B5218" s="1"/>
      <c r="C5218">
        <v>4</v>
      </c>
      <c r="D5218" t="s">
        <v>11765</v>
      </c>
      <c r="E5218" t="s">
        <v>32484</v>
      </c>
      <c r="F5218">
        <v>5</v>
      </c>
      <c r="G5218" t="s">
        <v>766</v>
      </c>
      <c r="H5218" t="s">
        <v>11766</v>
      </c>
      <c r="I5218" t="s">
        <v>30540</v>
      </c>
    </row>
    <row r="5219" spans="1:9">
      <c r="A5219" s="1">
        <v>0.92595555655928652</v>
      </c>
      <c r="B5219" s="1"/>
      <c r="C5219">
        <v>13</v>
      </c>
      <c r="D5219" t="s">
        <v>11775</v>
      </c>
      <c r="E5219" t="s">
        <v>32484</v>
      </c>
      <c r="F5219">
        <v>4</v>
      </c>
      <c r="G5219" t="s">
        <v>14</v>
      </c>
      <c r="H5219" t="s">
        <v>11776</v>
      </c>
      <c r="I5219" t="s">
        <v>30540</v>
      </c>
    </row>
    <row r="5220" spans="1:9">
      <c r="A5220" s="1">
        <v>0.42870014752885799</v>
      </c>
      <c r="B5220" s="1"/>
      <c r="C5220">
        <v>5</v>
      </c>
      <c r="D5220" t="s">
        <v>11767</v>
      </c>
      <c r="E5220" t="s">
        <v>32484</v>
      </c>
      <c r="F5220">
        <v>4</v>
      </c>
      <c r="G5220" t="s">
        <v>1295</v>
      </c>
      <c r="H5220" t="s">
        <v>11768</v>
      </c>
      <c r="I5220" t="s">
        <v>30540</v>
      </c>
    </row>
    <row r="5221" spans="1:9">
      <c r="A5221" s="1">
        <v>0.84518103852188475</v>
      </c>
      <c r="B5221" s="1"/>
      <c r="C5221">
        <v>12</v>
      </c>
      <c r="D5221" t="s">
        <v>11773</v>
      </c>
      <c r="E5221" t="s">
        <v>32484</v>
      </c>
      <c r="F5221">
        <v>3</v>
      </c>
      <c r="G5221" t="s">
        <v>0</v>
      </c>
      <c r="H5221" t="s">
        <v>11774</v>
      </c>
      <c r="I5221" t="s">
        <v>30540</v>
      </c>
    </row>
    <row r="5222" spans="1:9">
      <c r="A5222" s="1">
        <v>0.69500832758012498</v>
      </c>
      <c r="B5222" s="1"/>
      <c r="C5222">
        <v>8</v>
      </c>
      <c r="D5222" t="s">
        <v>11769</v>
      </c>
      <c r="E5222" t="s">
        <v>32484</v>
      </c>
      <c r="F5222">
        <v>3</v>
      </c>
      <c r="G5222" t="s">
        <v>1</v>
      </c>
      <c r="H5222" t="s">
        <v>11770</v>
      </c>
      <c r="I5222" t="s">
        <v>30540</v>
      </c>
    </row>
    <row r="5223" spans="1:9">
      <c r="A5223" s="1">
        <v>0.70963601089591599</v>
      </c>
      <c r="B5223" s="1"/>
      <c r="C5223">
        <v>7</v>
      </c>
      <c r="D5223" t="s">
        <v>11755</v>
      </c>
      <c r="E5223" t="s">
        <v>32485</v>
      </c>
      <c r="F5223">
        <v>4</v>
      </c>
      <c r="G5223" t="s">
        <v>10</v>
      </c>
      <c r="H5223" t="s">
        <v>11756</v>
      </c>
      <c r="I5223" t="s">
        <v>30540</v>
      </c>
    </row>
    <row r="5224" spans="1:9">
      <c r="A5224" s="1">
        <v>0.45533053122412814</v>
      </c>
      <c r="B5224" s="1"/>
      <c r="C5224">
        <v>13</v>
      </c>
      <c r="D5224" t="s">
        <v>11763</v>
      </c>
      <c r="E5224" t="s">
        <v>32485</v>
      </c>
      <c r="F5224">
        <v>4</v>
      </c>
      <c r="G5224" t="s">
        <v>14</v>
      </c>
      <c r="H5224" t="s">
        <v>11764</v>
      </c>
      <c r="I5224" t="s">
        <v>30540</v>
      </c>
    </row>
    <row r="5225" spans="1:9">
      <c r="A5225" s="1">
        <v>0.14310147658231875</v>
      </c>
      <c r="B5225" s="1"/>
      <c r="C5225">
        <v>8</v>
      </c>
      <c r="D5225" t="s">
        <v>11757</v>
      </c>
      <c r="E5225" t="s">
        <v>32485</v>
      </c>
      <c r="F5225">
        <v>4</v>
      </c>
      <c r="G5225" t="s">
        <v>14</v>
      </c>
      <c r="H5225" t="s">
        <v>11758</v>
      </c>
      <c r="I5225" t="s">
        <v>30540</v>
      </c>
    </row>
    <row r="5226" spans="1:9">
      <c r="A5226" s="1">
        <v>7.724464030813305E-2</v>
      </c>
      <c r="B5226" s="1"/>
      <c r="C5226">
        <v>9</v>
      </c>
      <c r="D5226" t="s">
        <v>11759</v>
      </c>
      <c r="E5226" t="s">
        <v>32485</v>
      </c>
      <c r="F5226">
        <v>3</v>
      </c>
      <c r="G5226" t="s">
        <v>9</v>
      </c>
      <c r="H5226" t="s">
        <v>11760</v>
      </c>
      <c r="I5226" t="s">
        <v>30540</v>
      </c>
    </row>
    <row r="5227" spans="1:9">
      <c r="A5227" s="1">
        <v>0.82085084879698478</v>
      </c>
      <c r="B5227" s="1"/>
      <c r="C5227">
        <v>17</v>
      </c>
      <c r="D5227" t="s">
        <v>11751</v>
      </c>
      <c r="E5227" t="s">
        <v>32486</v>
      </c>
      <c r="F5227">
        <v>4</v>
      </c>
      <c r="G5227" t="s">
        <v>2</v>
      </c>
      <c r="H5227" t="s">
        <v>11752</v>
      </c>
      <c r="I5227" t="s">
        <v>30540</v>
      </c>
    </row>
    <row r="5228" spans="1:9">
      <c r="A5228" s="1">
        <v>0.45782142263696335</v>
      </c>
      <c r="B5228" s="1"/>
      <c r="C5228">
        <v>3</v>
      </c>
      <c r="D5228" t="s">
        <v>11747</v>
      </c>
      <c r="E5228" t="s">
        <v>32486</v>
      </c>
      <c r="F5228">
        <v>4</v>
      </c>
      <c r="G5228" t="s">
        <v>2</v>
      </c>
      <c r="H5228" t="s">
        <v>11748</v>
      </c>
      <c r="I5228" t="s">
        <v>30540</v>
      </c>
    </row>
    <row r="5229" spans="1:9">
      <c r="A5229" s="1">
        <v>0.87475111216628432</v>
      </c>
      <c r="B5229" s="1"/>
      <c r="C5229">
        <v>9</v>
      </c>
      <c r="D5229" t="s">
        <v>11749</v>
      </c>
      <c r="E5229" t="s">
        <v>32486</v>
      </c>
      <c r="F5229">
        <v>4</v>
      </c>
      <c r="G5229" t="s">
        <v>9</v>
      </c>
      <c r="H5229" t="s">
        <v>11750</v>
      </c>
      <c r="I5229" t="s">
        <v>30540</v>
      </c>
    </row>
    <row r="5230" spans="1:9">
      <c r="A5230" s="1">
        <v>0.22666309434727627</v>
      </c>
      <c r="B5230" s="1"/>
      <c r="C5230">
        <v>20</v>
      </c>
      <c r="D5230" t="s">
        <v>11753</v>
      </c>
      <c r="E5230" t="s">
        <v>32486</v>
      </c>
      <c r="F5230">
        <v>4</v>
      </c>
      <c r="G5230" t="s">
        <v>14</v>
      </c>
      <c r="H5230" t="s">
        <v>11754</v>
      </c>
      <c r="I5230" t="s">
        <v>30540</v>
      </c>
    </row>
    <row r="5231" spans="1:9">
      <c r="A5231" s="1">
        <v>0.37158233265788576</v>
      </c>
      <c r="B5231" s="1"/>
      <c r="C5231">
        <v>4</v>
      </c>
      <c r="D5231" t="s">
        <v>11745</v>
      </c>
      <c r="E5231" t="s">
        <v>32487</v>
      </c>
      <c r="F5231">
        <v>4</v>
      </c>
      <c r="G5231" t="s">
        <v>0</v>
      </c>
      <c r="H5231" t="s">
        <v>11746</v>
      </c>
      <c r="I5231" t="s">
        <v>30540</v>
      </c>
    </row>
    <row r="5232" spans="1:9">
      <c r="A5232" s="1">
        <v>0.72887407762111422</v>
      </c>
      <c r="B5232" s="1"/>
      <c r="C5232">
        <v>1</v>
      </c>
      <c r="D5232" t="s">
        <v>11743</v>
      </c>
      <c r="E5232" t="s">
        <v>32487</v>
      </c>
      <c r="F5232">
        <v>4</v>
      </c>
      <c r="G5232" t="s">
        <v>10</v>
      </c>
      <c r="H5232" t="s">
        <v>11744</v>
      </c>
      <c r="I5232" t="s">
        <v>30540</v>
      </c>
    </row>
    <row r="5233" spans="1:9">
      <c r="A5233" s="1">
        <v>0.33852358974232077</v>
      </c>
      <c r="B5233" s="1"/>
      <c r="C5233">
        <v>14</v>
      </c>
      <c r="D5233" t="s">
        <v>11741</v>
      </c>
      <c r="E5233" t="s">
        <v>32488</v>
      </c>
      <c r="F5233">
        <v>5</v>
      </c>
      <c r="G5233" t="s">
        <v>0</v>
      </c>
      <c r="H5233" t="s">
        <v>11742</v>
      </c>
      <c r="I5233" t="s">
        <v>30540</v>
      </c>
    </row>
    <row r="5234" spans="1:9">
      <c r="A5234" s="1">
        <v>0.10014252856005001</v>
      </c>
      <c r="B5234" s="1"/>
      <c r="C5234">
        <v>4</v>
      </c>
      <c r="D5234" t="s">
        <v>11739</v>
      </c>
      <c r="E5234" t="s">
        <v>32488</v>
      </c>
      <c r="F5234">
        <v>4</v>
      </c>
      <c r="G5234" t="s">
        <v>2</v>
      </c>
      <c r="H5234" t="s">
        <v>11740</v>
      </c>
      <c r="I5234" t="s">
        <v>30540</v>
      </c>
    </row>
    <row r="5235" spans="1:9">
      <c r="A5235" s="1">
        <v>4.2010968503257251E-2</v>
      </c>
      <c r="B5235" s="1"/>
      <c r="C5235">
        <v>1</v>
      </c>
      <c r="D5235" t="s">
        <v>11733</v>
      </c>
      <c r="E5235" t="s">
        <v>32489</v>
      </c>
      <c r="F5235">
        <v>5</v>
      </c>
      <c r="G5235" t="s">
        <v>771</v>
      </c>
      <c r="H5235" t="s">
        <v>11734</v>
      </c>
      <c r="I5235" t="s">
        <v>30540</v>
      </c>
    </row>
    <row r="5236" spans="1:9">
      <c r="A5236" s="1">
        <v>0.74679629428816663</v>
      </c>
      <c r="B5236" s="1"/>
      <c r="C5236">
        <v>8</v>
      </c>
      <c r="D5236" t="s">
        <v>11737</v>
      </c>
      <c r="E5236" t="s">
        <v>32489</v>
      </c>
      <c r="F5236">
        <v>4</v>
      </c>
      <c r="G5236" t="s">
        <v>14</v>
      </c>
      <c r="H5236" t="s">
        <v>11738</v>
      </c>
      <c r="I5236" t="s">
        <v>30540</v>
      </c>
    </row>
    <row r="5237" spans="1:9">
      <c r="A5237" s="1">
        <v>0.68098272427500806</v>
      </c>
      <c r="B5237" s="1"/>
      <c r="C5237">
        <v>4</v>
      </c>
      <c r="D5237" t="s">
        <v>11735</v>
      </c>
      <c r="E5237" t="s">
        <v>32489</v>
      </c>
      <c r="F5237">
        <v>4</v>
      </c>
      <c r="G5237" t="s">
        <v>10</v>
      </c>
      <c r="H5237" t="s">
        <v>11736</v>
      </c>
      <c r="I5237" t="s">
        <v>30540</v>
      </c>
    </row>
    <row r="5238" spans="1:9">
      <c r="A5238" s="1">
        <v>0.23944601667385956</v>
      </c>
      <c r="B5238" s="1"/>
      <c r="C5238">
        <v>15</v>
      </c>
      <c r="D5238" t="s">
        <v>11727</v>
      </c>
      <c r="E5238" t="s">
        <v>32491</v>
      </c>
      <c r="F5238">
        <v>5</v>
      </c>
      <c r="G5238" t="s">
        <v>14</v>
      </c>
      <c r="H5238" t="s">
        <v>11728</v>
      </c>
      <c r="I5238" t="s">
        <v>30540</v>
      </c>
    </row>
    <row r="5239" spans="1:9">
      <c r="A5239" s="1">
        <v>0.56954213012036115</v>
      </c>
      <c r="B5239" s="1"/>
      <c r="C5239">
        <v>11</v>
      </c>
      <c r="D5239" t="s">
        <v>11725</v>
      </c>
      <c r="E5239" t="s">
        <v>32491</v>
      </c>
      <c r="F5239">
        <v>3</v>
      </c>
      <c r="G5239" t="s">
        <v>14</v>
      </c>
      <c r="H5239" t="s">
        <v>11726</v>
      </c>
      <c r="I5239" t="s">
        <v>30540</v>
      </c>
    </row>
    <row r="5240" spans="1:9">
      <c r="A5240" s="1">
        <v>0.95972014664382732</v>
      </c>
      <c r="B5240" s="1"/>
      <c r="C5240">
        <v>9</v>
      </c>
      <c r="D5240" t="s">
        <v>11723</v>
      </c>
      <c r="E5240" t="s">
        <v>32491</v>
      </c>
      <c r="F5240">
        <v>3</v>
      </c>
      <c r="G5240" t="s">
        <v>13</v>
      </c>
      <c r="H5240" t="s">
        <v>11724</v>
      </c>
      <c r="I5240" t="s">
        <v>30540</v>
      </c>
    </row>
    <row r="5241" spans="1:9">
      <c r="A5241" s="1">
        <v>0.401874396424589</v>
      </c>
      <c r="B5241" s="1"/>
      <c r="C5241">
        <v>2</v>
      </c>
      <c r="D5241" t="s">
        <v>11719</v>
      </c>
      <c r="E5241" t="s">
        <v>32492</v>
      </c>
      <c r="F5241">
        <v>3</v>
      </c>
      <c r="G5241" t="s">
        <v>2</v>
      </c>
      <c r="H5241" t="s">
        <v>11720</v>
      </c>
      <c r="I5241" t="s">
        <v>30540</v>
      </c>
    </row>
    <row r="5242" spans="1:9">
      <c r="A5242" s="1">
        <v>0.42764321562346486</v>
      </c>
      <c r="B5242" s="1"/>
      <c r="C5242">
        <v>14</v>
      </c>
      <c r="D5242" t="s">
        <v>11715</v>
      </c>
      <c r="E5242" t="s">
        <v>32493</v>
      </c>
      <c r="F5242">
        <v>4</v>
      </c>
      <c r="G5242" t="s">
        <v>13</v>
      </c>
      <c r="H5242" t="s">
        <v>11716</v>
      </c>
      <c r="I5242" t="s">
        <v>30540</v>
      </c>
    </row>
    <row r="5243" spans="1:9">
      <c r="A5243" s="1">
        <v>0.10449589639776158</v>
      </c>
      <c r="B5243" s="1"/>
      <c r="C5243">
        <v>15</v>
      </c>
      <c r="D5243" t="s">
        <v>11717</v>
      </c>
      <c r="E5243" t="s">
        <v>32493</v>
      </c>
      <c r="F5243">
        <v>4</v>
      </c>
      <c r="G5243" t="s">
        <v>14</v>
      </c>
      <c r="H5243" t="s">
        <v>11718</v>
      </c>
      <c r="I5243" t="s">
        <v>30540</v>
      </c>
    </row>
    <row r="5244" spans="1:9">
      <c r="A5244" s="1">
        <v>0.85834094973896313</v>
      </c>
      <c r="B5244" s="1"/>
      <c r="C5244">
        <v>8</v>
      </c>
      <c r="D5244" t="s">
        <v>11713</v>
      </c>
      <c r="E5244" t="s">
        <v>32493</v>
      </c>
      <c r="F5244">
        <v>3</v>
      </c>
      <c r="G5244" t="s">
        <v>14</v>
      </c>
      <c r="H5244" t="s">
        <v>11714</v>
      </c>
      <c r="I5244" t="s">
        <v>30540</v>
      </c>
    </row>
    <row r="5245" spans="1:9">
      <c r="A5245" s="1">
        <v>0.36435966808926035</v>
      </c>
      <c r="B5245" s="1"/>
      <c r="C5245">
        <v>7</v>
      </c>
      <c r="D5245" t="s">
        <v>11707</v>
      </c>
      <c r="E5245" t="s">
        <v>32494</v>
      </c>
      <c r="F5245">
        <v>4</v>
      </c>
      <c r="G5245" t="s">
        <v>2</v>
      </c>
      <c r="H5245" t="s">
        <v>11708</v>
      </c>
      <c r="I5245" t="s">
        <v>30540</v>
      </c>
    </row>
    <row r="5246" spans="1:9">
      <c r="A5246" s="1">
        <v>0.68683811912655313</v>
      </c>
      <c r="B5246" s="1"/>
      <c r="C5246">
        <v>2</v>
      </c>
      <c r="D5246" t="s">
        <v>11703</v>
      </c>
      <c r="E5246" t="s">
        <v>32494</v>
      </c>
      <c r="F5246">
        <v>4</v>
      </c>
      <c r="G5246" t="s">
        <v>13</v>
      </c>
      <c r="H5246" t="s">
        <v>11704</v>
      </c>
      <c r="I5246" t="s">
        <v>30540</v>
      </c>
    </row>
    <row r="5247" spans="1:9">
      <c r="A5247" s="1">
        <v>0.50481633491161571</v>
      </c>
      <c r="B5247" s="1"/>
      <c r="C5247">
        <v>4</v>
      </c>
      <c r="D5247" t="s">
        <v>11705</v>
      </c>
      <c r="E5247" t="s">
        <v>32494</v>
      </c>
      <c r="F5247">
        <v>3</v>
      </c>
      <c r="G5247" t="s">
        <v>11426</v>
      </c>
      <c r="H5247" t="s">
        <v>11706</v>
      </c>
      <c r="I5247" t="s">
        <v>30540</v>
      </c>
    </row>
    <row r="5248" spans="1:9">
      <c r="A5248" s="1">
        <v>5.6762722325528592E-2</v>
      </c>
      <c r="B5248" s="1"/>
      <c r="C5248">
        <v>6</v>
      </c>
      <c r="D5248" t="s">
        <v>11699</v>
      </c>
      <c r="E5248" t="s">
        <v>32495</v>
      </c>
      <c r="F5248">
        <v>5</v>
      </c>
      <c r="G5248" t="s">
        <v>14</v>
      </c>
      <c r="H5248" t="s">
        <v>11700</v>
      </c>
      <c r="I5248" t="s">
        <v>30540</v>
      </c>
    </row>
    <row r="5249" spans="1:9">
      <c r="A5249" s="1">
        <v>0.50247755787603221</v>
      </c>
      <c r="B5249" s="1"/>
      <c r="C5249">
        <v>13</v>
      </c>
      <c r="D5249" t="s">
        <v>11701</v>
      </c>
      <c r="E5249" t="s">
        <v>32495</v>
      </c>
      <c r="F5249">
        <v>5</v>
      </c>
      <c r="G5249" t="s">
        <v>0</v>
      </c>
      <c r="H5249" t="s">
        <v>11702</v>
      </c>
      <c r="I5249" t="s">
        <v>30540</v>
      </c>
    </row>
    <row r="5250" spans="1:9">
      <c r="A5250" s="1">
        <v>0.33547031205681754</v>
      </c>
      <c r="B5250" s="1"/>
      <c r="C5250">
        <v>15</v>
      </c>
      <c r="D5250" t="s">
        <v>11697</v>
      </c>
      <c r="E5250" t="s">
        <v>32496</v>
      </c>
      <c r="F5250">
        <v>4</v>
      </c>
      <c r="G5250" t="s">
        <v>14</v>
      </c>
      <c r="H5250" t="s">
        <v>11698</v>
      </c>
      <c r="I5250" t="s">
        <v>30540</v>
      </c>
    </row>
    <row r="5251" spans="1:9">
      <c r="A5251" s="1">
        <v>0.75482234881098098</v>
      </c>
      <c r="B5251" s="1"/>
      <c r="C5251">
        <v>13</v>
      </c>
      <c r="D5251" t="s">
        <v>11695</v>
      </c>
      <c r="E5251" t="s">
        <v>32496</v>
      </c>
      <c r="F5251">
        <v>4</v>
      </c>
      <c r="G5251" t="s">
        <v>9</v>
      </c>
      <c r="H5251" t="s">
        <v>11696</v>
      </c>
      <c r="I5251" t="s">
        <v>30540</v>
      </c>
    </row>
    <row r="5252" spans="1:9">
      <c r="A5252" s="1">
        <v>0.76497066103802869</v>
      </c>
      <c r="B5252" s="1"/>
      <c r="C5252">
        <v>3</v>
      </c>
      <c r="D5252" t="s">
        <v>11687</v>
      </c>
      <c r="E5252" t="s">
        <v>32496</v>
      </c>
      <c r="F5252">
        <v>4</v>
      </c>
      <c r="G5252" t="s">
        <v>13</v>
      </c>
      <c r="H5252" t="s">
        <v>11688</v>
      </c>
      <c r="I5252" t="s">
        <v>30540</v>
      </c>
    </row>
    <row r="5253" spans="1:9">
      <c r="A5253" s="1">
        <v>0.91320427090027756</v>
      </c>
      <c r="B5253" s="1"/>
      <c r="C5253">
        <v>9</v>
      </c>
      <c r="D5253" t="s">
        <v>11691</v>
      </c>
      <c r="E5253" t="s">
        <v>32496</v>
      </c>
      <c r="F5253">
        <v>4</v>
      </c>
      <c r="G5253" t="s">
        <v>1</v>
      </c>
      <c r="H5253" t="s">
        <v>11692</v>
      </c>
      <c r="I5253" t="s">
        <v>30540</v>
      </c>
    </row>
    <row r="5254" spans="1:9">
      <c r="A5254" s="1">
        <v>0.70200393524017979</v>
      </c>
      <c r="B5254" s="1"/>
      <c r="C5254">
        <v>5</v>
      </c>
      <c r="D5254" t="s">
        <v>11689</v>
      </c>
      <c r="E5254" t="s">
        <v>32496</v>
      </c>
      <c r="F5254">
        <v>4</v>
      </c>
      <c r="G5254" t="s">
        <v>13</v>
      </c>
      <c r="H5254" t="s">
        <v>11690</v>
      </c>
      <c r="I5254" t="s">
        <v>30540</v>
      </c>
    </row>
    <row r="5255" spans="1:9">
      <c r="A5255" s="1">
        <v>0.95535753239987675</v>
      </c>
      <c r="B5255" s="1"/>
      <c r="C5255">
        <v>10</v>
      </c>
      <c r="D5255" t="s">
        <v>11693</v>
      </c>
      <c r="E5255" t="s">
        <v>32496</v>
      </c>
      <c r="F5255">
        <v>3</v>
      </c>
      <c r="G5255" t="s">
        <v>14</v>
      </c>
      <c r="H5255" t="s">
        <v>11694</v>
      </c>
      <c r="I5255" t="s">
        <v>30540</v>
      </c>
    </row>
    <row r="5256" spans="1:9">
      <c r="A5256" s="1">
        <v>0.12036060845326413</v>
      </c>
      <c r="B5256" s="1"/>
      <c r="C5256">
        <v>17</v>
      </c>
      <c r="D5256" t="s">
        <v>11683</v>
      </c>
      <c r="E5256" t="s">
        <v>32497</v>
      </c>
      <c r="F5256">
        <v>5</v>
      </c>
      <c r="G5256" t="s">
        <v>14</v>
      </c>
      <c r="H5256" t="s">
        <v>11684</v>
      </c>
      <c r="I5256" t="s">
        <v>30540</v>
      </c>
    </row>
    <row r="5257" spans="1:9">
      <c r="A5257" s="1">
        <v>0.22311999846414243</v>
      </c>
      <c r="B5257" s="1"/>
      <c r="C5257">
        <v>4</v>
      </c>
      <c r="D5257" t="s">
        <v>11681</v>
      </c>
      <c r="E5257" t="s">
        <v>32497</v>
      </c>
      <c r="F5257">
        <v>4</v>
      </c>
      <c r="G5257" t="s">
        <v>762</v>
      </c>
      <c r="H5257" t="s">
        <v>11682</v>
      </c>
      <c r="I5257" t="s">
        <v>30540</v>
      </c>
    </row>
    <row r="5258" spans="1:9">
      <c r="A5258" s="1">
        <v>0.12809345611558487</v>
      </c>
      <c r="B5258" s="1"/>
      <c r="C5258">
        <v>18</v>
      </c>
      <c r="D5258" t="s">
        <v>11685</v>
      </c>
      <c r="E5258" t="s">
        <v>32497</v>
      </c>
      <c r="F5258">
        <v>4</v>
      </c>
      <c r="G5258" t="s">
        <v>0</v>
      </c>
      <c r="H5258" t="s">
        <v>11686</v>
      </c>
      <c r="I5258" t="s">
        <v>30540</v>
      </c>
    </row>
    <row r="5259" spans="1:9">
      <c r="A5259" s="1">
        <v>0.379365933228759</v>
      </c>
      <c r="B5259" s="1"/>
      <c r="C5259">
        <v>2</v>
      </c>
      <c r="D5259" t="s">
        <v>11679</v>
      </c>
      <c r="E5259" t="s">
        <v>32497</v>
      </c>
      <c r="F5259">
        <v>4</v>
      </c>
      <c r="G5259" t="s">
        <v>771</v>
      </c>
      <c r="H5259" t="s">
        <v>11680</v>
      </c>
      <c r="I5259" t="s">
        <v>30540</v>
      </c>
    </row>
    <row r="5260" spans="1:9">
      <c r="A5260" s="1">
        <v>0.97936674796326895</v>
      </c>
      <c r="B5260" s="1"/>
      <c r="C5260">
        <v>7</v>
      </c>
      <c r="D5260" t="s">
        <v>11675</v>
      </c>
      <c r="E5260" t="s">
        <v>32498</v>
      </c>
      <c r="F5260">
        <v>5</v>
      </c>
      <c r="G5260" t="s">
        <v>14</v>
      </c>
      <c r="H5260" t="s">
        <v>11676</v>
      </c>
      <c r="I5260" t="s">
        <v>30540</v>
      </c>
    </row>
    <row r="5261" spans="1:9">
      <c r="A5261" s="1">
        <v>0.99176556287952222</v>
      </c>
      <c r="B5261" s="1"/>
      <c r="C5261">
        <v>4</v>
      </c>
      <c r="D5261" t="s">
        <v>11673</v>
      </c>
      <c r="E5261" t="s">
        <v>32498</v>
      </c>
      <c r="F5261">
        <v>5</v>
      </c>
      <c r="G5261" t="s">
        <v>14</v>
      </c>
      <c r="H5261" t="s">
        <v>11674</v>
      </c>
      <c r="I5261" t="s">
        <v>30540</v>
      </c>
    </row>
    <row r="5262" spans="1:9">
      <c r="A5262" s="1">
        <v>0.74417059519905138</v>
      </c>
      <c r="B5262" s="1"/>
      <c r="C5262">
        <v>11</v>
      </c>
      <c r="D5262" t="s">
        <v>11677</v>
      </c>
      <c r="E5262" t="s">
        <v>32498</v>
      </c>
      <c r="F5262">
        <v>4</v>
      </c>
      <c r="G5262" t="s">
        <v>2</v>
      </c>
      <c r="H5262" t="s">
        <v>11678</v>
      </c>
      <c r="I5262" t="s">
        <v>30540</v>
      </c>
    </row>
    <row r="5263" spans="1:9">
      <c r="A5263" s="1">
        <v>0.60143620075273796</v>
      </c>
      <c r="B5263" s="1"/>
      <c r="C5263">
        <v>2</v>
      </c>
      <c r="D5263" t="s">
        <v>11671</v>
      </c>
      <c r="E5263" t="s">
        <v>32498</v>
      </c>
      <c r="F5263">
        <v>4</v>
      </c>
      <c r="G5263" t="s">
        <v>1</v>
      </c>
      <c r="H5263" t="s">
        <v>11672</v>
      </c>
      <c r="I5263" t="s">
        <v>30540</v>
      </c>
    </row>
    <row r="5264" spans="1:9">
      <c r="A5264" s="1">
        <v>0.62130869452780646</v>
      </c>
      <c r="B5264" s="1"/>
      <c r="C5264">
        <v>9</v>
      </c>
      <c r="D5264" t="s">
        <v>11667</v>
      </c>
      <c r="E5264" t="s">
        <v>32499</v>
      </c>
      <c r="F5264">
        <v>5</v>
      </c>
      <c r="G5264" t="s">
        <v>15</v>
      </c>
      <c r="H5264" t="s">
        <v>11668</v>
      </c>
      <c r="I5264" t="s">
        <v>30540</v>
      </c>
    </row>
    <row r="5265" spans="1:9">
      <c r="A5265" s="1">
        <v>0.98784937590727839</v>
      </c>
      <c r="B5265" s="1"/>
      <c r="C5265">
        <v>2</v>
      </c>
      <c r="D5265" t="s">
        <v>11665</v>
      </c>
      <c r="E5265" t="s">
        <v>32499</v>
      </c>
      <c r="F5265">
        <v>4</v>
      </c>
      <c r="G5265" t="s">
        <v>11507</v>
      </c>
      <c r="H5265" t="s">
        <v>11666</v>
      </c>
      <c r="I5265" t="s">
        <v>30540</v>
      </c>
    </row>
    <row r="5266" spans="1:9">
      <c r="A5266" s="1">
        <v>0.96957180117850039</v>
      </c>
      <c r="B5266" s="1"/>
      <c r="C5266">
        <v>1</v>
      </c>
      <c r="D5266" t="s">
        <v>11663</v>
      </c>
      <c r="E5266" t="s">
        <v>32499</v>
      </c>
      <c r="F5266">
        <v>4</v>
      </c>
      <c r="G5266" t="s">
        <v>2</v>
      </c>
      <c r="H5266" t="s">
        <v>11664</v>
      </c>
      <c r="I5266" t="s">
        <v>30540</v>
      </c>
    </row>
    <row r="5267" spans="1:9">
      <c r="A5267" s="1">
        <v>0.91086385973117623</v>
      </c>
      <c r="B5267" s="1"/>
      <c r="C5267">
        <v>8</v>
      </c>
      <c r="D5267" t="s">
        <v>11661</v>
      </c>
      <c r="E5267" t="s">
        <v>32500</v>
      </c>
      <c r="F5267">
        <v>4</v>
      </c>
      <c r="G5267" t="s">
        <v>14</v>
      </c>
      <c r="H5267" t="s">
        <v>11662</v>
      </c>
      <c r="I5267" t="s">
        <v>30540</v>
      </c>
    </row>
    <row r="5268" spans="1:9">
      <c r="A5268" s="1">
        <v>0.934738379359214</v>
      </c>
      <c r="B5268" s="1"/>
      <c r="C5268">
        <v>4</v>
      </c>
      <c r="D5268" t="s">
        <v>11657</v>
      </c>
      <c r="E5268" t="s">
        <v>32501</v>
      </c>
      <c r="F5268">
        <v>4</v>
      </c>
      <c r="G5268" t="s">
        <v>14</v>
      </c>
      <c r="H5268" t="s">
        <v>11658</v>
      </c>
      <c r="I5268" t="s">
        <v>30540</v>
      </c>
    </row>
    <row r="5269" spans="1:9">
      <c r="A5269" s="1">
        <v>1.6063549641909258E-2</v>
      </c>
      <c r="B5269" s="1"/>
      <c r="C5269">
        <v>12</v>
      </c>
      <c r="D5269" t="s">
        <v>11651</v>
      </c>
      <c r="E5269" t="s">
        <v>32502</v>
      </c>
      <c r="F5269">
        <v>4</v>
      </c>
      <c r="G5269" t="s">
        <v>766</v>
      </c>
      <c r="H5269" t="s">
        <v>11652</v>
      </c>
      <c r="I5269" t="s">
        <v>30540</v>
      </c>
    </row>
    <row r="5270" spans="1:9">
      <c r="A5270" s="1">
        <v>0.19102493856316383</v>
      </c>
      <c r="B5270" s="1"/>
      <c r="C5270">
        <v>15</v>
      </c>
      <c r="D5270" t="s">
        <v>11653</v>
      </c>
      <c r="E5270" t="s">
        <v>32502</v>
      </c>
      <c r="F5270">
        <v>4</v>
      </c>
      <c r="G5270" t="s">
        <v>0</v>
      </c>
      <c r="H5270" t="s">
        <v>11654</v>
      </c>
      <c r="I5270" t="s">
        <v>30540</v>
      </c>
    </row>
    <row r="5271" spans="1:9">
      <c r="A5271" s="1">
        <v>0.64218037960010399</v>
      </c>
      <c r="B5271" s="1"/>
      <c r="C5271">
        <v>12</v>
      </c>
      <c r="D5271" t="s">
        <v>11647</v>
      </c>
      <c r="E5271" t="s">
        <v>32503</v>
      </c>
      <c r="F5271">
        <v>5</v>
      </c>
      <c r="G5271" t="s">
        <v>14</v>
      </c>
      <c r="H5271" t="s">
        <v>11648</v>
      </c>
      <c r="I5271" t="s">
        <v>30540</v>
      </c>
    </row>
    <row r="5272" spans="1:9">
      <c r="A5272" s="1">
        <v>0.50937912213827052</v>
      </c>
      <c r="B5272" s="1"/>
      <c r="C5272">
        <v>13</v>
      </c>
      <c r="D5272" t="s">
        <v>11649</v>
      </c>
      <c r="E5272" t="s">
        <v>32503</v>
      </c>
      <c r="F5272">
        <v>5</v>
      </c>
      <c r="G5272" t="s">
        <v>9</v>
      </c>
      <c r="H5272" t="s">
        <v>11650</v>
      </c>
      <c r="I5272" t="s">
        <v>30540</v>
      </c>
    </row>
    <row r="5273" spans="1:9">
      <c r="A5273" s="1">
        <v>8.8314322060402128E-2</v>
      </c>
      <c r="B5273" s="1"/>
      <c r="C5273">
        <v>2</v>
      </c>
      <c r="D5273" t="s">
        <v>11645</v>
      </c>
      <c r="E5273" t="s">
        <v>32503</v>
      </c>
      <c r="F5273">
        <v>5</v>
      </c>
      <c r="G5273" t="s">
        <v>14</v>
      </c>
      <c r="H5273" t="s">
        <v>11646</v>
      </c>
      <c r="I5273" t="s">
        <v>30540</v>
      </c>
    </row>
    <row r="5274" spans="1:9">
      <c r="A5274" s="1">
        <v>0.83515074995506777</v>
      </c>
      <c r="B5274" s="1"/>
      <c r="C5274">
        <v>6</v>
      </c>
      <c r="D5274" t="s">
        <v>11639</v>
      </c>
      <c r="E5274" t="s">
        <v>32504</v>
      </c>
      <c r="F5274">
        <v>4</v>
      </c>
      <c r="G5274" t="s">
        <v>1</v>
      </c>
      <c r="H5274" t="s">
        <v>11640</v>
      </c>
      <c r="I5274" t="s">
        <v>30540</v>
      </c>
    </row>
    <row r="5275" spans="1:9">
      <c r="A5275" s="1">
        <v>0.72148378190402074</v>
      </c>
      <c r="B5275" s="1"/>
      <c r="C5275">
        <v>3</v>
      </c>
      <c r="D5275" t="s">
        <v>11637</v>
      </c>
      <c r="E5275" t="s">
        <v>32504</v>
      </c>
      <c r="F5275">
        <v>4</v>
      </c>
      <c r="G5275" t="s">
        <v>2</v>
      </c>
      <c r="H5275" t="s">
        <v>11638</v>
      </c>
      <c r="I5275" t="s">
        <v>30540</v>
      </c>
    </row>
    <row r="5276" spans="1:9">
      <c r="A5276" s="1">
        <v>0.28336585581680085</v>
      </c>
      <c r="B5276" s="1"/>
      <c r="C5276">
        <v>10</v>
      </c>
      <c r="D5276" t="s">
        <v>11641</v>
      </c>
      <c r="E5276" t="s">
        <v>32504</v>
      </c>
      <c r="F5276">
        <v>4</v>
      </c>
      <c r="G5276" t="s">
        <v>11302</v>
      </c>
      <c r="H5276" t="s">
        <v>11642</v>
      </c>
      <c r="I5276" t="s">
        <v>30540</v>
      </c>
    </row>
    <row r="5277" spans="1:9">
      <c r="A5277" s="1">
        <v>0.50901640368444834</v>
      </c>
      <c r="B5277" s="1"/>
      <c r="C5277">
        <v>18</v>
      </c>
      <c r="D5277" t="s">
        <v>11643</v>
      </c>
      <c r="E5277" t="s">
        <v>32504</v>
      </c>
      <c r="F5277">
        <v>4</v>
      </c>
      <c r="G5277" t="s">
        <v>14</v>
      </c>
      <c r="H5277" t="s">
        <v>11644</v>
      </c>
      <c r="I5277" t="s">
        <v>30540</v>
      </c>
    </row>
    <row r="5278" spans="1:9">
      <c r="A5278" s="1">
        <v>5.1895326812476439E-2</v>
      </c>
      <c r="B5278" s="1"/>
      <c r="C5278">
        <v>1</v>
      </c>
      <c r="D5278" t="s">
        <v>11635</v>
      </c>
      <c r="E5278" t="s">
        <v>32505</v>
      </c>
      <c r="F5278">
        <v>3</v>
      </c>
      <c r="G5278" t="s">
        <v>14</v>
      </c>
      <c r="H5278" t="s">
        <v>11636</v>
      </c>
      <c r="I5278" t="s">
        <v>30540</v>
      </c>
    </row>
    <row r="5279" spans="1:9">
      <c r="A5279" s="1">
        <v>0.74797974308780191</v>
      </c>
      <c r="B5279" s="1"/>
      <c r="C5279">
        <v>12</v>
      </c>
      <c r="D5279" t="s">
        <v>11631</v>
      </c>
      <c r="E5279" t="s">
        <v>32506</v>
      </c>
      <c r="F5279">
        <v>5</v>
      </c>
      <c r="G5279" t="s">
        <v>0</v>
      </c>
      <c r="H5279" t="s">
        <v>11632</v>
      </c>
      <c r="I5279" t="s">
        <v>30540</v>
      </c>
    </row>
    <row r="5280" spans="1:9">
      <c r="A5280" s="1">
        <v>0.47665493593959463</v>
      </c>
      <c r="B5280" s="1"/>
      <c r="C5280">
        <v>2</v>
      </c>
      <c r="D5280" t="s">
        <v>11629</v>
      </c>
      <c r="E5280" t="s">
        <v>32506</v>
      </c>
      <c r="F5280">
        <v>3</v>
      </c>
      <c r="G5280" t="s">
        <v>13</v>
      </c>
      <c r="H5280" t="s">
        <v>11630</v>
      </c>
      <c r="I5280" t="s">
        <v>30540</v>
      </c>
    </row>
    <row r="5281" spans="1:9">
      <c r="A5281" s="1">
        <v>0.25147220113534052</v>
      </c>
      <c r="B5281" s="1"/>
      <c r="C5281">
        <v>18</v>
      </c>
      <c r="D5281" t="s">
        <v>11627</v>
      </c>
      <c r="E5281" t="s">
        <v>32507</v>
      </c>
      <c r="F5281">
        <v>4</v>
      </c>
      <c r="G5281" t="s">
        <v>14</v>
      </c>
      <c r="H5281" t="s">
        <v>11628</v>
      </c>
      <c r="I5281" t="s">
        <v>30540</v>
      </c>
    </row>
    <row r="5282" spans="1:9">
      <c r="A5282" s="1">
        <v>0.99948348024052158</v>
      </c>
      <c r="B5282" s="1"/>
      <c r="C5282">
        <v>4</v>
      </c>
      <c r="D5282" t="s">
        <v>11625</v>
      </c>
      <c r="E5282" t="s">
        <v>32507</v>
      </c>
      <c r="F5282">
        <v>4</v>
      </c>
      <c r="G5282" t="s">
        <v>770</v>
      </c>
      <c r="H5282" t="s">
        <v>11626</v>
      </c>
      <c r="I5282" t="s">
        <v>30540</v>
      </c>
    </row>
    <row r="5283" spans="1:9">
      <c r="A5283" s="1">
        <v>0.22213686630270069</v>
      </c>
      <c r="B5283" s="1"/>
      <c r="C5283">
        <v>3</v>
      </c>
      <c r="D5283" t="s">
        <v>11623</v>
      </c>
      <c r="E5283" t="s">
        <v>32507</v>
      </c>
      <c r="F5283">
        <v>4</v>
      </c>
      <c r="G5283" t="s">
        <v>14</v>
      </c>
      <c r="H5283" t="s">
        <v>11624</v>
      </c>
      <c r="I5283" t="s">
        <v>30540</v>
      </c>
    </row>
    <row r="5284" spans="1:9">
      <c r="A5284" s="1">
        <v>0.71499175045914798</v>
      </c>
      <c r="B5284" s="1"/>
      <c r="C5284">
        <v>3</v>
      </c>
      <c r="D5284" t="s">
        <v>11617</v>
      </c>
      <c r="E5284" t="s">
        <v>32508</v>
      </c>
      <c r="F5284">
        <v>4</v>
      </c>
      <c r="G5284" t="s">
        <v>2</v>
      </c>
      <c r="H5284" t="s">
        <v>11618</v>
      </c>
      <c r="I5284" t="s">
        <v>30540</v>
      </c>
    </row>
    <row r="5285" spans="1:9">
      <c r="A5285" s="1">
        <v>7.3019779554864717E-2</v>
      </c>
      <c r="B5285" s="1"/>
      <c r="C5285">
        <v>7</v>
      </c>
      <c r="D5285" t="s">
        <v>11619</v>
      </c>
      <c r="E5285" t="s">
        <v>32508</v>
      </c>
      <c r="F5285">
        <v>4</v>
      </c>
      <c r="G5285" t="s">
        <v>14</v>
      </c>
      <c r="H5285" t="s">
        <v>11620</v>
      </c>
      <c r="I5285" t="s">
        <v>30540</v>
      </c>
    </row>
    <row r="5286" spans="1:9">
      <c r="A5286" s="1">
        <v>0.52352985751715808</v>
      </c>
      <c r="B5286" s="1"/>
      <c r="C5286">
        <v>8</v>
      </c>
      <c r="D5286" t="s">
        <v>11621</v>
      </c>
      <c r="E5286" t="s">
        <v>32508</v>
      </c>
      <c r="F5286">
        <v>4</v>
      </c>
      <c r="G5286" t="s">
        <v>14</v>
      </c>
      <c r="H5286" t="s">
        <v>11622</v>
      </c>
      <c r="I5286" t="s">
        <v>30540</v>
      </c>
    </row>
    <row r="5287" spans="1:9">
      <c r="A5287" s="1">
        <v>0.6020599597191274</v>
      </c>
      <c r="B5287" s="1"/>
      <c r="C5287">
        <v>19</v>
      </c>
      <c r="D5287" t="s">
        <v>11615</v>
      </c>
      <c r="E5287" t="s">
        <v>32509</v>
      </c>
      <c r="F5287">
        <v>5</v>
      </c>
      <c r="G5287" t="s">
        <v>14</v>
      </c>
      <c r="H5287" t="s">
        <v>11616</v>
      </c>
      <c r="I5287" t="s">
        <v>30540</v>
      </c>
    </row>
    <row r="5288" spans="1:9">
      <c r="A5288" s="1">
        <v>0.94698415962323412</v>
      </c>
      <c r="B5288" s="1"/>
      <c r="C5288">
        <v>11</v>
      </c>
      <c r="D5288" t="s">
        <v>11613</v>
      </c>
      <c r="E5288" t="s">
        <v>32509</v>
      </c>
      <c r="F5288">
        <v>5</v>
      </c>
      <c r="G5288" t="s">
        <v>2</v>
      </c>
      <c r="H5288" t="s">
        <v>11614</v>
      </c>
      <c r="I5288" t="s">
        <v>30540</v>
      </c>
    </row>
    <row r="5289" spans="1:9">
      <c r="A5289" s="1">
        <v>0.11782979665402293</v>
      </c>
      <c r="B5289" s="1"/>
      <c r="C5289">
        <v>5</v>
      </c>
      <c r="D5289" t="s">
        <v>11611</v>
      </c>
      <c r="E5289" t="s">
        <v>32509</v>
      </c>
      <c r="F5289">
        <v>4</v>
      </c>
      <c r="G5289" t="s">
        <v>11302</v>
      </c>
      <c r="H5289" t="s">
        <v>11612</v>
      </c>
      <c r="I5289" t="s">
        <v>30540</v>
      </c>
    </row>
    <row r="5290" spans="1:9">
      <c r="A5290" s="1">
        <v>0.21295051979287938</v>
      </c>
      <c r="B5290" s="1"/>
      <c r="C5290">
        <v>1</v>
      </c>
      <c r="D5290" t="s">
        <v>11605</v>
      </c>
      <c r="E5290" t="s">
        <v>32510</v>
      </c>
      <c r="F5290">
        <v>4</v>
      </c>
      <c r="G5290" t="s">
        <v>2</v>
      </c>
      <c r="H5290" t="s">
        <v>11606</v>
      </c>
      <c r="I5290" t="s">
        <v>30540</v>
      </c>
    </row>
    <row r="5291" spans="1:9">
      <c r="A5291" s="1">
        <v>0.91233404242122895</v>
      </c>
      <c r="B5291" s="1"/>
      <c r="C5291">
        <v>14</v>
      </c>
      <c r="D5291" t="s">
        <v>11601</v>
      </c>
      <c r="E5291" t="s">
        <v>32511</v>
      </c>
      <c r="F5291">
        <v>5</v>
      </c>
      <c r="G5291" t="s">
        <v>14</v>
      </c>
      <c r="H5291" t="s">
        <v>11602</v>
      </c>
      <c r="I5291" t="s">
        <v>30540</v>
      </c>
    </row>
    <row r="5292" spans="1:9">
      <c r="A5292" s="1">
        <v>0.57404886793515009</v>
      </c>
      <c r="B5292" s="1"/>
      <c r="C5292">
        <v>1</v>
      </c>
      <c r="D5292" t="s">
        <v>11597</v>
      </c>
      <c r="E5292" t="s">
        <v>32511</v>
      </c>
      <c r="F5292">
        <v>4</v>
      </c>
      <c r="G5292" t="s">
        <v>15</v>
      </c>
      <c r="H5292" t="s">
        <v>11598</v>
      </c>
      <c r="I5292" t="s">
        <v>30540</v>
      </c>
    </row>
    <row r="5293" spans="1:9">
      <c r="A5293" s="1">
        <v>0.16178718747708143</v>
      </c>
      <c r="B5293" s="1"/>
      <c r="C5293">
        <v>8</v>
      </c>
      <c r="D5293" t="s">
        <v>11599</v>
      </c>
      <c r="E5293" t="s">
        <v>32511</v>
      </c>
      <c r="F5293">
        <v>4</v>
      </c>
      <c r="G5293" t="s">
        <v>14</v>
      </c>
      <c r="H5293" t="s">
        <v>11600</v>
      </c>
      <c r="I5293" t="s">
        <v>30540</v>
      </c>
    </row>
    <row r="5294" spans="1:9">
      <c r="A5294" s="1">
        <v>3.3341554122722772E-2</v>
      </c>
      <c r="B5294" s="1"/>
      <c r="C5294">
        <v>17</v>
      </c>
      <c r="D5294" t="s">
        <v>11603</v>
      </c>
      <c r="E5294" t="s">
        <v>32511</v>
      </c>
      <c r="F5294">
        <v>4</v>
      </c>
      <c r="G5294" t="s">
        <v>14</v>
      </c>
      <c r="H5294" t="s">
        <v>11604</v>
      </c>
      <c r="I5294" t="s">
        <v>30540</v>
      </c>
    </row>
    <row r="5295" spans="1:9">
      <c r="A5295" s="1">
        <v>0.81246358497799942</v>
      </c>
      <c r="B5295" s="1"/>
      <c r="C5295">
        <v>20</v>
      </c>
      <c r="D5295" t="s">
        <v>11595</v>
      </c>
      <c r="E5295" t="s">
        <v>32512</v>
      </c>
      <c r="F5295">
        <v>4</v>
      </c>
      <c r="G5295" t="s">
        <v>14</v>
      </c>
      <c r="H5295" t="s">
        <v>11596</v>
      </c>
      <c r="I5295" t="s">
        <v>30540</v>
      </c>
    </row>
    <row r="5296" spans="1:9">
      <c r="A5296" s="1">
        <v>0.78692832157978398</v>
      </c>
      <c r="B5296" s="1"/>
      <c r="C5296">
        <v>9</v>
      </c>
      <c r="D5296" t="s">
        <v>11593</v>
      </c>
      <c r="E5296" t="s">
        <v>32512</v>
      </c>
      <c r="F5296">
        <v>4</v>
      </c>
      <c r="G5296" t="s">
        <v>0</v>
      </c>
      <c r="H5296" t="s">
        <v>11594</v>
      </c>
      <c r="I5296" t="s">
        <v>30540</v>
      </c>
    </row>
    <row r="5297" spans="1:9">
      <c r="A5297" s="1">
        <v>0.65683040506245671</v>
      </c>
      <c r="B5297" s="1"/>
      <c r="C5297">
        <v>12</v>
      </c>
      <c r="D5297" t="s">
        <v>11591</v>
      </c>
      <c r="E5297" t="s">
        <v>32513</v>
      </c>
      <c r="F5297">
        <v>5</v>
      </c>
      <c r="G5297" t="s">
        <v>14</v>
      </c>
      <c r="H5297" t="s">
        <v>11592</v>
      </c>
      <c r="I5297" t="s">
        <v>30540</v>
      </c>
    </row>
    <row r="5298" spans="1:9">
      <c r="A5298" s="1">
        <v>0.92958602290021541</v>
      </c>
      <c r="B5298" s="1"/>
      <c r="C5298">
        <v>5</v>
      </c>
      <c r="D5298" t="s">
        <v>11575</v>
      </c>
      <c r="E5298" t="s">
        <v>32514</v>
      </c>
      <c r="F5298">
        <v>5</v>
      </c>
      <c r="G5298" t="s">
        <v>0</v>
      </c>
      <c r="H5298" t="s">
        <v>11576</v>
      </c>
      <c r="I5298" t="s">
        <v>30540</v>
      </c>
    </row>
    <row r="5299" spans="1:9">
      <c r="A5299" s="1">
        <v>0.90155275922702027</v>
      </c>
      <c r="B5299" s="1"/>
      <c r="C5299">
        <v>20</v>
      </c>
      <c r="D5299" t="s">
        <v>11585</v>
      </c>
      <c r="E5299" t="s">
        <v>32514</v>
      </c>
      <c r="F5299">
        <v>4</v>
      </c>
      <c r="G5299" t="s">
        <v>2</v>
      </c>
      <c r="H5299" t="s">
        <v>11586</v>
      </c>
      <c r="I5299" t="s">
        <v>30540</v>
      </c>
    </row>
    <row r="5300" spans="1:9">
      <c r="A5300" s="1">
        <v>0.83236554606010138</v>
      </c>
      <c r="B5300" s="1"/>
      <c r="C5300">
        <v>17</v>
      </c>
      <c r="D5300" t="s">
        <v>11583</v>
      </c>
      <c r="E5300" t="s">
        <v>32514</v>
      </c>
      <c r="F5300">
        <v>4</v>
      </c>
      <c r="G5300" t="s">
        <v>13</v>
      </c>
      <c r="H5300" t="s">
        <v>11584</v>
      </c>
      <c r="I5300" t="s">
        <v>30540</v>
      </c>
    </row>
    <row r="5301" spans="1:9">
      <c r="A5301" s="1">
        <v>0.42826587274186334</v>
      </c>
      <c r="B5301" s="1"/>
      <c r="C5301">
        <v>8</v>
      </c>
      <c r="D5301" t="s">
        <v>11577</v>
      </c>
      <c r="E5301" t="s">
        <v>32514</v>
      </c>
      <c r="F5301">
        <v>4</v>
      </c>
      <c r="G5301" t="s">
        <v>2</v>
      </c>
      <c r="H5301" t="s">
        <v>11578</v>
      </c>
      <c r="I5301" t="s">
        <v>30540</v>
      </c>
    </row>
    <row r="5302" spans="1:9">
      <c r="A5302" s="1">
        <v>0.83056985019019747</v>
      </c>
      <c r="B5302" s="1"/>
      <c r="C5302">
        <v>4</v>
      </c>
      <c r="D5302" t="s">
        <v>11573</v>
      </c>
      <c r="E5302" t="s">
        <v>32515</v>
      </c>
      <c r="F5302">
        <v>5</v>
      </c>
      <c r="G5302" t="s">
        <v>0</v>
      </c>
      <c r="H5302" t="s">
        <v>11574</v>
      </c>
      <c r="I5302" t="s">
        <v>30540</v>
      </c>
    </row>
    <row r="5303" spans="1:9">
      <c r="A5303" s="1">
        <v>0.20351090109427661</v>
      </c>
      <c r="B5303" s="1"/>
      <c r="C5303">
        <v>3</v>
      </c>
      <c r="D5303" t="s">
        <v>11571</v>
      </c>
      <c r="E5303" t="s">
        <v>32515</v>
      </c>
      <c r="F5303">
        <v>4</v>
      </c>
      <c r="G5303" t="s">
        <v>0</v>
      </c>
      <c r="H5303" t="s">
        <v>11572</v>
      </c>
      <c r="I5303" t="s">
        <v>30540</v>
      </c>
    </row>
    <row r="5304" spans="1:9">
      <c r="A5304" s="1">
        <v>3.3375747471101724E-2</v>
      </c>
      <c r="B5304" s="1"/>
      <c r="C5304">
        <v>2</v>
      </c>
      <c r="D5304" t="s">
        <v>11561</v>
      </c>
      <c r="E5304" t="s">
        <v>32516</v>
      </c>
      <c r="F5304">
        <v>5</v>
      </c>
      <c r="G5304" t="s">
        <v>9</v>
      </c>
      <c r="H5304" t="s">
        <v>11562</v>
      </c>
      <c r="I5304" t="s">
        <v>30540</v>
      </c>
    </row>
    <row r="5305" spans="1:9">
      <c r="A5305" s="1">
        <v>0.59978040761579177</v>
      </c>
      <c r="B5305" s="1"/>
      <c r="C5305">
        <v>4</v>
      </c>
      <c r="D5305" t="s">
        <v>11563</v>
      </c>
      <c r="E5305" t="s">
        <v>32516</v>
      </c>
      <c r="F5305">
        <v>4</v>
      </c>
      <c r="G5305" t="s">
        <v>13</v>
      </c>
      <c r="H5305" t="s">
        <v>11564</v>
      </c>
      <c r="I5305" t="s">
        <v>30540</v>
      </c>
    </row>
    <row r="5306" spans="1:9">
      <c r="A5306" s="1">
        <v>0.55451623899190972</v>
      </c>
      <c r="B5306" s="1"/>
      <c r="C5306">
        <v>8</v>
      </c>
      <c r="D5306" t="s">
        <v>11565</v>
      </c>
      <c r="E5306" t="s">
        <v>32516</v>
      </c>
      <c r="F5306">
        <v>4</v>
      </c>
      <c r="G5306" t="s">
        <v>14</v>
      </c>
      <c r="H5306" t="s">
        <v>11566</v>
      </c>
      <c r="I5306" t="s">
        <v>30540</v>
      </c>
    </row>
    <row r="5307" spans="1:9">
      <c r="A5307" s="1">
        <v>0.25383289932378161</v>
      </c>
      <c r="B5307" s="1"/>
      <c r="C5307">
        <v>1</v>
      </c>
      <c r="D5307" t="s">
        <v>11559</v>
      </c>
      <c r="E5307" t="s">
        <v>32516</v>
      </c>
      <c r="F5307">
        <v>4</v>
      </c>
      <c r="G5307" t="s">
        <v>2</v>
      </c>
      <c r="H5307" t="s">
        <v>11560</v>
      </c>
      <c r="I5307" t="s">
        <v>30540</v>
      </c>
    </row>
    <row r="5308" spans="1:9">
      <c r="A5308" s="1">
        <v>0.30812314552451869</v>
      </c>
      <c r="B5308" s="1"/>
      <c r="C5308">
        <v>13</v>
      </c>
      <c r="D5308" t="s">
        <v>11569</v>
      </c>
      <c r="E5308" t="s">
        <v>32516</v>
      </c>
      <c r="F5308">
        <v>4</v>
      </c>
      <c r="G5308" t="s">
        <v>14</v>
      </c>
      <c r="H5308" t="s">
        <v>11570</v>
      </c>
      <c r="I5308" t="s">
        <v>30540</v>
      </c>
    </row>
    <row r="5309" spans="1:9">
      <c r="A5309" s="1">
        <v>0.89501243538603503</v>
      </c>
      <c r="B5309" s="1"/>
      <c r="C5309">
        <v>12</v>
      </c>
      <c r="D5309" t="s">
        <v>11567</v>
      </c>
      <c r="E5309" t="s">
        <v>32516</v>
      </c>
      <c r="F5309">
        <v>4</v>
      </c>
      <c r="G5309" t="s">
        <v>14</v>
      </c>
      <c r="H5309" t="s">
        <v>11568</v>
      </c>
      <c r="I5309" t="s">
        <v>30540</v>
      </c>
    </row>
    <row r="5310" spans="1:9">
      <c r="A5310" s="1">
        <v>0.76142170714524937</v>
      </c>
      <c r="B5310" s="1"/>
      <c r="C5310">
        <v>1</v>
      </c>
      <c r="D5310" t="s">
        <v>11551</v>
      </c>
      <c r="E5310" t="s">
        <v>32517</v>
      </c>
      <c r="F5310">
        <v>4</v>
      </c>
      <c r="G5310" t="s">
        <v>15</v>
      </c>
      <c r="H5310" t="s">
        <v>11552</v>
      </c>
      <c r="I5310" t="s">
        <v>30540</v>
      </c>
    </row>
    <row r="5311" spans="1:9">
      <c r="A5311" s="1">
        <v>7.0770222258859095E-3</v>
      </c>
      <c r="B5311" s="1"/>
      <c r="C5311">
        <v>9</v>
      </c>
      <c r="D5311" t="s">
        <v>11553</v>
      </c>
      <c r="E5311" t="s">
        <v>32517</v>
      </c>
      <c r="F5311">
        <v>4</v>
      </c>
      <c r="G5311" t="s">
        <v>2</v>
      </c>
      <c r="H5311" t="s">
        <v>11554</v>
      </c>
      <c r="I5311" t="s">
        <v>30540</v>
      </c>
    </row>
    <row r="5312" spans="1:9">
      <c r="A5312" s="1">
        <v>0.32937522444500256</v>
      </c>
      <c r="B5312" s="1"/>
      <c r="C5312">
        <v>17</v>
      </c>
      <c r="D5312" t="s">
        <v>11557</v>
      </c>
      <c r="E5312" t="s">
        <v>32517</v>
      </c>
      <c r="F5312">
        <v>3</v>
      </c>
      <c r="G5312" t="s">
        <v>10</v>
      </c>
      <c r="H5312" t="s">
        <v>11558</v>
      </c>
      <c r="I5312" t="s">
        <v>30540</v>
      </c>
    </row>
    <row r="5313" spans="1:9">
      <c r="A5313" s="1">
        <v>0.51992312358802617</v>
      </c>
      <c r="B5313" s="1"/>
      <c r="C5313">
        <v>4</v>
      </c>
      <c r="D5313" t="s">
        <v>11547</v>
      </c>
      <c r="E5313" t="s">
        <v>32518</v>
      </c>
      <c r="F5313">
        <v>5</v>
      </c>
      <c r="G5313" t="s">
        <v>14</v>
      </c>
      <c r="H5313" t="s">
        <v>11548</v>
      </c>
      <c r="I5313" t="s">
        <v>30540</v>
      </c>
    </row>
    <row r="5314" spans="1:9">
      <c r="A5314" s="1">
        <v>0.47539070303064701</v>
      </c>
      <c r="B5314" s="1"/>
      <c r="C5314">
        <v>3</v>
      </c>
      <c r="D5314" t="s">
        <v>11545</v>
      </c>
      <c r="E5314" t="s">
        <v>32518</v>
      </c>
      <c r="F5314">
        <v>4</v>
      </c>
      <c r="G5314" t="s">
        <v>13</v>
      </c>
      <c r="H5314" t="s">
        <v>11546</v>
      </c>
      <c r="I5314" t="s">
        <v>30540</v>
      </c>
    </row>
    <row r="5315" spans="1:9">
      <c r="A5315" s="1">
        <v>7.8891100718128215E-2</v>
      </c>
      <c r="B5315" s="1"/>
      <c r="C5315">
        <v>2</v>
      </c>
      <c r="D5315" t="s">
        <v>11537</v>
      </c>
      <c r="E5315" t="s">
        <v>32519</v>
      </c>
      <c r="F5315">
        <v>4</v>
      </c>
      <c r="G5315" t="s">
        <v>11426</v>
      </c>
      <c r="H5315" t="s">
        <v>11538</v>
      </c>
      <c r="I5315" t="s">
        <v>30540</v>
      </c>
    </row>
    <row r="5316" spans="1:9">
      <c r="A5316" s="1">
        <v>0.40060715010519377</v>
      </c>
      <c r="B5316" s="1"/>
      <c r="C5316">
        <v>13</v>
      </c>
      <c r="D5316" t="s">
        <v>11543</v>
      </c>
      <c r="E5316" t="s">
        <v>32519</v>
      </c>
      <c r="F5316">
        <v>4</v>
      </c>
      <c r="G5316" t="s">
        <v>2</v>
      </c>
      <c r="H5316" t="s">
        <v>11544</v>
      </c>
      <c r="I5316" t="s">
        <v>30540</v>
      </c>
    </row>
    <row r="5317" spans="1:9">
      <c r="A5317" s="1">
        <v>0.9460395078847349</v>
      </c>
      <c r="B5317" s="1"/>
      <c r="C5317">
        <v>11</v>
      </c>
      <c r="D5317" t="s">
        <v>11541</v>
      </c>
      <c r="E5317" t="s">
        <v>32519</v>
      </c>
      <c r="F5317">
        <v>4</v>
      </c>
      <c r="G5317" t="s">
        <v>2</v>
      </c>
      <c r="H5317" t="s">
        <v>11542</v>
      </c>
      <c r="I5317" t="s">
        <v>30540</v>
      </c>
    </row>
    <row r="5318" spans="1:9">
      <c r="A5318" s="1">
        <v>0.275305195055221</v>
      </c>
      <c r="B5318" s="1"/>
      <c r="C5318">
        <v>2</v>
      </c>
      <c r="D5318" t="s">
        <v>11535</v>
      </c>
      <c r="E5318" t="s">
        <v>32520</v>
      </c>
      <c r="F5318">
        <v>5</v>
      </c>
      <c r="G5318" t="s">
        <v>0</v>
      </c>
      <c r="H5318" t="s">
        <v>11536</v>
      </c>
      <c r="I5318" t="s">
        <v>30540</v>
      </c>
    </row>
    <row r="5319" spans="1:9">
      <c r="A5319" s="1">
        <v>0.59877292641202151</v>
      </c>
      <c r="B5319" s="1"/>
      <c r="C5319">
        <v>6</v>
      </c>
      <c r="D5319" t="s">
        <v>11531</v>
      </c>
      <c r="E5319" t="s">
        <v>32521</v>
      </c>
      <c r="F5319">
        <v>5</v>
      </c>
      <c r="G5319" t="s">
        <v>14</v>
      </c>
      <c r="H5319" t="s">
        <v>11532</v>
      </c>
      <c r="I5319" t="s">
        <v>30540</v>
      </c>
    </row>
    <row r="5320" spans="1:9">
      <c r="A5320" s="1">
        <v>0.25149261933524092</v>
      </c>
      <c r="B5320" s="1"/>
      <c r="C5320">
        <v>9</v>
      </c>
      <c r="D5320" t="s">
        <v>11533</v>
      </c>
      <c r="E5320" t="s">
        <v>32521</v>
      </c>
      <c r="F5320">
        <v>5</v>
      </c>
      <c r="G5320" t="s">
        <v>14</v>
      </c>
      <c r="H5320" t="s">
        <v>11534</v>
      </c>
      <c r="I5320" t="s">
        <v>30540</v>
      </c>
    </row>
    <row r="5321" spans="1:9">
      <c r="A5321" s="1">
        <v>0.83820975677222964</v>
      </c>
      <c r="B5321" s="1"/>
      <c r="C5321">
        <v>15</v>
      </c>
      <c r="D5321" t="s">
        <v>11529</v>
      </c>
      <c r="E5321" t="s">
        <v>32522</v>
      </c>
      <c r="F5321">
        <v>4</v>
      </c>
      <c r="G5321" t="s">
        <v>14</v>
      </c>
      <c r="H5321" t="s">
        <v>11530</v>
      </c>
      <c r="I5321" t="s">
        <v>30540</v>
      </c>
    </row>
    <row r="5322" spans="1:9">
      <c r="A5322" s="1">
        <v>0.73953498423100916</v>
      </c>
      <c r="B5322" s="1"/>
      <c r="C5322">
        <v>4</v>
      </c>
      <c r="D5322" t="s">
        <v>11527</v>
      </c>
      <c r="E5322" t="s">
        <v>32522</v>
      </c>
      <c r="F5322">
        <v>4</v>
      </c>
      <c r="G5322" t="s">
        <v>2</v>
      </c>
      <c r="H5322" t="s">
        <v>11528</v>
      </c>
      <c r="I5322" t="s">
        <v>30540</v>
      </c>
    </row>
    <row r="5323" spans="1:9">
      <c r="A5323" s="1">
        <v>0.80867951751314149</v>
      </c>
      <c r="B5323" s="1"/>
      <c r="C5323">
        <v>3</v>
      </c>
      <c r="D5323" t="s">
        <v>11521</v>
      </c>
      <c r="E5323" t="s">
        <v>32523</v>
      </c>
      <c r="F5323">
        <v>5</v>
      </c>
      <c r="G5323" t="s">
        <v>13</v>
      </c>
      <c r="H5323" t="s">
        <v>11522</v>
      </c>
      <c r="I5323" t="s">
        <v>30540</v>
      </c>
    </row>
    <row r="5324" spans="1:9">
      <c r="A5324" s="1">
        <v>0.77302827907025695</v>
      </c>
      <c r="B5324" s="1"/>
      <c r="C5324">
        <v>13</v>
      </c>
      <c r="D5324" t="s">
        <v>11525</v>
      </c>
      <c r="E5324" t="s">
        <v>32523</v>
      </c>
      <c r="F5324">
        <v>5</v>
      </c>
      <c r="G5324" t="s">
        <v>15</v>
      </c>
      <c r="H5324" t="s">
        <v>11526</v>
      </c>
      <c r="I5324" t="s">
        <v>30540</v>
      </c>
    </row>
    <row r="5325" spans="1:9">
      <c r="A5325" s="1">
        <v>0.80016004294926923</v>
      </c>
      <c r="B5325" s="1"/>
      <c r="C5325">
        <v>10</v>
      </c>
      <c r="D5325" t="s">
        <v>11523</v>
      </c>
      <c r="E5325" t="s">
        <v>32523</v>
      </c>
      <c r="F5325">
        <v>4</v>
      </c>
      <c r="G5325" t="s">
        <v>14</v>
      </c>
      <c r="H5325" t="s">
        <v>11524</v>
      </c>
      <c r="I5325" t="s">
        <v>30540</v>
      </c>
    </row>
    <row r="5326" spans="1:9">
      <c r="A5326" s="1">
        <v>0.68903515720240027</v>
      </c>
      <c r="B5326" s="1"/>
      <c r="C5326">
        <v>1</v>
      </c>
      <c r="D5326" t="s">
        <v>11519</v>
      </c>
      <c r="E5326" t="s">
        <v>32523</v>
      </c>
      <c r="F5326">
        <v>4</v>
      </c>
      <c r="G5326" t="s">
        <v>0</v>
      </c>
      <c r="H5326" t="s">
        <v>11520</v>
      </c>
      <c r="I5326" t="s">
        <v>30540</v>
      </c>
    </row>
    <row r="5327" spans="1:9">
      <c r="A5327" s="1">
        <v>0.7711566099987599</v>
      </c>
      <c r="B5327" s="1"/>
      <c r="C5327">
        <v>14</v>
      </c>
      <c r="D5327" t="s">
        <v>11512</v>
      </c>
      <c r="E5327" t="s">
        <v>32524</v>
      </c>
      <c r="F5327">
        <v>5</v>
      </c>
      <c r="G5327" t="s">
        <v>13</v>
      </c>
      <c r="H5327" t="s">
        <v>11513</v>
      </c>
      <c r="I5327" t="s">
        <v>30540</v>
      </c>
    </row>
    <row r="5328" spans="1:9">
      <c r="A5328" s="1">
        <v>1.1920692920665554E-2</v>
      </c>
      <c r="B5328" s="1"/>
      <c r="C5328">
        <v>16</v>
      </c>
      <c r="D5328" t="s">
        <v>11514</v>
      </c>
      <c r="E5328" t="s">
        <v>32524</v>
      </c>
      <c r="F5328">
        <v>5</v>
      </c>
      <c r="G5328" t="s">
        <v>2</v>
      </c>
      <c r="H5328" t="s">
        <v>11515</v>
      </c>
      <c r="I5328" t="s">
        <v>30540</v>
      </c>
    </row>
    <row r="5329" spans="1:9">
      <c r="A5329" s="1">
        <v>0.37908426638465376</v>
      </c>
      <c r="B5329" s="1"/>
      <c r="C5329">
        <v>7</v>
      </c>
      <c r="D5329" t="s">
        <v>11508</v>
      </c>
      <c r="E5329" t="s">
        <v>32524</v>
      </c>
      <c r="F5329">
        <v>4</v>
      </c>
      <c r="G5329" t="s">
        <v>13</v>
      </c>
      <c r="H5329" t="s">
        <v>11509</v>
      </c>
      <c r="I5329" t="s">
        <v>30540</v>
      </c>
    </row>
    <row r="5330" spans="1:9">
      <c r="A5330" s="1">
        <v>5.4651638819962489E-2</v>
      </c>
      <c r="B5330" s="1"/>
      <c r="C5330">
        <v>17</v>
      </c>
      <c r="D5330" t="s">
        <v>11516</v>
      </c>
      <c r="E5330" t="s">
        <v>32524</v>
      </c>
      <c r="F5330">
        <v>4</v>
      </c>
      <c r="G5330" t="s">
        <v>0</v>
      </c>
      <c r="H5330" t="s">
        <v>11517</v>
      </c>
      <c r="I5330" t="s">
        <v>30540</v>
      </c>
    </row>
    <row r="5331" spans="1:9">
      <c r="A5331" s="1">
        <v>0.31816814437175378</v>
      </c>
      <c r="B5331" s="1"/>
      <c r="C5331">
        <v>13</v>
      </c>
      <c r="D5331" t="s">
        <v>11510</v>
      </c>
      <c r="E5331" t="s">
        <v>32524</v>
      </c>
      <c r="F5331">
        <v>4</v>
      </c>
      <c r="G5331" t="s">
        <v>2</v>
      </c>
      <c r="H5331" t="s">
        <v>11511</v>
      </c>
      <c r="I5331" t="s">
        <v>30540</v>
      </c>
    </row>
    <row r="5332" spans="1:9">
      <c r="A5332" s="1">
        <v>0.71184020474799714</v>
      </c>
      <c r="B5332" s="1"/>
      <c r="C5332">
        <v>11</v>
      </c>
      <c r="D5332" t="s">
        <v>11505</v>
      </c>
      <c r="E5332" t="s">
        <v>32525</v>
      </c>
      <c r="F5332">
        <v>5</v>
      </c>
      <c r="G5332" t="s">
        <v>14</v>
      </c>
      <c r="H5332" t="s">
        <v>11506</v>
      </c>
      <c r="I5332" t="s">
        <v>30540</v>
      </c>
    </row>
    <row r="5333" spans="1:9">
      <c r="A5333" s="1">
        <v>0.50591511367906716</v>
      </c>
      <c r="B5333" s="1"/>
      <c r="C5333">
        <v>5</v>
      </c>
      <c r="D5333" t="s">
        <v>11501</v>
      </c>
      <c r="E5333" t="s">
        <v>32525</v>
      </c>
      <c r="F5333">
        <v>5</v>
      </c>
      <c r="G5333" t="s">
        <v>13</v>
      </c>
      <c r="H5333" t="s">
        <v>11502</v>
      </c>
      <c r="I5333" t="s">
        <v>30540</v>
      </c>
    </row>
    <row r="5334" spans="1:9">
      <c r="A5334" s="1">
        <v>0.47068275034774443</v>
      </c>
      <c r="B5334" s="1"/>
      <c r="C5334">
        <v>9</v>
      </c>
      <c r="D5334" t="s">
        <v>11503</v>
      </c>
      <c r="E5334" t="s">
        <v>32525</v>
      </c>
      <c r="F5334">
        <v>5</v>
      </c>
      <c r="G5334" t="s">
        <v>14</v>
      </c>
      <c r="H5334" t="s">
        <v>11504</v>
      </c>
      <c r="I5334" t="s">
        <v>30540</v>
      </c>
    </row>
    <row r="5335" spans="1:9">
      <c r="A5335" s="1">
        <v>0.10948692599390686</v>
      </c>
      <c r="B5335" s="1"/>
      <c r="C5335">
        <v>1</v>
      </c>
      <c r="D5335" t="s">
        <v>11499</v>
      </c>
      <c r="E5335" t="s">
        <v>32525</v>
      </c>
      <c r="F5335">
        <v>4</v>
      </c>
      <c r="G5335" t="s">
        <v>15</v>
      </c>
      <c r="H5335" t="s">
        <v>11500</v>
      </c>
      <c r="I5335" t="s">
        <v>30540</v>
      </c>
    </row>
    <row r="5336" spans="1:9">
      <c r="A5336" s="1">
        <v>0.13337234379303564</v>
      </c>
      <c r="B5336" s="1"/>
      <c r="C5336">
        <v>10</v>
      </c>
      <c r="D5336" t="s">
        <v>11497</v>
      </c>
      <c r="E5336" t="s">
        <v>32526</v>
      </c>
      <c r="F5336">
        <v>3</v>
      </c>
      <c r="G5336" t="s">
        <v>14</v>
      </c>
      <c r="H5336" t="s">
        <v>11498</v>
      </c>
      <c r="I5336" t="s">
        <v>30540</v>
      </c>
    </row>
    <row r="5337" spans="1:9">
      <c r="A5337" s="1">
        <v>9.0329989431912061E-3</v>
      </c>
      <c r="B5337" s="1"/>
      <c r="C5337">
        <v>20</v>
      </c>
      <c r="D5337" t="s">
        <v>11495</v>
      </c>
      <c r="E5337" t="s">
        <v>32527</v>
      </c>
      <c r="F5337">
        <v>4</v>
      </c>
      <c r="G5337" t="s">
        <v>14</v>
      </c>
      <c r="H5337" t="s">
        <v>11496</v>
      </c>
      <c r="I5337" t="s">
        <v>30540</v>
      </c>
    </row>
    <row r="5338" spans="1:9">
      <c r="A5338" s="1">
        <v>0.89650274952212616</v>
      </c>
      <c r="B5338" s="1"/>
      <c r="C5338">
        <v>15</v>
      </c>
      <c r="D5338" t="s">
        <v>11493</v>
      </c>
      <c r="E5338" t="s">
        <v>32527</v>
      </c>
      <c r="F5338">
        <v>3</v>
      </c>
      <c r="G5338" t="s">
        <v>14</v>
      </c>
      <c r="H5338" t="s">
        <v>11494</v>
      </c>
      <c r="I5338" t="s">
        <v>30540</v>
      </c>
    </row>
    <row r="5339" spans="1:9">
      <c r="A5339" s="1">
        <v>0.16204675164717197</v>
      </c>
      <c r="B5339" s="1"/>
      <c r="C5339">
        <v>1</v>
      </c>
      <c r="D5339" t="s">
        <v>11485</v>
      </c>
      <c r="E5339" t="s">
        <v>32528</v>
      </c>
      <c r="F5339">
        <v>5</v>
      </c>
      <c r="G5339" t="s">
        <v>15</v>
      </c>
      <c r="H5339" t="s">
        <v>11486</v>
      </c>
      <c r="I5339" t="s">
        <v>30540</v>
      </c>
    </row>
    <row r="5340" spans="1:9">
      <c r="A5340" s="1">
        <v>7.5759751091427074E-2</v>
      </c>
      <c r="B5340" s="1"/>
      <c r="C5340">
        <v>5</v>
      </c>
      <c r="D5340" t="s">
        <v>11487</v>
      </c>
      <c r="E5340" t="s">
        <v>32528</v>
      </c>
      <c r="F5340">
        <v>4</v>
      </c>
      <c r="G5340" t="s">
        <v>9</v>
      </c>
      <c r="H5340" t="s">
        <v>11488</v>
      </c>
      <c r="I5340" t="s">
        <v>30540</v>
      </c>
    </row>
    <row r="5341" spans="1:9">
      <c r="A5341" s="1">
        <v>0.6291146035222589</v>
      </c>
      <c r="B5341" s="1"/>
      <c r="C5341">
        <v>11</v>
      </c>
      <c r="D5341" t="s">
        <v>11491</v>
      </c>
      <c r="E5341" t="s">
        <v>32528</v>
      </c>
      <c r="F5341">
        <v>4</v>
      </c>
      <c r="G5341" t="s">
        <v>13</v>
      </c>
      <c r="H5341" t="s">
        <v>11492</v>
      </c>
      <c r="I5341" t="s">
        <v>30540</v>
      </c>
    </row>
    <row r="5342" spans="1:9">
      <c r="A5342" s="1">
        <v>0.13554744954621889</v>
      </c>
      <c r="B5342" s="1"/>
      <c r="C5342">
        <v>7</v>
      </c>
      <c r="D5342" t="s">
        <v>11489</v>
      </c>
      <c r="E5342" t="s">
        <v>32528</v>
      </c>
      <c r="F5342">
        <v>3</v>
      </c>
      <c r="G5342" t="s">
        <v>13</v>
      </c>
      <c r="H5342" t="s">
        <v>11490</v>
      </c>
      <c r="I5342" t="s">
        <v>30540</v>
      </c>
    </row>
    <row r="5343" spans="1:9">
      <c r="A5343" s="1">
        <v>0.45392650138603741</v>
      </c>
      <c r="B5343" s="1"/>
      <c r="C5343">
        <v>17</v>
      </c>
      <c r="D5343" t="s">
        <v>11481</v>
      </c>
      <c r="E5343" t="s">
        <v>32529</v>
      </c>
      <c r="F5343">
        <v>5</v>
      </c>
      <c r="G5343" t="s">
        <v>14</v>
      </c>
      <c r="H5343" t="s">
        <v>11482</v>
      </c>
      <c r="I5343" t="s">
        <v>30540</v>
      </c>
    </row>
    <row r="5344" spans="1:9">
      <c r="A5344" s="1">
        <v>0.18153796058583227</v>
      </c>
      <c r="B5344" s="1"/>
      <c r="C5344">
        <v>7</v>
      </c>
      <c r="D5344" t="s">
        <v>11475</v>
      </c>
      <c r="E5344" t="s">
        <v>32529</v>
      </c>
      <c r="F5344">
        <v>5</v>
      </c>
      <c r="G5344" t="s">
        <v>2</v>
      </c>
      <c r="H5344" t="s">
        <v>11476</v>
      </c>
      <c r="I5344" t="s">
        <v>30540</v>
      </c>
    </row>
    <row r="5345" spans="1:9">
      <c r="A5345" s="1">
        <v>0.45457601919939961</v>
      </c>
      <c r="B5345" s="1"/>
      <c r="C5345">
        <v>10</v>
      </c>
      <c r="D5345" t="s">
        <v>11477</v>
      </c>
      <c r="E5345" t="s">
        <v>32529</v>
      </c>
      <c r="F5345">
        <v>4</v>
      </c>
      <c r="G5345" t="s">
        <v>11306</v>
      </c>
      <c r="H5345" t="s">
        <v>11478</v>
      </c>
      <c r="I5345" t="s">
        <v>30540</v>
      </c>
    </row>
    <row r="5346" spans="1:9">
      <c r="A5346" s="1">
        <v>0.22533483346027139</v>
      </c>
      <c r="B5346" s="1"/>
      <c r="C5346">
        <v>1</v>
      </c>
      <c r="D5346" t="s">
        <v>11473</v>
      </c>
      <c r="E5346" t="s">
        <v>32529</v>
      </c>
      <c r="F5346">
        <v>4</v>
      </c>
      <c r="G5346" t="s">
        <v>13</v>
      </c>
      <c r="H5346" t="s">
        <v>11474</v>
      </c>
      <c r="I5346" t="s">
        <v>30540</v>
      </c>
    </row>
    <row r="5347" spans="1:9">
      <c r="A5347" s="1">
        <v>0.25301291354423794</v>
      </c>
      <c r="B5347" s="1"/>
      <c r="C5347">
        <v>11</v>
      </c>
      <c r="D5347" t="s">
        <v>11479</v>
      </c>
      <c r="E5347" t="s">
        <v>32529</v>
      </c>
      <c r="F5347">
        <v>3</v>
      </c>
      <c r="G5347" t="s">
        <v>2</v>
      </c>
      <c r="H5347" t="s">
        <v>11480</v>
      </c>
      <c r="I5347" t="s">
        <v>30540</v>
      </c>
    </row>
    <row r="5348" spans="1:9">
      <c r="A5348" s="1">
        <v>0.15248881188807129</v>
      </c>
      <c r="B5348" s="1"/>
      <c r="C5348">
        <v>19</v>
      </c>
      <c r="D5348" t="s">
        <v>11483</v>
      </c>
      <c r="E5348" t="s">
        <v>32529</v>
      </c>
      <c r="F5348">
        <v>3</v>
      </c>
      <c r="G5348" t="s">
        <v>2</v>
      </c>
      <c r="H5348" t="s">
        <v>11484</v>
      </c>
      <c r="I5348" t="s">
        <v>30540</v>
      </c>
    </row>
    <row r="5349" spans="1:9">
      <c r="A5349" s="1">
        <v>0.53701895641338848</v>
      </c>
      <c r="B5349" s="1"/>
      <c r="C5349">
        <v>9</v>
      </c>
      <c r="D5349" t="s">
        <v>11471</v>
      </c>
      <c r="E5349" t="s">
        <v>32530</v>
      </c>
      <c r="F5349">
        <v>4</v>
      </c>
      <c r="G5349" t="s">
        <v>14</v>
      </c>
      <c r="H5349" t="s">
        <v>11472</v>
      </c>
      <c r="I5349" t="s">
        <v>30540</v>
      </c>
    </row>
    <row r="5350" spans="1:9">
      <c r="A5350" s="1">
        <v>0.77833527696603289</v>
      </c>
      <c r="B5350" s="1"/>
      <c r="C5350">
        <v>2</v>
      </c>
      <c r="D5350" t="s">
        <v>11469</v>
      </c>
      <c r="E5350" t="s">
        <v>32530</v>
      </c>
      <c r="F5350">
        <v>3</v>
      </c>
      <c r="G5350" t="s">
        <v>0</v>
      </c>
      <c r="H5350" t="s">
        <v>11470</v>
      </c>
      <c r="I5350" t="s">
        <v>30540</v>
      </c>
    </row>
    <row r="5351" spans="1:9">
      <c r="A5351" s="1">
        <v>0.47686253412921975</v>
      </c>
      <c r="B5351" s="1"/>
      <c r="C5351">
        <v>2</v>
      </c>
      <c r="D5351" t="s">
        <v>11463</v>
      </c>
      <c r="E5351" t="s">
        <v>32531</v>
      </c>
      <c r="F5351">
        <v>5</v>
      </c>
      <c r="G5351" t="s">
        <v>14</v>
      </c>
      <c r="H5351" t="s">
        <v>11464</v>
      </c>
      <c r="I5351" t="s">
        <v>30540</v>
      </c>
    </row>
    <row r="5352" spans="1:9">
      <c r="A5352" s="1">
        <v>0.39226885586478533</v>
      </c>
      <c r="B5352" s="1"/>
      <c r="C5352">
        <v>10</v>
      </c>
      <c r="D5352" t="s">
        <v>11467</v>
      </c>
      <c r="E5352" t="s">
        <v>32531</v>
      </c>
      <c r="F5352">
        <v>4</v>
      </c>
      <c r="G5352" t="s">
        <v>0</v>
      </c>
      <c r="H5352" t="s">
        <v>11468</v>
      </c>
      <c r="I5352" t="s">
        <v>30540</v>
      </c>
    </row>
    <row r="5353" spans="1:9">
      <c r="A5353" s="1">
        <v>0.13019967210024763</v>
      </c>
      <c r="B5353" s="1"/>
      <c r="C5353">
        <v>10</v>
      </c>
      <c r="D5353" t="s">
        <v>11459</v>
      </c>
      <c r="E5353" t="s">
        <v>32532</v>
      </c>
      <c r="F5353">
        <v>5</v>
      </c>
      <c r="G5353" t="s">
        <v>1</v>
      </c>
      <c r="H5353" t="s">
        <v>11460</v>
      </c>
      <c r="I5353" t="s">
        <v>30540</v>
      </c>
    </row>
    <row r="5354" spans="1:9">
      <c r="A5354" s="1">
        <v>6.7730826680463152E-2</v>
      </c>
      <c r="B5354" s="1"/>
      <c r="C5354">
        <v>7</v>
      </c>
      <c r="D5354" t="s">
        <v>11457</v>
      </c>
      <c r="E5354" t="s">
        <v>32532</v>
      </c>
      <c r="F5354">
        <v>5</v>
      </c>
      <c r="G5354" t="s">
        <v>1295</v>
      </c>
      <c r="H5354" t="s">
        <v>11458</v>
      </c>
      <c r="I5354" t="s">
        <v>30540</v>
      </c>
    </row>
    <row r="5355" spans="1:9">
      <c r="A5355" s="1">
        <v>0.27944574888026286</v>
      </c>
      <c r="B5355" s="1"/>
      <c r="C5355">
        <v>11</v>
      </c>
      <c r="D5355" t="s">
        <v>11453</v>
      </c>
      <c r="E5355" t="s">
        <v>32533</v>
      </c>
      <c r="F5355">
        <v>5</v>
      </c>
      <c r="G5355" t="s">
        <v>1</v>
      </c>
      <c r="H5355" t="s">
        <v>11454</v>
      </c>
      <c r="I5355" t="s">
        <v>30540</v>
      </c>
    </row>
    <row r="5356" spans="1:9">
      <c r="A5356" s="1">
        <v>0.51290152987813897</v>
      </c>
      <c r="B5356" s="1"/>
      <c r="C5356">
        <v>6</v>
      </c>
      <c r="D5356" t="s">
        <v>11451</v>
      </c>
      <c r="E5356" t="s">
        <v>32533</v>
      </c>
      <c r="F5356">
        <v>4</v>
      </c>
      <c r="G5356" t="s">
        <v>14</v>
      </c>
      <c r="H5356" t="s">
        <v>11452</v>
      </c>
      <c r="I5356" t="s">
        <v>30540</v>
      </c>
    </row>
    <row r="5357" spans="1:9">
      <c r="A5357" s="1">
        <v>3.5464294929680618E-2</v>
      </c>
      <c r="B5357" s="1"/>
      <c r="C5357">
        <v>5</v>
      </c>
      <c r="D5357" t="s">
        <v>11449</v>
      </c>
      <c r="E5357" t="s">
        <v>32533</v>
      </c>
      <c r="F5357">
        <v>4</v>
      </c>
      <c r="G5357" t="s">
        <v>14</v>
      </c>
      <c r="H5357" t="s">
        <v>11450</v>
      </c>
      <c r="I5357" t="s">
        <v>30540</v>
      </c>
    </row>
    <row r="5358" spans="1:9">
      <c r="A5358" s="1">
        <v>0.32043288461605102</v>
      </c>
      <c r="B5358" s="1"/>
      <c r="C5358">
        <v>12</v>
      </c>
      <c r="D5358" t="s">
        <v>11455</v>
      </c>
      <c r="E5358" t="s">
        <v>32533</v>
      </c>
      <c r="F5358">
        <v>3</v>
      </c>
      <c r="G5358" t="s">
        <v>9</v>
      </c>
      <c r="H5358" t="s">
        <v>11456</v>
      </c>
      <c r="I5358" t="s">
        <v>30540</v>
      </c>
    </row>
    <row r="5359" spans="1:9">
      <c r="A5359" s="1">
        <v>1.1297861204353499E-3</v>
      </c>
      <c r="B5359" s="1"/>
      <c r="C5359">
        <v>1</v>
      </c>
      <c r="D5359" t="s">
        <v>11441</v>
      </c>
      <c r="E5359" t="s">
        <v>32535</v>
      </c>
      <c r="F5359">
        <v>4</v>
      </c>
      <c r="G5359" t="s">
        <v>13</v>
      </c>
      <c r="H5359" t="s">
        <v>11442</v>
      </c>
      <c r="I5359" t="s">
        <v>30540</v>
      </c>
    </row>
    <row r="5360" spans="1:9">
      <c r="A5360" s="1">
        <v>0.97865541195104311</v>
      </c>
      <c r="B5360" s="1"/>
      <c r="C5360">
        <v>3</v>
      </c>
      <c r="D5360" t="s">
        <v>11443</v>
      </c>
      <c r="E5360" t="s">
        <v>32535</v>
      </c>
      <c r="F5360">
        <v>4</v>
      </c>
      <c r="G5360" t="s">
        <v>9</v>
      </c>
      <c r="H5360" t="s">
        <v>11444</v>
      </c>
      <c r="I5360" t="s">
        <v>30540</v>
      </c>
    </row>
    <row r="5361" spans="1:9">
      <c r="A5361" s="1">
        <v>0.75119406072315897</v>
      </c>
      <c r="B5361" s="1"/>
      <c r="C5361">
        <v>17</v>
      </c>
      <c r="D5361" t="s">
        <v>11437</v>
      </c>
      <c r="E5361" t="s">
        <v>32536</v>
      </c>
      <c r="F5361">
        <v>5</v>
      </c>
      <c r="G5361" t="s">
        <v>14</v>
      </c>
      <c r="H5361" t="s">
        <v>11438</v>
      </c>
      <c r="I5361" t="s">
        <v>30540</v>
      </c>
    </row>
    <row r="5362" spans="1:9">
      <c r="A5362" s="1">
        <v>0.58320459778251288</v>
      </c>
      <c r="B5362" s="1"/>
      <c r="C5362">
        <v>20</v>
      </c>
      <c r="D5362" t="s">
        <v>11439</v>
      </c>
      <c r="E5362" t="s">
        <v>32536</v>
      </c>
      <c r="F5362">
        <v>4</v>
      </c>
      <c r="G5362" t="s">
        <v>14</v>
      </c>
      <c r="H5362" t="s">
        <v>11440</v>
      </c>
      <c r="I5362" t="s">
        <v>30540</v>
      </c>
    </row>
    <row r="5363" spans="1:9">
      <c r="A5363" s="1">
        <v>0.3934084151646422</v>
      </c>
      <c r="B5363" s="1"/>
      <c r="C5363">
        <v>14</v>
      </c>
      <c r="D5363" t="s">
        <v>11435</v>
      </c>
      <c r="E5363" t="s">
        <v>32536</v>
      </c>
      <c r="F5363">
        <v>4</v>
      </c>
      <c r="G5363" t="s">
        <v>774</v>
      </c>
      <c r="H5363" t="s">
        <v>11436</v>
      </c>
      <c r="I5363" t="s">
        <v>30540</v>
      </c>
    </row>
    <row r="5364" spans="1:9">
      <c r="A5364" s="1">
        <v>0.71783312776286279</v>
      </c>
      <c r="B5364" s="1"/>
      <c r="C5364">
        <v>1</v>
      </c>
      <c r="D5364" t="s">
        <v>11431</v>
      </c>
      <c r="E5364" t="s">
        <v>32536</v>
      </c>
      <c r="F5364">
        <v>4</v>
      </c>
      <c r="G5364" t="s">
        <v>766</v>
      </c>
      <c r="H5364" t="s">
        <v>11432</v>
      </c>
      <c r="I5364" t="s">
        <v>30540</v>
      </c>
    </row>
    <row r="5365" spans="1:9">
      <c r="A5365" s="1">
        <v>0.65282729331826472</v>
      </c>
      <c r="B5365" s="1"/>
      <c r="C5365">
        <v>5</v>
      </c>
      <c r="D5365" t="s">
        <v>11433</v>
      </c>
      <c r="E5365" t="s">
        <v>32536</v>
      </c>
      <c r="F5365">
        <v>4</v>
      </c>
      <c r="G5365" t="s">
        <v>771</v>
      </c>
      <c r="H5365" t="s">
        <v>11434</v>
      </c>
      <c r="I5365" t="s">
        <v>30540</v>
      </c>
    </row>
    <row r="5366" spans="1:9">
      <c r="A5366" s="1">
        <v>0.51990933992040012</v>
      </c>
      <c r="B5366" s="1"/>
      <c r="C5366">
        <v>15</v>
      </c>
      <c r="D5366" t="s">
        <v>11429</v>
      </c>
      <c r="E5366" t="s">
        <v>32537</v>
      </c>
      <c r="F5366">
        <v>5</v>
      </c>
      <c r="G5366" t="s">
        <v>10</v>
      </c>
      <c r="H5366" t="s">
        <v>11430</v>
      </c>
      <c r="I5366" t="s">
        <v>30540</v>
      </c>
    </row>
    <row r="5367" spans="1:9">
      <c r="A5367" s="1">
        <v>0.45215794297022827</v>
      </c>
      <c r="B5367" s="1"/>
      <c r="C5367">
        <v>2</v>
      </c>
      <c r="D5367" t="s">
        <v>11422</v>
      </c>
      <c r="E5367" t="s">
        <v>32537</v>
      </c>
      <c r="F5367">
        <v>4</v>
      </c>
      <c r="G5367" t="s">
        <v>15</v>
      </c>
      <c r="H5367" t="s">
        <v>11423</v>
      </c>
      <c r="I5367" t="s">
        <v>30540</v>
      </c>
    </row>
    <row r="5368" spans="1:9">
      <c r="A5368" s="1">
        <v>0.88856783514245341</v>
      </c>
      <c r="B5368" s="1"/>
      <c r="C5368">
        <v>14</v>
      </c>
      <c r="D5368" t="s">
        <v>11427</v>
      </c>
      <c r="E5368" t="s">
        <v>32537</v>
      </c>
      <c r="F5368">
        <v>4</v>
      </c>
      <c r="G5368" t="s">
        <v>11346</v>
      </c>
      <c r="H5368" t="s">
        <v>11428</v>
      </c>
      <c r="I5368" t="s">
        <v>30540</v>
      </c>
    </row>
    <row r="5369" spans="1:9">
      <c r="A5369" s="1">
        <v>0.2551118216540551</v>
      </c>
      <c r="B5369" s="1"/>
      <c r="C5369">
        <v>5</v>
      </c>
      <c r="D5369" t="s">
        <v>11416</v>
      </c>
      <c r="E5369" t="s">
        <v>32538</v>
      </c>
      <c r="F5369">
        <v>5</v>
      </c>
      <c r="G5369" t="s">
        <v>13</v>
      </c>
      <c r="H5369" t="s">
        <v>11417</v>
      </c>
      <c r="I5369" t="s">
        <v>30540</v>
      </c>
    </row>
    <row r="5370" spans="1:9">
      <c r="A5370" s="1">
        <v>0.79052911514139834</v>
      </c>
      <c r="B5370" s="1"/>
      <c r="C5370">
        <v>6</v>
      </c>
      <c r="D5370" t="s">
        <v>11418</v>
      </c>
      <c r="E5370" t="s">
        <v>32538</v>
      </c>
      <c r="F5370">
        <v>4</v>
      </c>
      <c r="G5370" t="s">
        <v>0</v>
      </c>
      <c r="H5370" t="s">
        <v>11419</v>
      </c>
      <c r="I5370" t="s">
        <v>30540</v>
      </c>
    </row>
    <row r="5371" spans="1:9">
      <c r="A5371" s="1">
        <v>0.33222014787827403</v>
      </c>
      <c r="B5371" s="1"/>
      <c r="C5371">
        <v>2</v>
      </c>
      <c r="D5371" t="s">
        <v>11412</v>
      </c>
      <c r="E5371" t="s">
        <v>32539</v>
      </c>
      <c r="F5371">
        <v>5</v>
      </c>
      <c r="G5371" t="s">
        <v>13</v>
      </c>
      <c r="H5371" t="s">
        <v>11413</v>
      </c>
      <c r="I5371" t="s">
        <v>30540</v>
      </c>
    </row>
    <row r="5372" spans="1:9">
      <c r="A5372" s="1">
        <v>0.10135687540306049</v>
      </c>
      <c r="B5372" s="1"/>
      <c r="C5372">
        <v>1</v>
      </c>
      <c r="D5372" t="s">
        <v>11410</v>
      </c>
      <c r="E5372" t="s">
        <v>32539</v>
      </c>
      <c r="F5372">
        <v>5</v>
      </c>
      <c r="G5372" t="s">
        <v>9</v>
      </c>
      <c r="H5372" t="s">
        <v>11411</v>
      </c>
      <c r="I5372" t="s">
        <v>30540</v>
      </c>
    </row>
    <row r="5373" spans="1:9">
      <c r="A5373" s="1">
        <v>0.51868692050855059</v>
      </c>
      <c r="B5373" s="1"/>
      <c r="C5373">
        <v>4</v>
      </c>
      <c r="D5373" t="s">
        <v>11414</v>
      </c>
      <c r="E5373" t="s">
        <v>32539</v>
      </c>
      <c r="F5373">
        <v>4</v>
      </c>
      <c r="G5373" t="s">
        <v>1</v>
      </c>
      <c r="H5373" t="s">
        <v>11415</v>
      </c>
      <c r="I5373" t="s">
        <v>30540</v>
      </c>
    </row>
    <row r="5374" spans="1:9">
      <c r="A5374" s="1">
        <v>0.54140979283489887</v>
      </c>
      <c r="B5374" s="1"/>
      <c r="C5374">
        <v>1</v>
      </c>
      <c r="D5374" t="s">
        <v>11404</v>
      </c>
      <c r="E5374" t="s">
        <v>32540</v>
      </c>
      <c r="F5374">
        <v>4</v>
      </c>
      <c r="G5374" t="s">
        <v>9</v>
      </c>
      <c r="H5374" t="s">
        <v>11405</v>
      </c>
      <c r="I5374" t="s">
        <v>30540</v>
      </c>
    </row>
    <row r="5375" spans="1:9">
      <c r="A5375" s="1">
        <v>0.82250296677002332</v>
      </c>
      <c r="B5375" s="1"/>
      <c r="C5375">
        <v>8</v>
      </c>
      <c r="D5375" t="s">
        <v>11406</v>
      </c>
      <c r="E5375" t="s">
        <v>32540</v>
      </c>
      <c r="F5375">
        <v>4</v>
      </c>
      <c r="G5375" t="s">
        <v>762</v>
      </c>
      <c r="H5375" t="s">
        <v>11407</v>
      </c>
      <c r="I5375" t="s">
        <v>30540</v>
      </c>
    </row>
    <row r="5376" spans="1:9">
      <c r="A5376" s="1">
        <v>0.41622678597277851</v>
      </c>
      <c r="B5376" s="1"/>
      <c r="C5376">
        <v>11</v>
      </c>
      <c r="D5376" t="s">
        <v>11408</v>
      </c>
      <c r="E5376" t="s">
        <v>32540</v>
      </c>
      <c r="F5376">
        <v>4</v>
      </c>
      <c r="G5376" t="s">
        <v>14</v>
      </c>
      <c r="H5376" t="s">
        <v>11409</v>
      </c>
      <c r="I5376" t="s">
        <v>30540</v>
      </c>
    </row>
    <row r="5377" spans="1:9">
      <c r="A5377" s="1">
        <v>0.17383393515175971</v>
      </c>
      <c r="B5377" s="1"/>
      <c r="C5377">
        <v>9</v>
      </c>
      <c r="D5377" t="s">
        <v>11402</v>
      </c>
      <c r="E5377" t="s">
        <v>32541</v>
      </c>
      <c r="F5377">
        <v>5</v>
      </c>
      <c r="G5377" t="s">
        <v>1</v>
      </c>
      <c r="H5377" t="s">
        <v>11403</v>
      </c>
      <c r="I5377" t="s">
        <v>30540</v>
      </c>
    </row>
    <row r="5378" spans="1:9">
      <c r="A5378" s="1">
        <v>0.66051491567739418</v>
      </c>
      <c r="B5378" s="1"/>
      <c r="C5378">
        <v>8</v>
      </c>
      <c r="D5378" t="s">
        <v>11400</v>
      </c>
      <c r="E5378" t="s">
        <v>32541</v>
      </c>
      <c r="F5378">
        <v>5</v>
      </c>
      <c r="G5378" t="s">
        <v>14</v>
      </c>
      <c r="H5378" t="s">
        <v>11401</v>
      </c>
      <c r="I5378" t="s">
        <v>30540</v>
      </c>
    </row>
    <row r="5379" spans="1:9">
      <c r="A5379" s="1">
        <v>0.27558606017619802</v>
      </c>
      <c r="B5379" s="1"/>
      <c r="C5379">
        <v>1</v>
      </c>
      <c r="D5379" t="s">
        <v>11396</v>
      </c>
      <c r="E5379" t="s">
        <v>32541</v>
      </c>
      <c r="F5379">
        <v>4</v>
      </c>
      <c r="G5379" t="s">
        <v>15</v>
      </c>
      <c r="H5379" t="s">
        <v>11397</v>
      </c>
      <c r="I5379" t="s">
        <v>30540</v>
      </c>
    </row>
    <row r="5380" spans="1:9">
      <c r="A5380" s="1">
        <v>0.53578325999839582</v>
      </c>
      <c r="B5380" s="1"/>
      <c r="C5380">
        <v>16</v>
      </c>
      <c r="D5380" t="s">
        <v>11394</v>
      </c>
      <c r="E5380" t="s">
        <v>32542</v>
      </c>
      <c r="F5380">
        <v>4</v>
      </c>
      <c r="G5380" t="s">
        <v>11313</v>
      </c>
      <c r="H5380" t="s">
        <v>11395</v>
      </c>
      <c r="I5380" t="s">
        <v>30540</v>
      </c>
    </row>
    <row r="5381" spans="1:9">
      <c r="A5381" s="1">
        <v>0.95903710626638083</v>
      </c>
      <c r="B5381" s="1"/>
      <c r="C5381">
        <v>6</v>
      </c>
      <c r="D5381" t="s">
        <v>11384</v>
      </c>
      <c r="E5381" t="s">
        <v>32542</v>
      </c>
      <c r="F5381">
        <v>4</v>
      </c>
      <c r="G5381" t="s">
        <v>9</v>
      </c>
      <c r="H5381" t="s">
        <v>11385</v>
      </c>
      <c r="I5381" t="s">
        <v>30540</v>
      </c>
    </row>
    <row r="5382" spans="1:9">
      <c r="A5382" s="1">
        <v>0.39083159221747932</v>
      </c>
      <c r="B5382" s="1"/>
      <c r="C5382">
        <v>11</v>
      </c>
      <c r="D5382" t="s">
        <v>11388</v>
      </c>
      <c r="E5382" t="s">
        <v>32542</v>
      </c>
      <c r="F5382">
        <v>4</v>
      </c>
      <c r="G5382" t="s">
        <v>13</v>
      </c>
      <c r="H5382" t="s">
        <v>11389</v>
      </c>
      <c r="I5382" t="s">
        <v>30540</v>
      </c>
    </row>
    <row r="5383" spans="1:9">
      <c r="A5383" s="1">
        <v>0.27457024781735784</v>
      </c>
      <c r="B5383" s="1"/>
      <c r="C5383">
        <v>4</v>
      </c>
      <c r="D5383" t="s">
        <v>11380</v>
      </c>
      <c r="E5383" t="s">
        <v>32542</v>
      </c>
      <c r="F5383">
        <v>4</v>
      </c>
      <c r="G5383" t="s">
        <v>15</v>
      </c>
      <c r="H5383" t="s">
        <v>11381</v>
      </c>
      <c r="I5383" t="s">
        <v>30540</v>
      </c>
    </row>
    <row r="5384" spans="1:9">
      <c r="A5384" s="1">
        <v>0.34561563688503971</v>
      </c>
      <c r="B5384" s="1"/>
      <c r="C5384">
        <v>8</v>
      </c>
      <c r="D5384" t="s">
        <v>11386</v>
      </c>
      <c r="E5384" t="s">
        <v>32542</v>
      </c>
      <c r="F5384">
        <v>4</v>
      </c>
      <c r="G5384" t="s">
        <v>9</v>
      </c>
      <c r="H5384" t="s">
        <v>11387</v>
      </c>
      <c r="I5384" t="s">
        <v>30540</v>
      </c>
    </row>
    <row r="5385" spans="1:9">
      <c r="A5385" s="1">
        <v>0.77116883864095531</v>
      </c>
      <c r="B5385" s="1"/>
      <c r="C5385">
        <v>14</v>
      </c>
      <c r="D5385" t="s">
        <v>11390</v>
      </c>
      <c r="E5385" t="s">
        <v>32542</v>
      </c>
      <c r="F5385">
        <v>4</v>
      </c>
      <c r="G5385" t="s">
        <v>14</v>
      </c>
      <c r="H5385" t="s">
        <v>11391</v>
      </c>
      <c r="I5385" t="s">
        <v>30540</v>
      </c>
    </row>
    <row r="5386" spans="1:9">
      <c r="A5386" s="1">
        <v>0.74464994540430263</v>
      </c>
      <c r="B5386" s="1"/>
      <c r="C5386">
        <v>5</v>
      </c>
      <c r="D5386" t="s">
        <v>11382</v>
      </c>
      <c r="E5386" t="s">
        <v>32542</v>
      </c>
      <c r="F5386">
        <v>4</v>
      </c>
      <c r="G5386" t="s">
        <v>2</v>
      </c>
      <c r="H5386" t="s">
        <v>11383</v>
      </c>
      <c r="I5386" t="s">
        <v>30540</v>
      </c>
    </row>
    <row r="5387" spans="1:9">
      <c r="A5387" s="1">
        <v>3.3616493281996007E-4</v>
      </c>
      <c r="B5387" s="1"/>
      <c r="C5387">
        <v>3</v>
      </c>
      <c r="D5387" t="s">
        <v>11372</v>
      </c>
      <c r="E5387" t="s">
        <v>32543</v>
      </c>
      <c r="F5387">
        <v>5</v>
      </c>
      <c r="G5387" t="s">
        <v>0</v>
      </c>
      <c r="H5387" t="s">
        <v>11373</v>
      </c>
      <c r="I5387" t="s">
        <v>30540</v>
      </c>
    </row>
    <row r="5388" spans="1:9">
      <c r="A5388" s="1">
        <v>0.85930342804704307</v>
      </c>
      <c r="B5388" s="1"/>
      <c r="C5388">
        <v>13</v>
      </c>
      <c r="D5388" t="s">
        <v>11370</v>
      </c>
      <c r="E5388" t="s">
        <v>32544</v>
      </c>
      <c r="F5388">
        <v>4</v>
      </c>
      <c r="G5388" t="s">
        <v>15</v>
      </c>
      <c r="H5388" t="s">
        <v>11371</v>
      </c>
      <c r="I5388" t="s">
        <v>30540</v>
      </c>
    </row>
    <row r="5389" spans="1:9">
      <c r="A5389" s="1">
        <v>0.75881929434132045</v>
      </c>
      <c r="B5389" s="1"/>
      <c r="C5389">
        <v>2</v>
      </c>
      <c r="D5389" t="s">
        <v>11364</v>
      </c>
      <c r="E5389" t="s">
        <v>32544</v>
      </c>
      <c r="F5389">
        <v>4</v>
      </c>
      <c r="G5389" t="s">
        <v>15</v>
      </c>
      <c r="H5389" t="s">
        <v>11365</v>
      </c>
      <c r="I5389" t="s">
        <v>30540</v>
      </c>
    </row>
    <row r="5390" spans="1:9">
      <c r="A5390" s="1">
        <v>0.36797268783195269</v>
      </c>
      <c r="B5390" s="1"/>
      <c r="C5390">
        <v>9</v>
      </c>
      <c r="D5390" t="s">
        <v>11360</v>
      </c>
      <c r="E5390" t="s">
        <v>32545</v>
      </c>
      <c r="F5390">
        <v>5</v>
      </c>
      <c r="G5390" t="s">
        <v>13</v>
      </c>
      <c r="H5390" t="s">
        <v>11361</v>
      </c>
      <c r="I5390" t="s">
        <v>30540</v>
      </c>
    </row>
    <row r="5391" spans="1:9">
      <c r="A5391" s="1">
        <v>0.25067536361457199</v>
      </c>
      <c r="B5391" s="1"/>
      <c r="C5391">
        <v>6</v>
      </c>
      <c r="D5391" t="s">
        <v>11358</v>
      </c>
      <c r="E5391" t="s">
        <v>32545</v>
      </c>
      <c r="F5391">
        <v>3</v>
      </c>
      <c r="G5391" t="s">
        <v>0</v>
      </c>
      <c r="H5391" t="s">
        <v>11359</v>
      </c>
      <c r="I5391" t="s">
        <v>30540</v>
      </c>
    </row>
    <row r="5392" spans="1:9">
      <c r="A5392" s="1">
        <v>0.80453502404345223</v>
      </c>
      <c r="B5392" s="1"/>
      <c r="C5392">
        <v>9</v>
      </c>
      <c r="D5392" t="s">
        <v>11347</v>
      </c>
      <c r="E5392" t="s">
        <v>32546</v>
      </c>
      <c r="F5392">
        <v>5</v>
      </c>
      <c r="G5392" t="s">
        <v>11302</v>
      </c>
      <c r="H5392" t="s">
        <v>11348</v>
      </c>
      <c r="I5392" t="s">
        <v>30540</v>
      </c>
    </row>
    <row r="5393" spans="1:9">
      <c r="A5393" s="1">
        <v>0.76075847656887263</v>
      </c>
      <c r="B5393" s="1"/>
      <c r="C5393">
        <v>18</v>
      </c>
      <c r="D5393" t="s">
        <v>11354</v>
      </c>
      <c r="E5393" t="s">
        <v>32546</v>
      </c>
      <c r="F5393">
        <v>4</v>
      </c>
      <c r="G5393" t="s">
        <v>11302</v>
      </c>
      <c r="H5393" t="s">
        <v>11355</v>
      </c>
      <c r="I5393" t="s">
        <v>30540</v>
      </c>
    </row>
    <row r="5394" spans="1:9">
      <c r="A5394" s="1">
        <v>0.77132254046563675</v>
      </c>
      <c r="B5394" s="1"/>
      <c r="C5394">
        <v>12</v>
      </c>
      <c r="D5394" t="s">
        <v>11351</v>
      </c>
      <c r="E5394" t="s">
        <v>32546</v>
      </c>
      <c r="F5394">
        <v>4</v>
      </c>
      <c r="G5394" t="s">
        <v>2</v>
      </c>
      <c r="H5394" t="s">
        <v>11352</v>
      </c>
      <c r="I5394" t="s">
        <v>30540</v>
      </c>
    </row>
    <row r="5395" spans="1:9">
      <c r="A5395" s="1">
        <v>8.2493793893896328E-3</v>
      </c>
      <c r="B5395" s="1"/>
      <c r="C5395">
        <v>10</v>
      </c>
      <c r="D5395" t="s">
        <v>11349</v>
      </c>
      <c r="E5395" t="s">
        <v>32546</v>
      </c>
      <c r="F5395">
        <v>3</v>
      </c>
      <c r="G5395" t="s">
        <v>0</v>
      </c>
      <c r="H5395" t="s">
        <v>11350</v>
      </c>
      <c r="I5395" t="s">
        <v>30540</v>
      </c>
    </row>
    <row r="5396" spans="1:9">
      <c r="A5396" s="1">
        <v>0.3136239173959503</v>
      </c>
      <c r="B5396" s="1"/>
      <c r="C5396">
        <v>2</v>
      </c>
      <c r="D5396" t="s">
        <v>11338</v>
      </c>
      <c r="E5396" t="s">
        <v>32547</v>
      </c>
      <c r="F5396">
        <v>5</v>
      </c>
      <c r="G5396" t="s">
        <v>0</v>
      </c>
      <c r="H5396" t="s">
        <v>11339</v>
      </c>
      <c r="I5396" t="s">
        <v>30540</v>
      </c>
    </row>
    <row r="5397" spans="1:9">
      <c r="A5397" s="1">
        <v>0.57194783241136682</v>
      </c>
      <c r="B5397" s="1"/>
      <c r="C5397">
        <v>11</v>
      </c>
      <c r="D5397" t="s">
        <v>11344</v>
      </c>
      <c r="E5397" t="s">
        <v>32547</v>
      </c>
      <c r="F5397">
        <v>4</v>
      </c>
      <c r="G5397" t="s">
        <v>14</v>
      </c>
      <c r="H5397" t="s">
        <v>11345</v>
      </c>
      <c r="I5397" t="s">
        <v>30540</v>
      </c>
    </row>
    <row r="5398" spans="1:9">
      <c r="A5398" s="1">
        <v>0.85574021306603221</v>
      </c>
      <c r="B5398" s="1"/>
      <c r="C5398">
        <v>9</v>
      </c>
      <c r="D5398" t="s">
        <v>11336</v>
      </c>
      <c r="E5398" t="s">
        <v>32548</v>
      </c>
      <c r="F5398">
        <v>3</v>
      </c>
      <c r="G5398" t="s">
        <v>14</v>
      </c>
      <c r="H5398" t="s">
        <v>11337</v>
      </c>
      <c r="I5398" t="s">
        <v>30540</v>
      </c>
    </row>
    <row r="5399" spans="1:9">
      <c r="A5399" s="1">
        <v>0.12886491772719455</v>
      </c>
      <c r="B5399" s="1"/>
      <c r="C5399">
        <v>19</v>
      </c>
      <c r="D5399" t="s">
        <v>11334</v>
      </c>
      <c r="E5399" t="s">
        <v>32549</v>
      </c>
      <c r="F5399">
        <v>3</v>
      </c>
      <c r="G5399" t="s">
        <v>14</v>
      </c>
      <c r="H5399" t="s">
        <v>11335</v>
      </c>
      <c r="I5399" t="s">
        <v>30540</v>
      </c>
    </row>
    <row r="5400" spans="1:9">
      <c r="A5400" s="1">
        <v>0.66021637044120207</v>
      </c>
      <c r="B5400" s="1"/>
      <c r="C5400">
        <v>12</v>
      </c>
      <c r="D5400" t="s">
        <v>11330</v>
      </c>
      <c r="E5400" t="s">
        <v>32549</v>
      </c>
      <c r="F5400">
        <v>3</v>
      </c>
      <c r="G5400" t="s">
        <v>769</v>
      </c>
      <c r="H5400" t="s">
        <v>11331</v>
      </c>
      <c r="I5400" t="s">
        <v>30540</v>
      </c>
    </row>
    <row r="5401" spans="1:9">
      <c r="A5401" s="1">
        <v>0.72181075772911774</v>
      </c>
      <c r="B5401" s="1"/>
      <c r="C5401">
        <v>14</v>
      </c>
      <c r="D5401" t="s">
        <v>11332</v>
      </c>
      <c r="E5401" t="s">
        <v>32549</v>
      </c>
      <c r="F5401">
        <v>3</v>
      </c>
      <c r="G5401" t="s">
        <v>765</v>
      </c>
      <c r="H5401" t="s">
        <v>11333</v>
      </c>
      <c r="I5401" t="s">
        <v>30540</v>
      </c>
    </row>
    <row r="5402" spans="1:9">
      <c r="A5402" s="1">
        <v>0.75201434759069152</v>
      </c>
      <c r="B5402" s="1"/>
      <c r="C5402">
        <v>10</v>
      </c>
      <c r="D5402" t="s">
        <v>11326</v>
      </c>
      <c r="E5402" t="s">
        <v>32550</v>
      </c>
      <c r="F5402">
        <v>4</v>
      </c>
      <c r="G5402" t="s">
        <v>14</v>
      </c>
      <c r="H5402" t="s">
        <v>11327</v>
      </c>
      <c r="I5402" t="s">
        <v>30540</v>
      </c>
    </row>
    <row r="5403" spans="1:9">
      <c r="A5403" s="1">
        <v>0.50082884066456546</v>
      </c>
      <c r="B5403" s="1"/>
      <c r="C5403">
        <v>1</v>
      </c>
      <c r="D5403" t="s">
        <v>11318</v>
      </c>
      <c r="E5403" t="s">
        <v>32550</v>
      </c>
      <c r="F5403">
        <v>4</v>
      </c>
      <c r="G5403" t="s">
        <v>2</v>
      </c>
      <c r="H5403" t="s">
        <v>11319</v>
      </c>
      <c r="I5403" t="s">
        <v>30540</v>
      </c>
    </row>
    <row r="5404" spans="1:9">
      <c r="A5404" s="1">
        <v>0.43248068062831746</v>
      </c>
      <c r="B5404" s="1"/>
      <c r="C5404">
        <v>8</v>
      </c>
      <c r="D5404" t="s">
        <v>11324</v>
      </c>
      <c r="E5404" t="s">
        <v>32550</v>
      </c>
      <c r="F5404">
        <v>4</v>
      </c>
      <c r="G5404" t="s">
        <v>0</v>
      </c>
      <c r="H5404" t="s">
        <v>11325</v>
      </c>
      <c r="I5404" t="s">
        <v>30540</v>
      </c>
    </row>
    <row r="5405" spans="1:9">
      <c r="A5405" s="1">
        <v>0.13114778809904903</v>
      </c>
      <c r="B5405" s="1"/>
      <c r="C5405">
        <v>6</v>
      </c>
      <c r="D5405" t="s">
        <v>11322</v>
      </c>
      <c r="E5405" t="s">
        <v>32550</v>
      </c>
      <c r="F5405">
        <v>4</v>
      </c>
      <c r="G5405" t="s">
        <v>1</v>
      </c>
      <c r="H5405" t="s">
        <v>11323</v>
      </c>
      <c r="I5405" t="s">
        <v>30540</v>
      </c>
    </row>
    <row r="5406" spans="1:9">
      <c r="A5406" s="1">
        <v>0.40877142106624842</v>
      </c>
      <c r="B5406" s="1"/>
      <c r="C5406">
        <v>4</v>
      </c>
      <c r="D5406" t="s">
        <v>11320</v>
      </c>
      <c r="E5406" t="s">
        <v>32550</v>
      </c>
      <c r="F5406">
        <v>4</v>
      </c>
      <c r="G5406" t="s">
        <v>15</v>
      </c>
      <c r="H5406" t="s">
        <v>11321</v>
      </c>
      <c r="I5406" t="s">
        <v>30540</v>
      </c>
    </row>
    <row r="5407" spans="1:9">
      <c r="A5407" s="1">
        <v>0.84442923417591487</v>
      </c>
      <c r="B5407" s="1"/>
      <c r="C5407">
        <v>19</v>
      </c>
      <c r="D5407" t="s">
        <v>11314</v>
      </c>
      <c r="E5407" t="s">
        <v>32551</v>
      </c>
      <c r="F5407">
        <v>5</v>
      </c>
      <c r="G5407" t="s">
        <v>2</v>
      </c>
      <c r="H5407" t="s">
        <v>11315</v>
      </c>
      <c r="I5407" t="s">
        <v>30540</v>
      </c>
    </row>
    <row r="5408" spans="1:9">
      <c r="A5408" s="1">
        <v>0.43358135323837055</v>
      </c>
      <c r="B5408" s="1"/>
      <c r="C5408">
        <v>12</v>
      </c>
      <c r="D5408" t="s">
        <v>11304</v>
      </c>
      <c r="E5408" t="s">
        <v>32551</v>
      </c>
      <c r="F5408">
        <v>4</v>
      </c>
      <c r="G5408" t="s">
        <v>0</v>
      </c>
      <c r="H5408" t="s">
        <v>11305</v>
      </c>
      <c r="I5408" t="s">
        <v>30540</v>
      </c>
    </row>
    <row r="5409" spans="1:9">
      <c r="A5409" s="1">
        <v>0.63646441828499178</v>
      </c>
      <c r="B5409" s="1"/>
      <c r="C5409">
        <v>15</v>
      </c>
      <c r="D5409" t="s">
        <v>11309</v>
      </c>
      <c r="E5409" t="s">
        <v>32551</v>
      </c>
      <c r="F5409">
        <v>4</v>
      </c>
      <c r="G5409" t="s">
        <v>14</v>
      </c>
      <c r="H5409" t="s">
        <v>11310</v>
      </c>
      <c r="I5409" t="s">
        <v>30540</v>
      </c>
    </row>
    <row r="5410" spans="1:9">
      <c r="A5410" s="1">
        <v>0.29817542487971371</v>
      </c>
      <c r="B5410" s="1"/>
      <c r="C5410">
        <v>17</v>
      </c>
      <c r="D5410" t="s">
        <v>11311</v>
      </c>
      <c r="E5410" t="s">
        <v>32551</v>
      </c>
      <c r="F5410">
        <v>4</v>
      </c>
      <c r="G5410" t="s">
        <v>14</v>
      </c>
      <c r="H5410" t="s">
        <v>11312</v>
      </c>
      <c r="I5410" t="s">
        <v>30540</v>
      </c>
    </row>
    <row r="5411" spans="1:9">
      <c r="A5411" s="1">
        <v>0.58645977740599853</v>
      </c>
      <c r="B5411" s="1"/>
      <c r="C5411">
        <v>20</v>
      </c>
      <c r="D5411" t="s">
        <v>11316</v>
      </c>
      <c r="E5411" t="s">
        <v>32551</v>
      </c>
      <c r="F5411">
        <v>4</v>
      </c>
      <c r="G5411" t="s">
        <v>14</v>
      </c>
      <c r="H5411" t="s">
        <v>11317</v>
      </c>
      <c r="I5411" t="s">
        <v>30540</v>
      </c>
    </row>
    <row r="5412" spans="1:9">
      <c r="A5412" s="1">
        <v>0.24236613176838473</v>
      </c>
      <c r="B5412" s="1"/>
      <c r="C5412">
        <v>9</v>
      </c>
      <c r="D5412" t="s">
        <v>11298</v>
      </c>
      <c r="E5412" t="s">
        <v>32552</v>
      </c>
      <c r="F5412">
        <v>4</v>
      </c>
      <c r="G5412" t="s">
        <v>1</v>
      </c>
      <c r="H5412" t="s">
        <v>11299</v>
      </c>
      <c r="I5412" t="s">
        <v>30540</v>
      </c>
    </row>
    <row r="5413" spans="1:9">
      <c r="A5413" s="1">
        <v>5.9201306519174324E-2</v>
      </c>
      <c r="B5413" s="1"/>
      <c r="C5413">
        <v>6</v>
      </c>
      <c r="D5413" t="s">
        <v>11290</v>
      </c>
      <c r="E5413" t="s">
        <v>32553</v>
      </c>
      <c r="F5413">
        <v>5</v>
      </c>
      <c r="G5413" t="s">
        <v>14</v>
      </c>
      <c r="H5413" t="s">
        <v>11291</v>
      </c>
      <c r="I5413" t="s">
        <v>30540</v>
      </c>
    </row>
    <row r="5414" spans="1:9">
      <c r="A5414" s="1">
        <v>0.7456830025137825</v>
      </c>
      <c r="B5414" s="1"/>
      <c r="C5414">
        <v>3</v>
      </c>
      <c r="D5414" t="s">
        <v>11288</v>
      </c>
      <c r="E5414" t="s">
        <v>32553</v>
      </c>
      <c r="F5414">
        <v>4</v>
      </c>
      <c r="G5414" t="s">
        <v>15</v>
      </c>
      <c r="H5414" t="s">
        <v>11289</v>
      </c>
      <c r="I5414" t="s">
        <v>30540</v>
      </c>
    </row>
    <row r="5415" spans="1:9">
      <c r="A5415" s="1">
        <v>0.98462984949080323</v>
      </c>
      <c r="B5415" s="1"/>
      <c r="C5415">
        <v>14</v>
      </c>
      <c r="D5415" t="s">
        <v>11296</v>
      </c>
      <c r="E5415" t="s">
        <v>32553</v>
      </c>
      <c r="F5415">
        <v>4</v>
      </c>
      <c r="G5415" t="s">
        <v>14</v>
      </c>
      <c r="H5415" t="s">
        <v>11297</v>
      </c>
      <c r="I5415" t="s">
        <v>30540</v>
      </c>
    </row>
    <row r="5416" spans="1:9">
      <c r="A5416" s="1">
        <v>0.34431143501461403</v>
      </c>
      <c r="B5416" s="1"/>
      <c r="C5416">
        <v>14</v>
      </c>
      <c r="D5416" t="s">
        <v>11284</v>
      </c>
      <c r="E5416" t="s">
        <v>32554</v>
      </c>
      <c r="F5416">
        <v>4</v>
      </c>
      <c r="G5416" t="s">
        <v>766</v>
      </c>
      <c r="H5416" t="s">
        <v>11285</v>
      </c>
      <c r="I5416" t="s">
        <v>30540</v>
      </c>
    </row>
    <row r="5417" spans="1:9">
      <c r="A5417" s="1">
        <v>0.56499080301521409</v>
      </c>
      <c r="B5417" s="1"/>
      <c r="C5417">
        <v>5</v>
      </c>
      <c r="D5417" t="s">
        <v>11280</v>
      </c>
      <c r="E5417" t="s">
        <v>32554</v>
      </c>
      <c r="F5417">
        <v>3</v>
      </c>
      <c r="G5417" t="s">
        <v>13</v>
      </c>
      <c r="H5417" t="s">
        <v>11281</v>
      </c>
      <c r="I5417" t="s">
        <v>30540</v>
      </c>
    </row>
    <row r="5418" spans="1:9">
      <c r="A5418" s="1">
        <v>0.11000446728961377</v>
      </c>
      <c r="B5418" s="1"/>
      <c r="C5418">
        <v>3</v>
      </c>
      <c r="D5418" t="s">
        <v>11272</v>
      </c>
      <c r="E5418" t="s">
        <v>32555</v>
      </c>
      <c r="F5418">
        <v>5</v>
      </c>
      <c r="G5418" t="s">
        <v>2</v>
      </c>
      <c r="H5418" t="s">
        <v>11273</v>
      </c>
      <c r="I5418" t="s">
        <v>30540</v>
      </c>
    </row>
    <row r="5419" spans="1:9">
      <c r="A5419" s="1">
        <v>0.13433389933675355</v>
      </c>
      <c r="B5419" s="1"/>
      <c r="C5419">
        <v>8</v>
      </c>
      <c r="D5419" t="s">
        <v>11274</v>
      </c>
      <c r="E5419" t="s">
        <v>32555</v>
      </c>
      <c r="F5419">
        <v>4</v>
      </c>
      <c r="G5419" t="s">
        <v>2</v>
      </c>
      <c r="H5419" t="s">
        <v>11275</v>
      </c>
      <c r="I5419" t="s">
        <v>30540</v>
      </c>
    </row>
    <row r="5420" spans="1:9">
      <c r="A5420" s="1">
        <v>0.60272845910160289</v>
      </c>
      <c r="B5420" s="1"/>
      <c r="C5420">
        <v>10</v>
      </c>
      <c r="D5420" t="s">
        <v>11278</v>
      </c>
      <c r="E5420" t="s">
        <v>32555</v>
      </c>
      <c r="F5420">
        <v>4</v>
      </c>
      <c r="G5420" t="s">
        <v>0</v>
      </c>
      <c r="H5420" t="s">
        <v>11279</v>
      </c>
      <c r="I5420" t="s">
        <v>30540</v>
      </c>
    </row>
    <row r="5421" spans="1:9">
      <c r="A5421" s="1">
        <v>0.70733180698991183</v>
      </c>
      <c r="B5421" s="1"/>
      <c r="C5421">
        <v>9</v>
      </c>
      <c r="D5421" t="s">
        <v>11276</v>
      </c>
      <c r="E5421" t="s">
        <v>32555</v>
      </c>
      <c r="F5421">
        <v>4</v>
      </c>
      <c r="G5421" t="s">
        <v>14</v>
      </c>
      <c r="H5421" t="s">
        <v>11277</v>
      </c>
      <c r="I5421" t="s">
        <v>30540</v>
      </c>
    </row>
    <row r="5422" spans="1:9">
      <c r="A5422" s="1">
        <v>0.64673208115402347</v>
      </c>
      <c r="B5422" s="1"/>
      <c r="C5422">
        <v>5</v>
      </c>
      <c r="D5422" t="s">
        <v>11268</v>
      </c>
      <c r="E5422" t="s">
        <v>32556</v>
      </c>
      <c r="F5422">
        <v>5</v>
      </c>
      <c r="G5422" t="s">
        <v>14</v>
      </c>
      <c r="H5422" t="s">
        <v>11269</v>
      </c>
      <c r="I5422" t="s">
        <v>30540</v>
      </c>
    </row>
    <row r="5423" spans="1:9">
      <c r="A5423" s="1">
        <v>0.37976874908801084</v>
      </c>
      <c r="B5423" s="1"/>
      <c r="C5423">
        <v>15</v>
      </c>
      <c r="D5423" t="s">
        <v>11270</v>
      </c>
      <c r="E5423" t="s">
        <v>32556</v>
      </c>
      <c r="F5423">
        <v>4</v>
      </c>
      <c r="G5423" t="s">
        <v>14</v>
      </c>
      <c r="H5423" t="s">
        <v>11271</v>
      </c>
      <c r="I5423" t="s">
        <v>30540</v>
      </c>
    </row>
    <row r="5424" spans="1:9">
      <c r="A5424" s="1">
        <v>0.38814758963872154</v>
      </c>
      <c r="B5424" s="1"/>
      <c r="C5424">
        <v>2</v>
      </c>
      <c r="D5424" t="s">
        <v>11262</v>
      </c>
      <c r="E5424" t="s">
        <v>32557</v>
      </c>
      <c r="F5424">
        <v>5</v>
      </c>
      <c r="G5424" t="s">
        <v>0</v>
      </c>
      <c r="H5424" t="s">
        <v>11263</v>
      </c>
      <c r="I5424" t="s">
        <v>30540</v>
      </c>
    </row>
    <row r="5425" spans="1:9">
      <c r="A5425" s="1">
        <v>0.28257129663085923</v>
      </c>
      <c r="B5425" s="1"/>
      <c r="C5425">
        <v>3</v>
      </c>
      <c r="D5425" t="s">
        <v>11264</v>
      </c>
      <c r="E5425" t="s">
        <v>32557</v>
      </c>
      <c r="F5425">
        <v>4</v>
      </c>
      <c r="G5425" t="s">
        <v>9</v>
      </c>
      <c r="H5425" t="s">
        <v>11265</v>
      </c>
      <c r="I5425" t="s">
        <v>30540</v>
      </c>
    </row>
    <row r="5426" spans="1:9">
      <c r="A5426" s="1">
        <v>0.18399223536429699</v>
      </c>
      <c r="B5426" s="1"/>
      <c r="C5426">
        <v>10</v>
      </c>
      <c r="D5426" t="s">
        <v>11266</v>
      </c>
      <c r="E5426" t="s">
        <v>32557</v>
      </c>
      <c r="F5426">
        <v>4</v>
      </c>
      <c r="G5426" t="s">
        <v>0</v>
      </c>
      <c r="H5426" t="s">
        <v>11267</v>
      </c>
      <c r="I5426" t="s">
        <v>30540</v>
      </c>
    </row>
    <row r="5427" spans="1:9">
      <c r="A5427" s="1">
        <v>0.81843499880247217</v>
      </c>
      <c r="B5427" s="1"/>
      <c r="C5427">
        <v>5</v>
      </c>
      <c r="D5427" t="s">
        <v>11256</v>
      </c>
      <c r="E5427" t="s">
        <v>32558</v>
      </c>
      <c r="F5427">
        <v>4</v>
      </c>
      <c r="G5427" t="s">
        <v>10</v>
      </c>
      <c r="H5427" t="s">
        <v>11257</v>
      </c>
      <c r="I5427" t="s">
        <v>30540</v>
      </c>
    </row>
    <row r="5428" spans="1:9">
      <c r="A5428" s="1">
        <v>6.8714731960512587E-2</v>
      </c>
      <c r="B5428" s="1"/>
      <c r="C5428">
        <v>3</v>
      </c>
      <c r="D5428" t="s">
        <v>11248</v>
      </c>
      <c r="E5428" t="s">
        <v>32559</v>
      </c>
      <c r="F5428">
        <v>5</v>
      </c>
      <c r="G5428" t="s">
        <v>15</v>
      </c>
      <c r="H5428" t="s">
        <v>11249</v>
      </c>
      <c r="I5428" t="s">
        <v>30540</v>
      </c>
    </row>
    <row r="5429" spans="1:9">
      <c r="A5429" s="1">
        <v>0.43698859546290303</v>
      </c>
      <c r="B5429" s="1"/>
      <c r="C5429">
        <v>9</v>
      </c>
      <c r="D5429" t="s">
        <v>11254</v>
      </c>
      <c r="E5429" t="s">
        <v>32559</v>
      </c>
      <c r="F5429">
        <v>4</v>
      </c>
      <c r="G5429" t="s">
        <v>14</v>
      </c>
      <c r="H5429" t="s">
        <v>11255</v>
      </c>
      <c r="I5429" t="s">
        <v>30540</v>
      </c>
    </row>
    <row r="5430" spans="1:9">
      <c r="A5430" s="1">
        <v>0.13402156981449187</v>
      </c>
      <c r="B5430" s="1"/>
      <c r="C5430">
        <v>7</v>
      </c>
      <c r="D5430" t="s">
        <v>11252</v>
      </c>
      <c r="E5430" t="s">
        <v>32559</v>
      </c>
      <c r="F5430">
        <v>4</v>
      </c>
      <c r="G5430" t="s">
        <v>10</v>
      </c>
      <c r="H5430" t="s">
        <v>11253</v>
      </c>
      <c r="I5430" t="s">
        <v>30540</v>
      </c>
    </row>
    <row r="5431" spans="1:9">
      <c r="A5431" s="1">
        <v>5.2979007111954468E-2</v>
      </c>
      <c r="B5431" s="1"/>
      <c r="C5431">
        <v>6</v>
      </c>
      <c r="D5431" t="s">
        <v>11250</v>
      </c>
      <c r="E5431" t="s">
        <v>32559</v>
      </c>
      <c r="F5431">
        <v>3</v>
      </c>
      <c r="G5431" t="s">
        <v>0</v>
      </c>
      <c r="H5431" t="s">
        <v>11251</v>
      </c>
      <c r="I5431" t="s">
        <v>30540</v>
      </c>
    </row>
    <row r="5432" spans="1:9">
      <c r="A5432" s="1">
        <v>0.74431913589949228</v>
      </c>
      <c r="B5432" s="1"/>
      <c r="C5432">
        <v>12</v>
      </c>
      <c r="D5432" t="s">
        <v>11242</v>
      </c>
      <c r="E5432" t="s">
        <v>32560</v>
      </c>
      <c r="F5432">
        <v>5</v>
      </c>
      <c r="G5432" t="s">
        <v>10</v>
      </c>
      <c r="H5432" t="s">
        <v>11243</v>
      </c>
      <c r="I5432" t="s">
        <v>30540</v>
      </c>
    </row>
    <row r="5433" spans="1:9">
      <c r="A5433" s="1">
        <v>3.7689418655532547E-2</v>
      </c>
      <c r="B5433" s="1"/>
      <c r="C5433">
        <v>13</v>
      </c>
      <c r="D5433" t="s">
        <v>11244</v>
      </c>
      <c r="E5433" t="s">
        <v>32560</v>
      </c>
      <c r="F5433">
        <v>4</v>
      </c>
      <c r="G5433" t="s">
        <v>10</v>
      </c>
      <c r="H5433" t="s">
        <v>11245</v>
      </c>
      <c r="I5433" t="s">
        <v>30540</v>
      </c>
    </row>
    <row r="5434" spans="1:9">
      <c r="A5434" s="1">
        <v>0.88950442156368403</v>
      </c>
      <c r="B5434" s="1"/>
      <c r="C5434">
        <v>9</v>
      </c>
      <c r="D5434" t="s">
        <v>11238</v>
      </c>
      <c r="E5434" t="s">
        <v>32560</v>
      </c>
      <c r="F5434">
        <v>4</v>
      </c>
      <c r="G5434" t="s">
        <v>0</v>
      </c>
      <c r="H5434" t="s">
        <v>11239</v>
      </c>
      <c r="I5434" t="s">
        <v>30540</v>
      </c>
    </row>
    <row r="5435" spans="1:9">
      <c r="A5435" s="1">
        <v>0.88515353057610369</v>
      </c>
      <c r="B5435" s="1"/>
      <c r="C5435">
        <v>4</v>
      </c>
      <c r="D5435" t="s">
        <v>11232</v>
      </c>
      <c r="E5435" t="s">
        <v>32560</v>
      </c>
      <c r="F5435">
        <v>4</v>
      </c>
      <c r="G5435" t="s">
        <v>13</v>
      </c>
      <c r="H5435" t="s">
        <v>11233</v>
      </c>
      <c r="I5435" t="s">
        <v>30540</v>
      </c>
    </row>
    <row r="5436" spans="1:9">
      <c r="A5436" s="1">
        <v>0.43092558274828319</v>
      </c>
      <c r="B5436" s="1"/>
      <c r="C5436">
        <v>5</v>
      </c>
      <c r="D5436" t="s">
        <v>11234</v>
      </c>
      <c r="E5436" t="s">
        <v>32560</v>
      </c>
      <c r="F5436">
        <v>4</v>
      </c>
      <c r="G5436" t="s">
        <v>2</v>
      </c>
      <c r="H5436" t="s">
        <v>11235</v>
      </c>
      <c r="I5436" t="s">
        <v>30540</v>
      </c>
    </row>
    <row r="5437" spans="1:9">
      <c r="A5437" s="1">
        <v>0.29962933462211039</v>
      </c>
      <c r="B5437" s="1"/>
      <c r="C5437">
        <v>11</v>
      </c>
      <c r="D5437" t="s">
        <v>11240</v>
      </c>
      <c r="E5437" t="s">
        <v>32560</v>
      </c>
      <c r="F5437">
        <v>4</v>
      </c>
      <c r="G5437" t="s">
        <v>10</v>
      </c>
      <c r="H5437" t="s">
        <v>11241</v>
      </c>
      <c r="I5437" t="s">
        <v>30540</v>
      </c>
    </row>
    <row r="5438" spans="1:9">
      <c r="A5438" s="1">
        <v>0.49676723061214711</v>
      </c>
      <c r="B5438" s="1"/>
      <c r="C5438">
        <v>20</v>
      </c>
      <c r="D5438" t="s">
        <v>11230</v>
      </c>
      <c r="E5438" t="s">
        <v>32561</v>
      </c>
      <c r="F5438">
        <v>4</v>
      </c>
      <c r="G5438" t="s">
        <v>10</v>
      </c>
      <c r="H5438" t="s">
        <v>11231</v>
      </c>
      <c r="I5438" t="s">
        <v>30540</v>
      </c>
    </row>
    <row r="5439" spans="1:9">
      <c r="A5439" s="1">
        <v>0.72691557777062765</v>
      </c>
      <c r="B5439" s="1"/>
      <c r="C5439">
        <v>10</v>
      </c>
      <c r="D5439" t="s">
        <v>11226</v>
      </c>
      <c r="E5439" t="s">
        <v>32561</v>
      </c>
      <c r="F5439">
        <v>4</v>
      </c>
      <c r="G5439" t="s">
        <v>2229</v>
      </c>
      <c r="H5439" t="s">
        <v>11227</v>
      </c>
      <c r="I5439" t="s">
        <v>30540</v>
      </c>
    </row>
    <row r="5440" spans="1:9">
      <c r="A5440" s="1">
        <v>0.86354700621073643</v>
      </c>
      <c r="B5440" s="1"/>
      <c r="C5440">
        <v>9</v>
      </c>
      <c r="D5440" t="s">
        <v>11224</v>
      </c>
      <c r="E5440" t="s">
        <v>32561</v>
      </c>
      <c r="F5440">
        <v>4</v>
      </c>
      <c r="G5440" t="s">
        <v>13</v>
      </c>
      <c r="H5440" t="s">
        <v>11225</v>
      </c>
      <c r="I5440" t="s">
        <v>30540</v>
      </c>
    </row>
    <row r="5441" spans="1:9">
      <c r="A5441" s="1">
        <v>8.9606531662849154E-2</v>
      </c>
      <c r="B5441" s="1"/>
      <c r="C5441">
        <v>10</v>
      </c>
      <c r="D5441" t="s">
        <v>11222</v>
      </c>
      <c r="E5441" t="s">
        <v>32562</v>
      </c>
      <c r="F5441">
        <v>4</v>
      </c>
      <c r="G5441" t="s">
        <v>2</v>
      </c>
      <c r="H5441" t="s">
        <v>11223</v>
      </c>
      <c r="I5441" t="s">
        <v>30540</v>
      </c>
    </row>
    <row r="5442" spans="1:9">
      <c r="A5442" s="1">
        <v>0.11947971152737968</v>
      </c>
      <c r="B5442" s="1"/>
      <c r="C5442">
        <v>7</v>
      </c>
      <c r="D5442" t="s">
        <v>11220</v>
      </c>
      <c r="E5442" t="s">
        <v>32562</v>
      </c>
      <c r="F5442">
        <v>4</v>
      </c>
      <c r="G5442" t="s">
        <v>13</v>
      </c>
      <c r="H5442" t="s">
        <v>11221</v>
      </c>
      <c r="I5442" t="s">
        <v>30540</v>
      </c>
    </row>
    <row r="5443" spans="1:9">
      <c r="A5443" s="1">
        <v>0.49715749171177981</v>
      </c>
      <c r="B5443" s="1"/>
      <c r="C5443">
        <v>3</v>
      </c>
      <c r="D5443" t="s">
        <v>11218</v>
      </c>
      <c r="E5443" t="s">
        <v>32562</v>
      </c>
      <c r="F5443">
        <v>4</v>
      </c>
      <c r="G5443" t="s">
        <v>10</v>
      </c>
      <c r="H5443" t="s">
        <v>11219</v>
      </c>
      <c r="I5443" t="s">
        <v>30540</v>
      </c>
    </row>
    <row r="5444" spans="1:9">
      <c r="A5444" s="1">
        <v>0.96257527310661684</v>
      </c>
      <c r="B5444" s="1"/>
      <c r="C5444">
        <v>7</v>
      </c>
      <c r="D5444" t="s">
        <v>11214</v>
      </c>
      <c r="E5444" t="s">
        <v>32563</v>
      </c>
      <c r="F5444">
        <v>5</v>
      </c>
      <c r="G5444" t="s">
        <v>10</v>
      </c>
      <c r="H5444" t="s">
        <v>11215</v>
      </c>
      <c r="I5444" t="s">
        <v>30540</v>
      </c>
    </row>
    <row r="5445" spans="1:9">
      <c r="A5445" s="1">
        <v>0.65369436408983583</v>
      </c>
      <c r="B5445" s="1"/>
      <c r="C5445">
        <v>6</v>
      </c>
      <c r="D5445" t="s">
        <v>11212</v>
      </c>
      <c r="E5445" t="s">
        <v>32563</v>
      </c>
      <c r="F5445">
        <v>4</v>
      </c>
      <c r="G5445" t="s">
        <v>0</v>
      </c>
      <c r="H5445" t="s">
        <v>11213</v>
      </c>
      <c r="I5445" t="s">
        <v>30540</v>
      </c>
    </row>
    <row r="5446" spans="1:9">
      <c r="A5446" s="1">
        <v>0.72458943952597321</v>
      </c>
      <c r="B5446" s="1"/>
      <c r="C5446">
        <v>1</v>
      </c>
      <c r="D5446" t="s">
        <v>11206</v>
      </c>
      <c r="E5446" t="s">
        <v>32563</v>
      </c>
      <c r="F5446">
        <v>4</v>
      </c>
      <c r="G5446" t="s">
        <v>10</v>
      </c>
      <c r="H5446" t="s">
        <v>11207</v>
      </c>
      <c r="I5446" t="s">
        <v>30540</v>
      </c>
    </row>
    <row r="5447" spans="1:9">
      <c r="A5447" s="1">
        <v>0.67316459148156738</v>
      </c>
      <c r="B5447" s="1"/>
      <c r="C5447">
        <v>3</v>
      </c>
      <c r="D5447" t="s">
        <v>11210</v>
      </c>
      <c r="E5447" t="s">
        <v>32563</v>
      </c>
      <c r="F5447">
        <v>4</v>
      </c>
      <c r="G5447" t="s">
        <v>13</v>
      </c>
      <c r="H5447" t="s">
        <v>11211</v>
      </c>
      <c r="I5447" t="s">
        <v>30540</v>
      </c>
    </row>
    <row r="5448" spans="1:9">
      <c r="A5448" s="1">
        <v>0.84412719424527582</v>
      </c>
      <c r="B5448" s="1"/>
      <c r="C5448">
        <v>11</v>
      </c>
      <c r="D5448" t="s">
        <v>11216</v>
      </c>
      <c r="E5448" t="s">
        <v>32563</v>
      </c>
      <c r="F5448">
        <v>4</v>
      </c>
      <c r="G5448" t="s">
        <v>1</v>
      </c>
      <c r="H5448" t="s">
        <v>11217</v>
      </c>
      <c r="I5448" t="s">
        <v>30540</v>
      </c>
    </row>
    <row r="5449" spans="1:9">
      <c r="A5449" s="1">
        <v>0.54542168530959578</v>
      </c>
      <c r="B5449" s="1"/>
      <c r="C5449">
        <v>2</v>
      </c>
      <c r="D5449" t="s">
        <v>11208</v>
      </c>
      <c r="E5449" t="s">
        <v>32563</v>
      </c>
      <c r="F5449">
        <v>3</v>
      </c>
      <c r="G5449" t="s">
        <v>10</v>
      </c>
      <c r="H5449" t="s">
        <v>11209</v>
      </c>
      <c r="I5449" t="s">
        <v>30540</v>
      </c>
    </row>
    <row r="5450" spans="1:9">
      <c r="A5450" s="1">
        <v>4.9165249635328423E-2</v>
      </c>
      <c r="B5450" s="1"/>
      <c r="C5450">
        <v>11</v>
      </c>
      <c r="D5450" t="s">
        <v>11202</v>
      </c>
      <c r="E5450" t="s">
        <v>32564</v>
      </c>
      <c r="F5450">
        <v>4</v>
      </c>
      <c r="G5450" t="s">
        <v>9</v>
      </c>
      <c r="H5450" t="s">
        <v>11203</v>
      </c>
      <c r="I5450" t="s">
        <v>30540</v>
      </c>
    </row>
    <row r="5451" spans="1:9">
      <c r="A5451" s="1">
        <v>0.82775644171393226</v>
      </c>
      <c r="B5451" s="1"/>
      <c r="C5451">
        <v>16</v>
      </c>
      <c r="D5451" t="s">
        <v>11204</v>
      </c>
      <c r="E5451" t="s">
        <v>32564</v>
      </c>
      <c r="F5451">
        <v>4</v>
      </c>
      <c r="G5451" t="s">
        <v>14</v>
      </c>
      <c r="H5451" t="s">
        <v>11205</v>
      </c>
      <c r="I5451" t="s">
        <v>30540</v>
      </c>
    </row>
    <row r="5452" spans="1:9">
      <c r="A5452" s="1">
        <v>0.47547765155377397</v>
      </c>
      <c r="B5452" s="1"/>
      <c r="C5452">
        <v>11</v>
      </c>
      <c r="D5452" t="s">
        <v>11194</v>
      </c>
      <c r="E5452" t="s">
        <v>32565</v>
      </c>
      <c r="F5452">
        <v>5</v>
      </c>
      <c r="G5452" t="s">
        <v>9</v>
      </c>
      <c r="H5452" t="s">
        <v>11195</v>
      </c>
      <c r="I5452" t="s">
        <v>30540</v>
      </c>
    </row>
    <row r="5453" spans="1:9">
      <c r="A5453" s="1">
        <v>8.8751506089666754E-2</v>
      </c>
      <c r="B5453" s="1"/>
      <c r="C5453">
        <v>12</v>
      </c>
      <c r="D5453" t="s">
        <v>11196</v>
      </c>
      <c r="E5453" t="s">
        <v>32565</v>
      </c>
      <c r="F5453">
        <v>4</v>
      </c>
      <c r="G5453" t="s">
        <v>10</v>
      </c>
      <c r="H5453" t="s">
        <v>11197</v>
      </c>
      <c r="I5453" t="s">
        <v>30540</v>
      </c>
    </row>
    <row r="5454" spans="1:9">
      <c r="A5454" s="1">
        <v>0.7412305895677771</v>
      </c>
      <c r="B5454" s="1"/>
      <c r="C5454">
        <v>5</v>
      </c>
      <c r="D5454" t="s">
        <v>11188</v>
      </c>
      <c r="E5454" t="s">
        <v>32565</v>
      </c>
      <c r="F5454">
        <v>4</v>
      </c>
      <c r="G5454" t="s">
        <v>0</v>
      </c>
      <c r="H5454" t="s">
        <v>11189</v>
      </c>
      <c r="I5454" t="s">
        <v>30540</v>
      </c>
    </row>
    <row r="5455" spans="1:9">
      <c r="A5455" s="1">
        <v>0.10118212791806869</v>
      </c>
      <c r="B5455" s="1"/>
      <c r="C5455">
        <v>3</v>
      </c>
      <c r="D5455" t="s">
        <v>11186</v>
      </c>
      <c r="E5455" t="s">
        <v>32565</v>
      </c>
      <c r="F5455">
        <v>4</v>
      </c>
      <c r="G5455" t="s">
        <v>10</v>
      </c>
      <c r="H5455" t="s">
        <v>11187</v>
      </c>
      <c r="I5455" t="s">
        <v>30540</v>
      </c>
    </row>
    <row r="5456" spans="1:9">
      <c r="A5456" s="1">
        <v>0.11345829406935537</v>
      </c>
      <c r="B5456" s="1"/>
      <c r="C5456">
        <v>14</v>
      </c>
      <c r="D5456" t="s">
        <v>11198</v>
      </c>
      <c r="E5456" t="s">
        <v>32565</v>
      </c>
      <c r="F5456">
        <v>4</v>
      </c>
      <c r="G5456" t="s">
        <v>10</v>
      </c>
      <c r="H5456" t="s">
        <v>11199</v>
      </c>
      <c r="I5456" t="s">
        <v>30540</v>
      </c>
    </row>
    <row r="5457" spans="1:9">
      <c r="A5457" s="1">
        <v>0.65811887060880314</v>
      </c>
      <c r="B5457" s="1"/>
      <c r="C5457">
        <v>8</v>
      </c>
      <c r="D5457" t="s">
        <v>11190</v>
      </c>
      <c r="E5457" t="s">
        <v>32565</v>
      </c>
      <c r="F5457">
        <v>4</v>
      </c>
      <c r="G5457" t="s">
        <v>2</v>
      </c>
      <c r="H5457" t="s">
        <v>11191</v>
      </c>
      <c r="I5457" t="s">
        <v>30540</v>
      </c>
    </row>
    <row r="5458" spans="1:9">
      <c r="A5458" s="1">
        <v>0.18119019010298321</v>
      </c>
      <c r="B5458" s="1"/>
      <c r="C5458">
        <v>9</v>
      </c>
      <c r="D5458" t="s">
        <v>11192</v>
      </c>
      <c r="E5458" t="s">
        <v>32565</v>
      </c>
      <c r="F5458">
        <v>3</v>
      </c>
      <c r="G5458" t="s">
        <v>2</v>
      </c>
      <c r="H5458" t="s">
        <v>11193</v>
      </c>
      <c r="I5458" t="s">
        <v>30540</v>
      </c>
    </row>
    <row r="5459" spans="1:9">
      <c r="A5459" s="1">
        <v>0.5454770381629348</v>
      </c>
      <c r="B5459" s="1"/>
      <c r="C5459">
        <v>4</v>
      </c>
      <c r="D5459" t="s">
        <v>11182</v>
      </c>
      <c r="E5459" t="s">
        <v>32566</v>
      </c>
      <c r="F5459">
        <v>4</v>
      </c>
      <c r="G5459" t="s">
        <v>1431</v>
      </c>
      <c r="H5459" t="s">
        <v>11183</v>
      </c>
      <c r="I5459" t="s">
        <v>30540</v>
      </c>
    </row>
    <row r="5460" spans="1:9">
      <c r="A5460" s="1">
        <v>0.46670618375661965</v>
      </c>
      <c r="B5460" s="1"/>
      <c r="C5460">
        <v>11</v>
      </c>
      <c r="D5460" t="s">
        <v>11184</v>
      </c>
      <c r="E5460" t="s">
        <v>32566</v>
      </c>
      <c r="F5460">
        <v>4</v>
      </c>
      <c r="G5460" t="s">
        <v>1426</v>
      </c>
      <c r="H5460" t="s">
        <v>11185</v>
      </c>
      <c r="I5460" t="s">
        <v>30540</v>
      </c>
    </row>
    <row r="5461" spans="1:9">
      <c r="A5461" s="1">
        <v>0.19178420028722765</v>
      </c>
      <c r="B5461" s="1"/>
      <c r="C5461">
        <v>15</v>
      </c>
      <c r="D5461" t="s">
        <v>11180</v>
      </c>
      <c r="E5461" t="s">
        <v>32567</v>
      </c>
      <c r="F5461">
        <v>5</v>
      </c>
      <c r="G5461" t="s">
        <v>0</v>
      </c>
      <c r="H5461" t="s">
        <v>11181</v>
      </c>
      <c r="I5461" t="s">
        <v>30540</v>
      </c>
    </row>
    <row r="5462" spans="1:9">
      <c r="A5462" s="1">
        <v>4.7574504000590601E-2</v>
      </c>
      <c r="B5462" s="1"/>
      <c r="C5462">
        <v>12</v>
      </c>
      <c r="D5462" t="s">
        <v>11178</v>
      </c>
      <c r="E5462" t="s">
        <v>32567</v>
      </c>
      <c r="F5462">
        <v>4</v>
      </c>
      <c r="G5462" t="s">
        <v>10</v>
      </c>
      <c r="H5462" t="s">
        <v>11179</v>
      </c>
      <c r="I5462" t="s">
        <v>30540</v>
      </c>
    </row>
    <row r="5463" spans="1:9">
      <c r="A5463" s="1">
        <v>0.58493771410854856</v>
      </c>
      <c r="B5463" s="1"/>
      <c r="C5463">
        <v>9</v>
      </c>
      <c r="D5463" t="s">
        <v>11176</v>
      </c>
      <c r="E5463" t="s">
        <v>32567</v>
      </c>
      <c r="F5463">
        <v>4</v>
      </c>
      <c r="G5463" t="s">
        <v>10</v>
      </c>
      <c r="H5463" t="s">
        <v>11177</v>
      </c>
      <c r="I5463" t="s">
        <v>30540</v>
      </c>
    </row>
    <row r="5464" spans="1:9">
      <c r="A5464" s="1">
        <v>0.19946466997303969</v>
      </c>
      <c r="B5464" s="1"/>
      <c r="C5464">
        <v>3</v>
      </c>
      <c r="D5464" t="s">
        <v>11166</v>
      </c>
      <c r="E5464" t="s">
        <v>32568</v>
      </c>
      <c r="F5464">
        <v>5</v>
      </c>
      <c r="G5464" t="s">
        <v>9</v>
      </c>
      <c r="H5464" t="s">
        <v>11167</v>
      </c>
      <c r="I5464" t="s">
        <v>30540</v>
      </c>
    </row>
    <row r="5465" spans="1:9">
      <c r="A5465" s="1">
        <v>0.83877538921473971</v>
      </c>
      <c r="B5465" s="1"/>
      <c r="C5465">
        <v>13</v>
      </c>
      <c r="D5465" t="s">
        <v>11170</v>
      </c>
      <c r="E5465" t="s">
        <v>32568</v>
      </c>
      <c r="F5465">
        <v>3</v>
      </c>
      <c r="G5465" t="s">
        <v>10</v>
      </c>
      <c r="H5465" t="s">
        <v>11171</v>
      </c>
      <c r="I5465" t="s">
        <v>30540</v>
      </c>
    </row>
    <row r="5466" spans="1:9">
      <c r="A5466" s="1">
        <v>0.95091367250638281</v>
      </c>
      <c r="B5466" s="1"/>
      <c r="C5466">
        <v>6</v>
      </c>
      <c r="D5466" t="s">
        <v>11158</v>
      </c>
      <c r="E5466" t="s">
        <v>32569</v>
      </c>
      <c r="F5466">
        <v>5</v>
      </c>
      <c r="G5466" t="s">
        <v>9</v>
      </c>
      <c r="H5466" t="s">
        <v>11159</v>
      </c>
      <c r="I5466" t="s">
        <v>30540</v>
      </c>
    </row>
    <row r="5467" spans="1:9">
      <c r="A5467" s="1">
        <v>0.31624053873606739</v>
      </c>
      <c r="B5467" s="1"/>
      <c r="C5467">
        <v>11</v>
      </c>
      <c r="D5467" t="s">
        <v>11160</v>
      </c>
      <c r="E5467" t="s">
        <v>32569</v>
      </c>
      <c r="F5467">
        <v>4</v>
      </c>
      <c r="G5467" t="s">
        <v>14</v>
      </c>
      <c r="H5467" t="s">
        <v>11161</v>
      </c>
      <c r="I5467" t="s">
        <v>30540</v>
      </c>
    </row>
    <row r="5468" spans="1:9">
      <c r="A5468" s="1">
        <v>0.25513287964594356</v>
      </c>
      <c r="B5468" s="1"/>
      <c r="C5468">
        <v>12</v>
      </c>
      <c r="D5468" t="s">
        <v>11162</v>
      </c>
      <c r="E5468" t="s">
        <v>32569</v>
      </c>
      <c r="F5468">
        <v>4</v>
      </c>
      <c r="G5468" t="s">
        <v>14</v>
      </c>
      <c r="H5468" t="s">
        <v>11163</v>
      </c>
      <c r="I5468" t="s">
        <v>30540</v>
      </c>
    </row>
    <row r="5469" spans="1:9">
      <c r="A5469" s="1">
        <v>0.1001075152535974</v>
      </c>
      <c r="B5469" s="1"/>
      <c r="C5469">
        <v>15</v>
      </c>
      <c r="D5469" t="s">
        <v>11164</v>
      </c>
      <c r="E5469" t="s">
        <v>32569</v>
      </c>
      <c r="F5469">
        <v>3</v>
      </c>
      <c r="G5469" t="s">
        <v>1</v>
      </c>
      <c r="H5469" t="s">
        <v>11165</v>
      </c>
      <c r="I5469" t="s">
        <v>30540</v>
      </c>
    </row>
    <row r="5470" spans="1:9">
      <c r="A5470" s="1">
        <v>0.1132701476844048</v>
      </c>
      <c r="B5470" s="1"/>
      <c r="C5470">
        <v>5</v>
      </c>
      <c r="D5470" t="s">
        <v>11152</v>
      </c>
      <c r="E5470" t="s">
        <v>32570</v>
      </c>
      <c r="F5470">
        <v>5</v>
      </c>
      <c r="G5470" t="s">
        <v>10</v>
      </c>
      <c r="H5470" t="s">
        <v>11153</v>
      </c>
      <c r="I5470" t="s">
        <v>30540</v>
      </c>
    </row>
    <row r="5471" spans="1:9">
      <c r="A5471" s="1">
        <v>0.49328298202519838</v>
      </c>
      <c r="B5471" s="1"/>
      <c r="C5471">
        <v>7</v>
      </c>
      <c r="D5471" t="s">
        <v>11154</v>
      </c>
      <c r="E5471" t="s">
        <v>32570</v>
      </c>
      <c r="F5471">
        <v>5</v>
      </c>
      <c r="G5471" t="s">
        <v>0</v>
      </c>
      <c r="H5471" t="s">
        <v>11155</v>
      </c>
      <c r="I5471" t="s">
        <v>30540</v>
      </c>
    </row>
    <row r="5472" spans="1:9">
      <c r="A5472" s="1">
        <v>0.79609251735519082</v>
      </c>
      <c r="B5472" s="1"/>
      <c r="C5472">
        <v>8</v>
      </c>
      <c r="D5472" t="s">
        <v>11156</v>
      </c>
      <c r="E5472" t="s">
        <v>32570</v>
      </c>
      <c r="F5472">
        <v>4</v>
      </c>
      <c r="G5472" t="s">
        <v>10</v>
      </c>
      <c r="H5472" t="s">
        <v>11157</v>
      </c>
      <c r="I5472" t="s">
        <v>30540</v>
      </c>
    </row>
    <row r="5473" spans="1:9">
      <c r="A5473" s="1">
        <v>0.44920011718886155</v>
      </c>
      <c r="B5473" s="1"/>
      <c r="C5473">
        <v>16</v>
      </c>
      <c r="D5473" t="s">
        <v>11148</v>
      </c>
      <c r="E5473" t="s">
        <v>32571</v>
      </c>
      <c r="F5473">
        <v>4</v>
      </c>
      <c r="G5473" t="s">
        <v>1431</v>
      </c>
      <c r="H5473" t="s">
        <v>11149</v>
      </c>
      <c r="I5473" t="s">
        <v>30540</v>
      </c>
    </row>
    <row r="5474" spans="1:9">
      <c r="A5474" s="1">
        <v>0.4874549962285889</v>
      </c>
      <c r="B5474" s="1"/>
      <c r="C5474">
        <v>19</v>
      </c>
      <c r="D5474" t="s">
        <v>11150</v>
      </c>
      <c r="E5474" t="s">
        <v>32571</v>
      </c>
      <c r="F5474">
        <v>4</v>
      </c>
      <c r="G5474" t="s">
        <v>10</v>
      </c>
      <c r="H5474" t="s">
        <v>11151</v>
      </c>
      <c r="I5474" t="s">
        <v>30540</v>
      </c>
    </row>
    <row r="5475" spans="1:9">
      <c r="A5475" s="1">
        <v>0.55615913454955679</v>
      </c>
      <c r="B5475" s="1"/>
      <c r="C5475">
        <v>1</v>
      </c>
      <c r="D5475" t="s">
        <v>11146</v>
      </c>
      <c r="E5475" t="s">
        <v>32571</v>
      </c>
      <c r="F5475">
        <v>4</v>
      </c>
      <c r="G5475" t="s">
        <v>13</v>
      </c>
      <c r="H5475" t="s">
        <v>11147</v>
      </c>
      <c r="I5475" t="s">
        <v>30540</v>
      </c>
    </row>
    <row r="5476" spans="1:9">
      <c r="A5476" s="1">
        <v>0.96064153164186139</v>
      </c>
      <c r="B5476" s="1"/>
      <c r="C5476">
        <v>11</v>
      </c>
      <c r="D5476" t="s">
        <v>11142</v>
      </c>
      <c r="E5476" t="s">
        <v>32572</v>
      </c>
      <c r="F5476">
        <v>4</v>
      </c>
      <c r="G5476" t="s">
        <v>14</v>
      </c>
      <c r="H5476" t="s">
        <v>11143</v>
      </c>
      <c r="I5476" t="s">
        <v>30540</v>
      </c>
    </row>
    <row r="5477" spans="1:9">
      <c r="A5477" s="1">
        <v>0.58593032020828417</v>
      </c>
      <c r="B5477" s="1"/>
      <c r="C5477">
        <v>4</v>
      </c>
      <c r="D5477" t="s">
        <v>11140</v>
      </c>
      <c r="E5477" t="s">
        <v>32572</v>
      </c>
      <c r="F5477">
        <v>4</v>
      </c>
      <c r="G5477" t="s">
        <v>13</v>
      </c>
      <c r="H5477" t="s">
        <v>11141</v>
      </c>
      <c r="I5477" t="s">
        <v>30540</v>
      </c>
    </row>
    <row r="5478" spans="1:9">
      <c r="A5478" s="1">
        <v>3.2685490293931752E-2</v>
      </c>
      <c r="B5478" s="1"/>
      <c r="C5478">
        <v>13</v>
      </c>
      <c r="D5478" t="s">
        <v>11144</v>
      </c>
      <c r="E5478" t="s">
        <v>32572</v>
      </c>
      <c r="F5478">
        <v>4</v>
      </c>
      <c r="G5478" t="s">
        <v>2</v>
      </c>
      <c r="H5478" t="s">
        <v>11145</v>
      </c>
      <c r="I5478" t="s">
        <v>30540</v>
      </c>
    </row>
    <row r="5479" spans="1:9">
      <c r="A5479" s="1">
        <v>0.27496715306702446</v>
      </c>
      <c r="B5479" s="1"/>
      <c r="C5479">
        <v>3</v>
      </c>
      <c r="D5479" t="s">
        <v>11138</v>
      </c>
      <c r="E5479" t="s">
        <v>32572</v>
      </c>
      <c r="F5479">
        <v>4</v>
      </c>
      <c r="G5479" t="s">
        <v>10</v>
      </c>
      <c r="H5479" t="s">
        <v>11139</v>
      </c>
      <c r="I5479" t="s">
        <v>30540</v>
      </c>
    </row>
    <row r="5480" spans="1:9">
      <c r="A5480" s="1">
        <v>7.6210056670845461E-2</v>
      </c>
      <c r="B5480" s="1"/>
      <c r="C5480">
        <v>10</v>
      </c>
      <c r="D5480" t="s">
        <v>11132</v>
      </c>
      <c r="E5480" t="s">
        <v>32573</v>
      </c>
      <c r="F5480">
        <v>4</v>
      </c>
      <c r="G5480" t="s">
        <v>14</v>
      </c>
      <c r="H5480" t="s">
        <v>11133</v>
      </c>
      <c r="I5480" t="s">
        <v>30540</v>
      </c>
    </row>
    <row r="5481" spans="1:9">
      <c r="A5481" s="1">
        <v>0.75573701926291781</v>
      </c>
      <c r="B5481" s="1"/>
      <c r="C5481">
        <v>6</v>
      </c>
      <c r="D5481" t="s">
        <v>11128</v>
      </c>
      <c r="E5481" t="s">
        <v>32573</v>
      </c>
      <c r="F5481">
        <v>4</v>
      </c>
      <c r="G5481" t="s">
        <v>14</v>
      </c>
      <c r="H5481" t="s">
        <v>11129</v>
      </c>
      <c r="I5481" t="s">
        <v>30540</v>
      </c>
    </row>
    <row r="5482" spans="1:9">
      <c r="A5482" s="1">
        <v>0.463889960419819</v>
      </c>
      <c r="B5482" s="1"/>
      <c r="C5482">
        <v>11</v>
      </c>
      <c r="D5482" t="s">
        <v>11134</v>
      </c>
      <c r="E5482" t="s">
        <v>32573</v>
      </c>
      <c r="F5482">
        <v>4</v>
      </c>
      <c r="G5482" t="s">
        <v>14</v>
      </c>
      <c r="H5482" t="s">
        <v>11135</v>
      </c>
      <c r="I5482" t="s">
        <v>30540</v>
      </c>
    </row>
    <row r="5483" spans="1:9">
      <c r="A5483" s="1">
        <v>0.10365970112910372</v>
      </c>
      <c r="B5483" s="1"/>
      <c r="C5483">
        <v>1</v>
      </c>
      <c r="D5483" t="s">
        <v>11124</v>
      </c>
      <c r="E5483" t="s">
        <v>32573</v>
      </c>
      <c r="F5483">
        <v>4</v>
      </c>
      <c r="G5483" t="s">
        <v>10</v>
      </c>
      <c r="H5483" t="s">
        <v>11125</v>
      </c>
      <c r="I5483" t="s">
        <v>30540</v>
      </c>
    </row>
    <row r="5484" spans="1:9">
      <c r="A5484" s="1">
        <v>0.79403543781026453</v>
      </c>
      <c r="B5484" s="1"/>
      <c r="C5484">
        <v>7</v>
      </c>
      <c r="D5484" t="s">
        <v>11130</v>
      </c>
      <c r="E5484" t="s">
        <v>32573</v>
      </c>
      <c r="F5484">
        <v>4</v>
      </c>
      <c r="G5484" t="s">
        <v>1</v>
      </c>
      <c r="H5484" t="s">
        <v>11131</v>
      </c>
      <c r="I5484" t="s">
        <v>30540</v>
      </c>
    </row>
    <row r="5485" spans="1:9">
      <c r="A5485" s="1">
        <v>0.55300030868224292</v>
      </c>
      <c r="B5485" s="1"/>
      <c r="C5485">
        <v>9</v>
      </c>
      <c r="D5485" t="s">
        <v>11122</v>
      </c>
      <c r="E5485" t="s">
        <v>32574</v>
      </c>
      <c r="F5485">
        <v>5</v>
      </c>
      <c r="G5485" t="s">
        <v>13</v>
      </c>
      <c r="H5485" t="s">
        <v>11123</v>
      </c>
      <c r="I5485" t="s">
        <v>30540</v>
      </c>
    </row>
    <row r="5486" spans="1:9">
      <c r="A5486" s="1">
        <v>3.3304674767714149E-2</v>
      </c>
      <c r="B5486" s="1"/>
      <c r="C5486">
        <v>6</v>
      </c>
      <c r="D5486" t="s">
        <v>11118</v>
      </c>
      <c r="E5486" t="s">
        <v>32574</v>
      </c>
      <c r="F5486">
        <v>4</v>
      </c>
      <c r="G5486" t="s">
        <v>2</v>
      </c>
      <c r="H5486" t="s">
        <v>11119</v>
      </c>
      <c r="I5486" t="s">
        <v>30540</v>
      </c>
    </row>
    <row r="5487" spans="1:9">
      <c r="A5487" s="1">
        <v>6.3506434789495358E-4</v>
      </c>
      <c r="B5487" s="1"/>
      <c r="C5487">
        <v>8</v>
      </c>
      <c r="D5487" t="s">
        <v>11120</v>
      </c>
      <c r="E5487" t="s">
        <v>32574</v>
      </c>
      <c r="F5487">
        <v>4</v>
      </c>
      <c r="G5487" t="s">
        <v>14</v>
      </c>
      <c r="H5487" t="s">
        <v>11121</v>
      </c>
      <c r="I5487" t="s">
        <v>30540</v>
      </c>
    </row>
    <row r="5488" spans="1:9">
      <c r="A5488" s="1">
        <v>0.95977753953908129</v>
      </c>
      <c r="B5488" s="1"/>
      <c r="C5488">
        <v>4</v>
      </c>
      <c r="D5488" t="s">
        <v>11114</v>
      </c>
      <c r="E5488" t="s">
        <v>32574</v>
      </c>
      <c r="F5488">
        <v>4</v>
      </c>
      <c r="G5488" t="s">
        <v>1</v>
      </c>
      <c r="H5488" t="s">
        <v>11115</v>
      </c>
      <c r="I5488" t="s">
        <v>30540</v>
      </c>
    </row>
    <row r="5489" spans="1:9">
      <c r="A5489" s="1">
        <v>0.72885393083094085</v>
      </c>
      <c r="B5489" s="1"/>
      <c r="C5489">
        <v>5</v>
      </c>
      <c r="D5489" t="s">
        <v>11116</v>
      </c>
      <c r="E5489" t="s">
        <v>32574</v>
      </c>
      <c r="F5489">
        <v>4</v>
      </c>
      <c r="G5489" t="s">
        <v>14</v>
      </c>
      <c r="H5489" t="s">
        <v>11117</v>
      </c>
      <c r="I5489" t="s">
        <v>30540</v>
      </c>
    </row>
    <row r="5490" spans="1:9">
      <c r="A5490" s="1">
        <v>0.93285326038047311</v>
      </c>
      <c r="B5490" s="1"/>
      <c r="C5490">
        <v>9</v>
      </c>
      <c r="D5490" t="s">
        <v>11112</v>
      </c>
      <c r="E5490" t="s">
        <v>32575</v>
      </c>
      <c r="F5490">
        <v>5</v>
      </c>
      <c r="G5490" t="s">
        <v>9</v>
      </c>
      <c r="H5490" t="s">
        <v>11113</v>
      </c>
      <c r="I5490" t="s">
        <v>30540</v>
      </c>
    </row>
    <row r="5491" spans="1:9">
      <c r="A5491" s="1">
        <v>0.10390832865565158</v>
      </c>
      <c r="B5491" s="1"/>
      <c r="C5491">
        <v>2</v>
      </c>
      <c r="D5491" t="s">
        <v>11108</v>
      </c>
      <c r="E5491" t="s">
        <v>32575</v>
      </c>
      <c r="F5491">
        <v>4</v>
      </c>
      <c r="G5491" t="s">
        <v>2</v>
      </c>
      <c r="H5491" t="s">
        <v>11109</v>
      </c>
      <c r="I5491" t="s">
        <v>30540</v>
      </c>
    </row>
    <row r="5492" spans="1:9">
      <c r="A5492" s="1">
        <v>9.2096113785299694E-2</v>
      </c>
      <c r="B5492" s="1"/>
      <c r="C5492">
        <v>8</v>
      </c>
      <c r="D5492" t="s">
        <v>11110</v>
      </c>
      <c r="E5492" t="s">
        <v>32575</v>
      </c>
      <c r="F5492">
        <v>4</v>
      </c>
      <c r="G5492" t="s">
        <v>14</v>
      </c>
      <c r="H5492" t="s">
        <v>11111</v>
      </c>
      <c r="I5492" t="s">
        <v>30540</v>
      </c>
    </row>
    <row r="5493" spans="1:9">
      <c r="A5493" s="1">
        <v>0.1576928363042237</v>
      </c>
      <c r="B5493" s="1"/>
      <c r="C5493">
        <v>11</v>
      </c>
      <c r="D5493" t="s">
        <v>11102</v>
      </c>
      <c r="E5493" t="s">
        <v>32576</v>
      </c>
      <c r="F5493">
        <v>4</v>
      </c>
      <c r="G5493" t="s">
        <v>0</v>
      </c>
      <c r="H5493" t="s">
        <v>11103</v>
      </c>
      <c r="I5493" t="s">
        <v>30540</v>
      </c>
    </row>
    <row r="5494" spans="1:9">
      <c r="A5494" s="1">
        <v>0.6921642461708255</v>
      </c>
      <c r="B5494" s="1"/>
      <c r="C5494">
        <v>20</v>
      </c>
      <c r="D5494" t="s">
        <v>11106</v>
      </c>
      <c r="E5494" t="s">
        <v>32576</v>
      </c>
      <c r="F5494">
        <v>4</v>
      </c>
      <c r="G5494" t="s">
        <v>14</v>
      </c>
      <c r="H5494" t="s">
        <v>11107</v>
      </c>
      <c r="I5494" t="s">
        <v>30540</v>
      </c>
    </row>
    <row r="5495" spans="1:9">
      <c r="A5495" s="1">
        <v>0.38241710644984206</v>
      </c>
      <c r="B5495" s="1"/>
      <c r="C5495">
        <v>2</v>
      </c>
      <c r="D5495" t="s">
        <v>11092</v>
      </c>
      <c r="E5495" t="s">
        <v>32577</v>
      </c>
      <c r="F5495">
        <v>5</v>
      </c>
      <c r="G5495" t="s">
        <v>14</v>
      </c>
      <c r="H5495" t="s">
        <v>11093</v>
      </c>
      <c r="I5495" t="s">
        <v>30540</v>
      </c>
    </row>
    <row r="5496" spans="1:9">
      <c r="A5496" s="1">
        <v>0.92067599707998993</v>
      </c>
      <c r="B5496" s="1"/>
      <c r="C5496">
        <v>9</v>
      </c>
      <c r="D5496" t="s">
        <v>11098</v>
      </c>
      <c r="E5496" t="s">
        <v>32577</v>
      </c>
      <c r="F5496">
        <v>4</v>
      </c>
      <c r="G5496" t="s">
        <v>14</v>
      </c>
      <c r="H5496" t="s">
        <v>11099</v>
      </c>
      <c r="I5496" t="s">
        <v>30540</v>
      </c>
    </row>
    <row r="5497" spans="1:9">
      <c r="A5497" s="1">
        <v>0.20910432835126902</v>
      </c>
      <c r="B5497" s="1"/>
      <c r="C5497">
        <v>7</v>
      </c>
      <c r="D5497" t="s">
        <v>11094</v>
      </c>
      <c r="E5497" t="s">
        <v>32577</v>
      </c>
      <c r="F5497">
        <v>3</v>
      </c>
      <c r="G5497" t="s">
        <v>13</v>
      </c>
      <c r="H5497" t="s">
        <v>11095</v>
      </c>
      <c r="I5497" t="s">
        <v>30540</v>
      </c>
    </row>
    <row r="5498" spans="1:9">
      <c r="A5498" s="1">
        <v>0.65171491758063493</v>
      </c>
      <c r="B5498" s="1"/>
      <c r="C5498">
        <v>8</v>
      </c>
      <c r="D5498" t="s">
        <v>11096</v>
      </c>
      <c r="E5498" t="s">
        <v>32577</v>
      </c>
      <c r="F5498">
        <v>3</v>
      </c>
      <c r="G5498" t="s">
        <v>14</v>
      </c>
      <c r="H5498" t="s">
        <v>11097</v>
      </c>
      <c r="I5498" t="s">
        <v>30540</v>
      </c>
    </row>
    <row r="5499" spans="1:9">
      <c r="A5499" s="1">
        <v>0.44671379601285921</v>
      </c>
      <c r="B5499" s="1"/>
      <c r="C5499">
        <v>12</v>
      </c>
      <c r="D5499" t="s">
        <v>11090</v>
      </c>
      <c r="E5499" t="s">
        <v>32578</v>
      </c>
      <c r="F5499">
        <v>5</v>
      </c>
      <c r="G5499" t="s">
        <v>14</v>
      </c>
      <c r="H5499" t="s">
        <v>11091</v>
      </c>
      <c r="I5499" t="s">
        <v>30540</v>
      </c>
    </row>
    <row r="5500" spans="1:9">
      <c r="A5500" s="1">
        <v>0.45362927998707581</v>
      </c>
      <c r="B5500" s="1"/>
      <c r="C5500">
        <v>4</v>
      </c>
      <c r="D5500" t="s">
        <v>11086</v>
      </c>
      <c r="E5500" t="s">
        <v>32578</v>
      </c>
      <c r="F5500">
        <v>4</v>
      </c>
      <c r="G5500" t="s">
        <v>14</v>
      </c>
      <c r="H5500" t="s">
        <v>11087</v>
      </c>
      <c r="I5500" t="s">
        <v>30540</v>
      </c>
    </row>
    <row r="5501" spans="1:9">
      <c r="A5501" s="1">
        <v>0.11734575030397909</v>
      </c>
      <c r="B5501" s="1"/>
      <c r="C5501">
        <v>7</v>
      </c>
      <c r="D5501" t="s">
        <v>11088</v>
      </c>
      <c r="E5501" t="s">
        <v>32578</v>
      </c>
      <c r="F5501">
        <v>4</v>
      </c>
      <c r="G5501" t="s">
        <v>2</v>
      </c>
      <c r="H5501" t="s">
        <v>11089</v>
      </c>
      <c r="I5501" t="s">
        <v>30540</v>
      </c>
    </row>
    <row r="5502" spans="1:9">
      <c r="A5502" s="1">
        <v>0.2940645701052097</v>
      </c>
      <c r="B5502" s="1"/>
      <c r="C5502">
        <v>2</v>
      </c>
      <c r="D5502" t="s">
        <v>11084</v>
      </c>
      <c r="E5502" t="s">
        <v>32578</v>
      </c>
      <c r="F5502">
        <v>3</v>
      </c>
      <c r="G5502" t="s">
        <v>0</v>
      </c>
      <c r="H5502" t="s">
        <v>11085</v>
      </c>
      <c r="I5502" t="s">
        <v>30540</v>
      </c>
    </row>
    <row r="5503" spans="1:9">
      <c r="A5503" s="1">
        <v>0.7846282355121913</v>
      </c>
      <c r="B5503" s="1"/>
      <c r="C5503">
        <v>2</v>
      </c>
      <c r="D5503" t="s">
        <v>11082</v>
      </c>
      <c r="E5503" t="s">
        <v>32579</v>
      </c>
      <c r="F5503">
        <v>4</v>
      </c>
      <c r="G5503" t="s">
        <v>0</v>
      </c>
      <c r="H5503" t="s">
        <v>11083</v>
      </c>
      <c r="I5503" t="s">
        <v>30540</v>
      </c>
    </row>
    <row r="5504" spans="1:9">
      <c r="A5504" s="1">
        <v>0.31751002228855563</v>
      </c>
      <c r="B5504" s="1"/>
      <c r="C5504">
        <v>12</v>
      </c>
      <c r="D5504" t="s">
        <v>11076</v>
      </c>
      <c r="E5504" t="s">
        <v>32580</v>
      </c>
      <c r="F5504">
        <v>4</v>
      </c>
      <c r="G5504" t="s">
        <v>10</v>
      </c>
      <c r="H5504" t="s">
        <v>11077</v>
      </c>
      <c r="I5504" t="s">
        <v>30540</v>
      </c>
    </row>
    <row r="5505" spans="1:9">
      <c r="A5505" s="1">
        <v>0.27934661118818194</v>
      </c>
      <c r="B5505" s="1"/>
      <c r="C5505">
        <v>16</v>
      </c>
      <c r="D5505" t="s">
        <v>11078</v>
      </c>
      <c r="E5505" t="s">
        <v>32580</v>
      </c>
      <c r="F5505">
        <v>4</v>
      </c>
      <c r="G5505" t="s">
        <v>2226</v>
      </c>
      <c r="H5505" t="s">
        <v>11079</v>
      </c>
      <c r="I5505" t="s">
        <v>30540</v>
      </c>
    </row>
    <row r="5506" spans="1:9">
      <c r="A5506" s="1">
        <v>0.23422299945774838</v>
      </c>
      <c r="B5506" s="1"/>
      <c r="C5506">
        <v>8</v>
      </c>
      <c r="D5506" t="s">
        <v>11074</v>
      </c>
      <c r="E5506" t="s">
        <v>32580</v>
      </c>
      <c r="F5506">
        <v>4</v>
      </c>
      <c r="G5506" t="s">
        <v>10</v>
      </c>
      <c r="H5506" t="s">
        <v>11075</v>
      </c>
      <c r="I5506" t="s">
        <v>30540</v>
      </c>
    </row>
    <row r="5507" spans="1:9">
      <c r="A5507" s="1">
        <v>0.72860121487341412</v>
      </c>
      <c r="B5507" s="1"/>
      <c r="C5507">
        <v>17</v>
      </c>
      <c r="D5507" t="s">
        <v>11080</v>
      </c>
      <c r="E5507" t="s">
        <v>32580</v>
      </c>
      <c r="F5507">
        <v>3</v>
      </c>
      <c r="G5507" t="s">
        <v>765</v>
      </c>
      <c r="H5507" t="s">
        <v>11081</v>
      </c>
      <c r="I5507" t="s">
        <v>30540</v>
      </c>
    </row>
    <row r="5508" spans="1:9">
      <c r="A5508" s="1">
        <v>0.83060487463356325</v>
      </c>
      <c r="B5508" s="1"/>
      <c r="C5508">
        <v>5</v>
      </c>
      <c r="D5508" t="s">
        <v>11072</v>
      </c>
      <c r="E5508" t="s">
        <v>32581</v>
      </c>
      <c r="F5508">
        <v>3</v>
      </c>
      <c r="G5508" t="s">
        <v>2</v>
      </c>
      <c r="H5508" t="s">
        <v>11073</v>
      </c>
      <c r="I5508" t="s">
        <v>30540</v>
      </c>
    </row>
    <row r="5509" spans="1:9">
      <c r="A5509" s="1">
        <v>0.35402671755763826</v>
      </c>
      <c r="B5509" s="1"/>
      <c r="C5509">
        <v>2</v>
      </c>
      <c r="D5509" t="s">
        <v>11070</v>
      </c>
      <c r="E5509" t="s">
        <v>32581</v>
      </c>
      <c r="F5509">
        <v>3</v>
      </c>
      <c r="G5509" t="s">
        <v>10</v>
      </c>
      <c r="H5509" t="s">
        <v>11071</v>
      </c>
      <c r="I5509" t="s">
        <v>30540</v>
      </c>
    </row>
    <row r="5510" spans="1:9">
      <c r="A5510" s="1">
        <v>0.79448717435728922</v>
      </c>
      <c r="B5510" s="1"/>
      <c r="C5510">
        <v>10</v>
      </c>
      <c r="D5510" t="s">
        <v>11068</v>
      </c>
      <c r="E5510" t="s">
        <v>32582</v>
      </c>
      <c r="F5510">
        <v>5</v>
      </c>
      <c r="G5510" t="s">
        <v>14</v>
      </c>
      <c r="H5510" t="s">
        <v>11069</v>
      </c>
      <c r="I5510" t="s">
        <v>30540</v>
      </c>
    </row>
    <row r="5511" spans="1:9">
      <c r="A5511" s="1">
        <v>0.95305256019545759</v>
      </c>
      <c r="B5511" s="1"/>
      <c r="C5511">
        <v>4</v>
      </c>
      <c r="D5511" t="s">
        <v>11066</v>
      </c>
      <c r="E5511" t="s">
        <v>32582</v>
      </c>
      <c r="F5511">
        <v>4</v>
      </c>
      <c r="G5511" t="s">
        <v>14</v>
      </c>
      <c r="H5511" t="s">
        <v>11067</v>
      </c>
      <c r="I5511" t="s">
        <v>30540</v>
      </c>
    </row>
    <row r="5512" spans="1:9">
      <c r="A5512" s="1">
        <v>0.99544482842365423</v>
      </c>
      <c r="B5512" s="1"/>
      <c r="C5512">
        <v>15</v>
      </c>
      <c r="D5512" t="s">
        <v>11060</v>
      </c>
      <c r="E5512" t="s">
        <v>32583</v>
      </c>
      <c r="F5512">
        <v>5</v>
      </c>
      <c r="G5512" t="s">
        <v>14</v>
      </c>
      <c r="H5512" t="s">
        <v>11061</v>
      </c>
      <c r="I5512" t="s">
        <v>30540</v>
      </c>
    </row>
    <row r="5513" spans="1:9">
      <c r="A5513" s="1">
        <v>0.37372402478815814</v>
      </c>
      <c r="B5513" s="1"/>
      <c r="C5513">
        <v>12</v>
      </c>
      <c r="D5513" t="s">
        <v>11056</v>
      </c>
      <c r="E5513" t="s">
        <v>32583</v>
      </c>
      <c r="F5513">
        <v>5</v>
      </c>
      <c r="G5513" t="s">
        <v>0</v>
      </c>
      <c r="H5513" t="s">
        <v>11057</v>
      </c>
      <c r="I5513" t="s">
        <v>30540</v>
      </c>
    </row>
    <row r="5514" spans="1:9">
      <c r="A5514" s="1">
        <v>0.24671395650224071</v>
      </c>
      <c r="B5514" s="1"/>
      <c r="C5514">
        <v>14</v>
      </c>
      <c r="D5514" t="s">
        <v>11058</v>
      </c>
      <c r="E5514" t="s">
        <v>32583</v>
      </c>
      <c r="F5514">
        <v>5</v>
      </c>
      <c r="G5514" t="s">
        <v>2</v>
      </c>
      <c r="H5514" t="s">
        <v>11059</v>
      </c>
      <c r="I5514" t="s">
        <v>30540</v>
      </c>
    </row>
    <row r="5515" spans="1:9">
      <c r="A5515" s="1">
        <v>0.96459963638227553</v>
      </c>
      <c r="B5515" s="1"/>
      <c r="C5515">
        <v>16</v>
      </c>
      <c r="D5515" t="s">
        <v>11062</v>
      </c>
      <c r="E5515" t="s">
        <v>32583</v>
      </c>
      <c r="F5515">
        <v>5</v>
      </c>
      <c r="G5515" t="s">
        <v>14</v>
      </c>
      <c r="H5515" t="s">
        <v>11063</v>
      </c>
      <c r="I5515" t="s">
        <v>30540</v>
      </c>
    </row>
    <row r="5516" spans="1:9">
      <c r="A5516" s="1">
        <v>0.17270512110261893</v>
      </c>
      <c r="B5516" s="1"/>
      <c r="C5516">
        <v>11</v>
      </c>
      <c r="D5516" t="s">
        <v>11054</v>
      </c>
      <c r="E5516" t="s">
        <v>32583</v>
      </c>
      <c r="F5516">
        <v>5</v>
      </c>
      <c r="G5516" t="s">
        <v>2</v>
      </c>
      <c r="H5516" t="s">
        <v>11055</v>
      </c>
      <c r="I5516" t="s">
        <v>30540</v>
      </c>
    </row>
    <row r="5517" spans="1:9">
      <c r="A5517" s="1">
        <v>0.11391917067162916</v>
      </c>
      <c r="B5517" s="1"/>
      <c r="C5517">
        <v>19</v>
      </c>
      <c r="D5517" t="s">
        <v>11064</v>
      </c>
      <c r="E5517" t="s">
        <v>32583</v>
      </c>
      <c r="F5517">
        <v>4</v>
      </c>
      <c r="G5517" t="s">
        <v>14</v>
      </c>
      <c r="H5517" t="s">
        <v>11065</v>
      </c>
      <c r="I5517" t="s">
        <v>30540</v>
      </c>
    </row>
    <row r="5518" spans="1:9">
      <c r="A5518" s="1">
        <v>0.28479647364186089</v>
      </c>
      <c r="B5518" s="1"/>
      <c r="C5518">
        <v>7</v>
      </c>
      <c r="D5518" t="s">
        <v>11052</v>
      </c>
      <c r="E5518" t="s">
        <v>32583</v>
      </c>
      <c r="F5518">
        <v>4</v>
      </c>
      <c r="G5518" t="s">
        <v>14</v>
      </c>
      <c r="H5518" t="s">
        <v>11053</v>
      </c>
      <c r="I5518" t="s">
        <v>30540</v>
      </c>
    </row>
    <row r="5519" spans="1:9">
      <c r="A5519" s="1">
        <v>0.87313001544352964</v>
      </c>
      <c r="B5519" s="1"/>
      <c r="C5519">
        <v>10</v>
      </c>
      <c r="D5519" t="s">
        <v>11046</v>
      </c>
      <c r="E5519" t="s">
        <v>32584</v>
      </c>
      <c r="F5519">
        <v>5</v>
      </c>
      <c r="G5519" t="s">
        <v>2</v>
      </c>
      <c r="H5519" t="s">
        <v>11047</v>
      </c>
      <c r="I5519" t="s">
        <v>30540</v>
      </c>
    </row>
    <row r="5520" spans="1:9">
      <c r="A5520" s="1">
        <v>0.89656188521426827</v>
      </c>
      <c r="B5520" s="1"/>
      <c r="C5520">
        <v>9</v>
      </c>
      <c r="D5520" t="s">
        <v>11044</v>
      </c>
      <c r="E5520" t="s">
        <v>32584</v>
      </c>
      <c r="F5520">
        <v>4</v>
      </c>
      <c r="G5520" t="s">
        <v>2</v>
      </c>
      <c r="H5520" t="s">
        <v>11045</v>
      </c>
      <c r="I5520" t="s">
        <v>30540</v>
      </c>
    </row>
    <row r="5521" spans="1:9">
      <c r="A5521" s="1">
        <v>8.5881103697230898E-2</v>
      </c>
      <c r="B5521" s="1"/>
      <c r="C5521">
        <v>3</v>
      </c>
      <c r="D5521" t="s">
        <v>11038</v>
      </c>
      <c r="E5521" t="s">
        <v>32584</v>
      </c>
      <c r="F5521">
        <v>4</v>
      </c>
      <c r="G5521" t="s">
        <v>2</v>
      </c>
      <c r="H5521" t="s">
        <v>11039</v>
      </c>
      <c r="I5521" t="s">
        <v>30540</v>
      </c>
    </row>
    <row r="5522" spans="1:9">
      <c r="A5522" s="1">
        <v>0.14410930637838648</v>
      </c>
      <c r="B5522" s="1"/>
      <c r="C5522">
        <v>6</v>
      </c>
      <c r="D5522" t="s">
        <v>11040</v>
      </c>
      <c r="E5522" t="s">
        <v>32584</v>
      </c>
      <c r="F5522">
        <v>4</v>
      </c>
      <c r="G5522" t="s">
        <v>14</v>
      </c>
      <c r="H5522" t="s">
        <v>11041</v>
      </c>
      <c r="I5522" t="s">
        <v>30540</v>
      </c>
    </row>
    <row r="5523" spans="1:9">
      <c r="A5523" s="1">
        <v>0.54962666718113939</v>
      </c>
      <c r="B5523" s="1"/>
      <c r="C5523">
        <v>15</v>
      </c>
      <c r="D5523" t="s">
        <v>11050</v>
      </c>
      <c r="E5523" t="s">
        <v>32584</v>
      </c>
      <c r="F5523">
        <v>4</v>
      </c>
      <c r="G5523" t="s">
        <v>14</v>
      </c>
      <c r="H5523" t="s">
        <v>11051</v>
      </c>
      <c r="I5523" t="s">
        <v>30540</v>
      </c>
    </row>
    <row r="5524" spans="1:9">
      <c r="A5524" s="1">
        <v>0.16284076898220168</v>
      </c>
      <c r="B5524" s="1"/>
      <c r="C5524">
        <v>13</v>
      </c>
      <c r="D5524" t="s">
        <v>11048</v>
      </c>
      <c r="E5524" t="s">
        <v>32584</v>
      </c>
      <c r="F5524">
        <v>3</v>
      </c>
      <c r="G5524" t="s">
        <v>14</v>
      </c>
      <c r="H5524" t="s">
        <v>11049</v>
      </c>
      <c r="I5524" t="s">
        <v>30540</v>
      </c>
    </row>
    <row r="5525" spans="1:9">
      <c r="A5525" s="1">
        <v>7.583767308441991E-2</v>
      </c>
      <c r="B5525" s="1"/>
      <c r="C5525">
        <v>5</v>
      </c>
      <c r="D5525" t="s">
        <v>11030</v>
      </c>
      <c r="E5525" t="s">
        <v>32585</v>
      </c>
      <c r="F5525">
        <v>5</v>
      </c>
      <c r="G5525" t="s">
        <v>2</v>
      </c>
      <c r="H5525" t="s">
        <v>11031</v>
      </c>
      <c r="I5525" t="s">
        <v>30540</v>
      </c>
    </row>
    <row r="5526" spans="1:9">
      <c r="A5526" s="1">
        <v>0.16297753776745605</v>
      </c>
      <c r="B5526" s="1"/>
      <c r="C5526">
        <v>3</v>
      </c>
      <c r="D5526" t="s">
        <v>11028</v>
      </c>
      <c r="E5526" t="s">
        <v>32585</v>
      </c>
      <c r="F5526">
        <v>5</v>
      </c>
      <c r="G5526" t="s">
        <v>2</v>
      </c>
      <c r="H5526" t="s">
        <v>11029</v>
      </c>
      <c r="I5526" t="s">
        <v>30540</v>
      </c>
    </row>
    <row r="5527" spans="1:9">
      <c r="A5527" s="1">
        <v>0.90282784439095098</v>
      </c>
      <c r="B5527" s="1"/>
      <c r="C5527">
        <v>9</v>
      </c>
      <c r="D5527" t="s">
        <v>11034</v>
      </c>
      <c r="E5527" t="s">
        <v>32585</v>
      </c>
      <c r="F5527">
        <v>4</v>
      </c>
      <c r="G5527" t="s">
        <v>13</v>
      </c>
      <c r="H5527" t="s">
        <v>11035</v>
      </c>
      <c r="I5527" t="s">
        <v>30540</v>
      </c>
    </row>
    <row r="5528" spans="1:9">
      <c r="A5528" s="1">
        <v>0.65719363656402452</v>
      </c>
      <c r="B5528" s="1"/>
      <c r="C5528">
        <v>2</v>
      </c>
      <c r="D5528" t="s">
        <v>11026</v>
      </c>
      <c r="E5528" t="s">
        <v>32585</v>
      </c>
      <c r="F5528">
        <v>4</v>
      </c>
      <c r="G5528" t="s">
        <v>1431</v>
      </c>
      <c r="H5528" t="s">
        <v>11027</v>
      </c>
      <c r="I5528" t="s">
        <v>30540</v>
      </c>
    </row>
    <row r="5529" spans="1:9">
      <c r="A5529" s="1">
        <v>0.49174689533693061</v>
      </c>
      <c r="B5529" s="1"/>
      <c r="C5529">
        <v>7</v>
      </c>
      <c r="D5529" t="s">
        <v>11032</v>
      </c>
      <c r="E5529" t="s">
        <v>32585</v>
      </c>
      <c r="F5529">
        <v>4</v>
      </c>
      <c r="G5529" t="s">
        <v>0</v>
      </c>
      <c r="H5529" t="s">
        <v>11033</v>
      </c>
      <c r="I5529" t="s">
        <v>30540</v>
      </c>
    </row>
    <row r="5530" spans="1:9">
      <c r="A5530" s="1">
        <v>0.18390752229444063</v>
      </c>
      <c r="B5530" s="1"/>
      <c r="C5530">
        <v>19</v>
      </c>
      <c r="D5530" t="s">
        <v>11036</v>
      </c>
      <c r="E5530" t="s">
        <v>32585</v>
      </c>
      <c r="F5530">
        <v>3</v>
      </c>
      <c r="G5530" t="s">
        <v>14</v>
      </c>
      <c r="H5530" t="s">
        <v>11037</v>
      </c>
      <c r="I5530" t="s">
        <v>30540</v>
      </c>
    </row>
    <row r="5531" spans="1:9">
      <c r="A5531" s="1">
        <v>0.14101998774412405</v>
      </c>
      <c r="B5531" s="1"/>
      <c r="C5531">
        <v>5</v>
      </c>
      <c r="D5531" t="s">
        <v>11022</v>
      </c>
      <c r="E5531" t="s">
        <v>32586</v>
      </c>
      <c r="F5531">
        <v>5</v>
      </c>
      <c r="G5531" t="s">
        <v>0</v>
      </c>
      <c r="H5531" t="s">
        <v>11023</v>
      </c>
      <c r="I5531" t="s">
        <v>30540</v>
      </c>
    </row>
    <row r="5532" spans="1:9">
      <c r="A5532" s="1">
        <v>0.8735823897032432</v>
      </c>
      <c r="B5532" s="1"/>
      <c r="C5532">
        <v>7</v>
      </c>
      <c r="D5532" t="s">
        <v>11024</v>
      </c>
      <c r="E5532" t="s">
        <v>32586</v>
      </c>
      <c r="F5532">
        <v>4</v>
      </c>
      <c r="G5532" t="s">
        <v>9</v>
      </c>
      <c r="H5532" t="s">
        <v>11025</v>
      </c>
      <c r="I5532" t="s">
        <v>30540</v>
      </c>
    </row>
    <row r="5533" spans="1:9">
      <c r="A5533" s="1">
        <v>0.6454371641234119</v>
      </c>
      <c r="B5533" s="1"/>
      <c r="C5533">
        <v>2</v>
      </c>
      <c r="D5533" t="s">
        <v>11016</v>
      </c>
      <c r="E5533" t="s">
        <v>32587</v>
      </c>
      <c r="F5533">
        <v>4</v>
      </c>
      <c r="G5533" t="s">
        <v>10</v>
      </c>
      <c r="H5533" t="s">
        <v>11017</v>
      </c>
      <c r="I5533" t="s">
        <v>30540</v>
      </c>
    </row>
    <row r="5534" spans="1:9">
      <c r="A5534" s="1">
        <v>0.45888379840617066</v>
      </c>
      <c r="B5534" s="1"/>
      <c r="C5534">
        <v>4</v>
      </c>
      <c r="D5534" t="s">
        <v>11018</v>
      </c>
      <c r="E5534" t="s">
        <v>32587</v>
      </c>
      <c r="F5534">
        <v>3</v>
      </c>
      <c r="G5534" t="s">
        <v>13</v>
      </c>
      <c r="H5534" t="s">
        <v>11019</v>
      </c>
      <c r="I5534" t="s">
        <v>30540</v>
      </c>
    </row>
    <row r="5535" spans="1:9">
      <c r="A5535" s="1">
        <v>0.34600815065599644</v>
      </c>
      <c r="B5535" s="1"/>
      <c r="C5535">
        <v>8</v>
      </c>
      <c r="D5535" t="s">
        <v>11012</v>
      </c>
      <c r="E5535" t="s">
        <v>32588</v>
      </c>
      <c r="F5535">
        <v>4</v>
      </c>
      <c r="G5535" t="s">
        <v>0</v>
      </c>
      <c r="H5535" t="s">
        <v>11013</v>
      </c>
      <c r="I5535" t="s">
        <v>30540</v>
      </c>
    </row>
    <row r="5536" spans="1:9">
      <c r="A5536" s="1">
        <v>0.87639779773010085</v>
      </c>
      <c r="B5536" s="1"/>
      <c r="C5536">
        <v>11</v>
      </c>
      <c r="D5536" t="s">
        <v>11014</v>
      </c>
      <c r="E5536" t="s">
        <v>32588</v>
      </c>
      <c r="F5536">
        <v>4</v>
      </c>
      <c r="G5536" t="s">
        <v>14</v>
      </c>
      <c r="H5536" t="s">
        <v>11015</v>
      </c>
      <c r="I5536" t="s">
        <v>30540</v>
      </c>
    </row>
    <row r="5537" spans="1:9">
      <c r="A5537" s="1">
        <v>0.49528767374592875</v>
      </c>
      <c r="B5537" s="1"/>
      <c r="C5537">
        <v>2</v>
      </c>
      <c r="D5537" t="s">
        <v>11010</v>
      </c>
      <c r="E5537" t="s">
        <v>32588</v>
      </c>
      <c r="F5537">
        <v>4</v>
      </c>
      <c r="G5537" t="s">
        <v>2</v>
      </c>
      <c r="H5537" t="s">
        <v>11011</v>
      </c>
      <c r="I5537" t="s">
        <v>30540</v>
      </c>
    </row>
    <row r="5538" spans="1:9">
      <c r="A5538" s="1">
        <v>0.6273191615426108</v>
      </c>
      <c r="B5538" s="1"/>
      <c r="C5538">
        <v>1</v>
      </c>
      <c r="D5538" t="s">
        <v>11008</v>
      </c>
      <c r="E5538" t="s">
        <v>32588</v>
      </c>
      <c r="F5538">
        <v>4</v>
      </c>
      <c r="G5538" t="s">
        <v>15</v>
      </c>
      <c r="H5538" t="s">
        <v>11009</v>
      </c>
      <c r="I5538" t="s">
        <v>30540</v>
      </c>
    </row>
    <row r="5539" spans="1:9">
      <c r="A5539" s="1">
        <v>0.57467851052755314</v>
      </c>
      <c r="B5539" s="1"/>
      <c r="C5539">
        <v>7</v>
      </c>
      <c r="D5539" t="s">
        <v>11002</v>
      </c>
      <c r="E5539" t="s">
        <v>32589</v>
      </c>
      <c r="F5539">
        <v>4</v>
      </c>
      <c r="G5539" t="s">
        <v>14</v>
      </c>
      <c r="H5539" t="s">
        <v>11003</v>
      </c>
      <c r="I5539" t="s">
        <v>30540</v>
      </c>
    </row>
    <row r="5540" spans="1:9">
      <c r="A5540" s="1">
        <v>0.81158854497073207</v>
      </c>
      <c r="B5540" s="1"/>
      <c r="C5540">
        <v>8</v>
      </c>
      <c r="D5540" t="s">
        <v>11004</v>
      </c>
      <c r="E5540" t="s">
        <v>32589</v>
      </c>
      <c r="F5540">
        <v>4</v>
      </c>
      <c r="G5540" t="s">
        <v>15</v>
      </c>
      <c r="H5540" t="s">
        <v>11005</v>
      </c>
      <c r="I5540" t="s">
        <v>30540</v>
      </c>
    </row>
    <row r="5541" spans="1:9">
      <c r="A5541" s="1">
        <v>0.9441320363370137</v>
      </c>
      <c r="B5541" s="1"/>
      <c r="C5541">
        <v>3</v>
      </c>
      <c r="D5541" t="s">
        <v>11000</v>
      </c>
      <c r="E5541" t="s">
        <v>32589</v>
      </c>
      <c r="F5541">
        <v>4</v>
      </c>
      <c r="G5541" t="s">
        <v>9</v>
      </c>
      <c r="H5541" t="s">
        <v>11001</v>
      </c>
      <c r="I5541" t="s">
        <v>30540</v>
      </c>
    </row>
    <row r="5542" spans="1:9">
      <c r="A5542" s="1">
        <v>0.32270137575454172</v>
      </c>
      <c r="B5542" s="1"/>
      <c r="C5542">
        <v>3</v>
      </c>
      <c r="D5542" t="s">
        <v>10992</v>
      </c>
      <c r="E5542" t="s">
        <v>32590</v>
      </c>
      <c r="F5542">
        <v>4</v>
      </c>
      <c r="G5542" t="s">
        <v>1431</v>
      </c>
      <c r="H5542" t="s">
        <v>10993</v>
      </c>
      <c r="I5542" t="s">
        <v>30540</v>
      </c>
    </row>
    <row r="5543" spans="1:9">
      <c r="A5543" s="1">
        <v>0.28249762194227246</v>
      </c>
      <c r="B5543" s="1"/>
      <c r="C5543">
        <v>1</v>
      </c>
      <c r="D5543" t="s">
        <v>10990</v>
      </c>
      <c r="E5543" t="s">
        <v>32590</v>
      </c>
      <c r="F5543">
        <v>4</v>
      </c>
      <c r="G5543" t="s">
        <v>14</v>
      </c>
      <c r="H5543" t="s">
        <v>10991</v>
      </c>
      <c r="I5543" t="s">
        <v>30540</v>
      </c>
    </row>
    <row r="5544" spans="1:9">
      <c r="A5544" s="1">
        <v>0.11413894238216227</v>
      </c>
      <c r="B5544" s="1"/>
      <c r="C5544">
        <v>7</v>
      </c>
      <c r="D5544" t="s">
        <v>10996</v>
      </c>
      <c r="E5544" t="s">
        <v>32590</v>
      </c>
      <c r="F5544">
        <v>4</v>
      </c>
      <c r="G5544" t="s">
        <v>13</v>
      </c>
      <c r="H5544" t="s">
        <v>10997</v>
      </c>
      <c r="I5544" t="s">
        <v>30540</v>
      </c>
    </row>
    <row r="5545" spans="1:9">
      <c r="A5545" s="1">
        <v>0.46587725960071413</v>
      </c>
      <c r="B5545" s="1"/>
      <c r="C5545">
        <v>4</v>
      </c>
      <c r="D5545" t="s">
        <v>10994</v>
      </c>
      <c r="E5545" t="s">
        <v>32590</v>
      </c>
      <c r="F5545">
        <v>3</v>
      </c>
      <c r="G5545" t="s">
        <v>775</v>
      </c>
      <c r="H5545" t="s">
        <v>10995</v>
      </c>
      <c r="I5545" t="s">
        <v>30540</v>
      </c>
    </row>
    <row r="5546" spans="1:9">
      <c r="A5546" s="1">
        <v>0.56824043597837681</v>
      </c>
      <c r="B5546" s="1"/>
      <c r="C5546">
        <v>7</v>
      </c>
      <c r="D5546" t="s">
        <v>10988</v>
      </c>
      <c r="E5546" t="s">
        <v>32591</v>
      </c>
      <c r="F5546">
        <v>4</v>
      </c>
      <c r="G5546" t="s">
        <v>0</v>
      </c>
      <c r="H5546" t="s">
        <v>10989</v>
      </c>
      <c r="I5546" t="s">
        <v>30540</v>
      </c>
    </row>
    <row r="5547" spans="1:9">
      <c r="A5547" s="1">
        <v>7.7077111645272423E-2</v>
      </c>
      <c r="B5547" s="1"/>
      <c r="C5547">
        <v>5</v>
      </c>
      <c r="D5547" t="s">
        <v>10986</v>
      </c>
      <c r="E5547" t="s">
        <v>32591</v>
      </c>
      <c r="F5547">
        <v>4</v>
      </c>
      <c r="G5547" t="s">
        <v>14</v>
      </c>
      <c r="H5547" t="s">
        <v>10987</v>
      </c>
      <c r="I5547" t="s">
        <v>30540</v>
      </c>
    </row>
    <row r="5548" spans="1:9">
      <c r="A5548" s="1">
        <v>0.90304246200643656</v>
      </c>
      <c r="B5548" s="1"/>
      <c r="C5548">
        <v>6</v>
      </c>
      <c r="D5548" t="s">
        <v>10978</v>
      </c>
      <c r="E5548" t="s">
        <v>32592</v>
      </c>
      <c r="F5548">
        <v>5</v>
      </c>
      <c r="G5548" t="s">
        <v>9</v>
      </c>
      <c r="H5548" t="s">
        <v>10979</v>
      </c>
      <c r="I5548" t="s">
        <v>30540</v>
      </c>
    </row>
    <row r="5549" spans="1:9">
      <c r="A5549" s="1">
        <v>2.554574403208465E-2</v>
      </c>
      <c r="B5549" s="1"/>
      <c r="C5549">
        <v>11</v>
      </c>
      <c r="D5549" t="s">
        <v>10980</v>
      </c>
      <c r="E5549" t="s">
        <v>32592</v>
      </c>
      <c r="F5549">
        <v>5</v>
      </c>
      <c r="G5549" t="s">
        <v>9</v>
      </c>
      <c r="H5549" t="s">
        <v>10981</v>
      </c>
      <c r="I5549" t="s">
        <v>30540</v>
      </c>
    </row>
    <row r="5550" spans="1:9">
      <c r="A5550" s="1">
        <v>0.56972156440113908</v>
      </c>
      <c r="B5550" s="1"/>
      <c r="C5550">
        <v>15</v>
      </c>
      <c r="D5550" t="s">
        <v>10984</v>
      </c>
      <c r="E5550" t="s">
        <v>32592</v>
      </c>
      <c r="F5550">
        <v>4</v>
      </c>
      <c r="G5550" t="s">
        <v>14</v>
      </c>
      <c r="H5550" t="s">
        <v>10985</v>
      </c>
      <c r="I5550" t="s">
        <v>30540</v>
      </c>
    </row>
    <row r="5551" spans="1:9">
      <c r="A5551" s="1">
        <v>0.2524977046684328</v>
      </c>
      <c r="B5551" s="1"/>
      <c r="C5551">
        <v>14</v>
      </c>
      <c r="D5551" t="s">
        <v>10982</v>
      </c>
      <c r="E5551" t="s">
        <v>32592</v>
      </c>
      <c r="F5551">
        <v>4</v>
      </c>
      <c r="G5551" t="s">
        <v>14</v>
      </c>
      <c r="H5551" t="s">
        <v>10983</v>
      </c>
      <c r="I5551" t="s">
        <v>30540</v>
      </c>
    </row>
    <row r="5552" spans="1:9">
      <c r="A5552" s="1">
        <v>0.77510243485652563</v>
      </c>
      <c r="B5552" s="1"/>
      <c r="C5552">
        <v>3</v>
      </c>
      <c r="D5552" t="s">
        <v>10976</v>
      </c>
      <c r="E5552" t="s">
        <v>32592</v>
      </c>
      <c r="F5552">
        <v>3</v>
      </c>
      <c r="G5552" t="s">
        <v>14</v>
      </c>
      <c r="H5552" t="s">
        <v>10977</v>
      </c>
      <c r="I5552" t="s">
        <v>30540</v>
      </c>
    </row>
    <row r="5553" spans="1:9">
      <c r="A5553" s="1">
        <v>0.78914341831401424</v>
      </c>
      <c r="B5553" s="1"/>
      <c r="C5553">
        <v>8</v>
      </c>
      <c r="D5553" t="s">
        <v>10970</v>
      </c>
      <c r="E5553" t="s">
        <v>32593</v>
      </c>
      <c r="F5553">
        <v>4</v>
      </c>
      <c r="G5553" t="s">
        <v>14</v>
      </c>
      <c r="H5553" t="s">
        <v>10971</v>
      </c>
      <c r="I5553" t="s">
        <v>30540</v>
      </c>
    </row>
    <row r="5554" spans="1:9">
      <c r="A5554" s="1">
        <v>0.30835752527006777</v>
      </c>
      <c r="B5554" s="1"/>
      <c r="C5554">
        <v>13</v>
      </c>
      <c r="D5554" t="s">
        <v>10974</v>
      </c>
      <c r="E5554" t="s">
        <v>32593</v>
      </c>
      <c r="F5554">
        <v>4</v>
      </c>
      <c r="G5554" t="s">
        <v>14</v>
      </c>
      <c r="H5554" t="s">
        <v>10975</v>
      </c>
      <c r="I5554" t="s">
        <v>30540</v>
      </c>
    </row>
    <row r="5555" spans="1:9">
      <c r="A5555" s="1">
        <v>0.13112667080588658</v>
      </c>
      <c r="B5555" s="1"/>
      <c r="C5555">
        <v>11</v>
      </c>
      <c r="D5555" t="s">
        <v>10972</v>
      </c>
      <c r="E5555" t="s">
        <v>32593</v>
      </c>
      <c r="F5555">
        <v>4</v>
      </c>
      <c r="G5555" t="s">
        <v>0</v>
      </c>
      <c r="H5555" t="s">
        <v>10973</v>
      </c>
      <c r="I5555" t="s">
        <v>30540</v>
      </c>
    </row>
    <row r="5556" spans="1:9">
      <c r="A5556" s="1">
        <v>0.79303090477303551</v>
      </c>
      <c r="B5556" s="1"/>
      <c r="C5556">
        <v>1</v>
      </c>
      <c r="D5556" t="s">
        <v>10968</v>
      </c>
      <c r="E5556" t="s">
        <v>32593</v>
      </c>
      <c r="F5556">
        <v>4</v>
      </c>
      <c r="G5556" t="s">
        <v>10</v>
      </c>
      <c r="H5556" t="s">
        <v>10969</v>
      </c>
      <c r="I5556" t="s">
        <v>30540</v>
      </c>
    </row>
    <row r="5557" spans="1:9">
      <c r="A5557" s="1">
        <v>0.57565133711226002</v>
      </c>
      <c r="B5557" s="1"/>
      <c r="C5557">
        <v>6</v>
      </c>
      <c r="D5557" t="s">
        <v>10962</v>
      </c>
      <c r="E5557" t="s">
        <v>32594</v>
      </c>
      <c r="F5557">
        <v>5</v>
      </c>
      <c r="G5557" t="s">
        <v>14</v>
      </c>
      <c r="H5557" t="s">
        <v>10963</v>
      </c>
      <c r="I5557" t="s">
        <v>30540</v>
      </c>
    </row>
    <row r="5558" spans="1:9">
      <c r="A5558" s="1">
        <v>0.31867783219943691</v>
      </c>
      <c r="B5558" s="1"/>
      <c r="C5558">
        <v>18</v>
      </c>
      <c r="D5558" t="s">
        <v>10966</v>
      </c>
      <c r="E5558" t="s">
        <v>32594</v>
      </c>
      <c r="F5558">
        <v>5</v>
      </c>
      <c r="G5558" t="s">
        <v>2</v>
      </c>
      <c r="H5558" t="s">
        <v>10967</v>
      </c>
      <c r="I5558" t="s">
        <v>30540</v>
      </c>
    </row>
    <row r="5559" spans="1:9">
      <c r="A5559" s="1">
        <v>0.72047527366287034</v>
      </c>
      <c r="B5559" s="1"/>
      <c r="C5559">
        <v>5</v>
      </c>
      <c r="D5559" t="s">
        <v>10960</v>
      </c>
      <c r="E5559" t="s">
        <v>32594</v>
      </c>
      <c r="F5559">
        <v>4</v>
      </c>
      <c r="G5559" t="s">
        <v>14</v>
      </c>
      <c r="H5559" t="s">
        <v>10961</v>
      </c>
      <c r="I5559" t="s">
        <v>30540</v>
      </c>
    </row>
    <row r="5560" spans="1:9">
      <c r="A5560" s="1">
        <v>0.23085834021786811</v>
      </c>
      <c r="B5560" s="1"/>
      <c r="C5560">
        <v>1</v>
      </c>
      <c r="D5560" t="s">
        <v>10958</v>
      </c>
      <c r="E5560" t="s">
        <v>32594</v>
      </c>
      <c r="F5560">
        <v>4</v>
      </c>
      <c r="G5560" t="s">
        <v>15</v>
      </c>
      <c r="H5560" t="s">
        <v>10959</v>
      </c>
      <c r="I5560" t="s">
        <v>30540</v>
      </c>
    </row>
    <row r="5561" spans="1:9">
      <c r="A5561" s="1">
        <v>0.47704881606674943</v>
      </c>
      <c r="B5561" s="1"/>
      <c r="C5561">
        <v>7</v>
      </c>
      <c r="D5561" t="s">
        <v>14835</v>
      </c>
      <c r="E5561" t="s">
        <v>32595</v>
      </c>
      <c r="F5561">
        <v>5</v>
      </c>
      <c r="G5561" t="s">
        <v>10</v>
      </c>
      <c r="H5561" t="s">
        <v>14836</v>
      </c>
      <c r="I5561" t="s">
        <v>30540</v>
      </c>
    </row>
    <row r="5562" spans="1:9">
      <c r="A5562" s="1">
        <v>0.26950837401536931</v>
      </c>
      <c r="B5562" s="1"/>
      <c r="C5562">
        <v>3</v>
      </c>
      <c r="D5562" t="s">
        <v>14833</v>
      </c>
      <c r="E5562" t="s">
        <v>32595</v>
      </c>
      <c r="F5562">
        <v>5</v>
      </c>
      <c r="G5562" t="s">
        <v>14</v>
      </c>
      <c r="H5562" t="s">
        <v>14834</v>
      </c>
      <c r="I5562" t="s">
        <v>30540</v>
      </c>
    </row>
    <row r="5563" spans="1:9">
      <c r="A5563" s="1">
        <v>0.73484055893248168</v>
      </c>
      <c r="B5563" s="1"/>
      <c r="C5563">
        <v>11</v>
      </c>
      <c r="D5563" t="s">
        <v>14841</v>
      </c>
      <c r="E5563" t="s">
        <v>32595</v>
      </c>
      <c r="F5563">
        <v>5</v>
      </c>
      <c r="G5563" t="s">
        <v>14</v>
      </c>
      <c r="H5563" t="s">
        <v>14842</v>
      </c>
      <c r="I5563" t="s">
        <v>30540</v>
      </c>
    </row>
    <row r="5564" spans="1:9">
      <c r="A5564" s="1">
        <v>0.76577370393626354</v>
      </c>
      <c r="B5564" s="1"/>
      <c r="C5564">
        <v>8</v>
      </c>
      <c r="D5564" t="s">
        <v>14837</v>
      </c>
      <c r="E5564" t="s">
        <v>32595</v>
      </c>
      <c r="F5564">
        <v>4</v>
      </c>
      <c r="G5564" t="s">
        <v>15</v>
      </c>
      <c r="H5564" t="s">
        <v>14838</v>
      </c>
      <c r="I5564" t="s">
        <v>30540</v>
      </c>
    </row>
    <row r="5565" spans="1:9">
      <c r="A5565" s="1">
        <v>0.72853763724849652</v>
      </c>
      <c r="B5565" s="1"/>
      <c r="C5565">
        <v>10</v>
      </c>
      <c r="D5565" t="s">
        <v>14839</v>
      </c>
      <c r="E5565" t="s">
        <v>32595</v>
      </c>
      <c r="F5565">
        <v>3</v>
      </c>
      <c r="G5565" t="s">
        <v>13</v>
      </c>
      <c r="H5565" t="s">
        <v>14840</v>
      </c>
      <c r="I5565" t="s">
        <v>30540</v>
      </c>
    </row>
    <row r="5566" spans="1:9">
      <c r="A5566" s="1">
        <v>0.70061599733631874</v>
      </c>
      <c r="B5566" s="1"/>
      <c r="C5566">
        <v>12</v>
      </c>
      <c r="D5566" t="s">
        <v>14831</v>
      </c>
      <c r="E5566" t="s">
        <v>32596</v>
      </c>
      <c r="F5566">
        <v>5</v>
      </c>
      <c r="G5566" t="s">
        <v>14</v>
      </c>
      <c r="H5566" t="s">
        <v>14832</v>
      </c>
      <c r="I5566" t="s">
        <v>30540</v>
      </c>
    </row>
    <row r="5567" spans="1:9">
      <c r="A5567" s="1">
        <v>0.71399978557292665</v>
      </c>
      <c r="B5567" s="1"/>
      <c r="C5567">
        <v>6</v>
      </c>
      <c r="D5567" t="s">
        <v>14825</v>
      </c>
      <c r="E5567" t="s">
        <v>32596</v>
      </c>
      <c r="F5567">
        <v>4</v>
      </c>
      <c r="G5567" t="s">
        <v>0</v>
      </c>
      <c r="H5567" t="s">
        <v>14826</v>
      </c>
      <c r="I5567" t="s">
        <v>30540</v>
      </c>
    </row>
    <row r="5568" spans="1:9">
      <c r="A5568" s="1">
        <v>0.69812659458173443</v>
      </c>
      <c r="B5568" s="1"/>
      <c r="C5568">
        <v>1</v>
      </c>
      <c r="D5568" t="s">
        <v>14823</v>
      </c>
      <c r="E5568" t="s">
        <v>32596</v>
      </c>
      <c r="F5568">
        <v>4</v>
      </c>
      <c r="G5568" t="s">
        <v>14</v>
      </c>
      <c r="H5568" t="s">
        <v>14824</v>
      </c>
      <c r="I5568" t="s">
        <v>30540</v>
      </c>
    </row>
    <row r="5569" spans="1:9">
      <c r="A5569" s="1">
        <v>0.10965380247949519</v>
      </c>
      <c r="B5569" s="1"/>
      <c r="C5569">
        <v>11</v>
      </c>
      <c r="D5569" t="s">
        <v>14829</v>
      </c>
      <c r="E5569" t="s">
        <v>32596</v>
      </c>
      <c r="F5569">
        <v>4</v>
      </c>
      <c r="G5569" t="s">
        <v>14</v>
      </c>
      <c r="H5569" t="s">
        <v>14830</v>
      </c>
      <c r="I5569" t="s">
        <v>30540</v>
      </c>
    </row>
    <row r="5570" spans="1:9">
      <c r="A5570" s="1">
        <v>0.1503372372698768</v>
      </c>
      <c r="B5570" s="1"/>
      <c r="C5570">
        <v>8</v>
      </c>
      <c r="D5570" t="s">
        <v>14827</v>
      </c>
      <c r="E5570" t="s">
        <v>32596</v>
      </c>
      <c r="F5570">
        <v>4</v>
      </c>
      <c r="G5570" t="s">
        <v>14</v>
      </c>
      <c r="H5570" t="s">
        <v>14828</v>
      </c>
      <c r="I5570" t="s">
        <v>30540</v>
      </c>
    </row>
    <row r="5571" spans="1:9">
      <c r="A5571" s="1">
        <v>0.36711079175167682</v>
      </c>
      <c r="B5571" s="1"/>
      <c r="C5571">
        <v>10</v>
      </c>
      <c r="D5571" t="s">
        <v>14819</v>
      </c>
      <c r="E5571" t="s">
        <v>32597</v>
      </c>
      <c r="F5571">
        <v>5</v>
      </c>
      <c r="G5571" t="s">
        <v>14</v>
      </c>
      <c r="H5571" t="s">
        <v>14820</v>
      </c>
      <c r="I5571" t="s">
        <v>30540</v>
      </c>
    </row>
    <row r="5572" spans="1:9">
      <c r="A5572" s="1">
        <v>0.28566500517803906</v>
      </c>
      <c r="B5572" s="1"/>
      <c r="C5572">
        <v>11</v>
      </c>
      <c r="D5572" t="s">
        <v>14821</v>
      </c>
      <c r="E5572" t="s">
        <v>32597</v>
      </c>
      <c r="F5572">
        <v>4</v>
      </c>
      <c r="G5572" t="s">
        <v>14</v>
      </c>
      <c r="H5572" t="s">
        <v>14822</v>
      </c>
      <c r="I5572" t="s">
        <v>30540</v>
      </c>
    </row>
    <row r="5573" spans="1:9">
      <c r="A5573" s="1">
        <v>0.42376870802529787</v>
      </c>
      <c r="B5573" s="1"/>
      <c r="C5573">
        <v>8</v>
      </c>
      <c r="D5573" t="s">
        <v>14817</v>
      </c>
      <c r="E5573" t="s">
        <v>32597</v>
      </c>
      <c r="F5573">
        <v>3</v>
      </c>
      <c r="G5573" t="s">
        <v>0</v>
      </c>
      <c r="H5573" t="s">
        <v>14818</v>
      </c>
      <c r="I5573" t="s">
        <v>30540</v>
      </c>
    </row>
    <row r="5574" spans="1:9">
      <c r="A5574" s="1">
        <v>7.8309836067449345E-2</v>
      </c>
      <c r="B5574" s="1"/>
      <c r="C5574">
        <v>10</v>
      </c>
      <c r="D5574" t="s">
        <v>14813</v>
      </c>
      <c r="E5574" t="s">
        <v>32598</v>
      </c>
      <c r="F5574">
        <v>5</v>
      </c>
      <c r="G5574" t="s">
        <v>2</v>
      </c>
      <c r="H5574" t="s">
        <v>14814</v>
      </c>
      <c r="I5574" t="s">
        <v>30540</v>
      </c>
    </row>
    <row r="5575" spans="1:9">
      <c r="A5575" s="1">
        <v>0.2124936999043614</v>
      </c>
      <c r="B5575" s="1"/>
      <c r="C5575">
        <v>5</v>
      </c>
      <c r="D5575" t="s">
        <v>14807</v>
      </c>
      <c r="E5575" t="s">
        <v>32598</v>
      </c>
      <c r="F5575">
        <v>5</v>
      </c>
      <c r="G5575" t="s">
        <v>2</v>
      </c>
      <c r="H5575" t="s">
        <v>14808</v>
      </c>
      <c r="I5575" t="s">
        <v>30540</v>
      </c>
    </row>
    <row r="5576" spans="1:9">
      <c r="A5576" s="1">
        <v>0.38641300493956199</v>
      </c>
      <c r="B5576" s="1"/>
      <c r="C5576">
        <v>8</v>
      </c>
      <c r="D5576" t="s">
        <v>14811</v>
      </c>
      <c r="E5576" t="s">
        <v>32598</v>
      </c>
      <c r="F5576">
        <v>5</v>
      </c>
      <c r="G5576" t="s">
        <v>2</v>
      </c>
      <c r="H5576" t="s">
        <v>14812</v>
      </c>
      <c r="I5576" t="s">
        <v>30540</v>
      </c>
    </row>
    <row r="5577" spans="1:9">
      <c r="A5577" s="1">
        <v>0.52703380828856583</v>
      </c>
      <c r="B5577" s="1"/>
      <c r="C5577">
        <v>7</v>
      </c>
      <c r="D5577" t="s">
        <v>14809</v>
      </c>
      <c r="E5577" t="s">
        <v>32598</v>
      </c>
      <c r="F5577">
        <v>4</v>
      </c>
      <c r="G5577" t="s">
        <v>14</v>
      </c>
      <c r="H5577" t="s">
        <v>14810</v>
      </c>
      <c r="I5577" t="s">
        <v>30540</v>
      </c>
    </row>
    <row r="5578" spans="1:9">
      <c r="A5578" s="1">
        <v>6.893404103047418E-2</v>
      </c>
      <c r="B5578" s="1"/>
      <c r="C5578">
        <v>12</v>
      </c>
      <c r="D5578" t="s">
        <v>14815</v>
      </c>
      <c r="E5578" t="s">
        <v>32598</v>
      </c>
      <c r="F5578">
        <v>4</v>
      </c>
      <c r="G5578" t="s">
        <v>14</v>
      </c>
      <c r="H5578" t="s">
        <v>14816</v>
      </c>
      <c r="I5578" t="s">
        <v>30540</v>
      </c>
    </row>
    <row r="5579" spans="1:9">
      <c r="A5579" s="1">
        <v>3.3367818738441635E-2</v>
      </c>
      <c r="B5579" s="1"/>
      <c r="C5579">
        <v>13</v>
      </c>
      <c r="D5579" t="s">
        <v>14803</v>
      </c>
      <c r="E5579" t="s">
        <v>32599</v>
      </c>
      <c r="F5579">
        <v>5</v>
      </c>
      <c r="G5579" t="s">
        <v>2</v>
      </c>
      <c r="H5579" t="s">
        <v>14804</v>
      </c>
      <c r="I5579" t="s">
        <v>30540</v>
      </c>
    </row>
    <row r="5580" spans="1:9">
      <c r="A5580" s="1">
        <v>0.51131699408574049</v>
      </c>
      <c r="B5580" s="1"/>
      <c r="C5580">
        <v>10</v>
      </c>
      <c r="D5580" t="s">
        <v>14799</v>
      </c>
      <c r="E5580" t="s">
        <v>32599</v>
      </c>
      <c r="F5580">
        <v>5</v>
      </c>
      <c r="G5580" t="s">
        <v>775</v>
      </c>
      <c r="H5580" t="s">
        <v>14800</v>
      </c>
      <c r="I5580" t="s">
        <v>30540</v>
      </c>
    </row>
    <row r="5581" spans="1:9">
      <c r="A5581" s="1">
        <v>0.72160224715224386</v>
      </c>
      <c r="B5581" s="1"/>
      <c r="C5581">
        <v>6</v>
      </c>
      <c r="D5581" t="s">
        <v>14795</v>
      </c>
      <c r="E5581" t="s">
        <v>32599</v>
      </c>
      <c r="F5581">
        <v>4</v>
      </c>
      <c r="G5581" t="s">
        <v>2</v>
      </c>
      <c r="H5581" t="s">
        <v>14796</v>
      </c>
      <c r="I5581" t="s">
        <v>30540</v>
      </c>
    </row>
    <row r="5582" spans="1:9">
      <c r="A5582" s="1">
        <v>0.92261361833225108</v>
      </c>
      <c r="B5582" s="1"/>
      <c r="C5582">
        <v>7</v>
      </c>
      <c r="D5582" t="s">
        <v>14797</v>
      </c>
      <c r="E5582" t="s">
        <v>32599</v>
      </c>
      <c r="F5582">
        <v>4</v>
      </c>
      <c r="G5582" t="s">
        <v>2</v>
      </c>
      <c r="H5582" t="s">
        <v>14798</v>
      </c>
      <c r="I5582" t="s">
        <v>30540</v>
      </c>
    </row>
    <row r="5583" spans="1:9">
      <c r="A5583" s="1">
        <v>0.79702673784823908</v>
      </c>
      <c r="B5583" s="1"/>
      <c r="C5583">
        <v>12</v>
      </c>
      <c r="D5583" t="s">
        <v>14801</v>
      </c>
      <c r="E5583" t="s">
        <v>32599</v>
      </c>
      <c r="F5583">
        <v>3</v>
      </c>
      <c r="G5583" t="s">
        <v>1431</v>
      </c>
      <c r="H5583" t="s">
        <v>14802</v>
      </c>
      <c r="I5583" t="s">
        <v>30540</v>
      </c>
    </row>
    <row r="5584" spans="1:9">
      <c r="A5584" s="1">
        <v>0.57482354609652042</v>
      </c>
      <c r="B5584" s="1"/>
      <c r="C5584">
        <v>9</v>
      </c>
      <c r="D5584" t="s">
        <v>14793</v>
      </c>
      <c r="E5584" t="s">
        <v>32600</v>
      </c>
      <c r="F5584">
        <v>4</v>
      </c>
      <c r="G5584" t="s">
        <v>14</v>
      </c>
      <c r="H5584" t="s">
        <v>14794</v>
      </c>
      <c r="I5584" t="s">
        <v>30540</v>
      </c>
    </row>
    <row r="5585" spans="1:9">
      <c r="A5585" s="1">
        <v>0.70045312002211646</v>
      </c>
      <c r="B5585" s="1"/>
      <c r="C5585">
        <v>6</v>
      </c>
      <c r="D5585" t="s">
        <v>14791</v>
      </c>
      <c r="E5585" t="s">
        <v>32600</v>
      </c>
      <c r="F5585">
        <v>3</v>
      </c>
      <c r="G5585" t="s">
        <v>14</v>
      </c>
      <c r="H5585" t="s">
        <v>14792</v>
      </c>
      <c r="I5585" t="s">
        <v>30540</v>
      </c>
    </row>
    <row r="5586" spans="1:9">
      <c r="A5586" s="1">
        <v>0.95506518018919451</v>
      </c>
      <c r="B5586" s="1"/>
      <c r="C5586">
        <v>2</v>
      </c>
      <c r="D5586" t="s">
        <v>14787</v>
      </c>
      <c r="E5586" t="s">
        <v>32601</v>
      </c>
      <c r="F5586">
        <v>4</v>
      </c>
      <c r="G5586" t="s">
        <v>15</v>
      </c>
      <c r="H5586" t="s">
        <v>14788</v>
      </c>
      <c r="I5586" t="s">
        <v>30540</v>
      </c>
    </row>
    <row r="5587" spans="1:9">
      <c r="A5587" s="1">
        <v>0.19802982797588753</v>
      </c>
      <c r="B5587" s="1"/>
      <c r="C5587">
        <v>9</v>
      </c>
      <c r="D5587" t="s">
        <v>14789</v>
      </c>
      <c r="E5587" t="s">
        <v>32601</v>
      </c>
      <c r="F5587">
        <v>4</v>
      </c>
      <c r="G5587" t="s">
        <v>14</v>
      </c>
      <c r="H5587" t="s">
        <v>14790</v>
      </c>
      <c r="I5587" t="s">
        <v>30540</v>
      </c>
    </row>
    <row r="5588" spans="1:9">
      <c r="A5588" s="1">
        <v>0.15667204176581428</v>
      </c>
      <c r="B5588" s="1"/>
      <c r="C5588">
        <v>8</v>
      </c>
      <c r="D5588" t="s">
        <v>14781</v>
      </c>
      <c r="E5588" t="s">
        <v>32602</v>
      </c>
      <c r="F5588">
        <v>5</v>
      </c>
      <c r="G5588" t="s">
        <v>1</v>
      </c>
      <c r="H5588" t="s">
        <v>14782</v>
      </c>
      <c r="I5588" t="s">
        <v>30540</v>
      </c>
    </row>
    <row r="5589" spans="1:9">
      <c r="A5589" s="1">
        <v>0.42004852981807872</v>
      </c>
      <c r="B5589" s="1"/>
      <c r="C5589">
        <v>2</v>
      </c>
      <c r="D5589" t="s">
        <v>14777</v>
      </c>
      <c r="E5589" t="s">
        <v>32602</v>
      </c>
      <c r="F5589">
        <v>5</v>
      </c>
      <c r="G5589" t="s">
        <v>0</v>
      </c>
      <c r="H5589" t="s">
        <v>14778</v>
      </c>
      <c r="I5589" t="s">
        <v>30540</v>
      </c>
    </row>
    <row r="5590" spans="1:9">
      <c r="A5590" s="1">
        <v>2.2286945113414447E-3</v>
      </c>
      <c r="B5590" s="1"/>
      <c r="C5590">
        <v>10</v>
      </c>
      <c r="D5590" t="s">
        <v>14785</v>
      </c>
      <c r="E5590" t="s">
        <v>32602</v>
      </c>
      <c r="F5590">
        <v>4</v>
      </c>
      <c r="G5590" t="s">
        <v>14</v>
      </c>
      <c r="H5590" t="s">
        <v>14786</v>
      </c>
      <c r="I5590" t="s">
        <v>30540</v>
      </c>
    </row>
    <row r="5591" spans="1:9">
      <c r="A5591" s="1">
        <v>0.37546539187771455</v>
      </c>
      <c r="B5591" s="1"/>
      <c r="C5591">
        <v>14</v>
      </c>
      <c r="D5591" t="s">
        <v>14775</v>
      </c>
      <c r="E5591" t="s">
        <v>32603</v>
      </c>
      <c r="F5591">
        <v>5</v>
      </c>
      <c r="G5591" t="s">
        <v>14</v>
      </c>
      <c r="H5591" t="s">
        <v>14776</v>
      </c>
      <c r="I5591" t="s">
        <v>30540</v>
      </c>
    </row>
    <row r="5592" spans="1:9">
      <c r="A5592" s="1">
        <v>0.38519546707964325</v>
      </c>
      <c r="B5592" s="1"/>
      <c r="C5592">
        <v>12</v>
      </c>
      <c r="D5592" t="s">
        <v>14773</v>
      </c>
      <c r="E5592" t="s">
        <v>32603</v>
      </c>
      <c r="F5592">
        <v>5</v>
      </c>
      <c r="G5592" t="s">
        <v>14</v>
      </c>
      <c r="H5592" t="s">
        <v>14774</v>
      </c>
      <c r="I5592" t="s">
        <v>30540</v>
      </c>
    </row>
    <row r="5593" spans="1:9">
      <c r="A5593" s="1">
        <v>0.55836684837919504</v>
      </c>
      <c r="B5593" s="1"/>
      <c r="C5593">
        <v>8</v>
      </c>
      <c r="D5593" t="s">
        <v>14771</v>
      </c>
      <c r="E5593" t="s">
        <v>32603</v>
      </c>
      <c r="F5593">
        <v>4</v>
      </c>
      <c r="G5593" t="s">
        <v>14</v>
      </c>
      <c r="H5593" t="s">
        <v>14772</v>
      </c>
      <c r="I5593" t="s">
        <v>30540</v>
      </c>
    </row>
    <row r="5594" spans="1:9">
      <c r="A5594" s="1">
        <v>0.69760035901637207</v>
      </c>
      <c r="B5594" s="1"/>
      <c r="C5594">
        <v>2</v>
      </c>
      <c r="D5594" t="s">
        <v>14769</v>
      </c>
      <c r="E5594" t="s">
        <v>32603</v>
      </c>
      <c r="F5594">
        <v>3</v>
      </c>
      <c r="G5594" t="s">
        <v>2</v>
      </c>
      <c r="H5594" t="s">
        <v>14770</v>
      </c>
      <c r="I5594" t="s">
        <v>30540</v>
      </c>
    </row>
    <row r="5595" spans="1:9">
      <c r="A5595" s="1">
        <v>0.88576228937680834</v>
      </c>
      <c r="B5595" s="1"/>
      <c r="C5595">
        <v>17</v>
      </c>
      <c r="D5595" t="s">
        <v>14761</v>
      </c>
      <c r="E5595" t="s">
        <v>32604</v>
      </c>
      <c r="F5595">
        <v>4</v>
      </c>
      <c r="G5595" t="s">
        <v>2</v>
      </c>
      <c r="H5595" t="s">
        <v>14762</v>
      </c>
      <c r="I5595" t="s">
        <v>30540</v>
      </c>
    </row>
    <row r="5596" spans="1:9">
      <c r="A5596" s="1">
        <v>8.2394276762612129E-2</v>
      </c>
      <c r="B5596" s="1"/>
      <c r="C5596">
        <v>18</v>
      </c>
      <c r="D5596" t="s">
        <v>14763</v>
      </c>
      <c r="E5596" t="s">
        <v>32604</v>
      </c>
      <c r="F5596">
        <v>4</v>
      </c>
      <c r="G5596" t="s">
        <v>1431</v>
      </c>
      <c r="H5596" t="s">
        <v>14764</v>
      </c>
      <c r="I5596" t="s">
        <v>30540</v>
      </c>
    </row>
    <row r="5597" spans="1:9">
      <c r="A5597" s="1">
        <v>0.53879196069688251</v>
      </c>
      <c r="B5597" s="1"/>
      <c r="C5597">
        <v>3</v>
      </c>
      <c r="D5597" t="s">
        <v>14751</v>
      </c>
      <c r="E5597" t="s">
        <v>32604</v>
      </c>
      <c r="F5597">
        <v>4</v>
      </c>
      <c r="G5597" t="s">
        <v>2</v>
      </c>
      <c r="H5597" t="s">
        <v>14752</v>
      </c>
      <c r="I5597" t="s">
        <v>30540</v>
      </c>
    </row>
    <row r="5598" spans="1:9">
      <c r="A5598" s="1">
        <v>0.90714658707630813</v>
      </c>
      <c r="B5598" s="1"/>
      <c r="C5598">
        <v>19</v>
      </c>
      <c r="D5598" t="s">
        <v>14765</v>
      </c>
      <c r="E5598" t="s">
        <v>32604</v>
      </c>
      <c r="F5598">
        <v>4</v>
      </c>
      <c r="G5598" t="s">
        <v>1431</v>
      </c>
      <c r="H5598" t="s">
        <v>14766</v>
      </c>
      <c r="I5598" t="s">
        <v>30540</v>
      </c>
    </row>
    <row r="5599" spans="1:9">
      <c r="A5599" s="1">
        <v>0.94730965626593988</v>
      </c>
      <c r="B5599" s="1"/>
      <c r="C5599">
        <v>14</v>
      </c>
      <c r="D5599" t="s">
        <v>14759</v>
      </c>
      <c r="E5599" t="s">
        <v>32604</v>
      </c>
      <c r="F5599">
        <v>4</v>
      </c>
      <c r="G5599" t="s">
        <v>14</v>
      </c>
      <c r="H5599" t="s">
        <v>14760</v>
      </c>
      <c r="I5599" t="s">
        <v>30540</v>
      </c>
    </row>
    <row r="5600" spans="1:9">
      <c r="A5600" s="1">
        <v>0.60205722535053086</v>
      </c>
      <c r="B5600" s="1"/>
      <c r="C5600">
        <v>20</v>
      </c>
      <c r="D5600" t="s">
        <v>14767</v>
      </c>
      <c r="E5600" t="s">
        <v>32604</v>
      </c>
      <c r="F5600">
        <v>4</v>
      </c>
      <c r="G5600" t="s">
        <v>1431</v>
      </c>
      <c r="H5600" t="s">
        <v>14768</v>
      </c>
      <c r="I5600" t="s">
        <v>30540</v>
      </c>
    </row>
    <row r="5601" spans="1:9">
      <c r="A5601" s="1">
        <v>0.14527048571235812</v>
      </c>
      <c r="B5601" s="1"/>
      <c r="C5601">
        <v>6</v>
      </c>
      <c r="D5601" t="s">
        <v>14755</v>
      </c>
      <c r="E5601" t="s">
        <v>32604</v>
      </c>
      <c r="F5601">
        <v>4</v>
      </c>
      <c r="G5601" t="s">
        <v>775</v>
      </c>
      <c r="H5601" t="s">
        <v>14756</v>
      </c>
      <c r="I5601" t="s">
        <v>30540</v>
      </c>
    </row>
    <row r="5602" spans="1:9">
      <c r="A5602" s="1">
        <v>0.90253689413715932</v>
      </c>
      <c r="B5602" s="1"/>
      <c r="C5602">
        <v>5</v>
      </c>
      <c r="D5602" t="s">
        <v>14753</v>
      </c>
      <c r="E5602" t="s">
        <v>32604</v>
      </c>
      <c r="F5602">
        <v>4</v>
      </c>
      <c r="G5602" t="s">
        <v>2</v>
      </c>
      <c r="H5602" t="s">
        <v>14754</v>
      </c>
      <c r="I5602" t="s">
        <v>30540</v>
      </c>
    </row>
    <row r="5603" spans="1:9">
      <c r="A5603" s="1">
        <v>0.91128428269173423</v>
      </c>
      <c r="B5603" s="1"/>
      <c r="C5603">
        <v>9</v>
      </c>
      <c r="D5603" t="s">
        <v>14747</v>
      </c>
      <c r="E5603" t="s">
        <v>32605</v>
      </c>
      <c r="F5603">
        <v>5</v>
      </c>
      <c r="G5603" t="s">
        <v>14</v>
      </c>
      <c r="H5603" t="s">
        <v>14748</v>
      </c>
      <c r="I5603" t="s">
        <v>30540</v>
      </c>
    </row>
    <row r="5604" spans="1:9">
      <c r="A5604" s="1">
        <v>0.37927458576807793</v>
      </c>
      <c r="B5604" s="1"/>
      <c r="C5604">
        <v>10</v>
      </c>
      <c r="D5604" t="s">
        <v>14749</v>
      </c>
      <c r="E5604" t="s">
        <v>32605</v>
      </c>
      <c r="F5604">
        <v>4</v>
      </c>
      <c r="G5604" t="s">
        <v>0</v>
      </c>
      <c r="H5604" t="s">
        <v>14750</v>
      </c>
      <c r="I5604" t="s">
        <v>30540</v>
      </c>
    </row>
    <row r="5605" spans="1:9">
      <c r="A5605" s="1">
        <v>0.13915363856137997</v>
      </c>
      <c r="B5605" s="1"/>
      <c r="C5605">
        <v>5</v>
      </c>
      <c r="D5605" t="s">
        <v>14733</v>
      </c>
      <c r="E5605" t="s">
        <v>32606</v>
      </c>
      <c r="F5605">
        <v>5</v>
      </c>
      <c r="G5605" t="s">
        <v>13</v>
      </c>
      <c r="H5605" t="s">
        <v>14734</v>
      </c>
      <c r="I5605" t="s">
        <v>30540</v>
      </c>
    </row>
    <row r="5606" spans="1:9">
      <c r="A5606" s="1">
        <v>6.4000445697390829E-2</v>
      </c>
      <c r="B5606" s="1"/>
      <c r="C5606">
        <v>6</v>
      </c>
      <c r="D5606" t="s">
        <v>14735</v>
      </c>
      <c r="E5606" t="s">
        <v>32606</v>
      </c>
      <c r="F5606">
        <v>4</v>
      </c>
      <c r="G5606" t="s">
        <v>2</v>
      </c>
      <c r="H5606" t="s">
        <v>14736</v>
      </c>
      <c r="I5606" t="s">
        <v>30540</v>
      </c>
    </row>
    <row r="5607" spans="1:9">
      <c r="A5607" s="1">
        <v>0.44149232007282624</v>
      </c>
      <c r="B5607" s="1"/>
      <c r="C5607">
        <v>10</v>
      </c>
      <c r="D5607" t="s">
        <v>14739</v>
      </c>
      <c r="E5607" t="s">
        <v>32606</v>
      </c>
      <c r="F5607">
        <v>4</v>
      </c>
      <c r="G5607" t="s">
        <v>13</v>
      </c>
      <c r="H5607" t="s">
        <v>14740</v>
      </c>
      <c r="I5607" t="s">
        <v>30540</v>
      </c>
    </row>
    <row r="5608" spans="1:9">
      <c r="A5608" s="1">
        <v>0.24777532948169234</v>
      </c>
      <c r="B5608" s="1"/>
      <c r="C5608">
        <v>12</v>
      </c>
      <c r="D5608" t="s">
        <v>14743</v>
      </c>
      <c r="E5608" t="s">
        <v>32606</v>
      </c>
      <c r="F5608">
        <v>4</v>
      </c>
      <c r="G5608" t="s">
        <v>0</v>
      </c>
      <c r="H5608" t="s">
        <v>14744</v>
      </c>
      <c r="I5608" t="s">
        <v>30540</v>
      </c>
    </row>
    <row r="5609" spans="1:9">
      <c r="A5609" s="1">
        <v>0.48473950384434761</v>
      </c>
      <c r="B5609" s="1"/>
      <c r="C5609">
        <v>11</v>
      </c>
      <c r="D5609" t="s">
        <v>14741</v>
      </c>
      <c r="E5609" t="s">
        <v>32606</v>
      </c>
      <c r="F5609">
        <v>4</v>
      </c>
      <c r="G5609" t="s">
        <v>14</v>
      </c>
      <c r="H5609" t="s">
        <v>14742</v>
      </c>
      <c r="I5609" t="s">
        <v>30540</v>
      </c>
    </row>
    <row r="5610" spans="1:9">
      <c r="A5610" s="1">
        <v>0.93935945342388749</v>
      </c>
      <c r="B5610" s="1"/>
      <c r="C5610">
        <v>10</v>
      </c>
      <c r="D5610" t="s">
        <v>14729</v>
      </c>
      <c r="E5610" t="s">
        <v>32607</v>
      </c>
      <c r="F5610">
        <v>4</v>
      </c>
      <c r="G5610" t="s">
        <v>0</v>
      </c>
      <c r="H5610" t="s">
        <v>14730</v>
      </c>
      <c r="I5610" t="s">
        <v>30540</v>
      </c>
    </row>
    <row r="5611" spans="1:9">
      <c r="A5611" s="1">
        <v>0.55857761584002885</v>
      </c>
      <c r="B5611" s="1"/>
      <c r="C5611">
        <v>6</v>
      </c>
      <c r="D5611" t="s">
        <v>14727</v>
      </c>
      <c r="E5611" t="s">
        <v>32607</v>
      </c>
      <c r="F5611">
        <v>4</v>
      </c>
      <c r="G5611" t="s">
        <v>14</v>
      </c>
      <c r="H5611" t="s">
        <v>14728</v>
      </c>
      <c r="I5611" t="s">
        <v>30540</v>
      </c>
    </row>
    <row r="5612" spans="1:9">
      <c r="A5612" s="1">
        <v>0.68022075238836588</v>
      </c>
      <c r="B5612" s="1"/>
      <c r="C5612">
        <v>2</v>
      </c>
      <c r="D5612" t="s">
        <v>14725</v>
      </c>
      <c r="E5612" t="s">
        <v>32607</v>
      </c>
      <c r="F5612">
        <v>4</v>
      </c>
      <c r="G5612" t="s">
        <v>2</v>
      </c>
      <c r="H5612" t="s">
        <v>14726</v>
      </c>
      <c r="I5612" t="s">
        <v>30540</v>
      </c>
    </row>
    <row r="5613" spans="1:9">
      <c r="A5613" s="1">
        <v>9.8643143120207277E-2</v>
      </c>
      <c r="B5613" s="1"/>
      <c r="C5613">
        <v>10</v>
      </c>
      <c r="D5613" t="s">
        <v>14721</v>
      </c>
      <c r="E5613" t="s">
        <v>32608</v>
      </c>
      <c r="F5613">
        <v>4</v>
      </c>
      <c r="G5613" t="s">
        <v>2</v>
      </c>
      <c r="H5613" t="s">
        <v>14722</v>
      </c>
      <c r="I5613" t="s">
        <v>30540</v>
      </c>
    </row>
    <row r="5614" spans="1:9">
      <c r="A5614" s="1">
        <v>0.97622648858957661</v>
      </c>
      <c r="B5614" s="1"/>
      <c r="C5614">
        <v>2</v>
      </c>
      <c r="D5614" t="s">
        <v>14715</v>
      </c>
      <c r="E5614" t="s">
        <v>32608</v>
      </c>
      <c r="F5614">
        <v>4</v>
      </c>
      <c r="G5614" t="s">
        <v>14</v>
      </c>
      <c r="H5614" t="s">
        <v>14716</v>
      </c>
      <c r="I5614" t="s">
        <v>30540</v>
      </c>
    </row>
    <row r="5615" spans="1:9">
      <c r="A5615" s="1">
        <v>0.93767758883433072</v>
      </c>
      <c r="B5615" s="1"/>
      <c r="C5615">
        <v>8</v>
      </c>
      <c r="D5615" t="s">
        <v>14717</v>
      </c>
      <c r="E5615" t="s">
        <v>32608</v>
      </c>
      <c r="F5615">
        <v>4</v>
      </c>
      <c r="G5615" t="s">
        <v>14</v>
      </c>
      <c r="H5615" t="s">
        <v>14718</v>
      </c>
      <c r="I5615" t="s">
        <v>30540</v>
      </c>
    </row>
    <row r="5616" spans="1:9">
      <c r="A5616" s="1">
        <v>0.56176661171690656</v>
      </c>
      <c r="B5616" s="1"/>
      <c r="C5616">
        <v>12</v>
      </c>
      <c r="D5616" t="s">
        <v>14723</v>
      </c>
      <c r="E5616" t="s">
        <v>32608</v>
      </c>
      <c r="F5616">
        <v>4</v>
      </c>
      <c r="G5616" t="s">
        <v>15</v>
      </c>
      <c r="H5616" t="s">
        <v>14724</v>
      </c>
      <c r="I5616" t="s">
        <v>30540</v>
      </c>
    </row>
    <row r="5617" spans="1:9">
      <c r="A5617" s="1">
        <v>0.52987936752579967</v>
      </c>
      <c r="B5617" s="1"/>
      <c r="C5617">
        <v>1</v>
      </c>
      <c r="D5617" t="s">
        <v>14713</v>
      </c>
      <c r="E5617" t="s">
        <v>32608</v>
      </c>
      <c r="F5617">
        <v>3</v>
      </c>
      <c r="G5617" t="s">
        <v>2</v>
      </c>
      <c r="H5617" t="s">
        <v>14714</v>
      </c>
      <c r="I5617" t="s">
        <v>30540</v>
      </c>
    </row>
    <row r="5618" spans="1:9">
      <c r="A5618" s="1">
        <v>0.62619128448390249</v>
      </c>
      <c r="B5618" s="1"/>
      <c r="C5618">
        <v>9</v>
      </c>
      <c r="D5618" t="s">
        <v>14719</v>
      </c>
      <c r="E5618" t="s">
        <v>32608</v>
      </c>
      <c r="F5618">
        <v>3</v>
      </c>
      <c r="G5618" t="s">
        <v>2</v>
      </c>
      <c r="H5618" t="s">
        <v>14720</v>
      </c>
      <c r="I5618" t="s">
        <v>30540</v>
      </c>
    </row>
    <row r="5619" spans="1:9">
      <c r="A5619" s="1">
        <v>0.86169076413189472</v>
      </c>
      <c r="B5619" s="1"/>
      <c r="C5619">
        <v>16</v>
      </c>
      <c r="D5619" t="s">
        <v>14705</v>
      </c>
      <c r="E5619" t="s">
        <v>32609</v>
      </c>
      <c r="F5619">
        <v>4</v>
      </c>
      <c r="G5619" t="s">
        <v>1431</v>
      </c>
      <c r="H5619" t="s">
        <v>14706</v>
      </c>
      <c r="I5619" t="s">
        <v>30540</v>
      </c>
    </row>
    <row r="5620" spans="1:9">
      <c r="A5620" s="1">
        <v>0.17107448484597654</v>
      </c>
      <c r="B5620" s="1"/>
      <c r="C5620">
        <v>5</v>
      </c>
      <c r="D5620" t="s">
        <v>14695</v>
      </c>
      <c r="E5620" t="s">
        <v>32609</v>
      </c>
      <c r="F5620">
        <v>4</v>
      </c>
      <c r="G5620" t="s">
        <v>1431</v>
      </c>
      <c r="H5620" t="s">
        <v>14696</v>
      </c>
      <c r="I5620" t="s">
        <v>30540</v>
      </c>
    </row>
    <row r="5621" spans="1:9">
      <c r="A5621" s="1">
        <v>0.23121761064053137</v>
      </c>
      <c r="B5621" s="1"/>
      <c r="C5621">
        <v>18</v>
      </c>
      <c r="D5621" t="s">
        <v>14709</v>
      </c>
      <c r="E5621" t="s">
        <v>32609</v>
      </c>
      <c r="F5621">
        <v>4</v>
      </c>
      <c r="G5621" t="s">
        <v>1431</v>
      </c>
      <c r="H5621" t="s">
        <v>14710</v>
      </c>
      <c r="I5621" t="s">
        <v>30540</v>
      </c>
    </row>
    <row r="5622" spans="1:9">
      <c r="A5622" s="1">
        <v>0.20015436513248441</v>
      </c>
      <c r="B5622" s="1"/>
      <c r="C5622">
        <v>7</v>
      </c>
      <c r="D5622" t="s">
        <v>14699</v>
      </c>
      <c r="E5622" t="s">
        <v>32609</v>
      </c>
      <c r="F5622">
        <v>4</v>
      </c>
      <c r="G5622" t="s">
        <v>1431</v>
      </c>
      <c r="H5622" t="s">
        <v>14700</v>
      </c>
      <c r="I5622" t="s">
        <v>30540</v>
      </c>
    </row>
    <row r="5623" spans="1:9">
      <c r="A5623" s="1">
        <v>0.7131104585925776</v>
      </c>
      <c r="B5623" s="1"/>
      <c r="C5623">
        <v>9</v>
      </c>
      <c r="D5623" t="s">
        <v>14701</v>
      </c>
      <c r="E5623" t="s">
        <v>32609</v>
      </c>
      <c r="F5623">
        <v>4</v>
      </c>
      <c r="G5623" t="s">
        <v>14</v>
      </c>
      <c r="H5623" t="s">
        <v>14702</v>
      </c>
      <c r="I5623" t="s">
        <v>30540</v>
      </c>
    </row>
    <row r="5624" spans="1:9">
      <c r="A5624" s="1">
        <v>0.35177127171493583</v>
      </c>
      <c r="B5624" s="1"/>
      <c r="C5624">
        <v>17</v>
      </c>
      <c r="D5624" t="s">
        <v>14707</v>
      </c>
      <c r="E5624" t="s">
        <v>32609</v>
      </c>
      <c r="F5624">
        <v>4</v>
      </c>
      <c r="G5624" t="s">
        <v>1431</v>
      </c>
      <c r="H5624" t="s">
        <v>14708</v>
      </c>
      <c r="I5624" t="s">
        <v>30540</v>
      </c>
    </row>
    <row r="5625" spans="1:9">
      <c r="A5625" s="1">
        <v>0.62955820333461365</v>
      </c>
      <c r="B5625" s="1"/>
      <c r="C5625">
        <v>4</v>
      </c>
      <c r="D5625" t="s">
        <v>14693</v>
      </c>
      <c r="E5625" t="s">
        <v>32609</v>
      </c>
      <c r="F5625">
        <v>4</v>
      </c>
      <c r="G5625" t="s">
        <v>2</v>
      </c>
      <c r="H5625" t="s">
        <v>14694</v>
      </c>
      <c r="I5625" t="s">
        <v>30540</v>
      </c>
    </row>
    <row r="5626" spans="1:9">
      <c r="A5626" s="1">
        <v>0.19808018869843713</v>
      </c>
      <c r="B5626" s="1"/>
      <c r="C5626">
        <v>19</v>
      </c>
      <c r="D5626" t="s">
        <v>14711</v>
      </c>
      <c r="E5626" t="s">
        <v>32609</v>
      </c>
      <c r="F5626">
        <v>4</v>
      </c>
      <c r="G5626" t="s">
        <v>14</v>
      </c>
      <c r="H5626" t="s">
        <v>14712</v>
      </c>
      <c r="I5626" t="s">
        <v>30540</v>
      </c>
    </row>
    <row r="5627" spans="1:9">
      <c r="A5627" s="1">
        <v>0.65516589829029004</v>
      </c>
      <c r="B5627" s="1"/>
      <c r="C5627">
        <v>10</v>
      </c>
      <c r="D5627" t="s">
        <v>14703</v>
      </c>
      <c r="E5627" t="s">
        <v>32609</v>
      </c>
      <c r="F5627">
        <v>4</v>
      </c>
      <c r="G5627" t="s">
        <v>1431</v>
      </c>
      <c r="H5627" t="s">
        <v>14704</v>
      </c>
      <c r="I5627" t="s">
        <v>30540</v>
      </c>
    </row>
    <row r="5628" spans="1:9">
      <c r="A5628" s="1">
        <v>7.8306807933623213E-2</v>
      </c>
      <c r="B5628" s="1"/>
      <c r="C5628">
        <v>5</v>
      </c>
      <c r="D5628" t="s">
        <v>14685</v>
      </c>
      <c r="E5628" t="s">
        <v>32610</v>
      </c>
      <c r="F5628">
        <v>4</v>
      </c>
      <c r="G5628" t="s">
        <v>2</v>
      </c>
      <c r="H5628" t="s">
        <v>14686</v>
      </c>
      <c r="I5628" t="s">
        <v>30540</v>
      </c>
    </row>
    <row r="5629" spans="1:9">
      <c r="A5629" s="1">
        <v>0.82401856608560886</v>
      </c>
      <c r="B5629" s="1"/>
      <c r="C5629">
        <v>1</v>
      </c>
      <c r="D5629" t="s">
        <v>14683</v>
      </c>
      <c r="E5629" t="s">
        <v>32610</v>
      </c>
      <c r="F5629">
        <v>4</v>
      </c>
      <c r="G5629" t="s">
        <v>10</v>
      </c>
      <c r="H5629" t="s">
        <v>14684</v>
      </c>
      <c r="I5629" t="s">
        <v>30540</v>
      </c>
    </row>
    <row r="5630" spans="1:9">
      <c r="A5630" s="1">
        <v>0.68457226120924231</v>
      </c>
      <c r="B5630" s="1"/>
      <c r="C5630">
        <v>8</v>
      </c>
      <c r="D5630" t="s">
        <v>14687</v>
      </c>
      <c r="E5630" t="s">
        <v>32610</v>
      </c>
      <c r="F5630">
        <v>4</v>
      </c>
      <c r="G5630" t="s">
        <v>13</v>
      </c>
      <c r="H5630" t="s">
        <v>14688</v>
      </c>
      <c r="I5630" t="s">
        <v>30540</v>
      </c>
    </row>
    <row r="5631" spans="1:9">
      <c r="A5631" s="1">
        <v>0.61170382973765847</v>
      </c>
      <c r="B5631" s="1"/>
      <c r="C5631">
        <v>12</v>
      </c>
      <c r="D5631" t="s">
        <v>14689</v>
      </c>
      <c r="E5631" t="s">
        <v>32610</v>
      </c>
      <c r="F5631">
        <v>4</v>
      </c>
      <c r="G5631" t="s">
        <v>14</v>
      </c>
      <c r="H5631" t="s">
        <v>14690</v>
      </c>
      <c r="I5631" t="s">
        <v>30540</v>
      </c>
    </row>
    <row r="5632" spans="1:9">
      <c r="A5632" s="1">
        <v>0.53152035568607736</v>
      </c>
      <c r="B5632" s="1"/>
      <c r="C5632">
        <v>10</v>
      </c>
      <c r="D5632" t="s">
        <v>14681</v>
      </c>
      <c r="E5632" t="s">
        <v>32611</v>
      </c>
      <c r="F5632">
        <v>5</v>
      </c>
      <c r="G5632" t="s">
        <v>0</v>
      </c>
      <c r="H5632" t="s">
        <v>14682</v>
      </c>
      <c r="I5632" t="s">
        <v>30540</v>
      </c>
    </row>
    <row r="5633" spans="1:9">
      <c r="A5633" s="1">
        <v>0.76466784121117004</v>
      </c>
      <c r="B5633" s="1"/>
      <c r="C5633">
        <v>8</v>
      </c>
      <c r="D5633" t="s">
        <v>14679</v>
      </c>
      <c r="E5633" t="s">
        <v>32611</v>
      </c>
      <c r="F5633">
        <v>4</v>
      </c>
      <c r="G5633" t="s">
        <v>14</v>
      </c>
      <c r="H5633" t="s">
        <v>14680</v>
      </c>
      <c r="I5633" t="s">
        <v>30540</v>
      </c>
    </row>
    <row r="5634" spans="1:9">
      <c r="A5634" s="1">
        <v>6.3383487591816001E-3</v>
      </c>
      <c r="B5634" s="1"/>
      <c r="C5634">
        <v>4</v>
      </c>
      <c r="D5634" t="s">
        <v>14671</v>
      </c>
      <c r="E5634" t="s">
        <v>32612</v>
      </c>
      <c r="F5634">
        <v>5</v>
      </c>
      <c r="G5634" t="s">
        <v>13</v>
      </c>
      <c r="H5634" t="s">
        <v>14672</v>
      </c>
      <c r="I5634" t="s">
        <v>30540</v>
      </c>
    </row>
    <row r="5635" spans="1:9">
      <c r="A5635" s="1">
        <v>0.85805220188614939</v>
      </c>
      <c r="B5635" s="1"/>
      <c r="C5635">
        <v>5</v>
      </c>
      <c r="D5635" t="s">
        <v>14673</v>
      </c>
      <c r="E5635" t="s">
        <v>32612</v>
      </c>
      <c r="F5635">
        <v>5</v>
      </c>
      <c r="G5635" t="s">
        <v>14</v>
      </c>
      <c r="H5635" t="s">
        <v>14674</v>
      </c>
      <c r="I5635" t="s">
        <v>30540</v>
      </c>
    </row>
    <row r="5636" spans="1:9">
      <c r="A5636" s="1">
        <v>0.33175003675872605</v>
      </c>
      <c r="B5636" s="1"/>
      <c r="C5636">
        <v>6</v>
      </c>
      <c r="D5636" t="s">
        <v>14675</v>
      </c>
      <c r="E5636" t="s">
        <v>32612</v>
      </c>
      <c r="F5636">
        <v>3</v>
      </c>
      <c r="G5636" t="s">
        <v>13</v>
      </c>
      <c r="H5636" t="s">
        <v>14676</v>
      </c>
      <c r="I5636" t="s">
        <v>30540</v>
      </c>
    </row>
    <row r="5637" spans="1:9">
      <c r="A5637" s="1">
        <v>0.37390569993814105</v>
      </c>
      <c r="B5637" s="1"/>
      <c r="C5637">
        <v>11</v>
      </c>
      <c r="D5637" t="s">
        <v>14667</v>
      </c>
      <c r="E5637" t="s">
        <v>32613</v>
      </c>
      <c r="F5637">
        <v>4</v>
      </c>
      <c r="G5637" t="s">
        <v>2</v>
      </c>
      <c r="H5637" t="s">
        <v>14668</v>
      </c>
      <c r="I5637" t="s">
        <v>30540</v>
      </c>
    </row>
    <row r="5638" spans="1:9">
      <c r="A5638" s="1">
        <v>0.30286202967528197</v>
      </c>
      <c r="B5638" s="1"/>
      <c r="C5638">
        <v>12</v>
      </c>
      <c r="D5638" t="s">
        <v>14669</v>
      </c>
      <c r="E5638" t="s">
        <v>32613</v>
      </c>
      <c r="F5638">
        <v>4</v>
      </c>
      <c r="G5638" t="s">
        <v>14</v>
      </c>
      <c r="H5638" t="s">
        <v>14670</v>
      </c>
      <c r="I5638" t="s">
        <v>30540</v>
      </c>
    </row>
    <row r="5639" spans="1:9">
      <c r="A5639" s="1">
        <v>7.484857406280887E-2</v>
      </c>
      <c r="B5639" s="1"/>
      <c r="C5639">
        <v>3</v>
      </c>
      <c r="D5639" t="s">
        <v>14663</v>
      </c>
      <c r="E5639" t="s">
        <v>32613</v>
      </c>
      <c r="F5639">
        <v>4</v>
      </c>
      <c r="G5639" t="s">
        <v>14</v>
      </c>
      <c r="H5639" t="s">
        <v>14664</v>
      </c>
      <c r="I5639" t="s">
        <v>30540</v>
      </c>
    </row>
    <row r="5640" spans="1:9">
      <c r="A5640" s="1">
        <v>0.40010427368815871</v>
      </c>
      <c r="B5640" s="1"/>
      <c r="C5640">
        <v>10</v>
      </c>
      <c r="D5640" t="s">
        <v>14665</v>
      </c>
      <c r="E5640" t="s">
        <v>32613</v>
      </c>
      <c r="F5640">
        <v>4</v>
      </c>
      <c r="G5640" t="s">
        <v>2</v>
      </c>
      <c r="H5640" t="s">
        <v>14666</v>
      </c>
      <c r="I5640" t="s">
        <v>30540</v>
      </c>
    </row>
    <row r="5641" spans="1:9">
      <c r="A5641" s="1">
        <v>0.56514014070232232</v>
      </c>
      <c r="B5641" s="1"/>
      <c r="C5641">
        <v>16</v>
      </c>
      <c r="D5641" t="s">
        <v>14657</v>
      </c>
      <c r="E5641" t="s">
        <v>32614</v>
      </c>
      <c r="F5641">
        <v>4</v>
      </c>
      <c r="G5641" t="s">
        <v>1431</v>
      </c>
      <c r="H5641" t="s">
        <v>14658</v>
      </c>
      <c r="I5641" t="s">
        <v>30540</v>
      </c>
    </row>
    <row r="5642" spans="1:9">
      <c r="A5642" s="1">
        <v>0.48636141907340813</v>
      </c>
      <c r="B5642" s="1"/>
      <c r="C5642">
        <v>10</v>
      </c>
      <c r="D5642" t="s">
        <v>14655</v>
      </c>
      <c r="E5642" t="s">
        <v>32614</v>
      </c>
      <c r="F5642">
        <v>4</v>
      </c>
      <c r="G5642" t="s">
        <v>1431</v>
      </c>
      <c r="H5642" t="s">
        <v>14656</v>
      </c>
      <c r="I5642" t="s">
        <v>30540</v>
      </c>
    </row>
    <row r="5643" spans="1:9">
      <c r="A5643" s="1">
        <v>0.50383186138085634</v>
      </c>
      <c r="B5643" s="1"/>
      <c r="C5643">
        <v>19</v>
      </c>
      <c r="D5643" t="s">
        <v>14659</v>
      </c>
      <c r="E5643" t="s">
        <v>32614</v>
      </c>
      <c r="F5643">
        <v>3</v>
      </c>
      <c r="G5643" t="s">
        <v>1431</v>
      </c>
      <c r="H5643" t="s">
        <v>14660</v>
      </c>
      <c r="I5643" t="s">
        <v>30540</v>
      </c>
    </row>
    <row r="5644" spans="1:9">
      <c r="A5644" s="1">
        <v>0.62726545397891853</v>
      </c>
      <c r="B5644" s="1"/>
      <c r="C5644">
        <v>20</v>
      </c>
      <c r="D5644" t="s">
        <v>14661</v>
      </c>
      <c r="E5644" t="s">
        <v>32614</v>
      </c>
      <c r="F5644">
        <v>3</v>
      </c>
      <c r="G5644" t="s">
        <v>1431</v>
      </c>
      <c r="H5644" t="s">
        <v>14662</v>
      </c>
      <c r="I5644" t="s">
        <v>30540</v>
      </c>
    </row>
    <row r="5645" spans="1:9">
      <c r="A5645" s="1">
        <v>0.83114160071038923</v>
      </c>
      <c r="B5645" s="1"/>
      <c r="C5645">
        <v>7</v>
      </c>
      <c r="D5645" t="s">
        <v>14651</v>
      </c>
      <c r="E5645" t="s">
        <v>32615</v>
      </c>
      <c r="F5645">
        <v>5</v>
      </c>
      <c r="G5645" t="s">
        <v>15</v>
      </c>
      <c r="H5645" t="s">
        <v>14652</v>
      </c>
      <c r="I5645" t="s">
        <v>30540</v>
      </c>
    </row>
    <row r="5646" spans="1:9">
      <c r="A5646" s="1">
        <v>0.81874682451215897</v>
      </c>
      <c r="B5646" s="1"/>
      <c r="C5646">
        <v>6</v>
      </c>
      <c r="D5646" t="s">
        <v>14649</v>
      </c>
      <c r="E5646" t="s">
        <v>32615</v>
      </c>
      <c r="F5646">
        <v>4</v>
      </c>
      <c r="G5646" t="s">
        <v>14</v>
      </c>
      <c r="H5646" t="s">
        <v>14650</v>
      </c>
      <c r="I5646" t="s">
        <v>30540</v>
      </c>
    </row>
    <row r="5647" spans="1:9">
      <c r="A5647" s="1">
        <v>0.59461266494109233</v>
      </c>
      <c r="B5647" s="1"/>
      <c r="C5647">
        <v>4</v>
      </c>
      <c r="D5647" t="s">
        <v>14647</v>
      </c>
      <c r="E5647" t="s">
        <v>32615</v>
      </c>
      <c r="F5647">
        <v>4</v>
      </c>
      <c r="G5647" t="s">
        <v>9</v>
      </c>
      <c r="H5647" t="s">
        <v>14648</v>
      </c>
      <c r="I5647" t="s">
        <v>30540</v>
      </c>
    </row>
    <row r="5648" spans="1:9">
      <c r="A5648" s="1">
        <v>7.2012195940030055E-2</v>
      </c>
      <c r="B5648" s="1"/>
      <c r="C5648">
        <v>1</v>
      </c>
      <c r="D5648" t="s">
        <v>14643</v>
      </c>
      <c r="E5648" t="s">
        <v>32616</v>
      </c>
      <c r="F5648">
        <v>3</v>
      </c>
      <c r="G5648" t="s">
        <v>10</v>
      </c>
      <c r="H5648" t="s">
        <v>14644</v>
      </c>
      <c r="I5648" t="s">
        <v>30540</v>
      </c>
    </row>
    <row r="5649" spans="1:9">
      <c r="A5649" s="1">
        <v>0.42775129291660485</v>
      </c>
      <c r="B5649" s="1"/>
      <c r="C5649">
        <v>8</v>
      </c>
      <c r="D5649" t="s">
        <v>14635</v>
      </c>
      <c r="E5649" t="s">
        <v>32617</v>
      </c>
      <c r="F5649">
        <v>5</v>
      </c>
      <c r="G5649" t="s">
        <v>14</v>
      </c>
      <c r="H5649" t="s">
        <v>14636</v>
      </c>
      <c r="I5649" t="s">
        <v>30540</v>
      </c>
    </row>
    <row r="5650" spans="1:9">
      <c r="A5650" s="1">
        <v>0.45131088818463783</v>
      </c>
      <c r="B5650" s="1"/>
      <c r="C5650">
        <v>13</v>
      </c>
      <c r="D5650" t="s">
        <v>14641</v>
      </c>
      <c r="E5650" t="s">
        <v>32617</v>
      </c>
      <c r="F5650">
        <v>4</v>
      </c>
      <c r="G5650" t="s">
        <v>2</v>
      </c>
      <c r="H5650" t="s">
        <v>14642</v>
      </c>
      <c r="I5650" t="s">
        <v>30540</v>
      </c>
    </row>
    <row r="5651" spans="1:9">
      <c r="A5651" s="1">
        <v>0.39956677540329288</v>
      </c>
      <c r="B5651" s="1"/>
      <c r="C5651">
        <v>11</v>
      </c>
      <c r="D5651" t="s">
        <v>14639</v>
      </c>
      <c r="E5651" t="s">
        <v>32617</v>
      </c>
      <c r="F5651">
        <v>4</v>
      </c>
      <c r="G5651" t="s">
        <v>14</v>
      </c>
      <c r="H5651" t="s">
        <v>14640</v>
      </c>
      <c r="I5651" t="s">
        <v>30540</v>
      </c>
    </row>
    <row r="5652" spans="1:9">
      <c r="A5652" s="1">
        <v>0.45062587313471569</v>
      </c>
      <c r="B5652" s="1"/>
      <c r="C5652">
        <v>10</v>
      </c>
      <c r="D5652" t="s">
        <v>14637</v>
      </c>
      <c r="E5652" t="s">
        <v>32617</v>
      </c>
      <c r="F5652">
        <v>4</v>
      </c>
      <c r="G5652" t="s">
        <v>2</v>
      </c>
      <c r="H5652" t="s">
        <v>14638</v>
      </c>
      <c r="I5652" t="s">
        <v>30540</v>
      </c>
    </row>
    <row r="5653" spans="1:9">
      <c r="A5653" s="1">
        <v>6.3580216594257388E-2</v>
      </c>
      <c r="B5653" s="1"/>
      <c r="C5653">
        <v>2</v>
      </c>
      <c r="D5653" t="s">
        <v>14625</v>
      </c>
      <c r="E5653" t="s">
        <v>32618</v>
      </c>
      <c r="F5653">
        <v>4</v>
      </c>
      <c r="G5653" t="s">
        <v>13</v>
      </c>
      <c r="H5653" t="s">
        <v>14626</v>
      </c>
      <c r="I5653" t="s">
        <v>30540</v>
      </c>
    </row>
    <row r="5654" spans="1:9">
      <c r="A5654" s="1">
        <v>0.99925386224441815</v>
      </c>
      <c r="B5654" s="1"/>
      <c r="C5654">
        <v>1</v>
      </c>
      <c r="D5654" t="s">
        <v>14623</v>
      </c>
      <c r="E5654" t="s">
        <v>32618</v>
      </c>
      <c r="F5654">
        <v>4</v>
      </c>
      <c r="G5654" t="s">
        <v>10</v>
      </c>
      <c r="H5654" t="s">
        <v>14624</v>
      </c>
      <c r="I5654" t="s">
        <v>30540</v>
      </c>
    </row>
    <row r="5655" spans="1:9">
      <c r="A5655" s="1">
        <v>0.40684078351043673</v>
      </c>
      <c r="B5655" s="1"/>
      <c r="C5655">
        <v>8</v>
      </c>
      <c r="D5655" t="s">
        <v>14631</v>
      </c>
      <c r="E5655" t="s">
        <v>32618</v>
      </c>
      <c r="F5655">
        <v>3</v>
      </c>
      <c r="G5655" t="s">
        <v>13</v>
      </c>
      <c r="H5655" t="s">
        <v>14632</v>
      </c>
      <c r="I5655" t="s">
        <v>30540</v>
      </c>
    </row>
    <row r="5656" spans="1:9">
      <c r="A5656" s="1">
        <v>0.39040038562448898</v>
      </c>
      <c r="B5656" s="1"/>
      <c r="C5656">
        <v>7</v>
      </c>
      <c r="D5656" t="s">
        <v>14629</v>
      </c>
      <c r="E5656" t="s">
        <v>32618</v>
      </c>
      <c r="F5656">
        <v>3</v>
      </c>
      <c r="G5656" t="s">
        <v>15</v>
      </c>
      <c r="H5656" t="s">
        <v>14630</v>
      </c>
      <c r="I5656" t="s">
        <v>30540</v>
      </c>
    </row>
    <row r="5657" spans="1:9">
      <c r="A5657" s="1">
        <v>0.50505754054568319</v>
      </c>
      <c r="B5657" s="1"/>
      <c r="C5657">
        <v>1</v>
      </c>
      <c r="D5657" t="s">
        <v>14603</v>
      </c>
      <c r="E5657" t="s">
        <v>32619</v>
      </c>
      <c r="F5657">
        <v>5</v>
      </c>
      <c r="G5657" t="s">
        <v>1431</v>
      </c>
      <c r="H5657" t="s">
        <v>14604</v>
      </c>
      <c r="I5657" t="s">
        <v>30540</v>
      </c>
    </row>
    <row r="5658" spans="1:9">
      <c r="A5658" s="1">
        <v>0.53800170025614158</v>
      </c>
      <c r="B5658" s="1"/>
      <c r="C5658">
        <v>16</v>
      </c>
      <c r="D5658" t="s">
        <v>14619</v>
      </c>
      <c r="E5658" t="s">
        <v>32619</v>
      </c>
      <c r="F5658">
        <v>4</v>
      </c>
      <c r="G5658" t="s">
        <v>1431</v>
      </c>
      <c r="H5658" t="s">
        <v>14620</v>
      </c>
      <c r="I5658" t="s">
        <v>30540</v>
      </c>
    </row>
    <row r="5659" spans="1:9">
      <c r="A5659" s="1">
        <v>0.45154164564934984</v>
      </c>
      <c r="B5659" s="1"/>
      <c r="C5659">
        <v>17</v>
      </c>
      <c r="D5659" t="s">
        <v>14621</v>
      </c>
      <c r="E5659" t="s">
        <v>32619</v>
      </c>
      <c r="F5659">
        <v>4</v>
      </c>
      <c r="G5659" t="s">
        <v>0</v>
      </c>
      <c r="H5659" t="s">
        <v>14622</v>
      </c>
      <c r="I5659" t="s">
        <v>30540</v>
      </c>
    </row>
    <row r="5660" spans="1:9">
      <c r="A5660" s="1">
        <v>0.92065980863331554</v>
      </c>
      <c r="B5660" s="1"/>
      <c r="C5660">
        <v>6</v>
      </c>
      <c r="D5660" t="s">
        <v>14609</v>
      </c>
      <c r="E5660" t="s">
        <v>32619</v>
      </c>
      <c r="F5660">
        <v>4</v>
      </c>
      <c r="G5660" t="s">
        <v>14</v>
      </c>
      <c r="H5660" t="s">
        <v>14610</v>
      </c>
      <c r="I5660" t="s">
        <v>30540</v>
      </c>
    </row>
    <row r="5661" spans="1:9">
      <c r="A5661" s="1">
        <v>0.77947856899442181</v>
      </c>
      <c r="B5661" s="1"/>
      <c r="C5661">
        <v>3</v>
      </c>
      <c r="D5661" t="s">
        <v>14605</v>
      </c>
      <c r="E5661" t="s">
        <v>32619</v>
      </c>
      <c r="F5661">
        <v>4</v>
      </c>
      <c r="G5661" t="s">
        <v>13</v>
      </c>
      <c r="H5661" t="s">
        <v>14606</v>
      </c>
      <c r="I5661" t="s">
        <v>30540</v>
      </c>
    </row>
    <row r="5662" spans="1:9">
      <c r="A5662" s="1">
        <v>0.70429794469172724</v>
      </c>
      <c r="B5662" s="1"/>
      <c r="C5662">
        <v>11</v>
      </c>
      <c r="D5662" t="s">
        <v>14611</v>
      </c>
      <c r="E5662" t="s">
        <v>32619</v>
      </c>
      <c r="F5662">
        <v>4</v>
      </c>
      <c r="G5662" t="s">
        <v>1431</v>
      </c>
      <c r="H5662" t="s">
        <v>14612</v>
      </c>
      <c r="I5662" t="s">
        <v>30540</v>
      </c>
    </row>
    <row r="5663" spans="1:9">
      <c r="A5663" s="1">
        <v>4.969405051193998E-2</v>
      </c>
      <c r="B5663" s="1"/>
      <c r="C5663">
        <v>13</v>
      </c>
      <c r="D5663" t="s">
        <v>14615</v>
      </c>
      <c r="E5663" t="s">
        <v>32619</v>
      </c>
      <c r="F5663">
        <v>3</v>
      </c>
      <c r="G5663" t="s">
        <v>1431</v>
      </c>
      <c r="H5663" t="s">
        <v>14616</v>
      </c>
      <c r="I5663" t="s">
        <v>30540</v>
      </c>
    </row>
    <row r="5664" spans="1:9">
      <c r="A5664" s="1">
        <v>0.42058046832551776</v>
      </c>
      <c r="B5664" s="1"/>
      <c r="C5664">
        <v>14</v>
      </c>
      <c r="D5664" t="s">
        <v>14617</v>
      </c>
      <c r="E5664" t="s">
        <v>32619</v>
      </c>
      <c r="F5664">
        <v>3</v>
      </c>
      <c r="G5664" t="s">
        <v>1431</v>
      </c>
      <c r="H5664" t="s">
        <v>14618</v>
      </c>
      <c r="I5664" t="s">
        <v>30540</v>
      </c>
    </row>
    <row r="5665" spans="1:9">
      <c r="A5665" s="1">
        <v>0.47349443372866373</v>
      </c>
      <c r="B5665" s="1"/>
      <c r="C5665">
        <v>12</v>
      </c>
      <c r="D5665" t="s">
        <v>14613</v>
      </c>
      <c r="E5665" t="s">
        <v>32619</v>
      </c>
      <c r="F5665">
        <v>3</v>
      </c>
      <c r="G5665" t="s">
        <v>1431</v>
      </c>
      <c r="H5665" t="s">
        <v>14614</v>
      </c>
      <c r="I5665" t="s">
        <v>30540</v>
      </c>
    </row>
    <row r="5666" spans="1:9">
      <c r="A5666" s="1">
        <v>0.46099843090277515</v>
      </c>
      <c r="B5666" s="1"/>
      <c r="C5666">
        <v>2</v>
      </c>
      <c r="D5666" t="s">
        <v>14595</v>
      </c>
      <c r="E5666" t="s">
        <v>32620</v>
      </c>
      <c r="F5666">
        <v>4</v>
      </c>
      <c r="G5666" t="s">
        <v>13</v>
      </c>
      <c r="H5666" t="s">
        <v>14596</v>
      </c>
      <c r="I5666" t="s">
        <v>30540</v>
      </c>
    </row>
    <row r="5667" spans="1:9">
      <c r="A5667" s="1">
        <v>0.16217784754288478</v>
      </c>
      <c r="B5667" s="1"/>
      <c r="C5667">
        <v>10</v>
      </c>
      <c r="D5667" t="s">
        <v>14601</v>
      </c>
      <c r="E5667" t="s">
        <v>32620</v>
      </c>
      <c r="F5667">
        <v>4</v>
      </c>
      <c r="G5667" t="s">
        <v>13</v>
      </c>
      <c r="H5667" t="s">
        <v>14602</v>
      </c>
      <c r="I5667" t="s">
        <v>30540</v>
      </c>
    </row>
    <row r="5668" spans="1:9">
      <c r="A5668" s="1">
        <v>0.96044954882782885</v>
      </c>
      <c r="B5668" s="1"/>
      <c r="C5668">
        <v>5</v>
      </c>
      <c r="D5668" t="s">
        <v>14597</v>
      </c>
      <c r="E5668" t="s">
        <v>32620</v>
      </c>
      <c r="F5668">
        <v>4</v>
      </c>
      <c r="G5668" t="s">
        <v>15</v>
      </c>
      <c r="H5668" t="s">
        <v>14598</v>
      </c>
      <c r="I5668" t="s">
        <v>30540</v>
      </c>
    </row>
    <row r="5669" spans="1:9">
      <c r="A5669" s="1">
        <v>4.2024414355455342E-2</v>
      </c>
      <c r="B5669" s="1"/>
      <c r="C5669">
        <v>9</v>
      </c>
      <c r="D5669" t="s">
        <v>14599</v>
      </c>
      <c r="E5669" t="s">
        <v>32620</v>
      </c>
      <c r="F5669">
        <v>3</v>
      </c>
      <c r="G5669" t="s">
        <v>0</v>
      </c>
      <c r="H5669" t="s">
        <v>14600</v>
      </c>
      <c r="I5669" t="s">
        <v>30540</v>
      </c>
    </row>
    <row r="5670" spans="1:9">
      <c r="A5670" s="1">
        <v>0.13849086382215203</v>
      </c>
      <c r="B5670" s="1"/>
      <c r="C5670">
        <v>6</v>
      </c>
      <c r="D5670" t="s">
        <v>14587</v>
      </c>
      <c r="E5670" t="s">
        <v>32621</v>
      </c>
      <c r="F5670">
        <v>5</v>
      </c>
      <c r="G5670" t="s">
        <v>10</v>
      </c>
      <c r="H5670" t="s">
        <v>14588</v>
      </c>
      <c r="I5670" t="s">
        <v>30540</v>
      </c>
    </row>
    <row r="5671" spans="1:9">
      <c r="A5671" s="1">
        <v>0.1974891265587374</v>
      </c>
      <c r="B5671" s="1"/>
      <c r="C5671">
        <v>5</v>
      </c>
      <c r="D5671" t="s">
        <v>14585</v>
      </c>
      <c r="E5671" t="s">
        <v>32621</v>
      </c>
      <c r="F5671">
        <v>4</v>
      </c>
      <c r="G5671" t="s">
        <v>14</v>
      </c>
      <c r="H5671" t="s">
        <v>14586</v>
      </c>
      <c r="I5671" t="s">
        <v>30540</v>
      </c>
    </row>
    <row r="5672" spans="1:9">
      <c r="A5672" s="1">
        <v>0.13782025310849511</v>
      </c>
      <c r="B5672" s="1"/>
      <c r="C5672">
        <v>15</v>
      </c>
      <c r="D5672" t="s">
        <v>14591</v>
      </c>
      <c r="E5672" t="s">
        <v>32621</v>
      </c>
      <c r="F5672">
        <v>4</v>
      </c>
      <c r="G5672" t="s">
        <v>14</v>
      </c>
      <c r="H5672" t="s">
        <v>14592</v>
      </c>
      <c r="I5672" t="s">
        <v>30540</v>
      </c>
    </row>
    <row r="5673" spans="1:9">
      <c r="A5673" s="1">
        <v>0.33215294525144778</v>
      </c>
      <c r="B5673" s="1"/>
      <c r="C5673">
        <v>8</v>
      </c>
      <c r="D5673" t="s">
        <v>14583</v>
      </c>
      <c r="E5673" t="s">
        <v>32622</v>
      </c>
      <c r="F5673">
        <v>5</v>
      </c>
      <c r="G5673" t="s">
        <v>14</v>
      </c>
      <c r="H5673" t="s">
        <v>14584</v>
      </c>
      <c r="I5673" t="s">
        <v>30540</v>
      </c>
    </row>
    <row r="5674" spans="1:9">
      <c r="A5674" s="1">
        <v>0.80106746774114679</v>
      </c>
      <c r="B5674" s="1"/>
      <c r="C5674">
        <v>7</v>
      </c>
      <c r="D5674" t="s">
        <v>14581</v>
      </c>
      <c r="E5674" t="s">
        <v>32622</v>
      </c>
      <c r="F5674">
        <v>4</v>
      </c>
      <c r="G5674" t="s">
        <v>9</v>
      </c>
      <c r="H5674" t="s">
        <v>14582</v>
      </c>
      <c r="I5674" t="s">
        <v>30540</v>
      </c>
    </row>
    <row r="5675" spans="1:9">
      <c r="A5675" s="1">
        <v>0.32731528903375751</v>
      </c>
      <c r="B5675" s="1"/>
      <c r="C5675">
        <v>6</v>
      </c>
      <c r="D5675" t="s">
        <v>14579</v>
      </c>
      <c r="E5675" t="s">
        <v>32622</v>
      </c>
      <c r="F5675">
        <v>4</v>
      </c>
      <c r="G5675" t="s">
        <v>13</v>
      </c>
      <c r="H5675" t="s">
        <v>14580</v>
      </c>
      <c r="I5675" t="s">
        <v>30540</v>
      </c>
    </row>
    <row r="5676" spans="1:9">
      <c r="A5676" s="1">
        <v>0.80895047566925959</v>
      </c>
      <c r="B5676" s="1"/>
      <c r="C5676">
        <v>1</v>
      </c>
      <c r="D5676" t="s">
        <v>14577</v>
      </c>
      <c r="E5676" t="s">
        <v>32622</v>
      </c>
      <c r="F5676">
        <v>4</v>
      </c>
      <c r="G5676" t="s">
        <v>0</v>
      </c>
      <c r="H5676" t="s">
        <v>14578</v>
      </c>
      <c r="I5676" t="s">
        <v>30540</v>
      </c>
    </row>
    <row r="5677" spans="1:9">
      <c r="A5677" s="1">
        <v>5.2901941039407152E-3</v>
      </c>
      <c r="B5677" s="1"/>
      <c r="C5677">
        <v>4</v>
      </c>
      <c r="D5677" t="s">
        <v>14565</v>
      </c>
      <c r="E5677" t="s">
        <v>32623</v>
      </c>
      <c r="F5677">
        <v>4</v>
      </c>
      <c r="G5677" t="s">
        <v>2</v>
      </c>
      <c r="H5677" t="s">
        <v>14566</v>
      </c>
      <c r="I5677" t="s">
        <v>30540</v>
      </c>
    </row>
    <row r="5678" spans="1:9">
      <c r="A5678" s="1">
        <v>8.5018910031392059E-2</v>
      </c>
      <c r="B5678" s="1"/>
      <c r="C5678">
        <v>2</v>
      </c>
      <c r="D5678" t="s">
        <v>14563</v>
      </c>
      <c r="E5678" t="s">
        <v>32623</v>
      </c>
      <c r="F5678">
        <v>4</v>
      </c>
      <c r="G5678" t="s">
        <v>10</v>
      </c>
      <c r="H5678" t="s">
        <v>14564</v>
      </c>
      <c r="I5678" t="s">
        <v>30540</v>
      </c>
    </row>
    <row r="5679" spans="1:9">
      <c r="A5679" s="1">
        <v>0.85022653491420808</v>
      </c>
      <c r="B5679" s="1"/>
      <c r="C5679">
        <v>8</v>
      </c>
      <c r="D5679" t="s">
        <v>14569</v>
      </c>
      <c r="E5679" t="s">
        <v>32623</v>
      </c>
      <c r="F5679">
        <v>4</v>
      </c>
      <c r="G5679" t="s">
        <v>0</v>
      </c>
      <c r="H5679" t="s">
        <v>14570</v>
      </c>
      <c r="I5679" t="s">
        <v>30540</v>
      </c>
    </row>
    <row r="5680" spans="1:9">
      <c r="A5680" s="1">
        <v>0.48524682272622222</v>
      </c>
      <c r="B5680" s="1"/>
      <c r="C5680">
        <v>10</v>
      </c>
      <c r="D5680" t="s">
        <v>14573</v>
      </c>
      <c r="E5680" t="s">
        <v>32623</v>
      </c>
      <c r="F5680">
        <v>4</v>
      </c>
      <c r="G5680" t="s">
        <v>2</v>
      </c>
      <c r="H5680" t="s">
        <v>14574</v>
      </c>
      <c r="I5680" t="s">
        <v>30540</v>
      </c>
    </row>
    <row r="5681" spans="1:9">
      <c r="A5681" s="1">
        <v>0.21356421312439122</v>
      </c>
      <c r="B5681" s="1"/>
      <c r="C5681">
        <v>11</v>
      </c>
      <c r="D5681" t="s">
        <v>14575</v>
      </c>
      <c r="E5681" t="s">
        <v>32623</v>
      </c>
      <c r="F5681">
        <v>4</v>
      </c>
      <c r="G5681" t="s">
        <v>14</v>
      </c>
      <c r="H5681" t="s">
        <v>14576</v>
      </c>
      <c r="I5681" t="s">
        <v>30540</v>
      </c>
    </row>
    <row r="5682" spans="1:9">
      <c r="A5682" s="1">
        <v>0.64680176588707361</v>
      </c>
      <c r="B5682" s="1"/>
      <c r="C5682">
        <v>5</v>
      </c>
      <c r="D5682" t="s">
        <v>14567</v>
      </c>
      <c r="E5682" t="s">
        <v>32623</v>
      </c>
      <c r="F5682">
        <v>4</v>
      </c>
      <c r="G5682" t="s">
        <v>2</v>
      </c>
      <c r="H5682" t="s">
        <v>14568</v>
      </c>
      <c r="I5682" t="s">
        <v>30540</v>
      </c>
    </row>
    <row r="5683" spans="1:9">
      <c r="A5683" s="1">
        <v>0.20368762197050694</v>
      </c>
      <c r="B5683" s="1"/>
      <c r="C5683">
        <v>9</v>
      </c>
      <c r="D5683" t="s">
        <v>14571</v>
      </c>
      <c r="E5683" t="s">
        <v>32623</v>
      </c>
      <c r="F5683">
        <v>3</v>
      </c>
      <c r="G5683" t="s">
        <v>14</v>
      </c>
      <c r="H5683" t="s">
        <v>14572</v>
      </c>
      <c r="I5683" t="s">
        <v>30540</v>
      </c>
    </row>
    <row r="5684" spans="1:9">
      <c r="A5684" s="1">
        <v>0.19271883630937126</v>
      </c>
      <c r="B5684" s="1"/>
      <c r="C5684">
        <v>15</v>
      </c>
      <c r="D5684" t="s">
        <v>14559</v>
      </c>
      <c r="E5684" t="s">
        <v>32624</v>
      </c>
      <c r="F5684">
        <v>4</v>
      </c>
      <c r="G5684" t="s">
        <v>14</v>
      </c>
      <c r="H5684" t="s">
        <v>14560</v>
      </c>
      <c r="I5684" t="s">
        <v>30540</v>
      </c>
    </row>
    <row r="5685" spans="1:9">
      <c r="A5685" s="1">
        <v>0.41283419095903151</v>
      </c>
      <c r="B5685" s="1"/>
      <c r="C5685">
        <v>13</v>
      </c>
      <c r="D5685" t="s">
        <v>14557</v>
      </c>
      <c r="E5685" t="s">
        <v>32624</v>
      </c>
      <c r="F5685">
        <v>4</v>
      </c>
      <c r="G5685" t="s">
        <v>14</v>
      </c>
      <c r="H5685" t="s">
        <v>14558</v>
      </c>
      <c r="I5685" t="s">
        <v>30540</v>
      </c>
    </row>
    <row r="5686" spans="1:9">
      <c r="A5686" s="1">
        <v>0.42456467805687903</v>
      </c>
      <c r="B5686" s="1"/>
      <c r="C5686">
        <v>10</v>
      </c>
      <c r="D5686" t="s">
        <v>14553</v>
      </c>
      <c r="E5686" t="s">
        <v>32624</v>
      </c>
      <c r="F5686">
        <v>4</v>
      </c>
      <c r="G5686" t="s">
        <v>0</v>
      </c>
      <c r="H5686" t="s">
        <v>14554</v>
      </c>
      <c r="I5686" t="s">
        <v>30540</v>
      </c>
    </row>
    <row r="5687" spans="1:9">
      <c r="A5687" s="1">
        <v>8.6910367899307839E-2</v>
      </c>
      <c r="B5687" s="1"/>
      <c r="C5687">
        <v>19</v>
      </c>
      <c r="D5687" t="s">
        <v>14561</v>
      </c>
      <c r="E5687" t="s">
        <v>32624</v>
      </c>
      <c r="F5687">
        <v>4</v>
      </c>
      <c r="G5687" t="s">
        <v>14</v>
      </c>
      <c r="H5687" t="s">
        <v>14562</v>
      </c>
      <c r="I5687" t="s">
        <v>30540</v>
      </c>
    </row>
    <row r="5688" spans="1:9">
      <c r="A5688" s="1">
        <v>0.82374779467857584</v>
      </c>
      <c r="B5688" s="1"/>
      <c r="C5688">
        <v>11</v>
      </c>
      <c r="D5688" t="s">
        <v>14555</v>
      </c>
      <c r="E5688" t="s">
        <v>32624</v>
      </c>
      <c r="F5688">
        <v>3</v>
      </c>
      <c r="G5688" t="s">
        <v>14</v>
      </c>
      <c r="H5688" t="s">
        <v>14556</v>
      </c>
      <c r="I5688" t="s">
        <v>30540</v>
      </c>
    </row>
    <row r="5689" spans="1:9">
      <c r="A5689" s="1">
        <v>0.33324559506193974</v>
      </c>
      <c r="B5689" s="1"/>
      <c r="C5689">
        <v>6</v>
      </c>
      <c r="D5689" t="s">
        <v>14549</v>
      </c>
      <c r="E5689" t="s">
        <v>32625</v>
      </c>
      <c r="F5689">
        <v>5</v>
      </c>
      <c r="G5689" t="s">
        <v>14</v>
      </c>
      <c r="H5689" t="s">
        <v>14550</v>
      </c>
      <c r="I5689" t="s">
        <v>30540</v>
      </c>
    </row>
    <row r="5690" spans="1:9">
      <c r="A5690" s="1">
        <v>0.491499233169989</v>
      </c>
      <c r="B5690" s="1"/>
      <c r="C5690">
        <v>9</v>
      </c>
      <c r="D5690" t="s">
        <v>14551</v>
      </c>
      <c r="E5690" t="s">
        <v>32625</v>
      </c>
      <c r="F5690">
        <v>5</v>
      </c>
      <c r="G5690" t="s">
        <v>0</v>
      </c>
      <c r="H5690" t="s">
        <v>14552</v>
      </c>
      <c r="I5690" t="s">
        <v>30540</v>
      </c>
    </row>
    <row r="5691" spans="1:9">
      <c r="A5691" s="1">
        <v>0.68948080829307967</v>
      </c>
      <c r="B5691" s="1"/>
      <c r="C5691">
        <v>1</v>
      </c>
      <c r="D5691" t="s">
        <v>14545</v>
      </c>
      <c r="E5691" t="s">
        <v>32625</v>
      </c>
      <c r="F5691">
        <v>5</v>
      </c>
      <c r="G5691" t="s">
        <v>15</v>
      </c>
      <c r="H5691" t="s">
        <v>14546</v>
      </c>
      <c r="I5691" t="s">
        <v>30540</v>
      </c>
    </row>
    <row r="5692" spans="1:9">
      <c r="A5692" s="1">
        <v>0.1325446682167738</v>
      </c>
      <c r="B5692" s="1"/>
      <c r="C5692">
        <v>5</v>
      </c>
      <c r="D5692" t="s">
        <v>14547</v>
      </c>
      <c r="E5692" t="s">
        <v>32625</v>
      </c>
      <c r="F5692">
        <v>4</v>
      </c>
      <c r="G5692" t="s">
        <v>0</v>
      </c>
      <c r="H5692" t="s">
        <v>14548</v>
      </c>
      <c r="I5692" t="s">
        <v>30540</v>
      </c>
    </row>
    <row r="5693" spans="1:9">
      <c r="A5693" s="1">
        <v>0.72744024720729261</v>
      </c>
      <c r="B5693" s="1"/>
      <c r="C5693">
        <v>10</v>
      </c>
      <c r="D5693" t="s">
        <v>14541</v>
      </c>
      <c r="E5693" t="s">
        <v>32626</v>
      </c>
      <c r="F5693">
        <v>4</v>
      </c>
      <c r="G5693" t="s">
        <v>14</v>
      </c>
      <c r="H5693" t="s">
        <v>14542</v>
      </c>
      <c r="I5693" t="s">
        <v>30540</v>
      </c>
    </row>
    <row r="5694" spans="1:9">
      <c r="A5694" s="1">
        <v>0.20888639698293321</v>
      </c>
      <c r="B5694" s="1"/>
      <c r="C5694">
        <v>6</v>
      </c>
      <c r="D5694" t="s">
        <v>14537</v>
      </c>
      <c r="E5694" t="s">
        <v>32626</v>
      </c>
      <c r="F5694">
        <v>4</v>
      </c>
      <c r="G5694" t="s">
        <v>14</v>
      </c>
      <c r="H5694" t="s">
        <v>14538</v>
      </c>
      <c r="I5694" t="s">
        <v>30540</v>
      </c>
    </row>
    <row r="5695" spans="1:9">
      <c r="A5695" s="1">
        <v>1.829206316208587E-2</v>
      </c>
      <c r="B5695" s="1"/>
      <c r="C5695">
        <v>12</v>
      </c>
      <c r="D5695" t="s">
        <v>14535</v>
      </c>
      <c r="E5695" t="s">
        <v>32627</v>
      </c>
      <c r="F5695">
        <v>4</v>
      </c>
      <c r="G5695" t="s">
        <v>2</v>
      </c>
      <c r="H5695" t="s">
        <v>14536</v>
      </c>
      <c r="I5695" t="s">
        <v>30540</v>
      </c>
    </row>
    <row r="5696" spans="1:9">
      <c r="A5696" s="1">
        <v>0.90054676767837427</v>
      </c>
      <c r="B5696" s="1"/>
      <c r="C5696">
        <v>8</v>
      </c>
      <c r="D5696" t="s">
        <v>14529</v>
      </c>
      <c r="E5696" t="s">
        <v>32627</v>
      </c>
      <c r="F5696">
        <v>4</v>
      </c>
      <c r="G5696" t="s">
        <v>2</v>
      </c>
      <c r="H5696" t="s">
        <v>14530</v>
      </c>
      <c r="I5696" t="s">
        <v>30540</v>
      </c>
    </row>
    <row r="5697" spans="1:9">
      <c r="A5697" s="1">
        <v>0.49344658258460317</v>
      </c>
      <c r="B5697" s="1"/>
      <c r="C5697">
        <v>7</v>
      </c>
      <c r="D5697" t="s">
        <v>14527</v>
      </c>
      <c r="E5697" t="s">
        <v>32627</v>
      </c>
      <c r="F5697">
        <v>4</v>
      </c>
      <c r="G5697" t="s">
        <v>0</v>
      </c>
      <c r="H5697" t="s">
        <v>14528</v>
      </c>
      <c r="I5697" t="s">
        <v>30540</v>
      </c>
    </row>
    <row r="5698" spans="1:9">
      <c r="A5698" s="1">
        <v>0.24891130939285999</v>
      </c>
      <c r="B5698" s="1"/>
      <c r="C5698">
        <v>6</v>
      </c>
      <c r="D5698" t="s">
        <v>14525</v>
      </c>
      <c r="E5698" t="s">
        <v>32627</v>
      </c>
      <c r="F5698">
        <v>4</v>
      </c>
      <c r="G5698" t="s">
        <v>14</v>
      </c>
      <c r="H5698" t="s">
        <v>14526</v>
      </c>
      <c r="I5698" t="s">
        <v>30540</v>
      </c>
    </row>
    <row r="5699" spans="1:9">
      <c r="A5699" s="1">
        <v>0.57730232030063333</v>
      </c>
      <c r="B5699" s="1"/>
      <c r="C5699">
        <v>10</v>
      </c>
      <c r="D5699" t="s">
        <v>14533</v>
      </c>
      <c r="E5699" t="s">
        <v>32627</v>
      </c>
      <c r="F5699">
        <v>4</v>
      </c>
      <c r="G5699" t="s">
        <v>14</v>
      </c>
      <c r="H5699" t="s">
        <v>14534</v>
      </c>
      <c r="I5699" t="s">
        <v>30540</v>
      </c>
    </row>
    <row r="5700" spans="1:9">
      <c r="A5700" s="1">
        <v>0.34881765599793657</v>
      </c>
      <c r="B5700" s="1"/>
      <c r="C5700">
        <v>9</v>
      </c>
      <c r="D5700" t="s">
        <v>14531</v>
      </c>
      <c r="E5700" t="s">
        <v>32627</v>
      </c>
      <c r="F5700">
        <v>4</v>
      </c>
      <c r="G5700" t="s">
        <v>14</v>
      </c>
      <c r="H5700" t="s">
        <v>14532</v>
      </c>
      <c r="I5700" t="s">
        <v>30540</v>
      </c>
    </row>
    <row r="5701" spans="1:9">
      <c r="A5701" s="1">
        <v>0.70216572010866063</v>
      </c>
      <c r="B5701" s="1"/>
      <c r="C5701">
        <v>5</v>
      </c>
      <c r="D5701" t="s">
        <v>14523</v>
      </c>
      <c r="E5701" t="s">
        <v>32627</v>
      </c>
      <c r="F5701">
        <v>4</v>
      </c>
      <c r="G5701" t="s">
        <v>2</v>
      </c>
      <c r="H5701" t="s">
        <v>14524</v>
      </c>
      <c r="I5701" t="s">
        <v>30540</v>
      </c>
    </row>
    <row r="5702" spans="1:9">
      <c r="A5702" s="1">
        <v>0.51259619266491108</v>
      </c>
      <c r="B5702" s="1"/>
      <c r="C5702">
        <v>7</v>
      </c>
      <c r="D5702" t="s">
        <v>14511</v>
      </c>
      <c r="E5702" t="s">
        <v>32628</v>
      </c>
      <c r="F5702">
        <v>5</v>
      </c>
      <c r="G5702" t="s">
        <v>14</v>
      </c>
      <c r="H5702" t="s">
        <v>14512</v>
      </c>
      <c r="I5702" t="s">
        <v>30540</v>
      </c>
    </row>
    <row r="5703" spans="1:9">
      <c r="A5703" s="1">
        <v>0.45717474774719247</v>
      </c>
      <c r="B5703" s="1"/>
      <c r="C5703">
        <v>9</v>
      </c>
      <c r="D5703" t="s">
        <v>14515</v>
      </c>
      <c r="E5703" t="s">
        <v>32628</v>
      </c>
      <c r="F5703">
        <v>5</v>
      </c>
      <c r="G5703" t="s">
        <v>1</v>
      </c>
      <c r="H5703" t="s">
        <v>14516</v>
      </c>
      <c r="I5703" t="s">
        <v>30540</v>
      </c>
    </row>
    <row r="5704" spans="1:9">
      <c r="A5704" s="1">
        <v>0.92302657475217942</v>
      </c>
      <c r="B5704" s="1"/>
      <c r="C5704">
        <v>8</v>
      </c>
      <c r="D5704" t="s">
        <v>14513</v>
      </c>
      <c r="E5704" t="s">
        <v>32628</v>
      </c>
      <c r="F5704">
        <v>5</v>
      </c>
      <c r="G5704" t="s">
        <v>2</v>
      </c>
      <c r="H5704" t="s">
        <v>14514</v>
      </c>
      <c r="I5704" t="s">
        <v>30540</v>
      </c>
    </row>
    <row r="5705" spans="1:9">
      <c r="A5705" s="1">
        <v>0.54628099933611984</v>
      </c>
      <c r="B5705" s="1"/>
      <c r="C5705">
        <v>11</v>
      </c>
      <c r="D5705" t="s">
        <v>14519</v>
      </c>
      <c r="E5705" t="s">
        <v>32628</v>
      </c>
      <c r="F5705">
        <v>4</v>
      </c>
      <c r="G5705" t="s">
        <v>14</v>
      </c>
      <c r="H5705" t="s">
        <v>14520</v>
      </c>
      <c r="I5705" t="s">
        <v>30540</v>
      </c>
    </row>
    <row r="5706" spans="1:9">
      <c r="A5706" s="1">
        <v>0.27728557105345053</v>
      </c>
      <c r="B5706" s="1"/>
      <c r="C5706">
        <v>6</v>
      </c>
      <c r="D5706" t="s">
        <v>14509</v>
      </c>
      <c r="E5706" t="s">
        <v>32628</v>
      </c>
      <c r="F5706">
        <v>4</v>
      </c>
      <c r="G5706" t="s">
        <v>2</v>
      </c>
      <c r="H5706" t="s">
        <v>14510</v>
      </c>
      <c r="I5706" t="s">
        <v>30540</v>
      </c>
    </row>
    <row r="5707" spans="1:9">
      <c r="A5707" s="1">
        <v>0.92951173288171662</v>
      </c>
      <c r="B5707" s="1"/>
      <c r="C5707">
        <v>12</v>
      </c>
      <c r="D5707" t="s">
        <v>14521</v>
      </c>
      <c r="E5707" t="s">
        <v>32628</v>
      </c>
      <c r="F5707">
        <v>4</v>
      </c>
      <c r="G5707" t="s">
        <v>2</v>
      </c>
      <c r="H5707" t="s">
        <v>14522</v>
      </c>
      <c r="I5707" t="s">
        <v>30540</v>
      </c>
    </row>
    <row r="5708" spans="1:9">
      <c r="A5708" s="1">
        <v>0.54958714618938942</v>
      </c>
      <c r="B5708" s="1"/>
      <c r="C5708">
        <v>2</v>
      </c>
      <c r="D5708" t="s">
        <v>14507</v>
      </c>
      <c r="E5708" t="s">
        <v>32628</v>
      </c>
      <c r="F5708">
        <v>4</v>
      </c>
      <c r="G5708" t="s">
        <v>15</v>
      </c>
      <c r="H5708" t="s">
        <v>14508</v>
      </c>
      <c r="I5708" t="s">
        <v>30540</v>
      </c>
    </row>
    <row r="5709" spans="1:9">
      <c r="A5709" s="1">
        <v>0.38827027428456939</v>
      </c>
      <c r="B5709" s="1"/>
      <c r="C5709">
        <v>10</v>
      </c>
      <c r="D5709" t="s">
        <v>14517</v>
      </c>
      <c r="E5709" t="s">
        <v>32628</v>
      </c>
      <c r="F5709">
        <v>4</v>
      </c>
      <c r="G5709" t="s">
        <v>14</v>
      </c>
      <c r="H5709" t="s">
        <v>14518</v>
      </c>
      <c r="I5709" t="s">
        <v>30540</v>
      </c>
    </row>
    <row r="5710" spans="1:9">
      <c r="A5710" s="1">
        <v>0.91586568653069456</v>
      </c>
      <c r="B5710" s="1"/>
      <c r="C5710">
        <v>5</v>
      </c>
      <c r="D5710" t="s">
        <v>14487</v>
      </c>
      <c r="E5710" t="s">
        <v>32629</v>
      </c>
      <c r="F5710">
        <v>5</v>
      </c>
      <c r="G5710" t="s">
        <v>14</v>
      </c>
      <c r="H5710" t="s">
        <v>14488</v>
      </c>
      <c r="I5710" t="s">
        <v>30540</v>
      </c>
    </row>
    <row r="5711" spans="1:9">
      <c r="A5711" s="1">
        <v>0.55377917982196412</v>
      </c>
      <c r="B5711" s="1"/>
      <c r="C5711">
        <v>1</v>
      </c>
      <c r="D5711" t="s">
        <v>14485</v>
      </c>
      <c r="E5711" t="s">
        <v>32629</v>
      </c>
      <c r="F5711">
        <v>5</v>
      </c>
      <c r="G5711" t="s">
        <v>1431</v>
      </c>
      <c r="H5711" t="s">
        <v>14486</v>
      </c>
      <c r="I5711" t="s">
        <v>30540</v>
      </c>
    </row>
    <row r="5712" spans="1:9">
      <c r="A5712" s="1">
        <v>0.77433922338765893</v>
      </c>
      <c r="B5712" s="1"/>
      <c r="C5712">
        <v>8</v>
      </c>
      <c r="D5712" t="s">
        <v>14489</v>
      </c>
      <c r="E5712" t="s">
        <v>32629</v>
      </c>
      <c r="F5712">
        <v>4</v>
      </c>
      <c r="G5712" t="s">
        <v>3107</v>
      </c>
      <c r="H5712" t="s">
        <v>14490</v>
      </c>
      <c r="I5712" t="s">
        <v>30540</v>
      </c>
    </row>
    <row r="5713" spans="1:9">
      <c r="A5713" s="1">
        <v>0.53325515932830547</v>
      </c>
      <c r="B5713" s="1"/>
      <c r="C5713">
        <v>15</v>
      </c>
      <c r="D5713" t="s">
        <v>14495</v>
      </c>
      <c r="E5713" t="s">
        <v>32629</v>
      </c>
      <c r="F5713">
        <v>4</v>
      </c>
      <c r="G5713" t="s">
        <v>1431</v>
      </c>
      <c r="H5713" t="s">
        <v>14496</v>
      </c>
      <c r="I5713" t="s">
        <v>30540</v>
      </c>
    </row>
    <row r="5714" spans="1:9">
      <c r="A5714" s="1">
        <v>0.48962287563254248</v>
      </c>
      <c r="B5714" s="1"/>
      <c r="C5714">
        <v>9</v>
      </c>
      <c r="D5714" t="s">
        <v>14491</v>
      </c>
      <c r="E5714" t="s">
        <v>32629</v>
      </c>
      <c r="F5714">
        <v>4</v>
      </c>
      <c r="G5714" t="s">
        <v>14</v>
      </c>
      <c r="H5714" t="s">
        <v>14492</v>
      </c>
      <c r="I5714" t="s">
        <v>30540</v>
      </c>
    </row>
    <row r="5715" spans="1:9">
      <c r="A5715" s="1">
        <v>6.0383186100679054E-2</v>
      </c>
      <c r="B5715" s="1"/>
      <c r="C5715">
        <v>17</v>
      </c>
      <c r="D5715" t="s">
        <v>14499</v>
      </c>
      <c r="E5715" t="s">
        <v>32629</v>
      </c>
      <c r="F5715">
        <v>4</v>
      </c>
      <c r="G5715" t="s">
        <v>1431</v>
      </c>
      <c r="H5715" t="s">
        <v>14500</v>
      </c>
      <c r="I5715" t="s">
        <v>30540</v>
      </c>
    </row>
    <row r="5716" spans="1:9">
      <c r="A5716" s="1">
        <v>0.4360163587471293</v>
      </c>
      <c r="B5716" s="1"/>
      <c r="C5716">
        <v>14</v>
      </c>
      <c r="D5716" t="s">
        <v>14493</v>
      </c>
      <c r="E5716" t="s">
        <v>32629</v>
      </c>
      <c r="F5716">
        <v>4</v>
      </c>
      <c r="G5716" t="s">
        <v>1431</v>
      </c>
      <c r="H5716" t="s">
        <v>14494</v>
      </c>
      <c r="I5716" t="s">
        <v>30540</v>
      </c>
    </row>
    <row r="5717" spans="1:9">
      <c r="A5717" s="1">
        <v>0.46989120877685753</v>
      </c>
      <c r="B5717" s="1"/>
      <c r="C5717">
        <v>20</v>
      </c>
      <c r="D5717" t="s">
        <v>14505</v>
      </c>
      <c r="E5717" t="s">
        <v>32629</v>
      </c>
      <c r="F5717">
        <v>4</v>
      </c>
      <c r="G5717" t="s">
        <v>14</v>
      </c>
      <c r="H5717" t="s">
        <v>14506</v>
      </c>
      <c r="I5717" t="s">
        <v>30540</v>
      </c>
    </row>
    <row r="5718" spans="1:9">
      <c r="A5718" s="1">
        <v>0.26218778404881238</v>
      </c>
      <c r="B5718" s="1"/>
      <c r="C5718">
        <v>16</v>
      </c>
      <c r="D5718" t="s">
        <v>14497</v>
      </c>
      <c r="E5718" t="s">
        <v>32629</v>
      </c>
      <c r="F5718">
        <v>4</v>
      </c>
      <c r="G5718" t="s">
        <v>14</v>
      </c>
      <c r="H5718" t="s">
        <v>14498</v>
      </c>
      <c r="I5718" t="s">
        <v>30540</v>
      </c>
    </row>
    <row r="5719" spans="1:9">
      <c r="A5719" s="1">
        <v>0.71725038775785466</v>
      </c>
      <c r="B5719" s="1"/>
      <c r="C5719">
        <v>19</v>
      </c>
      <c r="D5719" t="s">
        <v>14503</v>
      </c>
      <c r="E5719" t="s">
        <v>32629</v>
      </c>
      <c r="F5719">
        <v>4</v>
      </c>
      <c r="G5719" t="s">
        <v>1431</v>
      </c>
      <c r="H5719" t="s">
        <v>14504</v>
      </c>
      <c r="I5719" t="s">
        <v>30540</v>
      </c>
    </row>
    <row r="5720" spans="1:9">
      <c r="A5720" s="1">
        <v>0.86562675561250302</v>
      </c>
      <c r="B5720" s="1"/>
      <c r="C5720">
        <v>18</v>
      </c>
      <c r="D5720" t="s">
        <v>14501</v>
      </c>
      <c r="E5720" t="s">
        <v>32629</v>
      </c>
      <c r="F5720">
        <v>3</v>
      </c>
      <c r="G5720" t="s">
        <v>1431</v>
      </c>
      <c r="H5720" t="s">
        <v>14502</v>
      </c>
      <c r="I5720" t="s">
        <v>30540</v>
      </c>
    </row>
    <row r="5721" spans="1:9">
      <c r="A5721" s="1">
        <v>0.27391185503675086</v>
      </c>
      <c r="B5721" s="1"/>
      <c r="C5721">
        <v>7</v>
      </c>
      <c r="D5721" t="s">
        <v>14481</v>
      </c>
      <c r="E5721" t="s">
        <v>32630</v>
      </c>
      <c r="F5721">
        <v>4</v>
      </c>
      <c r="G5721" t="s">
        <v>14</v>
      </c>
      <c r="H5721" t="s">
        <v>14482</v>
      </c>
      <c r="I5721" t="s">
        <v>30540</v>
      </c>
    </row>
    <row r="5722" spans="1:9">
      <c r="A5722" s="1">
        <v>0.23271364090368307</v>
      </c>
      <c r="B5722" s="1"/>
      <c r="C5722">
        <v>4</v>
      </c>
      <c r="D5722" t="s">
        <v>14471</v>
      </c>
      <c r="E5722" t="s">
        <v>32631</v>
      </c>
      <c r="F5722">
        <v>5</v>
      </c>
      <c r="G5722" t="s">
        <v>13</v>
      </c>
      <c r="H5722" t="s">
        <v>14472</v>
      </c>
      <c r="I5722" t="s">
        <v>30540</v>
      </c>
    </row>
    <row r="5723" spans="1:9">
      <c r="A5723" s="1">
        <v>0.96913415282136073</v>
      </c>
      <c r="B5723" s="1"/>
      <c r="C5723">
        <v>15</v>
      </c>
      <c r="D5723" t="s">
        <v>14479</v>
      </c>
      <c r="E5723" t="s">
        <v>32631</v>
      </c>
      <c r="F5723">
        <v>4</v>
      </c>
      <c r="G5723" t="s">
        <v>9</v>
      </c>
      <c r="H5723" t="s">
        <v>14480</v>
      </c>
      <c r="I5723" t="s">
        <v>30540</v>
      </c>
    </row>
    <row r="5724" spans="1:9">
      <c r="A5724" s="1">
        <v>0.55233186608987661</v>
      </c>
      <c r="B5724" s="1"/>
      <c r="C5724">
        <v>12</v>
      </c>
      <c r="D5724" t="s">
        <v>14477</v>
      </c>
      <c r="E5724" t="s">
        <v>32631</v>
      </c>
      <c r="F5724">
        <v>4</v>
      </c>
      <c r="G5724" t="s">
        <v>10</v>
      </c>
      <c r="H5724" t="s">
        <v>14478</v>
      </c>
      <c r="I5724" t="s">
        <v>30540</v>
      </c>
    </row>
    <row r="5725" spans="1:9">
      <c r="A5725" s="1">
        <v>0.39655812756564923</v>
      </c>
      <c r="B5725" s="1"/>
      <c r="C5725">
        <v>2</v>
      </c>
      <c r="D5725" t="s">
        <v>14469</v>
      </c>
      <c r="E5725" t="s">
        <v>32631</v>
      </c>
      <c r="F5725">
        <v>4</v>
      </c>
      <c r="G5725" t="s">
        <v>10</v>
      </c>
      <c r="H5725" t="s">
        <v>14470</v>
      </c>
      <c r="I5725" t="s">
        <v>30540</v>
      </c>
    </row>
    <row r="5726" spans="1:9">
      <c r="A5726" s="1">
        <v>0.37139335043149124</v>
      </c>
      <c r="B5726" s="1"/>
      <c r="C5726">
        <v>6</v>
      </c>
      <c r="D5726" t="s">
        <v>14473</v>
      </c>
      <c r="E5726" t="s">
        <v>32631</v>
      </c>
      <c r="F5726">
        <v>4</v>
      </c>
      <c r="G5726" t="s">
        <v>9</v>
      </c>
      <c r="H5726" t="s">
        <v>14474</v>
      </c>
      <c r="I5726" t="s">
        <v>30540</v>
      </c>
    </row>
    <row r="5727" spans="1:9">
      <c r="A5727" s="1">
        <v>4.7072432499903116E-2</v>
      </c>
      <c r="B5727" s="1"/>
      <c r="C5727">
        <v>10</v>
      </c>
      <c r="D5727" t="s">
        <v>14475</v>
      </c>
      <c r="E5727" t="s">
        <v>32631</v>
      </c>
      <c r="F5727">
        <v>3</v>
      </c>
      <c r="G5727" t="s">
        <v>14</v>
      </c>
      <c r="H5727" t="s">
        <v>14476</v>
      </c>
      <c r="I5727" t="s">
        <v>30540</v>
      </c>
    </row>
    <row r="5728" spans="1:9">
      <c r="A5728" s="1">
        <v>0.1963186588034409</v>
      </c>
      <c r="B5728" s="1"/>
      <c r="C5728">
        <v>7</v>
      </c>
      <c r="D5728" t="s">
        <v>14465</v>
      </c>
      <c r="E5728" t="s">
        <v>32632</v>
      </c>
      <c r="F5728">
        <v>4</v>
      </c>
      <c r="G5728" t="s">
        <v>9</v>
      </c>
      <c r="H5728" t="s">
        <v>14466</v>
      </c>
      <c r="I5728" t="s">
        <v>30540</v>
      </c>
    </row>
    <row r="5729" spans="1:9">
      <c r="A5729" s="1">
        <v>0.51149831883192409</v>
      </c>
      <c r="B5729" s="1"/>
      <c r="C5729">
        <v>10</v>
      </c>
      <c r="D5729" t="s">
        <v>14467</v>
      </c>
      <c r="E5729" t="s">
        <v>32632</v>
      </c>
      <c r="F5729">
        <v>4</v>
      </c>
      <c r="G5729" t="s">
        <v>9</v>
      </c>
      <c r="H5729" t="s">
        <v>14468</v>
      </c>
      <c r="I5729" t="s">
        <v>30540</v>
      </c>
    </row>
    <row r="5730" spans="1:9">
      <c r="A5730" s="1">
        <v>0.51187645054853759</v>
      </c>
      <c r="B5730" s="1"/>
      <c r="C5730">
        <v>13</v>
      </c>
      <c r="D5730" t="s">
        <v>14461</v>
      </c>
      <c r="E5730" t="s">
        <v>32633</v>
      </c>
      <c r="F5730">
        <v>5</v>
      </c>
      <c r="G5730" t="s">
        <v>9</v>
      </c>
      <c r="H5730" t="s">
        <v>14462</v>
      </c>
      <c r="I5730" t="s">
        <v>30540</v>
      </c>
    </row>
    <row r="5731" spans="1:9">
      <c r="A5731" s="1">
        <v>0.61617964332375863</v>
      </c>
      <c r="B5731" s="1"/>
      <c r="C5731">
        <v>4</v>
      </c>
      <c r="D5731" t="s">
        <v>14455</v>
      </c>
      <c r="E5731" t="s">
        <v>32633</v>
      </c>
      <c r="F5731">
        <v>5</v>
      </c>
      <c r="G5731" t="s">
        <v>9</v>
      </c>
      <c r="H5731" t="s">
        <v>14456</v>
      </c>
      <c r="I5731" t="s">
        <v>30540</v>
      </c>
    </row>
    <row r="5732" spans="1:9">
      <c r="A5732" s="1">
        <v>0.98337665136199226</v>
      </c>
      <c r="B5732" s="1"/>
      <c r="C5732">
        <v>10</v>
      </c>
      <c r="D5732" t="s">
        <v>14459</v>
      </c>
      <c r="E5732" t="s">
        <v>32633</v>
      </c>
      <c r="F5732">
        <v>4</v>
      </c>
      <c r="G5732" t="s">
        <v>9</v>
      </c>
      <c r="H5732" t="s">
        <v>14460</v>
      </c>
      <c r="I5732" t="s">
        <v>30540</v>
      </c>
    </row>
    <row r="5733" spans="1:9">
      <c r="A5733" s="1">
        <v>0.88377939654410498</v>
      </c>
      <c r="B5733" s="1"/>
      <c r="C5733">
        <v>2</v>
      </c>
      <c r="D5733" t="s">
        <v>14451</v>
      </c>
      <c r="E5733" t="s">
        <v>32633</v>
      </c>
      <c r="F5733">
        <v>4</v>
      </c>
      <c r="G5733" t="s">
        <v>15</v>
      </c>
      <c r="H5733" t="s">
        <v>14452</v>
      </c>
      <c r="I5733" t="s">
        <v>30540</v>
      </c>
    </row>
    <row r="5734" spans="1:9">
      <c r="A5734" s="1">
        <v>0.63273678544488643</v>
      </c>
      <c r="B5734" s="1"/>
      <c r="C5734">
        <v>3</v>
      </c>
      <c r="D5734" t="s">
        <v>14453</v>
      </c>
      <c r="E5734" t="s">
        <v>32633</v>
      </c>
      <c r="F5734">
        <v>3</v>
      </c>
      <c r="G5734" t="s">
        <v>15</v>
      </c>
      <c r="H5734" t="s">
        <v>14454</v>
      </c>
      <c r="I5734" t="s">
        <v>30540</v>
      </c>
    </row>
    <row r="5735" spans="1:9">
      <c r="A5735" s="1">
        <v>0.32428019134424269</v>
      </c>
      <c r="B5735" s="1"/>
      <c r="C5735">
        <v>16</v>
      </c>
      <c r="D5735" t="s">
        <v>14463</v>
      </c>
      <c r="E5735" t="s">
        <v>32633</v>
      </c>
      <c r="F5735">
        <v>3</v>
      </c>
      <c r="G5735" t="s">
        <v>2</v>
      </c>
      <c r="H5735" t="s">
        <v>14464</v>
      </c>
      <c r="I5735" t="s">
        <v>30540</v>
      </c>
    </row>
    <row r="5736" spans="1:9">
      <c r="A5736" s="1">
        <v>0.31903941890569487</v>
      </c>
      <c r="B5736" s="1"/>
      <c r="C5736">
        <v>9</v>
      </c>
      <c r="D5736" t="s">
        <v>14457</v>
      </c>
      <c r="E5736" t="s">
        <v>32633</v>
      </c>
      <c r="F5736">
        <v>3</v>
      </c>
      <c r="G5736" t="s">
        <v>2</v>
      </c>
      <c r="H5736" t="s">
        <v>14458</v>
      </c>
      <c r="I5736" t="s">
        <v>30540</v>
      </c>
    </row>
    <row r="5737" spans="1:9">
      <c r="A5737" s="1">
        <v>0.99833488644304569</v>
      </c>
      <c r="B5737" s="1"/>
      <c r="C5737">
        <v>16</v>
      </c>
      <c r="D5737" t="s">
        <v>14441</v>
      </c>
      <c r="E5737" t="s">
        <v>32634</v>
      </c>
      <c r="F5737">
        <v>5</v>
      </c>
      <c r="G5737" t="s">
        <v>1431</v>
      </c>
      <c r="H5737" t="s">
        <v>14442</v>
      </c>
      <c r="I5737" t="s">
        <v>30540</v>
      </c>
    </row>
    <row r="5738" spans="1:9">
      <c r="A5738" s="1">
        <v>1.1716181473144571E-2</v>
      </c>
      <c r="B5738" s="1"/>
      <c r="C5738">
        <v>9</v>
      </c>
      <c r="D5738" t="s">
        <v>14435</v>
      </c>
      <c r="E5738" t="s">
        <v>32634</v>
      </c>
      <c r="F5738">
        <v>5</v>
      </c>
      <c r="G5738" t="s">
        <v>3732</v>
      </c>
      <c r="H5738" t="s">
        <v>14436</v>
      </c>
      <c r="I5738" t="s">
        <v>30540</v>
      </c>
    </row>
    <row r="5739" spans="1:9">
      <c r="A5739" s="1">
        <v>0.59766038650210529</v>
      </c>
      <c r="B5739" s="1"/>
      <c r="C5739">
        <v>13</v>
      </c>
      <c r="D5739" t="s">
        <v>14439</v>
      </c>
      <c r="E5739" t="s">
        <v>32634</v>
      </c>
      <c r="F5739">
        <v>5</v>
      </c>
      <c r="G5739" t="s">
        <v>1431</v>
      </c>
      <c r="H5739" t="s">
        <v>14440</v>
      </c>
      <c r="I5739" t="s">
        <v>30540</v>
      </c>
    </row>
    <row r="5740" spans="1:9">
      <c r="A5740" s="1">
        <v>0.67486630412076165</v>
      </c>
      <c r="B5740" s="1"/>
      <c r="C5740">
        <v>8</v>
      </c>
      <c r="D5740" t="s">
        <v>14433</v>
      </c>
      <c r="E5740" t="s">
        <v>32634</v>
      </c>
      <c r="F5740">
        <v>4</v>
      </c>
      <c r="G5740" t="s">
        <v>9</v>
      </c>
      <c r="H5740" t="s">
        <v>14434</v>
      </c>
      <c r="I5740" t="s">
        <v>30540</v>
      </c>
    </row>
    <row r="5741" spans="1:9">
      <c r="A5741" s="1">
        <v>0.17170045486603036</v>
      </c>
      <c r="B5741" s="1"/>
      <c r="C5741">
        <v>20</v>
      </c>
      <c r="D5741" t="s">
        <v>14449</v>
      </c>
      <c r="E5741" t="s">
        <v>32634</v>
      </c>
      <c r="F5741">
        <v>4</v>
      </c>
      <c r="G5741" t="s">
        <v>1431</v>
      </c>
      <c r="H5741" t="s">
        <v>14450</v>
      </c>
      <c r="I5741" t="s">
        <v>30540</v>
      </c>
    </row>
    <row r="5742" spans="1:9">
      <c r="A5742" s="1">
        <v>0.64918944762410946</v>
      </c>
      <c r="B5742" s="1"/>
      <c r="C5742">
        <v>17</v>
      </c>
      <c r="D5742" t="s">
        <v>14443</v>
      </c>
      <c r="E5742" t="s">
        <v>32634</v>
      </c>
      <c r="F5742">
        <v>4</v>
      </c>
      <c r="G5742" t="s">
        <v>0</v>
      </c>
      <c r="H5742" t="s">
        <v>14444</v>
      </c>
      <c r="I5742" t="s">
        <v>30540</v>
      </c>
    </row>
    <row r="5743" spans="1:9">
      <c r="A5743" s="1">
        <v>2.9820077957353863E-2</v>
      </c>
      <c r="B5743" s="1"/>
      <c r="C5743">
        <v>6</v>
      </c>
      <c r="D5743" t="s">
        <v>14431</v>
      </c>
      <c r="E5743" t="s">
        <v>32634</v>
      </c>
      <c r="F5743">
        <v>4</v>
      </c>
      <c r="G5743" t="s">
        <v>1431</v>
      </c>
      <c r="H5743" t="s">
        <v>14432</v>
      </c>
      <c r="I5743" t="s">
        <v>30540</v>
      </c>
    </row>
    <row r="5744" spans="1:9">
      <c r="A5744" s="1">
        <v>0.72695503002211548</v>
      </c>
      <c r="B5744" s="1"/>
      <c r="C5744">
        <v>19</v>
      </c>
      <c r="D5744" t="s">
        <v>14447</v>
      </c>
      <c r="E5744" t="s">
        <v>32634</v>
      </c>
      <c r="F5744">
        <v>4</v>
      </c>
      <c r="G5744" t="s">
        <v>1431</v>
      </c>
      <c r="H5744" t="s">
        <v>14448</v>
      </c>
      <c r="I5744" t="s">
        <v>30540</v>
      </c>
    </row>
    <row r="5745" spans="1:9">
      <c r="A5745" s="1">
        <v>7.5127877193416071E-2</v>
      </c>
      <c r="B5745" s="1"/>
      <c r="C5745">
        <v>18</v>
      </c>
      <c r="D5745" t="s">
        <v>14445</v>
      </c>
      <c r="E5745" t="s">
        <v>32634</v>
      </c>
      <c r="F5745">
        <v>3</v>
      </c>
      <c r="G5745" t="s">
        <v>9</v>
      </c>
      <c r="H5745" t="s">
        <v>14446</v>
      </c>
      <c r="I5745" t="s">
        <v>30540</v>
      </c>
    </row>
    <row r="5746" spans="1:9">
      <c r="A5746" s="1">
        <v>0.53630933355320642</v>
      </c>
      <c r="B5746" s="1"/>
      <c r="C5746">
        <v>12</v>
      </c>
      <c r="D5746" t="s">
        <v>14437</v>
      </c>
      <c r="E5746" t="s">
        <v>32634</v>
      </c>
      <c r="F5746">
        <v>3</v>
      </c>
      <c r="G5746" t="s">
        <v>1431</v>
      </c>
      <c r="H5746" t="s">
        <v>14438</v>
      </c>
      <c r="I5746" t="s">
        <v>30540</v>
      </c>
    </row>
    <row r="5747" spans="1:9">
      <c r="A5747" s="1">
        <v>0.31434566600374925</v>
      </c>
      <c r="B5747" s="1"/>
      <c r="C5747">
        <v>14</v>
      </c>
      <c r="D5747" t="s">
        <v>14427</v>
      </c>
      <c r="E5747" t="s">
        <v>32635</v>
      </c>
      <c r="F5747">
        <v>5</v>
      </c>
      <c r="G5747" t="s">
        <v>9</v>
      </c>
      <c r="H5747" t="s">
        <v>14428</v>
      </c>
      <c r="I5747" t="s">
        <v>30540</v>
      </c>
    </row>
    <row r="5748" spans="1:9">
      <c r="A5748" s="1">
        <v>1.8253114846050522E-2</v>
      </c>
      <c r="B5748" s="1"/>
      <c r="C5748">
        <v>4</v>
      </c>
      <c r="D5748" t="s">
        <v>14425</v>
      </c>
      <c r="E5748" t="s">
        <v>32635</v>
      </c>
      <c r="F5748">
        <v>5</v>
      </c>
      <c r="G5748" t="s">
        <v>9</v>
      </c>
      <c r="H5748" t="s">
        <v>14426</v>
      </c>
      <c r="I5748" t="s">
        <v>30540</v>
      </c>
    </row>
    <row r="5749" spans="1:9">
      <c r="A5749" s="1">
        <v>0.63597888871601693</v>
      </c>
      <c r="B5749" s="1"/>
      <c r="C5749">
        <v>3</v>
      </c>
      <c r="D5749" t="s">
        <v>14421</v>
      </c>
      <c r="E5749" t="s">
        <v>32636</v>
      </c>
      <c r="F5749">
        <v>4</v>
      </c>
      <c r="G5749" t="s">
        <v>10</v>
      </c>
      <c r="H5749" t="s">
        <v>14422</v>
      </c>
      <c r="I5749" t="s">
        <v>30540</v>
      </c>
    </row>
    <row r="5750" spans="1:9">
      <c r="A5750" s="1">
        <v>0.21635235644930384</v>
      </c>
      <c r="B5750" s="1"/>
      <c r="C5750">
        <v>6</v>
      </c>
      <c r="D5750" t="s">
        <v>14423</v>
      </c>
      <c r="E5750" t="s">
        <v>32636</v>
      </c>
      <c r="F5750">
        <v>4</v>
      </c>
      <c r="G5750" t="s">
        <v>9</v>
      </c>
      <c r="H5750" t="s">
        <v>14424</v>
      </c>
      <c r="I5750" t="s">
        <v>30540</v>
      </c>
    </row>
    <row r="5751" spans="1:9">
      <c r="A5751" s="1">
        <v>4.6920827236013429E-2</v>
      </c>
      <c r="B5751" s="1"/>
      <c r="C5751">
        <v>2</v>
      </c>
      <c r="D5751" t="s">
        <v>14419</v>
      </c>
      <c r="E5751" t="s">
        <v>32636</v>
      </c>
      <c r="F5751">
        <v>3</v>
      </c>
      <c r="G5751" t="s">
        <v>9</v>
      </c>
      <c r="H5751" t="s">
        <v>14420</v>
      </c>
      <c r="I5751" t="s">
        <v>30540</v>
      </c>
    </row>
    <row r="5752" spans="1:9">
      <c r="A5752" s="1">
        <v>0.55391955010818339</v>
      </c>
      <c r="B5752" s="1"/>
      <c r="C5752">
        <v>4</v>
      </c>
      <c r="D5752" t="s">
        <v>14409</v>
      </c>
      <c r="E5752" t="s">
        <v>32638</v>
      </c>
      <c r="F5752">
        <v>4</v>
      </c>
      <c r="G5752" t="s">
        <v>15</v>
      </c>
      <c r="H5752" t="s">
        <v>14410</v>
      </c>
      <c r="I5752" t="s">
        <v>30540</v>
      </c>
    </row>
    <row r="5753" spans="1:9">
      <c r="A5753" s="1">
        <v>0.89043903361452847</v>
      </c>
      <c r="B5753" s="1"/>
      <c r="C5753">
        <v>15</v>
      </c>
      <c r="D5753" t="s">
        <v>14413</v>
      </c>
      <c r="E5753" t="s">
        <v>32638</v>
      </c>
      <c r="F5753">
        <v>4</v>
      </c>
      <c r="G5753" t="s">
        <v>2</v>
      </c>
      <c r="H5753" t="s">
        <v>14414</v>
      </c>
      <c r="I5753" t="s">
        <v>30540</v>
      </c>
    </row>
    <row r="5754" spans="1:9">
      <c r="A5754" s="1">
        <v>0.99712910809091793</v>
      </c>
      <c r="B5754" s="1"/>
      <c r="C5754">
        <v>1</v>
      </c>
      <c r="D5754" t="s">
        <v>14407</v>
      </c>
      <c r="E5754" t="s">
        <v>32638</v>
      </c>
      <c r="F5754">
        <v>4</v>
      </c>
      <c r="G5754" t="s">
        <v>2</v>
      </c>
      <c r="H5754" t="s">
        <v>14408</v>
      </c>
      <c r="I5754" t="s">
        <v>30540</v>
      </c>
    </row>
    <row r="5755" spans="1:9">
      <c r="A5755" s="1">
        <v>0.40785477493836964</v>
      </c>
      <c r="B5755" s="1"/>
      <c r="C5755">
        <v>8</v>
      </c>
      <c r="D5755" t="s">
        <v>14397</v>
      </c>
      <c r="E5755" t="s">
        <v>32639</v>
      </c>
      <c r="F5755">
        <v>5</v>
      </c>
      <c r="G5755" t="s">
        <v>9</v>
      </c>
      <c r="H5755" t="s">
        <v>14398</v>
      </c>
      <c r="I5755" t="s">
        <v>30540</v>
      </c>
    </row>
    <row r="5756" spans="1:9">
      <c r="A5756" s="1">
        <v>0.66389636855039957</v>
      </c>
      <c r="B5756" s="1"/>
      <c r="C5756">
        <v>15</v>
      </c>
      <c r="D5756" t="s">
        <v>14403</v>
      </c>
      <c r="E5756" t="s">
        <v>32639</v>
      </c>
      <c r="F5756">
        <v>4</v>
      </c>
      <c r="G5756" t="s">
        <v>1431</v>
      </c>
      <c r="H5756" t="s">
        <v>14404</v>
      </c>
      <c r="I5756" t="s">
        <v>30540</v>
      </c>
    </row>
    <row r="5757" spans="1:9">
      <c r="A5757" s="1">
        <v>0.85543862650099456</v>
      </c>
      <c r="B5757" s="1"/>
      <c r="C5757">
        <v>4</v>
      </c>
      <c r="D5757" t="s">
        <v>14395</v>
      </c>
      <c r="E5757" t="s">
        <v>32639</v>
      </c>
      <c r="F5757">
        <v>4</v>
      </c>
      <c r="G5757" t="s">
        <v>1431</v>
      </c>
      <c r="H5757" t="s">
        <v>14396</v>
      </c>
      <c r="I5757" t="s">
        <v>30540</v>
      </c>
    </row>
    <row r="5758" spans="1:9">
      <c r="A5758" s="1">
        <v>0.19959492924626454</v>
      </c>
      <c r="B5758" s="1"/>
      <c r="C5758">
        <v>14</v>
      </c>
      <c r="D5758" t="s">
        <v>14401</v>
      </c>
      <c r="E5758" t="s">
        <v>32639</v>
      </c>
      <c r="F5758">
        <v>4</v>
      </c>
      <c r="G5758" t="s">
        <v>9</v>
      </c>
      <c r="H5758" t="s">
        <v>14402</v>
      </c>
      <c r="I5758" t="s">
        <v>30540</v>
      </c>
    </row>
    <row r="5759" spans="1:9">
      <c r="A5759" s="1">
        <v>0.33103243200880872</v>
      </c>
      <c r="B5759" s="1"/>
      <c r="C5759">
        <v>9</v>
      </c>
      <c r="D5759" t="s">
        <v>14399</v>
      </c>
      <c r="E5759" t="s">
        <v>32639</v>
      </c>
      <c r="F5759">
        <v>4</v>
      </c>
      <c r="G5759" t="s">
        <v>775</v>
      </c>
      <c r="H5759" t="s">
        <v>14400</v>
      </c>
      <c r="I5759" t="s">
        <v>30540</v>
      </c>
    </row>
    <row r="5760" spans="1:9">
      <c r="A5760" s="1">
        <v>0.76695039082353778</v>
      </c>
      <c r="B5760" s="1"/>
      <c r="C5760">
        <v>20</v>
      </c>
      <c r="D5760" t="s">
        <v>14405</v>
      </c>
      <c r="E5760" t="s">
        <v>32639</v>
      </c>
      <c r="F5760">
        <v>3</v>
      </c>
      <c r="G5760" t="s">
        <v>1431</v>
      </c>
      <c r="H5760" t="s">
        <v>14406</v>
      </c>
      <c r="I5760" t="s">
        <v>30540</v>
      </c>
    </row>
    <row r="5761" spans="1:9">
      <c r="A5761" s="1">
        <v>0.84909716621623987</v>
      </c>
      <c r="B5761" s="1"/>
      <c r="C5761">
        <v>6</v>
      </c>
      <c r="D5761" t="s">
        <v>14393</v>
      </c>
      <c r="E5761" t="s">
        <v>32640</v>
      </c>
      <c r="F5761">
        <v>4</v>
      </c>
      <c r="G5761" t="s">
        <v>9</v>
      </c>
      <c r="H5761" t="s">
        <v>14394</v>
      </c>
      <c r="I5761" t="s">
        <v>30540</v>
      </c>
    </row>
    <row r="5762" spans="1:9">
      <c r="A5762" s="1">
        <v>0.16167262429564766</v>
      </c>
      <c r="B5762" s="1"/>
      <c r="C5762">
        <v>11</v>
      </c>
      <c r="D5762" t="s">
        <v>14389</v>
      </c>
      <c r="E5762" t="s">
        <v>32641</v>
      </c>
      <c r="F5762">
        <v>5</v>
      </c>
      <c r="G5762" t="s">
        <v>14</v>
      </c>
      <c r="H5762" t="s">
        <v>14390</v>
      </c>
      <c r="I5762" t="s">
        <v>30540</v>
      </c>
    </row>
    <row r="5763" spans="1:9">
      <c r="A5763" s="1">
        <v>3.9858763859986324E-2</v>
      </c>
      <c r="B5763" s="1"/>
      <c r="C5763">
        <v>12</v>
      </c>
      <c r="D5763" t="s">
        <v>14391</v>
      </c>
      <c r="E5763" t="s">
        <v>32641</v>
      </c>
      <c r="F5763">
        <v>5</v>
      </c>
      <c r="G5763" t="s">
        <v>14</v>
      </c>
      <c r="H5763" t="s">
        <v>14392</v>
      </c>
      <c r="I5763" t="s">
        <v>30540</v>
      </c>
    </row>
    <row r="5764" spans="1:9">
      <c r="A5764" s="1">
        <v>0.94698638811381242</v>
      </c>
      <c r="B5764" s="1"/>
      <c r="C5764">
        <v>9</v>
      </c>
      <c r="D5764" t="s">
        <v>14387</v>
      </c>
      <c r="E5764" t="s">
        <v>32641</v>
      </c>
      <c r="F5764">
        <v>4</v>
      </c>
      <c r="G5764" t="s">
        <v>15</v>
      </c>
      <c r="H5764" t="s">
        <v>14388</v>
      </c>
      <c r="I5764" t="s">
        <v>30540</v>
      </c>
    </row>
    <row r="5765" spans="1:9">
      <c r="A5765" s="1">
        <v>0.89671754070343901</v>
      </c>
      <c r="B5765" s="1"/>
      <c r="C5765">
        <v>6</v>
      </c>
      <c r="D5765" t="s">
        <v>14375</v>
      </c>
      <c r="E5765" t="s">
        <v>32642</v>
      </c>
      <c r="F5765">
        <v>4</v>
      </c>
      <c r="G5765" t="s">
        <v>14</v>
      </c>
      <c r="H5765" t="s">
        <v>14376</v>
      </c>
      <c r="I5765" t="s">
        <v>30540</v>
      </c>
    </row>
    <row r="5766" spans="1:9">
      <c r="A5766" s="1">
        <v>0.36961605156471278</v>
      </c>
      <c r="B5766" s="1"/>
      <c r="C5766">
        <v>9</v>
      </c>
      <c r="D5766" t="s">
        <v>14379</v>
      </c>
      <c r="E5766" t="s">
        <v>32642</v>
      </c>
      <c r="F5766">
        <v>4</v>
      </c>
      <c r="G5766" t="s">
        <v>14</v>
      </c>
      <c r="H5766" t="s">
        <v>14380</v>
      </c>
      <c r="I5766" t="s">
        <v>30540</v>
      </c>
    </row>
    <row r="5767" spans="1:9">
      <c r="A5767" s="1">
        <v>0.95636274393845655</v>
      </c>
      <c r="B5767" s="1"/>
      <c r="C5767">
        <v>3</v>
      </c>
      <c r="D5767" t="s">
        <v>14373</v>
      </c>
      <c r="E5767" t="s">
        <v>32642</v>
      </c>
      <c r="F5767">
        <v>4</v>
      </c>
      <c r="G5767" t="s">
        <v>13</v>
      </c>
      <c r="H5767" t="s">
        <v>14374</v>
      </c>
      <c r="I5767" t="s">
        <v>30540</v>
      </c>
    </row>
    <row r="5768" spans="1:9">
      <c r="A5768" s="1">
        <v>0.30991198143680387</v>
      </c>
      <c r="B5768" s="1"/>
      <c r="C5768">
        <v>7</v>
      </c>
      <c r="D5768" t="s">
        <v>14377</v>
      </c>
      <c r="E5768" t="s">
        <v>32642</v>
      </c>
      <c r="F5768">
        <v>3</v>
      </c>
      <c r="G5768" t="s">
        <v>13</v>
      </c>
      <c r="H5768" t="s">
        <v>14378</v>
      </c>
      <c r="I5768" t="s">
        <v>30540</v>
      </c>
    </row>
    <row r="5769" spans="1:9">
      <c r="A5769" s="1">
        <v>0.58981541802977511</v>
      </c>
      <c r="B5769" s="1"/>
      <c r="C5769">
        <v>6</v>
      </c>
      <c r="D5769" t="s">
        <v>14367</v>
      </c>
      <c r="E5769" t="s">
        <v>32643</v>
      </c>
      <c r="F5769">
        <v>4</v>
      </c>
      <c r="G5769" t="s">
        <v>14</v>
      </c>
      <c r="H5769" t="s">
        <v>14368</v>
      </c>
      <c r="I5769" t="s">
        <v>30540</v>
      </c>
    </row>
    <row r="5770" spans="1:9">
      <c r="A5770" s="1">
        <v>2.9957019759483838E-2</v>
      </c>
      <c r="B5770" s="1"/>
      <c r="C5770">
        <v>1</v>
      </c>
      <c r="D5770" t="s">
        <v>14361</v>
      </c>
      <c r="E5770" t="s">
        <v>32643</v>
      </c>
      <c r="F5770">
        <v>4</v>
      </c>
      <c r="G5770" t="s">
        <v>10</v>
      </c>
      <c r="H5770" t="s">
        <v>14362</v>
      </c>
      <c r="I5770" t="s">
        <v>30540</v>
      </c>
    </row>
    <row r="5771" spans="1:9">
      <c r="A5771" s="1">
        <v>0.20880734839102399</v>
      </c>
      <c r="B5771" s="1"/>
      <c r="C5771">
        <v>5</v>
      </c>
      <c r="D5771" t="s">
        <v>14365</v>
      </c>
      <c r="E5771" t="s">
        <v>32643</v>
      </c>
      <c r="F5771">
        <v>4</v>
      </c>
      <c r="G5771" t="s">
        <v>2</v>
      </c>
      <c r="H5771" t="s">
        <v>14366</v>
      </c>
      <c r="I5771" t="s">
        <v>30540</v>
      </c>
    </row>
    <row r="5772" spans="1:9">
      <c r="A5772" s="1">
        <v>0.12021840791146543</v>
      </c>
      <c r="B5772" s="1"/>
      <c r="C5772">
        <v>11</v>
      </c>
      <c r="D5772" t="s">
        <v>14369</v>
      </c>
      <c r="E5772" t="s">
        <v>32643</v>
      </c>
      <c r="F5772">
        <v>4</v>
      </c>
      <c r="G5772" t="s">
        <v>2</v>
      </c>
      <c r="H5772" t="s">
        <v>14370</v>
      </c>
      <c r="I5772" t="s">
        <v>30540</v>
      </c>
    </row>
    <row r="5773" spans="1:9">
      <c r="A5773" s="1">
        <v>0.90094038828921785</v>
      </c>
      <c r="B5773" s="1"/>
      <c r="C5773">
        <v>14</v>
      </c>
      <c r="D5773" t="s">
        <v>14355</v>
      </c>
      <c r="E5773" t="s">
        <v>32644</v>
      </c>
      <c r="F5773">
        <v>5</v>
      </c>
      <c r="G5773" t="s">
        <v>1431</v>
      </c>
      <c r="H5773" t="s">
        <v>14356</v>
      </c>
      <c r="I5773" t="s">
        <v>30540</v>
      </c>
    </row>
    <row r="5774" spans="1:9">
      <c r="A5774" s="1">
        <v>0.3072266409103791</v>
      </c>
      <c r="B5774" s="1"/>
      <c r="C5774">
        <v>8</v>
      </c>
      <c r="D5774" t="s">
        <v>14351</v>
      </c>
      <c r="E5774" t="s">
        <v>32644</v>
      </c>
      <c r="F5774">
        <v>4</v>
      </c>
      <c r="G5774" t="s">
        <v>1431</v>
      </c>
      <c r="H5774" t="s">
        <v>14352</v>
      </c>
      <c r="I5774" t="s">
        <v>30540</v>
      </c>
    </row>
    <row r="5775" spans="1:9">
      <c r="A5775" s="1">
        <v>0.40377215181482995</v>
      </c>
      <c r="B5775" s="1"/>
      <c r="C5775">
        <v>6</v>
      </c>
      <c r="D5775" t="s">
        <v>14349</v>
      </c>
      <c r="E5775" t="s">
        <v>32644</v>
      </c>
      <c r="F5775">
        <v>4</v>
      </c>
      <c r="G5775" t="s">
        <v>770</v>
      </c>
      <c r="H5775" t="s">
        <v>14350</v>
      </c>
      <c r="I5775" t="s">
        <v>30540</v>
      </c>
    </row>
    <row r="5776" spans="1:9">
      <c r="A5776" s="1">
        <v>0.33522871977316149</v>
      </c>
      <c r="B5776" s="1"/>
      <c r="C5776">
        <v>4</v>
      </c>
      <c r="D5776" t="s">
        <v>14345</v>
      </c>
      <c r="E5776" t="s">
        <v>32644</v>
      </c>
      <c r="F5776">
        <v>3</v>
      </c>
      <c r="G5776" t="s">
        <v>14</v>
      </c>
      <c r="H5776" t="s">
        <v>14346</v>
      </c>
      <c r="I5776" t="s">
        <v>30540</v>
      </c>
    </row>
    <row r="5777" spans="1:9">
      <c r="A5777" s="1">
        <v>0.22588180198651864</v>
      </c>
      <c r="B5777" s="1"/>
      <c r="C5777">
        <v>16</v>
      </c>
      <c r="D5777" t="s">
        <v>14359</v>
      </c>
      <c r="E5777" t="s">
        <v>32644</v>
      </c>
      <c r="F5777">
        <v>3</v>
      </c>
      <c r="G5777" t="s">
        <v>14</v>
      </c>
      <c r="H5777" t="s">
        <v>14360</v>
      </c>
      <c r="I5777" t="s">
        <v>30540</v>
      </c>
    </row>
    <row r="5778" spans="1:9">
      <c r="A5778" s="1">
        <v>0.19183917671596928</v>
      </c>
      <c r="B5778" s="1"/>
      <c r="C5778">
        <v>15</v>
      </c>
      <c r="D5778" t="s">
        <v>14357</v>
      </c>
      <c r="E5778" t="s">
        <v>32644</v>
      </c>
      <c r="F5778">
        <v>3</v>
      </c>
      <c r="G5778" t="s">
        <v>10</v>
      </c>
      <c r="H5778" t="s">
        <v>14358</v>
      </c>
      <c r="I5778" t="s">
        <v>30540</v>
      </c>
    </row>
    <row r="5779" spans="1:9">
      <c r="A5779" s="1">
        <v>0.43863571377402566</v>
      </c>
      <c r="B5779" s="1"/>
      <c r="C5779">
        <v>1</v>
      </c>
      <c r="D5779" t="s">
        <v>14341</v>
      </c>
      <c r="E5779" t="s">
        <v>32645</v>
      </c>
      <c r="F5779">
        <v>4</v>
      </c>
      <c r="G5779" t="s">
        <v>2</v>
      </c>
      <c r="H5779" t="s">
        <v>14342</v>
      </c>
      <c r="I5779" t="s">
        <v>30540</v>
      </c>
    </row>
    <row r="5780" spans="1:9">
      <c r="A5780" s="1">
        <v>0.79431628528649501</v>
      </c>
      <c r="B5780" s="1"/>
      <c r="C5780">
        <v>8</v>
      </c>
      <c r="D5780" t="s">
        <v>14343</v>
      </c>
      <c r="E5780" t="s">
        <v>32645</v>
      </c>
      <c r="F5780">
        <v>4</v>
      </c>
      <c r="G5780" t="s">
        <v>0</v>
      </c>
      <c r="H5780" t="s">
        <v>14344</v>
      </c>
      <c r="I5780" t="s">
        <v>30540</v>
      </c>
    </row>
    <row r="5781" spans="1:9">
      <c r="A5781" s="1">
        <v>0.35215059137562521</v>
      </c>
      <c r="B5781" s="1"/>
      <c r="C5781">
        <v>6</v>
      </c>
      <c r="D5781" t="s">
        <v>14327</v>
      </c>
      <c r="E5781" t="s">
        <v>32646</v>
      </c>
      <c r="F5781">
        <v>4</v>
      </c>
      <c r="G5781" t="s">
        <v>9</v>
      </c>
      <c r="H5781" t="s">
        <v>14328</v>
      </c>
      <c r="I5781" t="s">
        <v>30540</v>
      </c>
    </row>
    <row r="5782" spans="1:9">
      <c r="A5782" s="1">
        <v>0.20025327048845432</v>
      </c>
      <c r="B5782" s="1"/>
      <c r="C5782">
        <v>12</v>
      </c>
      <c r="D5782" t="s">
        <v>14333</v>
      </c>
      <c r="E5782" t="s">
        <v>32646</v>
      </c>
      <c r="F5782">
        <v>4</v>
      </c>
      <c r="G5782" t="s">
        <v>10</v>
      </c>
      <c r="H5782" t="s">
        <v>14334</v>
      </c>
      <c r="I5782" t="s">
        <v>30540</v>
      </c>
    </row>
    <row r="5783" spans="1:9">
      <c r="A5783" s="1">
        <v>0.26889857016061181</v>
      </c>
      <c r="B5783" s="1"/>
      <c r="C5783">
        <v>3</v>
      </c>
      <c r="D5783" t="s">
        <v>14323</v>
      </c>
      <c r="E5783" t="s">
        <v>32646</v>
      </c>
      <c r="F5783">
        <v>4</v>
      </c>
      <c r="G5783" t="s">
        <v>14</v>
      </c>
      <c r="H5783" t="s">
        <v>14324</v>
      </c>
      <c r="I5783" t="s">
        <v>30540</v>
      </c>
    </row>
    <row r="5784" spans="1:9">
      <c r="A5784" s="1">
        <v>0.67220719296650489</v>
      </c>
      <c r="B5784" s="1"/>
      <c r="C5784">
        <v>1</v>
      </c>
      <c r="D5784" t="s">
        <v>14321</v>
      </c>
      <c r="E5784" t="s">
        <v>32646</v>
      </c>
      <c r="F5784">
        <v>4</v>
      </c>
      <c r="G5784" t="s">
        <v>14</v>
      </c>
      <c r="H5784" t="s">
        <v>14322</v>
      </c>
      <c r="I5784" t="s">
        <v>30540</v>
      </c>
    </row>
    <row r="5785" spans="1:9">
      <c r="A5785" s="1">
        <v>0.7376588926403238</v>
      </c>
      <c r="B5785" s="1"/>
      <c r="C5785">
        <v>9</v>
      </c>
      <c r="D5785" t="s">
        <v>14331</v>
      </c>
      <c r="E5785" t="s">
        <v>32646</v>
      </c>
      <c r="F5785">
        <v>4</v>
      </c>
      <c r="G5785" t="s">
        <v>1</v>
      </c>
      <c r="H5785" t="s">
        <v>14332</v>
      </c>
      <c r="I5785" t="s">
        <v>30540</v>
      </c>
    </row>
    <row r="5786" spans="1:9">
      <c r="A5786" s="1">
        <v>0.93393220998544135</v>
      </c>
      <c r="B5786" s="1"/>
      <c r="C5786">
        <v>13</v>
      </c>
      <c r="D5786" t="s">
        <v>14335</v>
      </c>
      <c r="E5786" t="s">
        <v>32646</v>
      </c>
      <c r="F5786">
        <v>4</v>
      </c>
      <c r="G5786" t="s">
        <v>14</v>
      </c>
      <c r="H5786" t="s">
        <v>14336</v>
      </c>
      <c r="I5786" t="s">
        <v>30540</v>
      </c>
    </row>
    <row r="5787" spans="1:9">
      <c r="A5787" s="1">
        <v>0.19755486261980182</v>
      </c>
      <c r="B5787" s="1"/>
      <c r="C5787">
        <v>4</v>
      </c>
      <c r="D5787" t="s">
        <v>14325</v>
      </c>
      <c r="E5787" t="s">
        <v>32646</v>
      </c>
      <c r="F5787">
        <v>4</v>
      </c>
      <c r="G5787" t="s">
        <v>15</v>
      </c>
      <c r="H5787" t="s">
        <v>14326</v>
      </c>
      <c r="I5787" t="s">
        <v>30540</v>
      </c>
    </row>
    <row r="5788" spans="1:9">
      <c r="A5788" s="1">
        <v>0.66049934124719467</v>
      </c>
      <c r="B5788" s="1"/>
      <c r="C5788">
        <v>15</v>
      </c>
      <c r="D5788" t="s">
        <v>14339</v>
      </c>
      <c r="E5788" t="s">
        <v>32646</v>
      </c>
      <c r="F5788">
        <v>4</v>
      </c>
      <c r="G5788" t="s">
        <v>14</v>
      </c>
      <c r="H5788" t="s">
        <v>14340</v>
      </c>
      <c r="I5788" t="s">
        <v>30540</v>
      </c>
    </row>
    <row r="5789" spans="1:9">
      <c r="A5789" s="1">
        <v>0.21885216874300606</v>
      </c>
      <c r="B5789" s="1"/>
      <c r="C5789">
        <v>7</v>
      </c>
      <c r="D5789" t="s">
        <v>14329</v>
      </c>
      <c r="E5789" t="s">
        <v>32646</v>
      </c>
      <c r="F5789">
        <v>4</v>
      </c>
      <c r="G5789" t="s">
        <v>10</v>
      </c>
      <c r="H5789" t="s">
        <v>14330</v>
      </c>
      <c r="I5789" t="s">
        <v>30540</v>
      </c>
    </row>
    <row r="5790" spans="1:9">
      <c r="A5790" s="1">
        <v>0.42604167237302404</v>
      </c>
      <c r="B5790" s="1"/>
      <c r="C5790">
        <v>14</v>
      </c>
      <c r="D5790" t="s">
        <v>14337</v>
      </c>
      <c r="E5790" t="s">
        <v>32646</v>
      </c>
      <c r="F5790">
        <v>4</v>
      </c>
      <c r="G5790" t="s">
        <v>10</v>
      </c>
      <c r="H5790" t="s">
        <v>14338</v>
      </c>
      <c r="I5790" t="s">
        <v>30540</v>
      </c>
    </row>
    <row r="5791" spans="1:9">
      <c r="A5791" s="1">
        <v>1.9489933091354605E-2</v>
      </c>
      <c r="B5791" s="1"/>
      <c r="C5791">
        <v>4</v>
      </c>
      <c r="D5791" t="s">
        <v>14319</v>
      </c>
      <c r="E5791" t="s">
        <v>32647</v>
      </c>
      <c r="F5791">
        <v>4</v>
      </c>
      <c r="G5791" t="s">
        <v>9</v>
      </c>
      <c r="H5791" t="s">
        <v>14320</v>
      </c>
      <c r="I5791" t="s">
        <v>30540</v>
      </c>
    </row>
    <row r="5792" spans="1:9">
      <c r="A5792" s="1">
        <v>0.71436904443358828</v>
      </c>
      <c r="B5792" s="1"/>
      <c r="C5792">
        <v>1</v>
      </c>
      <c r="D5792" t="s">
        <v>14315</v>
      </c>
      <c r="E5792" t="s">
        <v>32647</v>
      </c>
      <c r="F5792">
        <v>4</v>
      </c>
      <c r="G5792" t="s">
        <v>15</v>
      </c>
      <c r="H5792" t="s">
        <v>14316</v>
      </c>
      <c r="I5792" t="s">
        <v>30540</v>
      </c>
    </row>
    <row r="5793" spans="1:9">
      <c r="A5793" s="1">
        <v>0.56333965937170094</v>
      </c>
      <c r="B5793" s="1"/>
      <c r="C5793">
        <v>3</v>
      </c>
      <c r="D5793" t="s">
        <v>14317</v>
      </c>
      <c r="E5793" t="s">
        <v>32647</v>
      </c>
      <c r="F5793">
        <v>4</v>
      </c>
      <c r="G5793" t="s">
        <v>14</v>
      </c>
      <c r="H5793" t="s">
        <v>14318</v>
      </c>
      <c r="I5793" t="s">
        <v>30540</v>
      </c>
    </row>
    <row r="5794" spans="1:9">
      <c r="A5794" s="1">
        <v>0.30420985225977393</v>
      </c>
      <c r="B5794" s="1"/>
      <c r="C5794">
        <v>9</v>
      </c>
      <c r="D5794" t="s">
        <v>14311</v>
      </c>
      <c r="E5794" t="s">
        <v>32648</v>
      </c>
      <c r="F5794">
        <v>5</v>
      </c>
      <c r="G5794" t="s">
        <v>15</v>
      </c>
      <c r="H5794" t="s">
        <v>14312</v>
      </c>
      <c r="I5794" t="s">
        <v>30540</v>
      </c>
    </row>
    <row r="5795" spans="1:9">
      <c r="A5795" s="1">
        <v>0.861669359109827</v>
      </c>
      <c r="B5795" s="1"/>
      <c r="C5795">
        <v>8</v>
      </c>
      <c r="D5795" t="s">
        <v>14309</v>
      </c>
      <c r="E5795" t="s">
        <v>32648</v>
      </c>
      <c r="F5795">
        <v>4</v>
      </c>
      <c r="G5795" t="s">
        <v>14</v>
      </c>
      <c r="H5795" t="s">
        <v>14310</v>
      </c>
      <c r="I5795" t="s">
        <v>30540</v>
      </c>
    </row>
    <row r="5796" spans="1:9">
      <c r="A5796" s="1">
        <v>0.81173956502786682</v>
      </c>
      <c r="B5796" s="1"/>
      <c r="C5796">
        <v>4</v>
      </c>
      <c r="D5796" t="s">
        <v>14287</v>
      </c>
      <c r="E5796" t="s">
        <v>32649</v>
      </c>
      <c r="F5796">
        <v>5</v>
      </c>
      <c r="G5796" t="s">
        <v>3732</v>
      </c>
      <c r="H5796" t="s">
        <v>14288</v>
      </c>
      <c r="I5796" t="s">
        <v>30540</v>
      </c>
    </row>
    <row r="5797" spans="1:9">
      <c r="A5797" s="1">
        <v>0.81381007740484756</v>
      </c>
      <c r="B5797" s="1"/>
      <c r="C5797">
        <v>6</v>
      </c>
      <c r="D5797" t="s">
        <v>14289</v>
      </c>
      <c r="E5797" t="s">
        <v>32649</v>
      </c>
      <c r="F5797">
        <v>4</v>
      </c>
      <c r="G5797" t="s">
        <v>775</v>
      </c>
      <c r="H5797" t="s">
        <v>14290</v>
      </c>
      <c r="I5797" t="s">
        <v>30540</v>
      </c>
    </row>
    <row r="5798" spans="1:9">
      <c r="A5798" s="1">
        <v>0.91234603462632002</v>
      </c>
      <c r="B5798" s="1"/>
      <c r="C5798">
        <v>18</v>
      </c>
      <c r="D5798" t="s">
        <v>14301</v>
      </c>
      <c r="E5798" t="s">
        <v>32649</v>
      </c>
      <c r="F5798">
        <v>4</v>
      </c>
      <c r="G5798" t="s">
        <v>14</v>
      </c>
      <c r="H5798" t="s">
        <v>14302</v>
      </c>
      <c r="I5798" t="s">
        <v>30540</v>
      </c>
    </row>
    <row r="5799" spans="1:9">
      <c r="A5799" s="1">
        <v>0.76900125440248135</v>
      </c>
      <c r="B5799" s="1"/>
      <c r="C5799">
        <v>11</v>
      </c>
      <c r="D5799" t="s">
        <v>14293</v>
      </c>
      <c r="E5799" t="s">
        <v>32649</v>
      </c>
      <c r="F5799">
        <v>4</v>
      </c>
      <c r="G5799" t="s">
        <v>1431</v>
      </c>
      <c r="H5799" t="s">
        <v>14294</v>
      </c>
      <c r="I5799" t="s">
        <v>30540</v>
      </c>
    </row>
    <row r="5800" spans="1:9">
      <c r="A5800" s="1">
        <v>7.0709721172325879E-2</v>
      </c>
      <c r="B5800" s="1"/>
      <c r="C5800">
        <v>17</v>
      </c>
      <c r="D5800" t="s">
        <v>14299</v>
      </c>
      <c r="E5800" t="s">
        <v>32649</v>
      </c>
      <c r="F5800">
        <v>4</v>
      </c>
      <c r="G5800" t="s">
        <v>14</v>
      </c>
      <c r="H5800" t="s">
        <v>14300</v>
      </c>
      <c r="I5800" t="s">
        <v>30540</v>
      </c>
    </row>
    <row r="5801" spans="1:9">
      <c r="A5801" s="1">
        <v>0.97007736960558499</v>
      </c>
      <c r="B5801" s="1"/>
      <c r="C5801">
        <v>2</v>
      </c>
      <c r="D5801" t="s">
        <v>14285</v>
      </c>
      <c r="E5801" t="s">
        <v>32649</v>
      </c>
      <c r="F5801">
        <v>4</v>
      </c>
      <c r="G5801" t="s">
        <v>10</v>
      </c>
      <c r="H5801" t="s">
        <v>14286</v>
      </c>
      <c r="I5801" t="s">
        <v>30540</v>
      </c>
    </row>
    <row r="5802" spans="1:9">
      <c r="A5802" s="1">
        <v>0.96260880202428944</v>
      </c>
      <c r="B5802" s="1"/>
      <c r="C5802">
        <v>14</v>
      </c>
      <c r="D5802" t="s">
        <v>14295</v>
      </c>
      <c r="E5802" t="s">
        <v>32649</v>
      </c>
      <c r="F5802">
        <v>4</v>
      </c>
      <c r="G5802" t="s">
        <v>1426</v>
      </c>
      <c r="H5802" t="s">
        <v>14296</v>
      </c>
      <c r="I5802" t="s">
        <v>30540</v>
      </c>
    </row>
    <row r="5803" spans="1:9">
      <c r="A5803" s="1">
        <v>0.88132707090130369</v>
      </c>
      <c r="B5803" s="1"/>
      <c r="C5803">
        <v>16</v>
      </c>
      <c r="D5803" t="s">
        <v>14297</v>
      </c>
      <c r="E5803" t="s">
        <v>32649</v>
      </c>
      <c r="F5803">
        <v>3</v>
      </c>
      <c r="G5803" t="s">
        <v>13</v>
      </c>
      <c r="H5803" t="s">
        <v>14298</v>
      </c>
      <c r="I5803" t="s">
        <v>30540</v>
      </c>
    </row>
    <row r="5804" spans="1:9">
      <c r="A5804" s="1">
        <v>0.80912083862403628</v>
      </c>
      <c r="B5804" s="1"/>
      <c r="C5804">
        <v>13</v>
      </c>
      <c r="D5804" t="s">
        <v>14283</v>
      </c>
      <c r="E5804" t="s">
        <v>32650</v>
      </c>
      <c r="F5804">
        <v>5</v>
      </c>
      <c r="G5804" t="s">
        <v>14</v>
      </c>
      <c r="H5804" t="s">
        <v>14284</v>
      </c>
      <c r="I5804" t="s">
        <v>30540</v>
      </c>
    </row>
    <row r="5805" spans="1:9">
      <c r="A5805" s="1">
        <v>0.78624108990839559</v>
      </c>
      <c r="B5805" s="1"/>
      <c r="C5805">
        <v>8</v>
      </c>
      <c r="D5805" t="s">
        <v>14279</v>
      </c>
      <c r="E5805" t="s">
        <v>32650</v>
      </c>
      <c r="F5805">
        <v>5</v>
      </c>
      <c r="G5805" t="s">
        <v>14</v>
      </c>
      <c r="H5805" t="s">
        <v>14280</v>
      </c>
      <c r="I5805" t="s">
        <v>30540</v>
      </c>
    </row>
    <row r="5806" spans="1:9">
      <c r="A5806" s="1">
        <v>0.15479420524107235</v>
      </c>
      <c r="B5806" s="1"/>
      <c r="C5806">
        <v>4</v>
      </c>
      <c r="D5806" t="s">
        <v>14275</v>
      </c>
      <c r="E5806" t="s">
        <v>32650</v>
      </c>
      <c r="F5806">
        <v>4</v>
      </c>
      <c r="G5806" t="s">
        <v>14</v>
      </c>
      <c r="H5806" t="s">
        <v>14276</v>
      </c>
      <c r="I5806" t="s">
        <v>30540</v>
      </c>
    </row>
    <row r="5807" spans="1:9">
      <c r="A5807" s="1">
        <v>0.38676930364993101</v>
      </c>
      <c r="B5807" s="1"/>
      <c r="C5807">
        <v>10</v>
      </c>
      <c r="D5807" t="s">
        <v>14281</v>
      </c>
      <c r="E5807" t="s">
        <v>32650</v>
      </c>
      <c r="F5807">
        <v>4</v>
      </c>
      <c r="G5807" t="s">
        <v>0</v>
      </c>
      <c r="H5807" t="s">
        <v>14282</v>
      </c>
      <c r="I5807" t="s">
        <v>30540</v>
      </c>
    </row>
    <row r="5808" spans="1:9">
      <c r="A5808" s="1">
        <v>0.92473645047507846</v>
      </c>
      <c r="B5808" s="1"/>
      <c r="C5808">
        <v>6</v>
      </c>
      <c r="D5808" t="s">
        <v>14277</v>
      </c>
      <c r="E5808" t="s">
        <v>32650</v>
      </c>
      <c r="F5808">
        <v>4</v>
      </c>
      <c r="G5808" t="s">
        <v>10</v>
      </c>
      <c r="H5808" t="s">
        <v>14278</v>
      </c>
      <c r="I5808" t="s">
        <v>30540</v>
      </c>
    </row>
    <row r="5809" spans="1:9">
      <c r="A5809" s="1">
        <v>0.361859870693921</v>
      </c>
      <c r="B5809" s="1"/>
      <c r="C5809">
        <v>13</v>
      </c>
      <c r="D5809" t="s">
        <v>14273</v>
      </c>
      <c r="E5809" t="s">
        <v>32651</v>
      </c>
      <c r="F5809">
        <v>5</v>
      </c>
      <c r="G5809" t="s">
        <v>13</v>
      </c>
      <c r="H5809" t="s">
        <v>14274</v>
      </c>
      <c r="I5809" t="s">
        <v>30540</v>
      </c>
    </row>
    <row r="5810" spans="1:9">
      <c r="A5810" s="1">
        <v>0.49157274685995345</v>
      </c>
      <c r="B5810" s="1"/>
      <c r="C5810">
        <v>9</v>
      </c>
      <c r="D5810" t="s">
        <v>14269</v>
      </c>
      <c r="E5810" t="s">
        <v>32651</v>
      </c>
      <c r="F5810">
        <v>4</v>
      </c>
      <c r="G5810" t="s">
        <v>14</v>
      </c>
      <c r="H5810" t="s">
        <v>14270</v>
      </c>
      <c r="I5810" t="s">
        <v>30540</v>
      </c>
    </row>
    <row r="5811" spans="1:9">
      <c r="A5811" s="1">
        <v>0.33515703502944316</v>
      </c>
      <c r="B5811" s="1"/>
      <c r="C5811">
        <v>7</v>
      </c>
      <c r="D5811" t="s">
        <v>14265</v>
      </c>
      <c r="E5811" t="s">
        <v>32651</v>
      </c>
      <c r="F5811">
        <v>4</v>
      </c>
      <c r="G5811" t="s">
        <v>14</v>
      </c>
      <c r="H5811" t="s">
        <v>14266</v>
      </c>
      <c r="I5811" t="s">
        <v>30540</v>
      </c>
    </row>
    <row r="5812" spans="1:9">
      <c r="A5812" s="1">
        <v>0.24024702459812819</v>
      </c>
      <c r="B5812" s="1"/>
      <c r="C5812">
        <v>10</v>
      </c>
      <c r="D5812" t="s">
        <v>14271</v>
      </c>
      <c r="E5812" t="s">
        <v>32651</v>
      </c>
      <c r="F5812">
        <v>4</v>
      </c>
      <c r="G5812" t="s">
        <v>10</v>
      </c>
      <c r="H5812" t="s">
        <v>14272</v>
      </c>
      <c r="I5812" t="s">
        <v>30540</v>
      </c>
    </row>
    <row r="5813" spans="1:9">
      <c r="A5813" s="1">
        <v>0.80568993134293543</v>
      </c>
      <c r="B5813" s="1"/>
      <c r="C5813">
        <v>8</v>
      </c>
      <c r="D5813" t="s">
        <v>14267</v>
      </c>
      <c r="E5813" t="s">
        <v>32651</v>
      </c>
      <c r="F5813">
        <v>4</v>
      </c>
      <c r="G5813" t="s">
        <v>10</v>
      </c>
      <c r="H5813" t="s">
        <v>14268</v>
      </c>
      <c r="I5813" t="s">
        <v>30540</v>
      </c>
    </row>
    <row r="5814" spans="1:9">
      <c r="A5814" s="1">
        <v>0.60383246342734309</v>
      </c>
      <c r="B5814" s="1"/>
      <c r="C5814">
        <v>1</v>
      </c>
      <c r="D5814" t="s">
        <v>14263</v>
      </c>
      <c r="E5814" t="s">
        <v>32651</v>
      </c>
      <c r="F5814">
        <v>3</v>
      </c>
      <c r="G5814" t="s">
        <v>10</v>
      </c>
      <c r="H5814" t="s">
        <v>14264</v>
      </c>
      <c r="I5814" t="s">
        <v>30540</v>
      </c>
    </row>
    <row r="5815" spans="1:9">
      <c r="A5815" s="1">
        <v>0.36517065273905724</v>
      </c>
      <c r="B5815" s="1"/>
      <c r="C5815">
        <v>12</v>
      </c>
      <c r="D5815" t="s">
        <v>14261</v>
      </c>
      <c r="E5815" t="s">
        <v>32652</v>
      </c>
      <c r="F5815">
        <v>5</v>
      </c>
      <c r="G5815" t="s">
        <v>14</v>
      </c>
      <c r="H5815" t="s">
        <v>14262</v>
      </c>
      <c r="I5815" t="s">
        <v>30540</v>
      </c>
    </row>
    <row r="5816" spans="1:9">
      <c r="A5816" s="1">
        <v>0.31123987675402154</v>
      </c>
      <c r="B5816" s="1"/>
      <c r="C5816">
        <v>11</v>
      </c>
      <c r="D5816" t="s">
        <v>14259</v>
      </c>
      <c r="E5816" t="s">
        <v>32652</v>
      </c>
      <c r="F5816">
        <v>5</v>
      </c>
      <c r="G5816" t="s">
        <v>15</v>
      </c>
      <c r="H5816" t="s">
        <v>14260</v>
      </c>
      <c r="I5816" t="s">
        <v>30540</v>
      </c>
    </row>
    <row r="5817" spans="1:9">
      <c r="A5817" s="1">
        <v>5.286767684341942E-2</v>
      </c>
      <c r="B5817" s="1"/>
      <c r="C5817">
        <v>3</v>
      </c>
      <c r="D5817" t="s">
        <v>14253</v>
      </c>
      <c r="E5817" t="s">
        <v>32652</v>
      </c>
      <c r="F5817">
        <v>4</v>
      </c>
      <c r="G5817" t="s">
        <v>14</v>
      </c>
      <c r="H5817" t="s">
        <v>14254</v>
      </c>
      <c r="I5817" t="s">
        <v>30540</v>
      </c>
    </row>
    <row r="5818" spans="1:9">
      <c r="A5818" s="1">
        <v>0.76194848551747663</v>
      </c>
      <c r="B5818" s="1"/>
      <c r="C5818">
        <v>8</v>
      </c>
      <c r="D5818" t="s">
        <v>14255</v>
      </c>
      <c r="E5818" t="s">
        <v>32652</v>
      </c>
      <c r="F5818">
        <v>4</v>
      </c>
      <c r="G5818" t="s">
        <v>9</v>
      </c>
      <c r="H5818" t="s">
        <v>14256</v>
      </c>
      <c r="I5818" t="s">
        <v>30540</v>
      </c>
    </row>
    <row r="5819" spans="1:9">
      <c r="A5819" s="1">
        <v>0.45585223010764719</v>
      </c>
      <c r="B5819" s="1"/>
      <c r="C5819">
        <v>9</v>
      </c>
      <c r="D5819" t="s">
        <v>14257</v>
      </c>
      <c r="E5819" t="s">
        <v>32652</v>
      </c>
      <c r="F5819">
        <v>3</v>
      </c>
      <c r="G5819" t="s">
        <v>2</v>
      </c>
      <c r="H5819" t="s">
        <v>14258</v>
      </c>
      <c r="I5819" t="s">
        <v>30540</v>
      </c>
    </row>
    <row r="5820" spans="1:9">
      <c r="A5820" s="1">
        <v>0.93476077718785866</v>
      </c>
      <c r="B5820" s="1"/>
      <c r="C5820">
        <v>1</v>
      </c>
      <c r="D5820" t="s">
        <v>14251</v>
      </c>
      <c r="E5820" t="s">
        <v>32652</v>
      </c>
      <c r="F5820">
        <v>3</v>
      </c>
      <c r="G5820" t="s">
        <v>9</v>
      </c>
      <c r="H5820" t="s">
        <v>14252</v>
      </c>
      <c r="I5820" t="s">
        <v>30540</v>
      </c>
    </row>
    <row r="5821" spans="1:9">
      <c r="A5821" s="1">
        <v>0.66759601209249331</v>
      </c>
      <c r="B5821" s="1"/>
      <c r="C5821">
        <v>11</v>
      </c>
      <c r="D5821" t="s">
        <v>14249</v>
      </c>
      <c r="E5821" t="s">
        <v>32653</v>
      </c>
      <c r="F5821">
        <v>5</v>
      </c>
      <c r="G5821" t="s">
        <v>2</v>
      </c>
      <c r="H5821" t="s">
        <v>14250</v>
      </c>
      <c r="I5821" t="s">
        <v>30540</v>
      </c>
    </row>
    <row r="5822" spans="1:9">
      <c r="A5822" s="1">
        <v>0.72427391160619636</v>
      </c>
      <c r="B5822" s="1"/>
      <c r="C5822">
        <v>1</v>
      </c>
      <c r="D5822" t="s">
        <v>14245</v>
      </c>
      <c r="E5822" t="s">
        <v>32653</v>
      </c>
      <c r="F5822">
        <v>3</v>
      </c>
      <c r="G5822" t="s">
        <v>14</v>
      </c>
      <c r="H5822" t="s">
        <v>14246</v>
      </c>
      <c r="I5822" t="s">
        <v>30540</v>
      </c>
    </row>
    <row r="5823" spans="1:9">
      <c r="A5823" s="1">
        <v>0.79828184140865566</v>
      </c>
      <c r="B5823" s="1"/>
      <c r="C5823">
        <v>9</v>
      </c>
      <c r="D5823" t="s">
        <v>14237</v>
      </c>
      <c r="E5823" t="s">
        <v>32654</v>
      </c>
      <c r="F5823">
        <v>6</v>
      </c>
      <c r="G5823" t="s">
        <v>14</v>
      </c>
      <c r="H5823" t="s">
        <v>14238</v>
      </c>
      <c r="I5823" t="s">
        <v>30540</v>
      </c>
    </row>
    <row r="5824" spans="1:9">
      <c r="A5824" s="1">
        <v>0.3605810200490982</v>
      </c>
      <c r="B5824" s="1"/>
      <c r="C5824">
        <v>18</v>
      </c>
      <c r="D5824" t="s">
        <v>14243</v>
      </c>
      <c r="E5824" t="s">
        <v>32654</v>
      </c>
      <c r="F5824">
        <v>4</v>
      </c>
      <c r="G5824" t="s">
        <v>13</v>
      </c>
      <c r="H5824" t="s">
        <v>14244</v>
      </c>
      <c r="I5824" t="s">
        <v>30540</v>
      </c>
    </row>
    <row r="5825" spans="1:9">
      <c r="A5825" s="1">
        <v>0.73395833859576509</v>
      </c>
      <c r="B5825" s="1"/>
      <c r="C5825">
        <v>1</v>
      </c>
      <c r="D5825" t="s">
        <v>14231</v>
      </c>
      <c r="E5825" t="s">
        <v>32654</v>
      </c>
      <c r="F5825">
        <v>4</v>
      </c>
      <c r="G5825" t="s">
        <v>2</v>
      </c>
      <c r="H5825" t="s">
        <v>14232</v>
      </c>
      <c r="I5825" t="s">
        <v>30540</v>
      </c>
    </row>
    <row r="5826" spans="1:9">
      <c r="A5826" s="1">
        <v>0.62089723707519762</v>
      </c>
      <c r="B5826" s="1"/>
      <c r="C5826">
        <v>5</v>
      </c>
      <c r="D5826" t="s">
        <v>14235</v>
      </c>
      <c r="E5826" t="s">
        <v>32654</v>
      </c>
      <c r="F5826">
        <v>4</v>
      </c>
      <c r="G5826" t="s">
        <v>1431</v>
      </c>
      <c r="H5826" t="s">
        <v>14236</v>
      </c>
      <c r="I5826" t="s">
        <v>30540</v>
      </c>
    </row>
    <row r="5827" spans="1:9">
      <c r="A5827" s="1">
        <v>0.70187055814457744</v>
      </c>
      <c r="B5827" s="1"/>
      <c r="C5827">
        <v>4</v>
      </c>
      <c r="D5827" t="s">
        <v>14233</v>
      </c>
      <c r="E5827" t="s">
        <v>32654</v>
      </c>
      <c r="F5827">
        <v>4</v>
      </c>
      <c r="G5827" t="s">
        <v>762</v>
      </c>
      <c r="H5827" t="s">
        <v>14234</v>
      </c>
      <c r="I5827" t="s">
        <v>30540</v>
      </c>
    </row>
    <row r="5828" spans="1:9">
      <c r="A5828" s="1">
        <v>4.3621445205338505E-3</v>
      </c>
      <c r="B5828" s="1"/>
      <c r="C5828">
        <v>5</v>
      </c>
      <c r="D5828" t="s">
        <v>14225</v>
      </c>
      <c r="E5828" t="s">
        <v>32655</v>
      </c>
      <c r="F5828">
        <v>5</v>
      </c>
      <c r="G5828" t="s">
        <v>14</v>
      </c>
      <c r="H5828" t="s">
        <v>14226</v>
      </c>
      <c r="I5828" t="s">
        <v>30540</v>
      </c>
    </row>
    <row r="5829" spans="1:9">
      <c r="A5829" s="1">
        <v>0.84880640388421014</v>
      </c>
      <c r="B5829" s="1"/>
      <c r="C5829">
        <v>3</v>
      </c>
      <c r="D5829" t="s">
        <v>14223</v>
      </c>
      <c r="E5829" t="s">
        <v>32655</v>
      </c>
      <c r="F5829">
        <v>5</v>
      </c>
      <c r="G5829" t="s">
        <v>14</v>
      </c>
      <c r="H5829" t="s">
        <v>14224</v>
      </c>
      <c r="I5829" t="s">
        <v>30540</v>
      </c>
    </row>
    <row r="5830" spans="1:9">
      <c r="A5830" s="1">
        <v>0.25025481362631763</v>
      </c>
      <c r="B5830" s="1"/>
      <c r="C5830">
        <v>1</v>
      </c>
      <c r="D5830" t="s">
        <v>14221</v>
      </c>
      <c r="E5830" t="s">
        <v>32655</v>
      </c>
      <c r="F5830">
        <v>5</v>
      </c>
      <c r="G5830" t="s">
        <v>10</v>
      </c>
      <c r="H5830" t="s">
        <v>14222</v>
      </c>
      <c r="I5830" t="s">
        <v>30540</v>
      </c>
    </row>
    <row r="5831" spans="1:9">
      <c r="A5831" s="1">
        <v>0.97121692331223242</v>
      </c>
      <c r="B5831" s="1"/>
      <c r="C5831">
        <v>12</v>
      </c>
      <c r="D5831" t="s">
        <v>14229</v>
      </c>
      <c r="E5831" t="s">
        <v>32655</v>
      </c>
      <c r="F5831">
        <v>4</v>
      </c>
      <c r="G5831" t="s">
        <v>15</v>
      </c>
      <c r="H5831" t="s">
        <v>14230</v>
      </c>
      <c r="I5831" t="s">
        <v>30540</v>
      </c>
    </row>
    <row r="5832" spans="1:9">
      <c r="A5832" s="1">
        <v>0.85926821620304894</v>
      </c>
      <c r="B5832" s="1"/>
      <c r="C5832">
        <v>10</v>
      </c>
      <c r="D5832" t="s">
        <v>14219</v>
      </c>
      <c r="E5832" t="s">
        <v>32656</v>
      </c>
      <c r="F5832">
        <v>4</v>
      </c>
      <c r="G5832" t="s">
        <v>14</v>
      </c>
      <c r="H5832" t="s">
        <v>14220</v>
      </c>
      <c r="I5832" t="s">
        <v>30540</v>
      </c>
    </row>
    <row r="5833" spans="1:9">
      <c r="A5833" s="1">
        <v>0.59575812676648932</v>
      </c>
      <c r="B5833" s="1"/>
      <c r="C5833">
        <v>6</v>
      </c>
      <c r="D5833" t="s">
        <v>14217</v>
      </c>
      <c r="E5833" t="s">
        <v>32656</v>
      </c>
      <c r="F5833">
        <v>3</v>
      </c>
      <c r="G5833" t="s">
        <v>0</v>
      </c>
      <c r="H5833" t="s">
        <v>14218</v>
      </c>
      <c r="I5833" t="s">
        <v>30540</v>
      </c>
    </row>
    <row r="5834" spans="1:9">
      <c r="A5834" s="1">
        <v>0.23409995018288698</v>
      </c>
      <c r="B5834" s="1"/>
      <c r="C5834">
        <v>11</v>
      </c>
      <c r="D5834" t="s">
        <v>14211</v>
      </c>
      <c r="E5834" t="s">
        <v>32657</v>
      </c>
      <c r="F5834">
        <v>5</v>
      </c>
      <c r="G5834" t="s">
        <v>13</v>
      </c>
      <c r="H5834" t="s">
        <v>14212</v>
      </c>
      <c r="I5834" t="s">
        <v>30540</v>
      </c>
    </row>
    <row r="5835" spans="1:9">
      <c r="A5835" s="1">
        <v>0.70003346130648691</v>
      </c>
      <c r="B5835" s="1"/>
      <c r="C5835">
        <v>5</v>
      </c>
      <c r="D5835" t="s">
        <v>14205</v>
      </c>
      <c r="E5835" t="s">
        <v>32657</v>
      </c>
      <c r="F5835">
        <v>5</v>
      </c>
      <c r="G5835" t="s">
        <v>14</v>
      </c>
      <c r="H5835" t="s">
        <v>14206</v>
      </c>
      <c r="I5835" t="s">
        <v>30540</v>
      </c>
    </row>
    <row r="5836" spans="1:9">
      <c r="A5836" s="1">
        <v>2.8449641739726861E-2</v>
      </c>
      <c r="B5836" s="1"/>
      <c r="C5836">
        <v>6</v>
      </c>
      <c r="D5836" t="s">
        <v>14207</v>
      </c>
      <c r="E5836" t="s">
        <v>32657</v>
      </c>
      <c r="F5836">
        <v>4</v>
      </c>
      <c r="G5836" t="s">
        <v>14</v>
      </c>
      <c r="H5836" t="s">
        <v>14208</v>
      </c>
      <c r="I5836" t="s">
        <v>30540</v>
      </c>
    </row>
    <row r="5837" spans="1:9">
      <c r="A5837" s="1">
        <v>0.31867976357467587</v>
      </c>
      <c r="B5837" s="1"/>
      <c r="C5837">
        <v>13</v>
      </c>
      <c r="D5837" t="s">
        <v>14213</v>
      </c>
      <c r="E5837" t="s">
        <v>32657</v>
      </c>
      <c r="F5837">
        <v>4</v>
      </c>
      <c r="G5837" t="s">
        <v>10</v>
      </c>
      <c r="H5837" t="s">
        <v>14214</v>
      </c>
      <c r="I5837" t="s">
        <v>30540</v>
      </c>
    </row>
    <row r="5838" spans="1:9">
      <c r="A5838" s="1">
        <v>0.80774297399953709</v>
      </c>
      <c r="B5838" s="1"/>
      <c r="C5838">
        <v>15</v>
      </c>
      <c r="D5838" t="s">
        <v>14215</v>
      </c>
      <c r="E5838" t="s">
        <v>32657</v>
      </c>
      <c r="F5838">
        <v>4</v>
      </c>
      <c r="G5838" t="s">
        <v>10</v>
      </c>
      <c r="H5838" t="s">
        <v>14216</v>
      </c>
      <c r="I5838" t="s">
        <v>30540</v>
      </c>
    </row>
    <row r="5839" spans="1:9">
      <c r="A5839" s="1">
        <v>0.5467595353506195</v>
      </c>
      <c r="B5839" s="1"/>
      <c r="C5839">
        <v>4</v>
      </c>
      <c r="D5839" t="s">
        <v>14203</v>
      </c>
      <c r="E5839" t="s">
        <v>32657</v>
      </c>
      <c r="F5839">
        <v>4</v>
      </c>
      <c r="G5839" t="s">
        <v>14</v>
      </c>
      <c r="H5839" t="s">
        <v>14204</v>
      </c>
      <c r="I5839" t="s">
        <v>30540</v>
      </c>
    </row>
    <row r="5840" spans="1:9">
      <c r="A5840" s="1">
        <v>0.55811259865129403</v>
      </c>
      <c r="B5840" s="1"/>
      <c r="C5840">
        <v>10</v>
      </c>
      <c r="D5840" t="s">
        <v>14209</v>
      </c>
      <c r="E5840" t="s">
        <v>32657</v>
      </c>
      <c r="F5840">
        <v>3</v>
      </c>
      <c r="G5840" t="s">
        <v>2</v>
      </c>
      <c r="H5840" t="s">
        <v>14210</v>
      </c>
      <c r="I5840" t="s">
        <v>30540</v>
      </c>
    </row>
    <row r="5841" spans="1:9">
      <c r="A5841" s="1">
        <v>0.74303695971637429</v>
      </c>
      <c r="B5841" s="1"/>
      <c r="C5841">
        <v>18</v>
      </c>
      <c r="D5841" t="s">
        <v>14201</v>
      </c>
      <c r="E5841" t="s">
        <v>32658</v>
      </c>
      <c r="F5841">
        <v>4</v>
      </c>
      <c r="G5841" t="s">
        <v>14</v>
      </c>
      <c r="H5841" t="s">
        <v>14202</v>
      </c>
      <c r="I5841" t="s">
        <v>30540</v>
      </c>
    </row>
    <row r="5842" spans="1:9">
      <c r="A5842" s="1">
        <v>0.67405715794759691</v>
      </c>
      <c r="B5842" s="1"/>
      <c r="C5842">
        <v>2</v>
      </c>
      <c r="D5842" t="s">
        <v>14195</v>
      </c>
      <c r="E5842" t="s">
        <v>32658</v>
      </c>
      <c r="F5842">
        <v>4</v>
      </c>
      <c r="G5842" t="s">
        <v>1431</v>
      </c>
      <c r="H5842" t="s">
        <v>14196</v>
      </c>
      <c r="I5842" t="s">
        <v>30540</v>
      </c>
    </row>
    <row r="5843" spans="1:9">
      <c r="A5843" s="1">
        <v>0.75953703023235131</v>
      </c>
      <c r="B5843" s="1"/>
      <c r="C5843">
        <v>13</v>
      </c>
      <c r="D5843" t="s">
        <v>14199</v>
      </c>
      <c r="E5843" t="s">
        <v>32658</v>
      </c>
      <c r="F5843">
        <v>4</v>
      </c>
      <c r="G5843" t="s">
        <v>0</v>
      </c>
      <c r="H5843" t="s">
        <v>14200</v>
      </c>
      <c r="I5843" t="s">
        <v>30540</v>
      </c>
    </row>
    <row r="5844" spans="1:9">
      <c r="A5844" s="1">
        <v>0.79518208843922866</v>
      </c>
      <c r="B5844" s="1"/>
      <c r="C5844">
        <v>12</v>
      </c>
      <c r="D5844" t="s">
        <v>14197</v>
      </c>
      <c r="E5844" t="s">
        <v>32658</v>
      </c>
      <c r="F5844">
        <v>4</v>
      </c>
      <c r="G5844" t="s">
        <v>14</v>
      </c>
      <c r="H5844" t="s">
        <v>14198</v>
      </c>
      <c r="I5844" t="s">
        <v>30540</v>
      </c>
    </row>
    <row r="5845" spans="1:9">
      <c r="A5845" s="1">
        <v>0.21010410961211745</v>
      </c>
      <c r="B5845" s="1"/>
      <c r="C5845">
        <v>4</v>
      </c>
      <c r="D5845" t="s">
        <v>14189</v>
      </c>
      <c r="E5845" t="s">
        <v>32659</v>
      </c>
      <c r="F5845">
        <v>4</v>
      </c>
      <c r="G5845" t="s">
        <v>15</v>
      </c>
      <c r="H5845" t="s">
        <v>14190</v>
      </c>
      <c r="I5845" t="s">
        <v>30540</v>
      </c>
    </row>
    <row r="5846" spans="1:9">
      <c r="A5846" s="1">
        <v>0.19144801845209225</v>
      </c>
      <c r="B5846" s="1"/>
      <c r="C5846">
        <v>10</v>
      </c>
      <c r="D5846" t="s">
        <v>14193</v>
      </c>
      <c r="E5846" t="s">
        <v>32659</v>
      </c>
      <c r="F5846">
        <v>4</v>
      </c>
      <c r="G5846" t="s">
        <v>14</v>
      </c>
      <c r="H5846" t="s">
        <v>14194</v>
      </c>
      <c r="I5846" t="s">
        <v>30540</v>
      </c>
    </row>
    <row r="5847" spans="1:9">
      <c r="A5847" s="1">
        <v>3.4638350716941879E-2</v>
      </c>
      <c r="B5847" s="1"/>
      <c r="C5847">
        <v>1</v>
      </c>
      <c r="D5847" t="s">
        <v>14187</v>
      </c>
      <c r="E5847" t="s">
        <v>32659</v>
      </c>
      <c r="F5847">
        <v>4</v>
      </c>
      <c r="G5847" t="s">
        <v>2</v>
      </c>
      <c r="H5847" t="s">
        <v>14188</v>
      </c>
      <c r="I5847" t="s">
        <v>30540</v>
      </c>
    </row>
    <row r="5848" spans="1:9">
      <c r="A5848" s="1">
        <v>0.64022659420488592</v>
      </c>
      <c r="B5848" s="1"/>
      <c r="C5848">
        <v>8</v>
      </c>
      <c r="D5848" t="s">
        <v>14191</v>
      </c>
      <c r="E5848" t="s">
        <v>32659</v>
      </c>
      <c r="F5848">
        <v>4</v>
      </c>
      <c r="G5848" t="s">
        <v>13</v>
      </c>
      <c r="H5848" t="s">
        <v>14192</v>
      </c>
      <c r="I5848" t="s">
        <v>30540</v>
      </c>
    </row>
    <row r="5849" spans="1:9">
      <c r="A5849" s="1">
        <v>0.80689342009514542</v>
      </c>
      <c r="B5849" s="1"/>
      <c r="C5849">
        <v>1</v>
      </c>
      <c r="D5849" t="s">
        <v>14181</v>
      </c>
      <c r="E5849" t="s">
        <v>32660</v>
      </c>
      <c r="F5849">
        <v>4</v>
      </c>
      <c r="G5849" t="s">
        <v>2</v>
      </c>
      <c r="H5849" t="s">
        <v>14182</v>
      </c>
      <c r="I5849" t="s">
        <v>30540</v>
      </c>
    </row>
    <row r="5850" spans="1:9">
      <c r="A5850" s="1">
        <v>0.14261621096793986</v>
      </c>
      <c r="B5850" s="1"/>
      <c r="C5850">
        <v>10</v>
      </c>
      <c r="D5850" t="s">
        <v>14185</v>
      </c>
      <c r="E5850" t="s">
        <v>32660</v>
      </c>
      <c r="F5850">
        <v>4</v>
      </c>
      <c r="G5850" t="s">
        <v>0</v>
      </c>
      <c r="H5850" t="s">
        <v>14186</v>
      </c>
      <c r="I5850" t="s">
        <v>30540</v>
      </c>
    </row>
    <row r="5851" spans="1:9">
      <c r="A5851" s="1">
        <v>9.9867312778188611E-2</v>
      </c>
      <c r="B5851" s="1"/>
      <c r="C5851">
        <v>4</v>
      </c>
      <c r="D5851" t="s">
        <v>14183</v>
      </c>
      <c r="E5851" t="s">
        <v>32660</v>
      </c>
      <c r="F5851">
        <v>3</v>
      </c>
      <c r="G5851" t="s">
        <v>14</v>
      </c>
      <c r="H5851" t="s">
        <v>14184</v>
      </c>
      <c r="I5851" t="s">
        <v>30540</v>
      </c>
    </row>
    <row r="5852" spans="1:9">
      <c r="A5852" s="1">
        <v>0.32639059021772032</v>
      </c>
      <c r="B5852" s="1"/>
      <c r="C5852">
        <v>9</v>
      </c>
      <c r="D5852" t="s">
        <v>14175</v>
      </c>
      <c r="E5852" t="s">
        <v>32661</v>
      </c>
      <c r="F5852">
        <v>5</v>
      </c>
      <c r="G5852" t="s">
        <v>14</v>
      </c>
      <c r="H5852" t="s">
        <v>14176</v>
      </c>
      <c r="I5852" t="s">
        <v>30540</v>
      </c>
    </row>
    <row r="5853" spans="1:9">
      <c r="A5853" s="1">
        <v>0.72305394232227971</v>
      </c>
      <c r="B5853" s="1"/>
      <c r="C5853">
        <v>6</v>
      </c>
      <c r="D5853" t="s">
        <v>14173</v>
      </c>
      <c r="E5853" t="s">
        <v>32661</v>
      </c>
      <c r="F5853">
        <v>4</v>
      </c>
      <c r="G5853" t="s">
        <v>15</v>
      </c>
      <c r="H5853" t="s">
        <v>14174</v>
      </c>
      <c r="I5853" t="s">
        <v>30540</v>
      </c>
    </row>
    <row r="5854" spans="1:9">
      <c r="A5854" s="1">
        <v>0.3898310296248797</v>
      </c>
      <c r="B5854" s="1"/>
      <c r="C5854">
        <v>12</v>
      </c>
      <c r="D5854" t="s">
        <v>14179</v>
      </c>
      <c r="E5854" t="s">
        <v>32661</v>
      </c>
      <c r="F5854">
        <v>4</v>
      </c>
      <c r="G5854" t="s">
        <v>14</v>
      </c>
      <c r="H5854" t="s">
        <v>14180</v>
      </c>
      <c r="I5854" t="s">
        <v>30540</v>
      </c>
    </row>
    <row r="5855" spans="1:9">
      <c r="A5855" s="1">
        <v>0.5276076842549553</v>
      </c>
      <c r="B5855" s="1"/>
      <c r="C5855">
        <v>5</v>
      </c>
      <c r="D5855" t="s">
        <v>14171</v>
      </c>
      <c r="E5855" t="s">
        <v>32661</v>
      </c>
      <c r="F5855">
        <v>4</v>
      </c>
      <c r="G5855" t="s">
        <v>14</v>
      </c>
      <c r="H5855" t="s">
        <v>14172</v>
      </c>
      <c r="I5855" t="s">
        <v>30540</v>
      </c>
    </row>
    <row r="5856" spans="1:9">
      <c r="A5856" s="1">
        <v>0.59990496387762215</v>
      </c>
      <c r="B5856" s="1"/>
      <c r="C5856">
        <v>10</v>
      </c>
      <c r="D5856" t="s">
        <v>14177</v>
      </c>
      <c r="E5856" t="s">
        <v>32661</v>
      </c>
      <c r="F5856">
        <v>3</v>
      </c>
      <c r="G5856" t="s">
        <v>14</v>
      </c>
      <c r="H5856" t="s">
        <v>14178</v>
      </c>
      <c r="I5856" t="s">
        <v>30540</v>
      </c>
    </row>
    <row r="5857" spans="1:9">
      <c r="A5857" s="1">
        <v>0.42485044059425159</v>
      </c>
      <c r="B5857" s="1"/>
      <c r="C5857">
        <v>15</v>
      </c>
      <c r="D5857" t="s">
        <v>14167</v>
      </c>
      <c r="E5857" t="s">
        <v>32662</v>
      </c>
      <c r="F5857">
        <v>5</v>
      </c>
      <c r="G5857" t="s">
        <v>10</v>
      </c>
      <c r="H5857" t="s">
        <v>14168</v>
      </c>
      <c r="I5857" t="s">
        <v>30540</v>
      </c>
    </row>
    <row r="5858" spans="1:9">
      <c r="A5858" s="1">
        <v>1.131957836795372E-2</v>
      </c>
      <c r="B5858" s="1"/>
      <c r="C5858">
        <v>4</v>
      </c>
      <c r="D5858" t="s">
        <v>14163</v>
      </c>
      <c r="E5858" t="s">
        <v>32662</v>
      </c>
      <c r="F5858">
        <v>4</v>
      </c>
      <c r="G5858" t="s">
        <v>14</v>
      </c>
      <c r="H5858" t="s">
        <v>14164</v>
      </c>
      <c r="I5858" t="s">
        <v>30540</v>
      </c>
    </row>
    <row r="5859" spans="1:9">
      <c r="A5859" s="1">
        <v>0.81123278380790187</v>
      </c>
      <c r="B5859" s="1"/>
      <c r="C5859">
        <v>14</v>
      </c>
      <c r="D5859" t="s">
        <v>14165</v>
      </c>
      <c r="E5859" t="s">
        <v>32662</v>
      </c>
      <c r="F5859">
        <v>4</v>
      </c>
      <c r="G5859" t="s">
        <v>10</v>
      </c>
      <c r="H5859" t="s">
        <v>14166</v>
      </c>
      <c r="I5859" t="s">
        <v>30540</v>
      </c>
    </row>
    <row r="5860" spans="1:9">
      <c r="A5860" s="1">
        <v>0.26096400066726733</v>
      </c>
      <c r="B5860" s="1"/>
      <c r="C5860">
        <v>20</v>
      </c>
      <c r="D5860" t="s">
        <v>14159</v>
      </c>
      <c r="E5860" t="s">
        <v>32663</v>
      </c>
      <c r="F5860">
        <v>4</v>
      </c>
      <c r="G5860" t="s">
        <v>0</v>
      </c>
      <c r="H5860" t="s">
        <v>14160</v>
      </c>
      <c r="I5860" t="s">
        <v>30540</v>
      </c>
    </row>
    <row r="5861" spans="1:9">
      <c r="A5861" s="1">
        <v>0.81702453748728343</v>
      </c>
      <c r="B5861" s="1"/>
      <c r="C5861">
        <v>2</v>
      </c>
      <c r="D5861" t="s">
        <v>14157</v>
      </c>
      <c r="E5861" t="s">
        <v>32663</v>
      </c>
      <c r="F5861">
        <v>4</v>
      </c>
      <c r="G5861" t="s">
        <v>14</v>
      </c>
      <c r="H5861" t="s">
        <v>14158</v>
      </c>
      <c r="I5861" t="s">
        <v>30540</v>
      </c>
    </row>
    <row r="5862" spans="1:9">
      <c r="A5862" s="1">
        <v>2.188265761360253E-2</v>
      </c>
      <c r="B5862" s="1"/>
      <c r="C5862">
        <v>4</v>
      </c>
      <c r="D5862" t="s">
        <v>14149</v>
      </c>
      <c r="E5862" t="s">
        <v>32664</v>
      </c>
      <c r="F5862">
        <v>4</v>
      </c>
      <c r="G5862" t="s">
        <v>2</v>
      </c>
      <c r="H5862" t="s">
        <v>14150</v>
      </c>
      <c r="I5862" t="s">
        <v>30540</v>
      </c>
    </row>
    <row r="5863" spans="1:9">
      <c r="A5863" s="1">
        <v>0.90195179374248891</v>
      </c>
      <c r="B5863" s="1"/>
      <c r="C5863">
        <v>11</v>
      </c>
      <c r="D5863" t="s">
        <v>14155</v>
      </c>
      <c r="E5863" t="s">
        <v>32664</v>
      </c>
      <c r="F5863">
        <v>4</v>
      </c>
      <c r="G5863" t="s">
        <v>0</v>
      </c>
      <c r="H5863" t="s">
        <v>14156</v>
      </c>
      <c r="I5863" t="s">
        <v>30540</v>
      </c>
    </row>
    <row r="5864" spans="1:9">
      <c r="A5864" s="1">
        <v>0.14339934280868449</v>
      </c>
      <c r="B5864" s="1"/>
      <c r="C5864">
        <v>7</v>
      </c>
      <c r="D5864" t="s">
        <v>14153</v>
      </c>
      <c r="E5864" t="s">
        <v>32664</v>
      </c>
      <c r="F5864">
        <v>4</v>
      </c>
      <c r="G5864" t="s">
        <v>14</v>
      </c>
      <c r="H5864" t="s">
        <v>14154</v>
      </c>
      <c r="I5864" t="s">
        <v>30540</v>
      </c>
    </row>
    <row r="5865" spans="1:9">
      <c r="A5865" s="1">
        <v>0.78559430388382812</v>
      </c>
      <c r="B5865" s="1"/>
      <c r="C5865">
        <v>6</v>
      </c>
      <c r="D5865" t="s">
        <v>14151</v>
      </c>
      <c r="E5865" t="s">
        <v>32664</v>
      </c>
      <c r="F5865">
        <v>3</v>
      </c>
      <c r="G5865" t="s">
        <v>14</v>
      </c>
      <c r="H5865" t="s">
        <v>14152</v>
      </c>
      <c r="I5865" t="s">
        <v>30540</v>
      </c>
    </row>
    <row r="5866" spans="1:9">
      <c r="A5866" s="1">
        <v>0.96136143752826875</v>
      </c>
      <c r="B5866" s="1"/>
      <c r="C5866">
        <v>8</v>
      </c>
      <c r="D5866" t="s">
        <v>14139</v>
      </c>
      <c r="E5866" t="s">
        <v>32665</v>
      </c>
      <c r="F5866">
        <v>5</v>
      </c>
      <c r="G5866" t="s">
        <v>14</v>
      </c>
      <c r="H5866" t="s">
        <v>14140</v>
      </c>
      <c r="I5866" t="s">
        <v>30540</v>
      </c>
    </row>
    <row r="5867" spans="1:9">
      <c r="A5867" s="1">
        <v>0.70646736039528968</v>
      </c>
      <c r="B5867" s="1"/>
      <c r="C5867">
        <v>14</v>
      </c>
      <c r="D5867" t="s">
        <v>14147</v>
      </c>
      <c r="E5867" t="s">
        <v>32665</v>
      </c>
      <c r="F5867">
        <v>4</v>
      </c>
      <c r="G5867" t="s">
        <v>14</v>
      </c>
      <c r="H5867" t="s">
        <v>14148</v>
      </c>
      <c r="I5867" t="s">
        <v>30540</v>
      </c>
    </row>
    <row r="5868" spans="1:9">
      <c r="A5868" s="1">
        <v>0.15035140479931586</v>
      </c>
      <c r="B5868" s="1"/>
      <c r="C5868">
        <v>2</v>
      </c>
      <c r="D5868" t="s">
        <v>14131</v>
      </c>
      <c r="E5868" t="s">
        <v>32665</v>
      </c>
      <c r="F5868">
        <v>4</v>
      </c>
      <c r="G5868" t="s">
        <v>2</v>
      </c>
      <c r="H5868" t="s">
        <v>14132</v>
      </c>
      <c r="I5868" t="s">
        <v>30540</v>
      </c>
    </row>
    <row r="5869" spans="1:9">
      <c r="A5869" s="1">
        <v>0.25055295446753201</v>
      </c>
      <c r="B5869" s="1"/>
      <c r="C5869">
        <v>9</v>
      </c>
      <c r="D5869" t="s">
        <v>14141</v>
      </c>
      <c r="E5869" t="s">
        <v>32665</v>
      </c>
      <c r="F5869">
        <v>4</v>
      </c>
      <c r="G5869" t="s">
        <v>2</v>
      </c>
      <c r="H5869" t="s">
        <v>14142</v>
      </c>
      <c r="I5869" t="s">
        <v>30540</v>
      </c>
    </row>
    <row r="5870" spans="1:9">
      <c r="A5870" s="1">
        <v>0.31876385233974092</v>
      </c>
      <c r="B5870" s="1"/>
      <c r="C5870">
        <v>3</v>
      </c>
      <c r="D5870" t="s">
        <v>14133</v>
      </c>
      <c r="E5870" t="s">
        <v>32665</v>
      </c>
      <c r="F5870">
        <v>4</v>
      </c>
      <c r="G5870" t="s">
        <v>9</v>
      </c>
      <c r="H5870" t="s">
        <v>14134</v>
      </c>
      <c r="I5870" t="s">
        <v>30540</v>
      </c>
    </row>
    <row r="5871" spans="1:9">
      <c r="A5871" s="1">
        <v>0.7165441502516251</v>
      </c>
      <c r="B5871" s="1"/>
      <c r="C5871">
        <v>12</v>
      </c>
      <c r="D5871" t="s">
        <v>14143</v>
      </c>
      <c r="E5871" t="s">
        <v>32665</v>
      </c>
      <c r="F5871">
        <v>4</v>
      </c>
      <c r="G5871" t="s">
        <v>14</v>
      </c>
      <c r="H5871" t="s">
        <v>14144</v>
      </c>
      <c r="I5871" t="s">
        <v>30540</v>
      </c>
    </row>
    <row r="5872" spans="1:9">
      <c r="A5872" s="1">
        <v>9.6003540136553767E-2</v>
      </c>
      <c r="B5872" s="1"/>
      <c r="C5872">
        <v>13</v>
      </c>
      <c r="D5872" t="s">
        <v>14145</v>
      </c>
      <c r="E5872" t="s">
        <v>32665</v>
      </c>
      <c r="F5872">
        <v>4</v>
      </c>
      <c r="G5872" t="s">
        <v>14</v>
      </c>
      <c r="H5872" t="s">
        <v>14146</v>
      </c>
      <c r="I5872" t="s">
        <v>30540</v>
      </c>
    </row>
    <row r="5873" spans="1:9">
      <c r="A5873" s="1">
        <v>0.21069085245496288</v>
      </c>
      <c r="B5873" s="1"/>
      <c r="C5873">
        <v>4</v>
      </c>
      <c r="D5873" t="s">
        <v>14135</v>
      </c>
      <c r="E5873" t="s">
        <v>32665</v>
      </c>
      <c r="F5873">
        <v>4</v>
      </c>
      <c r="G5873" t="s">
        <v>2</v>
      </c>
      <c r="H5873" t="s">
        <v>14136</v>
      </c>
      <c r="I5873" t="s">
        <v>30540</v>
      </c>
    </row>
    <row r="5874" spans="1:9">
      <c r="A5874" s="1">
        <v>0.35680312734231712</v>
      </c>
      <c r="B5874" s="1"/>
      <c r="C5874">
        <v>6</v>
      </c>
      <c r="D5874" t="s">
        <v>14137</v>
      </c>
      <c r="E5874" t="s">
        <v>32665</v>
      </c>
      <c r="F5874">
        <v>3</v>
      </c>
      <c r="G5874" t="s">
        <v>14</v>
      </c>
      <c r="H5874" t="s">
        <v>14138</v>
      </c>
      <c r="I5874" t="s">
        <v>30540</v>
      </c>
    </row>
    <row r="5875" spans="1:9">
      <c r="A5875" s="1">
        <v>0.71559109565029022</v>
      </c>
      <c r="B5875" s="1"/>
      <c r="C5875">
        <v>10</v>
      </c>
      <c r="D5875" t="s">
        <v>14125</v>
      </c>
      <c r="E5875" t="s">
        <v>32666</v>
      </c>
      <c r="F5875">
        <v>5</v>
      </c>
      <c r="G5875" t="s">
        <v>14</v>
      </c>
      <c r="H5875" t="s">
        <v>14126</v>
      </c>
      <c r="I5875" t="s">
        <v>30540</v>
      </c>
    </row>
    <row r="5876" spans="1:9">
      <c r="A5876" s="1">
        <v>0.56535545168840051</v>
      </c>
      <c r="B5876" s="1"/>
      <c r="C5876">
        <v>1</v>
      </c>
      <c r="D5876" t="s">
        <v>14121</v>
      </c>
      <c r="E5876" t="s">
        <v>32666</v>
      </c>
      <c r="F5876">
        <v>5</v>
      </c>
      <c r="G5876" t="s">
        <v>10</v>
      </c>
      <c r="H5876" t="s">
        <v>14122</v>
      </c>
      <c r="I5876" t="s">
        <v>30540</v>
      </c>
    </row>
    <row r="5877" spans="1:9">
      <c r="A5877" s="1">
        <v>0.43475172704732834</v>
      </c>
      <c r="B5877" s="1"/>
      <c r="C5877">
        <v>7</v>
      </c>
      <c r="D5877" t="s">
        <v>14123</v>
      </c>
      <c r="E5877" t="s">
        <v>32666</v>
      </c>
      <c r="F5877">
        <v>4</v>
      </c>
      <c r="G5877" t="s">
        <v>14</v>
      </c>
      <c r="H5877" t="s">
        <v>14124</v>
      </c>
      <c r="I5877" t="s">
        <v>30540</v>
      </c>
    </row>
    <row r="5878" spans="1:9">
      <c r="A5878" s="1">
        <v>0.43687483819089401</v>
      </c>
      <c r="B5878" s="1"/>
      <c r="C5878">
        <v>13</v>
      </c>
      <c r="D5878" t="s">
        <v>14129</v>
      </c>
      <c r="E5878" t="s">
        <v>32666</v>
      </c>
      <c r="F5878">
        <v>4</v>
      </c>
      <c r="G5878" t="s">
        <v>14</v>
      </c>
      <c r="H5878" t="s">
        <v>14130</v>
      </c>
      <c r="I5878" t="s">
        <v>30540</v>
      </c>
    </row>
    <row r="5879" spans="1:9">
      <c r="A5879" s="1">
        <v>0.61942303697471679</v>
      </c>
      <c r="B5879" s="1"/>
      <c r="C5879">
        <v>11</v>
      </c>
      <c r="D5879" t="s">
        <v>14127</v>
      </c>
      <c r="E5879" t="s">
        <v>32666</v>
      </c>
      <c r="F5879">
        <v>3</v>
      </c>
      <c r="G5879" t="s">
        <v>14</v>
      </c>
      <c r="H5879" t="s">
        <v>14128</v>
      </c>
      <c r="I5879" t="s">
        <v>30540</v>
      </c>
    </row>
    <row r="5880" spans="1:9">
      <c r="A5880" s="1">
        <v>0.97115033500401182</v>
      </c>
      <c r="B5880" s="1"/>
      <c r="C5880">
        <v>16</v>
      </c>
      <c r="D5880" t="s">
        <v>14119</v>
      </c>
      <c r="E5880" t="s">
        <v>32667</v>
      </c>
      <c r="F5880">
        <v>4</v>
      </c>
      <c r="G5880" t="s">
        <v>14</v>
      </c>
      <c r="H5880" t="s">
        <v>14120</v>
      </c>
      <c r="I5880" t="s">
        <v>30540</v>
      </c>
    </row>
    <row r="5881" spans="1:9">
      <c r="A5881" s="1">
        <v>0.64418328206096243</v>
      </c>
      <c r="B5881" s="1"/>
      <c r="C5881">
        <v>14</v>
      </c>
      <c r="D5881" t="s">
        <v>14117</v>
      </c>
      <c r="E5881" t="s">
        <v>32667</v>
      </c>
      <c r="F5881">
        <v>4</v>
      </c>
      <c r="G5881" t="s">
        <v>14</v>
      </c>
      <c r="H5881" t="s">
        <v>14118</v>
      </c>
      <c r="I5881" t="s">
        <v>30540</v>
      </c>
    </row>
    <row r="5882" spans="1:9">
      <c r="A5882" s="1">
        <v>0.31157609044395318</v>
      </c>
      <c r="B5882" s="1"/>
      <c r="C5882">
        <v>12</v>
      </c>
      <c r="D5882" t="s">
        <v>14115</v>
      </c>
      <c r="E5882" t="s">
        <v>32667</v>
      </c>
      <c r="F5882">
        <v>4</v>
      </c>
      <c r="G5882" t="s">
        <v>14</v>
      </c>
      <c r="H5882" t="s">
        <v>14116</v>
      </c>
      <c r="I5882" t="s">
        <v>30540</v>
      </c>
    </row>
    <row r="5883" spans="1:9">
      <c r="A5883" s="1">
        <v>0.76020346264997751</v>
      </c>
      <c r="B5883" s="1"/>
      <c r="C5883">
        <v>5</v>
      </c>
      <c r="D5883" t="s">
        <v>14111</v>
      </c>
      <c r="E5883" t="s">
        <v>32667</v>
      </c>
      <c r="F5883">
        <v>4</v>
      </c>
      <c r="G5883" t="s">
        <v>14</v>
      </c>
      <c r="H5883" t="s">
        <v>14112</v>
      </c>
      <c r="I5883" t="s">
        <v>30540</v>
      </c>
    </row>
    <row r="5884" spans="1:9">
      <c r="A5884" s="1">
        <v>0.84106455658942247</v>
      </c>
      <c r="B5884" s="1"/>
      <c r="C5884">
        <v>17</v>
      </c>
      <c r="D5884" t="s">
        <v>14103</v>
      </c>
      <c r="E5884" t="s">
        <v>32668</v>
      </c>
      <c r="F5884">
        <v>5</v>
      </c>
      <c r="G5884" t="s">
        <v>14</v>
      </c>
      <c r="H5884" t="s">
        <v>14104</v>
      </c>
      <c r="I5884" t="s">
        <v>30540</v>
      </c>
    </row>
    <row r="5885" spans="1:9">
      <c r="A5885" s="1">
        <v>6.1677509024923305E-2</v>
      </c>
      <c r="B5885" s="1"/>
      <c r="C5885">
        <v>19</v>
      </c>
      <c r="D5885" t="s">
        <v>14107</v>
      </c>
      <c r="E5885" t="s">
        <v>32668</v>
      </c>
      <c r="F5885">
        <v>4</v>
      </c>
      <c r="G5885" t="s">
        <v>14</v>
      </c>
      <c r="H5885" t="s">
        <v>14108</v>
      </c>
      <c r="I5885" t="s">
        <v>30540</v>
      </c>
    </row>
    <row r="5886" spans="1:9">
      <c r="A5886" s="1">
        <v>0.85056148162314649</v>
      </c>
      <c r="B5886" s="1"/>
      <c r="C5886">
        <v>18</v>
      </c>
      <c r="D5886" t="s">
        <v>14105</v>
      </c>
      <c r="E5886" t="s">
        <v>32668</v>
      </c>
      <c r="F5886">
        <v>4</v>
      </c>
      <c r="G5886" t="s">
        <v>769</v>
      </c>
      <c r="H5886" t="s">
        <v>14106</v>
      </c>
      <c r="I5886" t="s">
        <v>30540</v>
      </c>
    </row>
    <row r="5887" spans="1:9">
      <c r="A5887" s="1">
        <v>0.89974152150107078</v>
      </c>
      <c r="B5887" s="1"/>
      <c r="C5887">
        <v>5</v>
      </c>
      <c r="D5887" t="s">
        <v>14097</v>
      </c>
      <c r="E5887" t="s">
        <v>32669</v>
      </c>
      <c r="F5887">
        <v>4</v>
      </c>
      <c r="G5887" t="s">
        <v>14</v>
      </c>
      <c r="H5887" t="s">
        <v>14098</v>
      </c>
      <c r="I5887" t="s">
        <v>30540</v>
      </c>
    </row>
    <row r="5888" spans="1:9">
      <c r="A5888" s="1">
        <v>9.9101088553332217E-2</v>
      </c>
      <c r="B5888" s="1"/>
      <c r="C5888">
        <v>8</v>
      </c>
      <c r="D5888" t="s">
        <v>14099</v>
      </c>
      <c r="E5888" t="s">
        <v>32669</v>
      </c>
      <c r="F5888">
        <v>4</v>
      </c>
      <c r="G5888" t="s">
        <v>0</v>
      </c>
      <c r="H5888" t="s">
        <v>14100</v>
      </c>
      <c r="I5888" t="s">
        <v>30540</v>
      </c>
    </row>
    <row r="5889" spans="1:9">
      <c r="A5889" s="1">
        <v>0.45713009110022051</v>
      </c>
      <c r="B5889" s="1"/>
      <c r="C5889">
        <v>7</v>
      </c>
      <c r="D5889" t="s">
        <v>14089</v>
      </c>
      <c r="E5889" t="s">
        <v>32670</v>
      </c>
      <c r="F5889">
        <v>5</v>
      </c>
      <c r="G5889" t="s">
        <v>9</v>
      </c>
      <c r="H5889" t="s">
        <v>14090</v>
      </c>
      <c r="I5889" t="s">
        <v>30540</v>
      </c>
    </row>
    <row r="5890" spans="1:9">
      <c r="A5890" s="1">
        <v>0.1825571955694909</v>
      </c>
      <c r="B5890" s="1"/>
      <c r="C5890">
        <v>11</v>
      </c>
      <c r="D5890" t="s">
        <v>14093</v>
      </c>
      <c r="E5890" t="s">
        <v>32670</v>
      </c>
      <c r="F5890">
        <v>5</v>
      </c>
      <c r="G5890" t="s">
        <v>14</v>
      </c>
      <c r="H5890" t="s">
        <v>14094</v>
      </c>
      <c r="I5890" t="s">
        <v>30540</v>
      </c>
    </row>
    <row r="5891" spans="1:9">
      <c r="A5891" s="1">
        <v>0.14643904141905739</v>
      </c>
      <c r="B5891" s="1"/>
      <c r="C5891">
        <v>12</v>
      </c>
      <c r="D5891" t="s">
        <v>14095</v>
      </c>
      <c r="E5891" t="s">
        <v>32670</v>
      </c>
      <c r="F5891">
        <v>4</v>
      </c>
      <c r="G5891" t="s">
        <v>14</v>
      </c>
      <c r="H5891" t="s">
        <v>14096</v>
      </c>
      <c r="I5891" t="s">
        <v>30540</v>
      </c>
    </row>
    <row r="5892" spans="1:9">
      <c r="A5892" s="1">
        <v>0.34828283952721895</v>
      </c>
      <c r="B5892" s="1"/>
      <c r="C5892">
        <v>4</v>
      </c>
      <c r="D5892" t="s">
        <v>14087</v>
      </c>
      <c r="E5892" t="s">
        <v>32670</v>
      </c>
      <c r="F5892">
        <v>4</v>
      </c>
      <c r="G5892" t="s">
        <v>10</v>
      </c>
      <c r="H5892" t="s">
        <v>14088</v>
      </c>
      <c r="I5892" t="s">
        <v>30540</v>
      </c>
    </row>
    <row r="5893" spans="1:9">
      <c r="A5893" s="1">
        <v>0.70536791733878812</v>
      </c>
      <c r="B5893" s="1"/>
      <c r="C5893">
        <v>3</v>
      </c>
      <c r="D5893" t="s">
        <v>14085</v>
      </c>
      <c r="E5893" t="s">
        <v>32670</v>
      </c>
      <c r="F5893">
        <v>4</v>
      </c>
      <c r="G5893" t="s">
        <v>13</v>
      </c>
      <c r="H5893" t="s">
        <v>14086</v>
      </c>
      <c r="I5893" t="s">
        <v>30540</v>
      </c>
    </row>
    <row r="5894" spans="1:9">
      <c r="A5894" s="1">
        <v>0.80591799367537142</v>
      </c>
      <c r="B5894" s="1"/>
      <c r="C5894">
        <v>9</v>
      </c>
      <c r="D5894" t="s">
        <v>14083</v>
      </c>
      <c r="E5894" t="s">
        <v>32671</v>
      </c>
      <c r="F5894">
        <v>4</v>
      </c>
      <c r="G5894" t="s">
        <v>14</v>
      </c>
      <c r="H5894" t="s">
        <v>14084</v>
      </c>
      <c r="I5894" t="s">
        <v>30540</v>
      </c>
    </row>
    <row r="5895" spans="1:9">
      <c r="A5895" s="1">
        <v>0.76302876444093226</v>
      </c>
      <c r="B5895" s="1"/>
      <c r="C5895">
        <v>8</v>
      </c>
      <c r="D5895" t="s">
        <v>14081</v>
      </c>
      <c r="E5895" t="s">
        <v>32671</v>
      </c>
      <c r="F5895">
        <v>4</v>
      </c>
      <c r="G5895" t="s">
        <v>13</v>
      </c>
      <c r="H5895" t="s">
        <v>14082</v>
      </c>
      <c r="I5895" t="s">
        <v>30540</v>
      </c>
    </row>
    <row r="5896" spans="1:9">
      <c r="A5896" s="1">
        <v>0.3816586423432079</v>
      </c>
      <c r="B5896" s="1"/>
      <c r="C5896">
        <v>1</v>
      </c>
      <c r="D5896" t="s">
        <v>14069</v>
      </c>
      <c r="E5896" t="s">
        <v>32672</v>
      </c>
      <c r="F5896">
        <v>4</v>
      </c>
      <c r="G5896" t="s">
        <v>14</v>
      </c>
      <c r="H5896" t="s">
        <v>14070</v>
      </c>
      <c r="I5896" t="s">
        <v>30540</v>
      </c>
    </row>
    <row r="5897" spans="1:9">
      <c r="A5897" s="1">
        <v>0.93378976448768769</v>
      </c>
      <c r="B5897" s="1"/>
      <c r="C5897">
        <v>2</v>
      </c>
      <c r="D5897" t="s">
        <v>14071</v>
      </c>
      <c r="E5897" t="s">
        <v>32672</v>
      </c>
      <c r="F5897">
        <v>4</v>
      </c>
      <c r="G5897" t="s">
        <v>10</v>
      </c>
      <c r="H5897" t="s">
        <v>14072</v>
      </c>
      <c r="I5897" t="s">
        <v>30540</v>
      </c>
    </row>
    <row r="5898" spans="1:9">
      <c r="A5898" s="1">
        <v>0.24918451914511153</v>
      </c>
      <c r="B5898" s="1"/>
      <c r="C5898">
        <v>13</v>
      </c>
      <c r="D5898" t="s">
        <v>14075</v>
      </c>
      <c r="E5898" t="s">
        <v>32672</v>
      </c>
      <c r="F5898">
        <v>4</v>
      </c>
      <c r="G5898" t="s">
        <v>14</v>
      </c>
      <c r="H5898" t="s">
        <v>14076</v>
      </c>
      <c r="I5898" t="s">
        <v>30540</v>
      </c>
    </row>
    <row r="5899" spans="1:9">
      <c r="A5899" s="1">
        <v>9.2283528380462276E-2</v>
      </c>
      <c r="B5899" s="1"/>
      <c r="C5899">
        <v>16</v>
      </c>
      <c r="D5899" t="s">
        <v>14077</v>
      </c>
      <c r="E5899" t="s">
        <v>32672</v>
      </c>
      <c r="F5899">
        <v>4</v>
      </c>
      <c r="G5899" t="s">
        <v>15</v>
      </c>
      <c r="H5899" t="s">
        <v>14078</v>
      </c>
      <c r="I5899" t="s">
        <v>30540</v>
      </c>
    </row>
    <row r="5900" spans="1:9">
      <c r="A5900" s="1">
        <v>0.16729755772671495</v>
      </c>
      <c r="B5900" s="1"/>
      <c r="C5900">
        <v>13</v>
      </c>
      <c r="D5900" t="s">
        <v>14063</v>
      </c>
      <c r="E5900" t="s">
        <v>32673</v>
      </c>
      <c r="F5900">
        <v>4</v>
      </c>
      <c r="G5900" t="s">
        <v>762</v>
      </c>
      <c r="H5900" t="s">
        <v>14064</v>
      </c>
      <c r="I5900" t="s">
        <v>30540</v>
      </c>
    </row>
    <row r="5901" spans="1:9">
      <c r="A5901" s="1">
        <v>0.19873251145795567</v>
      </c>
      <c r="B5901" s="1"/>
      <c r="C5901">
        <v>1</v>
      </c>
      <c r="D5901" t="s">
        <v>14057</v>
      </c>
      <c r="E5901" t="s">
        <v>32673</v>
      </c>
      <c r="F5901">
        <v>4</v>
      </c>
      <c r="G5901" t="s">
        <v>10</v>
      </c>
      <c r="H5901" t="s">
        <v>14058</v>
      </c>
      <c r="I5901" t="s">
        <v>30540</v>
      </c>
    </row>
    <row r="5902" spans="1:9">
      <c r="A5902" s="1">
        <v>0.60770220806305586</v>
      </c>
      <c r="B5902" s="1"/>
      <c r="C5902">
        <v>2</v>
      </c>
      <c r="D5902" t="s">
        <v>14059</v>
      </c>
      <c r="E5902" t="s">
        <v>32673</v>
      </c>
      <c r="F5902">
        <v>4</v>
      </c>
      <c r="G5902" t="s">
        <v>14</v>
      </c>
      <c r="H5902" t="s">
        <v>14060</v>
      </c>
      <c r="I5902" t="s">
        <v>30540</v>
      </c>
    </row>
    <row r="5903" spans="1:9">
      <c r="A5903" s="1">
        <v>0.17527635843521538</v>
      </c>
      <c r="B5903" s="1"/>
      <c r="C5903">
        <v>6</v>
      </c>
      <c r="D5903" t="s">
        <v>14061</v>
      </c>
      <c r="E5903" t="s">
        <v>32673</v>
      </c>
      <c r="F5903">
        <v>3</v>
      </c>
      <c r="G5903" t="s">
        <v>13</v>
      </c>
      <c r="H5903" t="s">
        <v>14062</v>
      </c>
      <c r="I5903" t="s">
        <v>30540</v>
      </c>
    </row>
    <row r="5904" spans="1:9">
      <c r="A5904" s="1">
        <v>0.93409414232946009</v>
      </c>
      <c r="B5904" s="1"/>
      <c r="C5904">
        <v>3</v>
      </c>
      <c r="D5904" t="s">
        <v>14051</v>
      </c>
      <c r="E5904" t="s">
        <v>32674</v>
      </c>
      <c r="F5904">
        <v>4</v>
      </c>
      <c r="G5904" t="s">
        <v>10</v>
      </c>
      <c r="H5904" t="s">
        <v>14052</v>
      </c>
      <c r="I5904" t="s">
        <v>30540</v>
      </c>
    </row>
    <row r="5905" spans="1:9">
      <c r="A5905" s="1">
        <v>0.94243050946389584</v>
      </c>
      <c r="B5905" s="1"/>
      <c r="C5905">
        <v>10</v>
      </c>
      <c r="D5905" t="s">
        <v>14055</v>
      </c>
      <c r="E5905" t="s">
        <v>32674</v>
      </c>
      <c r="F5905">
        <v>3</v>
      </c>
      <c r="G5905" t="s">
        <v>14</v>
      </c>
      <c r="H5905" t="s">
        <v>14056</v>
      </c>
      <c r="I5905" t="s">
        <v>30540</v>
      </c>
    </row>
    <row r="5906" spans="1:9">
      <c r="A5906" s="1">
        <v>6.8592113841045244E-2</v>
      </c>
      <c r="B5906" s="1"/>
      <c r="C5906">
        <v>7</v>
      </c>
      <c r="D5906" t="s">
        <v>14041</v>
      </c>
      <c r="E5906" t="s">
        <v>32675</v>
      </c>
      <c r="F5906">
        <v>5</v>
      </c>
      <c r="G5906" t="s">
        <v>14</v>
      </c>
      <c r="H5906" t="s">
        <v>14042</v>
      </c>
      <c r="I5906" t="s">
        <v>30540</v>
      </c>
    </row>
    <row r="5907" spans="1:9">
      <c r="A5907" s="1">
        <v>7.4069134303868078E-2</v>
      </c>
      <c r="B5907" s="1"/>
      <c r="C5907">
        <v>14</v>
      </c>
      <c r="D5907" t="s">
        <v>14047</v>
      </c>
      <c r="E5907" t="s">
        <v>32675</v>
      </c>
      <c r="F5907">
        <v>4</v>
      </c>
      <c r="G5907" t="s">
        <v>14</v>
      </c>
      <c r="H5907" t="s">
        <v>14048</v>
      </c>
      <c r="I5907" t="s">
        <v>30540</v>
      </c>
    </row>
    <row r="5908" spans="1:9">
      <c r="A5908" s="1">
        <v>0.65993676377088684</v>
      </c>
      <c r="B5908" s="1"/>
      <c r="C5908">
        <v>12</v>
      </c>
      <c r="D5908" t="s">
        <v>14045</v>
      </c>
      <c r="E5908" t="s">
        <v>32675</v>
      </c>
      <c r="F5908">
        <v>4</v>
      </c>
      <c r="G5908" t="s">
        <v>0</v>
      </c>
      <c r="H5908" t="s">
        <v>14046</v>
      </c>
      <c r="I5908" t="s">
        <v>30540</v>
      </c>
    </row>
    <row r="5909" spans="1:9">
      <c r="A5909" s="1">
        <v>0.51075791192454567</v>
      </c>
      <c r="B5909" s="1"/>
      <c r="C5909">
        <v>11</v>
      </c>
      <c r="D5909" t="s">
        <v>14043</v>
      </c>
      <c r="E5909" t="s">
        <v>32675</v>
      </c>
      <c r="F5909">
        <v>4</v>
      </c>
      <c r="G5909" t="s">
        <v>14</v>
      </c>
      <c r="H5909" t="s">
        <v>14044</v>
      </c>
      <c r="I5909" t="s">
        <v>30540</v>
      </c>
    </row>
    <row r="5910" spans="1:9">
      <c r="A5910" s="1">
        <v>4.5800339228348919E-2</v>
      </c>
      <c r="B5910" s="1"/>
      <c r="C5910">
        <v>3</v>
      </c>
      <c r="D5910" t="s">
        <v>14031</v>
      </c>
      <c r="E5910" t="s">
        <v>32676</v>
      </c>
      <c r="F5910">
        <v>4</v>
      </c>
      <c r="G5910" t="s">
        <v>0</v>
      </c>
      <c r="H5910" t="s">
        <v>14032</v>
      </c>
      <c r="I5910" t="s">
        <v>30540</v>
      </c>
    </row>
    <row r="5911" spans="1:9">
      <c r="A5911" s="1">
        <v>0.5701634585117451</v>
      </c>
      <c r="B5911" s="1"/>
      <c r="C5911">
        <v>18</v>
      </c>
      <c r="D5911" t="s">
        <v>14039</v>
      </c>
      <c r="E5911" t="s">
        <v>32676</v>
      </c>
      <c r="F5911">
        <v>4</v>
      </c>
      <c r="G5911" t="s">
        <v>0</v>
      </c>
      <c r="H5911" t="s">
        <v>14040</v>
      </c>
      <c r="I5911" t="s">
        <v>30540</v>
      </c>
    </row>
    <row r="5912" spans="1:9">
      <c r="A5912" s="1">
        <v>0.3366313290496864</v>
      </c>
      <c r="B5912" s="1"/>
      <c r="C5912">
        <v>12</v>
      </c>
      <c r="D5912" t="s">
        <v>14035</v>
      </c>
      <c r="E5912" t="s">
        <v>32676</v>
      </c>
      <c r="F5912">
        <v>4</v>
      </c>
      <c r="G5912" t="s">
        <v>10</v>
      </c>
      <c r="H5912" t="s">
        <v>14036</v>
      </c>
      <c r="I5912" t="s">
        <v>30540</v>
      </c>
    </row>
    <row r="5913" spans="1:9">
      <c r="A5913" s="1">
        <v>0.34196251681711498</v>
      </c>
      <c r="B5913" s="1"/>
      <c r="C5913">
        <v>1</v>
      </c>
      <c r="D5913" t="s">
        <v>14029</v>
      </c>
      <c r="E5913" t="s">
        <v>32676</v>
      </c>
      <c r="F5913">
        <v>4</v>
      </c>
      <c r="G5913" t="s">
        <v>14</v>
      </c>
      <c r="H5913" t="s">
        <v>14030</v>
      </c>
      <c r="I5913" t="s">
        <v>30540</v>
      </c>
    </row>
    <row r="5914" spans="1:9">
      <c r="A5914" s="1">
        <v>0.53640524194618755</v>
      </c>
      <c r="B5914" s="1"/>
      <c r="C5914">
        <v>14</v>
      </c>
      <c r="D5914" t="s">
        <v>14037</v>
      </c>
      <c r="E5914" t="s">
        <v>32676</v>
      </c>
      <c r="F5914">
        <v>4</v>
      </c>
      <c r="G5914" t="s">
        <v>14</v>
      </c>
      <c r="H5914" t="s">
        <v>14038</v>
      </c>
      <c r="I5914" t="s">
        <v>30540</v>
      </c>
    </row>
    <row r="5915" spans="1:9">
      <c r="A5915" s="1">
        <v>0.33189656670159873</v>
      </c>
      <c r="B5915" s="1"/>
      <c r="C5915">
        <v>11</v>
      </c>
      <c r="D5915" t="s">
        <v>14033</v>
      </c>
      <c r="E5915" t="s">
        <v>32676</v>
      </c>
      <c r="F5915">
        <v>3</v>
      </c>
      <c r="G5915" t="s">
        <v>14</v>
      </c>
      <c r="H5915" t="s">
        <v>14034</v>
      </c>
      <c r="I5915" t="s">
        <v>30540</v>
      </c>
    </row>
    <row r="5916" spans="1:9">
      <c r="A5916" s="1">
        <v>0.34644603757161452</v>
      </c>
      <c r="B5916" s="1"/>
      <c r="C5916">
        <v>1</v>
      </c>
      <c r="D5916" t="s">
        <v>14015</v>
      </c>
      <c r="E5916" t="s">
        <v>32677</v>
      </c>
      <c r="F5916">
        <v>5</v>
      </c>
      <c r="G5916" t="s">
        <v>2</v>
      </c>
      <c r="H5916" t="s">
        <v>14016</v>
      </c>
      <c r="I5916" t="s">
        <v>30540</v>
      </c>
    </row>
    <row r="5917" spans="1:9">
      <c r="A5917" s="1">
        <v>0.68891748532115238</v>
      </c>
      <c r="B5917" s="1"/>
      <c r="C5917">
        <v>2</v>
      </c>
      <c r="D5917" t="s">
        <v>14017</v>
      </c>
      <c r="E5917" t="s">
        <v>32677</v>
      </c>
      <c r="F5917">
        <v>4</v>
      </c>
      <c r="G5917" t="s">
        <v>775</v>
      </c>
      <c r="H5917" t="s">
        <v>14018</v>
      </c>
      <c r="I5917" t="s">
        <v>30540</v>
      </c>
    </row>
    <row r="5918" spans="1:9">
      <c r="A5918" s="1">
        <v>0.52233794523839316</v>
      </c>
      <c r="B5918" s="1"/>
      <c r="C5918">
        <v>15</v>
      </c>
      <c r="D5918" t="s">
        <v>14025</v>
      </c>
      <c r="E5918" t="s">
        <v>32677</v>
      </c>
      <c r="F5918">
        <v>4</v>
      </c>
      <c r="G5918" t="s">
        <v>10</v>
      </c>
      <c r="H5918" t="s">
        <v>14026</v>
      </c>
      <c r="I5918" t="s">
        <v>30540</v>
      </c>
    </row>
    <row r="5919" spans="1:9">
      <c r="A5919" s="1">
        <v>0.24984195970674872</v>
      </c>
      <c r="B5919" s="1"/>
      <c r="C5919">
        <v>14</v>
      </c>
      <c r="D5919" t="s">
        <v>14023</v>
      </c>
      <c r="E5919" t="s">
        <v>32677</v>
      </c>
      <c r="F5919">
        <v>4</v>
      </c>
      <c r="G5919" t="s">
        <v>3732</v>
      </c>
      <c r="H5919" t="s">
        <v>14024</v>
      </c>
      <c r="I5919" t="s">
        <v>30540</v>
      </c>
    </row>
    <row r="5920" spans="1:9">
      <c r="A5920" s="1">
        <v>0.19293735068140905</v>
      </c>
      <c r="B5920" s="1"/>
      <c r="C5920">
        <v>7</v>
      </c>
      <c r="D5920" t="s">
        <v>14019</v>
      </c>
      <c r="E5920" t="s">
        <v>32677</v>
      </c>
      <c r="F5920">
        <v>4</v>
      </c>
      <c r="G5920" t="s">
        <v>14</v>
      </c>
      <c r="H5920" t="s">
        <v>14020</v>
      </c>
      <c r="I5920" t="s">
        <v>30540</v>
      </c>
    </row>
    <row r="5921" spans="1:9">
      <c r="A5921" s="1">
        <v>0.22456007815158863</v>
      </c>
      <c r="B5921" s="1"/>
      <c r="C5921">
        <v>12</v>
      </c>
      <c r="D5921" t="s">
        <v>14021</v>
      </c>
      <c r="E5921" t="s">
        <v>32677</v>
      </c>
      <c r="F5921">
        <v>4</v>
      </c>
      <c r="G5921" t="s">
        <v>9</v>
      </c>
      <c r="H5921" t="s">
        <v>14022</v>
      </c>
      <c r="I5921" t="s">
        <v>30540</v>
      </c>
    </row>
    <row r="5922" spans="1:9">
      <c r="A5922" s="1">
        <v>0.21909575362969835</v>
      </c>
      <c r="B5922" s="1"/>
      <c r="C5922">
        <v>6</v>
      </c>
      <c r="D5922" t="s">
        <v>14009</v>
      </c>
      <c r="E5922" t="s">
        <v>32678</v>
      </c>
      <c r="F5922">
        <v>5</v>
      </c>
      <c r="G5922" t="s">
        <v>14</v>
      </c>
      <c r="H5922" t="s">
        <v>14010</v>
      </c>
      <c r="I5922" t="s">
        <v>30540</v>
      </c>
    </row>
    <row r="5923" spans="1:9">
      <c r="A5923" s="1">
        <v>0.84327026737766053</v>
      </c>
      <c r="B5923" s="1"/>
      <c r="C5923">
        <v>5</v>
      </c>
      <c r="D5923" t="s">
        <v>14007</v>
      </c>
      <c r="E5923" t="s">
        <v>32678</v>
      </c>
      <c r="F5923">
        <v>4</v>
      </c>
      <c r="G5923" t="s">
        <v>13</v>
      </c>
      <c r="H5923" t="s">
        <v>14008</v>
      </c>
      <c r="I5923" t="s">
        <v>30540</v>
      </c>
    </row>
    <row r="5924" spans="1:9">
      <c r="A5924" s="1">
        <v>7.732714301748167E-2</v>
      </c>
      <c r="B5924" s="1"/>
      <c r="C5924">
        <v>8</v>
      </c>
      <c r="D5924" t="s">
        <v>14011</v>
      </c>
      <c r="E5924" t="s">
        <v>32678</v>
      </c>
      <c r="F5924">
        <v>4</v>
      </c>
      <c r="G5924" t="s">
        <v>0</v>
      </c>
      <c r="H5924" t="s">
        <v>14012</v>
      </c>
      <c r="I5924" t="s">
        <v>30540</v>
      </c>
    </row>
    <row r="5925" spans="1:9">
      <c r="A5925" s="1">
        <v>0.79651054366191509</v>
      </c>
      <c r="B5925" s="1"/>
      <c r="C5925">
        <v>15</v>
      </c>
      <c r="D5925" t="s">
        <v>14013</v>
      </c>
      <c r="E5925" t="s">
        <v>32678</v>
      </c>
      <c r="F5925">
        <v>3</v>
      </c>
      <c r="G5925" t="s">
        <v>1</v>
      </c>
      <c r="H5925" t="s">
        <v>14014</v>
      </c>
      <c r="I5925" t="s">
        <v>30540</v>
      </c>
    </row>
    <row r="5926" spans="1:9">
      <c r="A5926" s="1">
        <v>0.90254665552318303</v>
      </c>
      <c r="B5926" s="1"/>
      <c r="C5926">
        <v>1</v>
      </c>
      <c r="D5926" t="s">
        <v>14001</v>
      </c>
      <c r="E5926" t="s">
        <v>32679</v>
      </c>
      <c r="F5926">
        <v>4</v>
      </c>
      <c r="G5926" t="s">
        <v>14</v>
      </c>
      <c r="H5926" t="s">
        <v>14002</v>
      </c>
      <c r="I5926" t="s">
        <v>30540</v>
      </c>
    </row>
    <row r="5927" spans="1:9">
      <c r="A5927" s="1">
        <v>0.39746083306320956</v>
      </c>
      <c r="B5927" s="1"/>
      <c r="C5927">
        <v>13</v>
      </c>
      <c r="D5927" t="s">
        <v>14005</v>
      </c>
      <c r="E5927" t="s">
        <v>32679</v>
      </c>
      <c r="F5927">
        <v>4</v>
      </c>
      <c r="G5927" t="s">
        <v>14</v>
      </c>
      <c r="H5927" t="s">
        <v>14006</v>
      </c>
      <c r="I5927" t="s">
        <v>30540</v>
      </c>
    </row>
    <row r="5928" spans="1:9">
      <c r="A5928" s="1">
        <v>0.48273580536175953</v>
      </c>
      <c r="B5928" s="1"/>
      <c r="C5928">
        <v>8</v>
      </c>
      <c r="D5928" t="s">
        <v>14003</v>
      </c>
      <c r="E5928" t="s">
        <v>32679</v>
      </c>
      <c r="F5928">
        <v>4</v>
      </c>
      <c r="G5928" t="s">
        <v>14</v>
      </c>
      <c r="H5928" t="s">
        <v>14004</v>
      </c>
      <c r="I5928" t="s">
        <v>30540</v>
      </c>
    </row>
    <row r="5929" spans="1:9">
      <c r="A5929" s="1">
        <v>0.55525498159957065</v>
      </c>
      <c r="B5929" s="1"/>
      <c r="C5929">
        <v>1</v>
      </c>
      <c r="D5929" t="s">
        <v>13995</v>
      </c>
      <c r="E5929" t="s">
        <v>32680</v>
      </c>
      <c r="F5929">
        <v>4</v>
      </c>
      <c r="G5929" t="s">
        <v>14</v>
      </c>
      <c r="H5929" t="s">
        <v>13996</v>
      </c>
      <c r="I5929" t="s">
        <v>30540</v>
      </c>
    </row>
    <row r="5930" spans="1:9">
      <c r="A5930" s="1">
        <v>0.1730972174895764</v>
      </c>
      <c r="B5930" s="1"/>
      <c r="C5930">
        <v>3</v>
      </c>
      <c r="D5930" t="s">
        <v>13999</v>
      </c>
      <c r="E5930" t="s">
        <v>32680</v>
      </c>
      <c r="F5930">
        <v>4</v>
      </c>
      <c r="G5930" t="s">
        <v>14</v>
      </c>
      <c r="H5930" t="s">
        <v>14000</v>
      </c>
      <c r="I5930" t="s">
        <v>30540</v>
      </c>
    </row>
    <row r="5931" spans="1:9">
      <c r="A5931" s="1">
        <v>0.84699770973069122</v>
      </c>
      <c r="B5931" s="1"/>
      <c r="C5931">
        <v>11</v>
      </c>
      <c r="D5931" t="s">
        <v>13991</v>
      </c>
      <c r="E5931" t="s">
        <v>32681</v>
      </c>
      <c r="F5931">
        <v>5</v>
      </c>
      <c r="G5931" t="s">
        <v>14</v>
      </c>
      <c r="H5931" t="s">
        <v>13992</v>
      </c>
      <c r="I5931" t="s">
        <v>30540</v>
      </c>
    </row>
    <row r="5932" spans="1:9">
      <c r="A5932" s="1">
        <v>0.42815860816460916</v>
      </c>
      <c r="B5932" s="1"/>
      <c r="C5932">
        <v>7</v>
      </c>
      <c r="D5932" t="s">
        <v>13987</v>
      </c>
      <c r="E5932" t="s">
        <v>32681</v>
      </c>
      <c r="F5932">
        <v>4</v>
      </c>
      <c r="G5932" t="s">
        <v>14</v>
      </c>
      <c r="H5932" t="s">
        <v>13988</v>
      </c>
      <c r="I5932" t="s">
        <v>30540</v>
      </c>
    </row>
    <row r="5933" spans="1:9">
      <c r="A5933" s="1">
        <v>0.43176970311651586</v>
      </c>
      <c r="B5933" s="1"/>
      <c r="C5933">
        <v>12</v>
      </c>
      <c r="D5933" t="s">
        <v>13993</v>
      </c>
      <c r="E5933" t="s">
        <v>32681</v>
      </c>
      <c r="F5933">
        <v>4</v>
      </c>
      <c r="G5933" t="s">
        <v>0</v>
      </c>
      <c r="H5933" t="s">
        <v>13994</v>
      </c>
      <c r="I5933" t="s">
        <v>30540</v>
      </c>
    </row>
    <row r="5934" spans="1:9">
      <c r="A5934" s="1">
        <v>0.17089997699345338</v>
      </c>
      <c r="B5934" s="1"/>
      <c r="C5934">
        <v>5</v>
      </c>
      <c r="D5934" t="s">
        <v>13985</v>
      </c>
      <c r="E5934" t="s">
        <v>32681</v>
      </c>
      <c r="F5934">
        <v>4</v>
      </c>
      <c r="G5934" t="s">
        <v>9</v>
      </c>
      <c r="H5934" t="s">
        <v>13986</v>
      </c>
      <c r="I5934" t="s">
        <v>30540</v>
      </c>
    </row>
    <row r="5935" spans="1:9">
      <c r="A5935" s="1">
        <v>0.1834218956218906</v>
      </c>
      <c r="B5935" s="1"/>
      <c r="C5935">
        <v>3</v>
      </c>
      <c r="D5935" t="s">
        <v>13983</v>
      </c>
      <c r="E5935" t="s">
        <v>32681</v>
      </c>
      <c r="F5935">
        <v>4</v>
      </c>
      <c r="G5935" t="s">
        <v>10</v>
      </c>
      <c r="H5935" t="s">
        <v>13984</v>
      </c>
      <c r="I5935" t="s">
        <v>30540</v>
      </c>
    </row>
    <row r="5936" spans="1:9">
      <c r="A5936" s="1">
        <v>0.86240284741241657</v>
      </c>
      <c r="B5936" s="1"/>
      <c r="C5936">
        <v>2</v>
      </c>
      <c r="D5936" t="s">
        <v>13981</v>
      </c>
      <c r="E5936" t="s">
        <v>32681</v>
      </c>
      <c r="F5936">
        <v>3</v>
      </c>
      <c r="G5936" t="s">
        <v>10</v>
      </c>
      <c r="H5936" t="s">
        <v>13982</v>
      </c>
      <c r="I5936" t="s">
        <v>30540</v>
      </c>
    </row>
    <row r="5937" spans="1:9">
      <c r="A5937" s="1">
        <v>0.82141554820313056</v>
      </c>
      <c r="B5937" s="1"/>
      <c r="C5937">
        <v>9</v>
      </c>
      <c r="D5937" t="s">
        <v>13989</v>
      </c>
      <c r="E5937" t="s">
        <v>32681</v>
      </c>
      <c r="F5937">
        <v>3</v>
      </c>
      <c r="G5937" t="s">
        <v>1</v>
      </c>
      <c r="H5937" t="s">
        <v>13990</v>
      </c>
      <c r="I5937" t="s">
        <v>30540</v>
      </c>
    </row>
    <row r="5938" spans="1:9">
      <c r="A5938" s="1">
        <v>1.2224591473257718E-3</v>
      </c>
      <c r="B5938" s="1"/>
      <c r="C5938">
        <v>3</v>
      </c>
      <c r="D5938" t="s">
        <v>13967</v>
      </c>
      <c r="E5938" t="s">
        <v>32682</v>
      </c>
      <c r="F5938">
        <v>5</v>
      </c>
      <c r="G5938" t="s">
        <v>13</v>
      </c>
      <c r="H5938" t="s">
        <v>13968</v>
      </c>
      <c r="I5938" t="s">
        <v>30540</v>
      </c>
    </row>
    <row r="5939" spans="1:9">
      <c r="A5939" s="1">
        <v>0.26263644611455705</v>
      </c>
      <c r="B5939" s="1"/>
      <c r="C5939">
        <v>20</v>
      </c>
      <c r="D5939" t="s">
        <v>13979</v>
      </c>
      <c r="E5939" t="s">
        <v>32682</v>
      </c>
      <c r="F5939">
        <v>4</v>
      </c>
      <c r="G5939" t="s">
        <v>765</v>
      </c>
      <c r="H5939" t="s">
        <v>13980</v>
      </c>
      <c r="I5939" t="s">
        <v>30540</v>
      </c>
    </row>
    <row r="5940" spans="1:9">
      <c r="A5940" s="1">
        <v>0.81590330581461923</v>
      </c>
      <c r="B5940" s="1"/>
      <c r="C5940">
        <v>10</v>
      </c>
      <c r="D5940" t="s">
        <v>13975</v>
      </c>
      <c r="E5940" t="s">
        <v>32682</v>
      </c>
      <c r="F5940">
        <v>4</v>
      </c>
      <c r="G5940" t="s">
        <v>3732</v>
      </c>
      <c r="H5940" t="s">
        <v>13976</v>
      </c>
      <c r="I5940" t="s">
        <v>30540</v>
      </c>
    </row>
    <row r="5941" spans="1:9">
      <c r="A5941" s="1">
        <v>0.86756231773156078</v>
      </c>
      <c r="B5941" s="1"/>
      <c r="C5941">
        <v>4</v>
      </c>
      <c r="D5941" t="s">
        <v>13969</v>
      </c>
      <c r="E5941" t="s">
        <v>32682</v>
      </c>
      <c r="F5941">
        <v>4</v>
      </c>
      <c r="G5941" t="s">
        <v>1431</v>
      </c>
      <c r="H5941" t="s">
        <v>13970</v>
      </c>
      <c r="I5941" t="s">
        <v>30540</v>
      </c>
    </row>
    <row r="5942" spans="1:9">
      <c r="A5942" s="1">
        <v>0.17461920356694993</v>
      </c>
      <c r="B5942" s="1"/>
      <c r="C5942">
        <v>5</v>
      </c>
      <c r="D5942" t="s">
        <v>13971</v>
      </c>
      <c r="E5942" t="s">
        <v>32682</v>
      </c>
      <c r="F5942">
        <v>4</v>
      </c>
      <c r="G5942" t="s">
        <v>3732</v>
      </c>
      <c r="H5942" t="s">
        <v>13972</v>
      </c>
      <c r="I5942" t="s">
        <v>30540</v>
      </c>
    </row>
    <row r="5943" spans="1:9">
      <c r="A5943" s="1">
        <v>0.44712997456050019</v>
      </c>
      <c r="B5943" s="1"/>
      <c r="C5943">
        <v>14</v>
      </c>
      <c r="D5943" t="s">
        <v>13977</v>
      </c>
      <c r="E5943" t="s">
        <v>32682</v>
      </c>
      <c r="F5943">
        <v>4</v>
      </c>
      <c r="G5943" t="s">
        <v>1</v>
      </c>
      <c r="H5943" t="s">
        <v>13978</v>
      </c>
      <c r="I5943" t="s">
        <v>30540</v>
      </c>
    </row>
    <row r="5944" spans="1:9">
      <c r="A5944" s="1">
        <v>0.7633471223265883</v>
      </c>
      <c r="B5944" s="1"/>
      <c r="C5944">
        <v>6</v>
      </c>
      <c r="D5944" t="s">
        <v>13973</v>
      </c>
      <c r="E5944" t="s">
        <v>32682</v>
      </c>
      <c r="F5944">
        <v>4</v>
      </c>
      <c r="G5944" t="s">
        <v>14</v>
      </c>
      <c r="H5944" t="s">
        <v>13974</v>
      </c>
      <c r="I5944" t="s">
        <v>30540</v>
      </c>
    </row>
    <row r="5945" spans="1:9">
      <c r="A5945" s="1">
        <v>0.97258934888864457</v>
      </c>
      <c r="B5945" s="1"/>
      <c r="C5945">
        <v>3</v>
      </c>
      <c r="D5945" t="s">
        <v>13955</v>
      </c>
      <c r="E5945" t="s">
        <v>32683</v>
      </c>
      <c r="F5945">
        <v>4</v>
      </c>
      <c r="G5945" t="s">
        <v>9</v>
      </c>
      <c r="H5945" t="s">
        <v>13956</v>
      </c>
      <c r="I5945" t="s">
        <v>30540</v>
      </c>
    </row>
    <row r="5946" spans="1:9">
      <c r="A5946" s="1">
        <v>0.42784165430928378</v>
      </c>
      <c r="B5946" s="1"/>
      <c r="C5946">
        <v>10</v>
      </c>
      <c r="D5946" t="s">
        <v>13961</v>
      </c>
      <c r="E5946" t="s">
        <v>32683</v>
      </c>
      <c r="F5946">
        <v>4</v>
      </c>
      <c r="G5946" t="s">
        <v>14</v>
      </c>
      <c r="H5946" t="s">
        <v>13962</v>
      </c>
      <c r="I5946" t="s">
        <v>30540</v>
      </c>
    </row>
    <row r="5947" spans="1:9">
      <c r="A5947" s="1">
        <v>0.5143938068759164</v>
      </c>
      <c r="B5947" s="1"/>
      <c r="C5947">
        <v>5</v>
      </c>
      <c r="D5947" t="s">
        <v>13957</v>
      </c>
      <c r="E5947" t="s">
        <v>32683</v>
      </c>
      <c r="F5947">
        <v>4</v>
      </c>
      <c r="G5947" t="s">
        <v>13</v>
      </c>
      <c r="H5947" t="s">
        <v>13958</v>
      </c>
      <c r="I5947" t="s">
        <v>30540</v>
      </c>
    </row>
    <row r="5948" spans="1:9">
      <c r="A5948" s="1">
        <v>0.59545095487592636</v>
      </c>
      <c r="B5948" s="1"/>
      <c r="C5948">
        <v>11</v>
      </c>
      <c r="D5948" t="s">
        <v>13963</v>
      </c>
      <c r="E5948" t="s">
        <v>32683</v>
      </c>
      <c r="F5948">
        <v>4</v>
      </c>
      <c r="G5948" t="s">
        <v>15</v>
      </c>
      <c r="H5948" t="s">
        <v>13964</v>
      </c>
      <c r="I5948" t="s">
        <v>30540</v>
      </c>
    </row>
    <row r="5949" spans="1:9">
      <c r="A5949" s="1">
        <v>0.25840633820267289</v>
      </c>
      <c r="B5949" s="1"/>
      <c r="C5949">
        <v>8</v>
      </c>
      <c r="D5949" t="s">
        <v>13959</v>
      </c>
      <c r="E5949" t="s">
        <v>32683</v>
      </c>
      <c r="F5949">
        <v>4</v>
      </c>
      <c r="G5949" t="s">
        <v>15</v>
      </c>
      <c r="H5949" t="s">
        <v>13960</v>
      </c>
      <c r="I5949" t="s">
        <v>30540</v>
      </c>
    </row>
    <row r="5950" spans="1:9">
      <c r="A5950" s="1">
        <v>0.91800306838833479</v>
      </c>
      <c r="B5950" s="1"/>
      <c r="C5950">
        <v>3</v>
      </c>
      <c r="D5950" t="s">
        <v>13947</v>
      </c>
      <c r="E5950" t="s">
        <v>32684</v>
      </c>
      <c r="F5950">
        <v>5</v>
      </c>
      <c r="G5950" t="s">
        <v>10</v>
      </c>
      <c r="H5950" t="s">
        <v>13948</v>
      </c>
      <c r="I5950" t="s">
        <v>30540</v>
      </c>
    </row>
    <row r="5951" spans="1:9">
      <c r="A5951" s="1">
        <v>0.14738025579136449</v>
      </c>
      <c r="B5951" s="1"/>
      <c r="C5951">
        <v>10</v>
      </c>
      <c r="D5951" t="s">
        <v>13951</v>
      </c>
      <c r="E5951" t="s">
        <v>32684</v>
      </c>
      <c r="F5951">
        <v>5</v>
      </c>
      <c r="G5951" t="s">
        <v>0</v>
      </c>
      <c r="H5951" t="s">
        <v>13952</v>
      </c>
      <c r="I5951" t="s">
        <v>30540</v>
      </c>
    </row>
    <row r="5952" spans="1:9">
      <c r="A5952" s="1">
        <v>0.52764024106242968</v>
      </c>
      <c r="B5952" s="1"/>
      <c r="C5952">
        <v>1</v>
      </c>
      <c r="D5952" t="s">
        <v>13945</v>
      </c>
      <c r="E5952" t="s">
        <v>32684</v>
      </c>
      <c r="F5952">
        <v>4</v>
      </c>
      <c r="G5952" t="s">
        <v>10</v>
      </c>
      <c r="H5952" t="s">
        <v>13946</v>
      </c>
      <c r="I5952" t="s">
        <v>30540</v>
      </c>
    </row>
    <row r="5953" spans="1:9">
      <c r="A5953" s="1">
        <v>0.62502039324626757</v>
      </c>
      <c r="B5953" s="1"/>
      <c r="C5953">
        <v>12</v>
      </c>
      <c r="D5953" t="s">
        <v>13953</v>
      </c>
      <c r="E5953" t="s">
        <v>32684</v>
      </c>
      <c r="F5953">
        <v>4</v>
      </c>
      <c r="G5953" t="s">
        <v>14</v>
      </c>
      <c r="H5953" t="s">
        <v>13954</v>
      </c>
      <c r="I5953" t="s">
        <v>30540</v>
      </c>
    </row>
    <row r="5954" spans="1:9">
      <c r="A5954" s="1">
        <v>0.2607100369185027</v>
      </c>
      <c r="B5954" s="1"/>
      <c r="C5954">
        <v>9</v>
      </c>
      <c r="D5954" t="s">
        <v>13949</v>
      </c>
      <c r="E5954" t="s">
        <v>32684</v>
      </c>
      <c r="F5954">
        <v>3</v>
      </c>
      <c r="G5954" t="s">
        <v>0</v>
      </c>
      <c r="H5954" t="s">
        <v>13950</v>
      </c>
      <c r="I5954" t="s">
        <v>30540</v>
      </c>
    </row>
    <row r="5955" spans="1:9">
      <c r="A5955" s="1">
        <v>4.4886696569649276E-2</v>
      </c>
      <c r="B5955" s="1"/>
      <c r="C5955">
        <v>12</v>
      </c>
      <c r="D5955" t="s">
        <v>13941</v>
      </c>
      <c r="E5955" t="s">
        <v>32685</v>
      </c>
      <c r="F5955">
        <v>5</v>
      </c>
      <c r="G5955" t="s">
        <v>14</v>
      </c>
      <c r="H5955" t="s">
        <v>13942</v>
      </c>
      <c r="I5955" t="s">
        <v>30540</v>
      </c>
    </row>
    <row r="5956" spans="1:9">
      <c r="A5956" s="1">
        <v>0.1561902289342546</v>
      </c>
      <c r="B5956" s="1"/>
      <c r="C5956">
        <v>9</v>
      </c>
      <c r="D5956" t="s">
        <v>13937</v>
      </c>
      <c r="E5956" t="s">
        <v>32685</v>
      </c>
      <c r="F5956">
        <v>5</v>
      </c>
      <c r="G5956" t="s">
        <v>14</v>
      </c>
      <c r="H5956" t="s">
        <v>13938</v>
      </c>
      <c r="I5956" t="s">
        <v>30540</v>
      </c>
    </row>
    <row r="5957" spans="1:9">
      <c r="A5957" s="1">
        <v>0.24718275085710306</v>
      </c>
      <c r="B5957" s="1"/>
      <c r="C5957">
        <v>10</v>
      </c>
      <c r="D5957" t="s">
        <v>13939</v>
      </c>
      <c r="E5957" t="s">
        <v>32685</v>
      </c>
      <c r="F5957">
        <v>5</v>
      </c>
      <c r="G5957" t="s">
        <v>14</v>
      </c>
      <c r="H5957" t="s">
        <v>13940</v>
      </c>
      <c r="I5957" t="s">
        <v>30540</v>
      </c>
    </row>
    <row r="5958" spans="1:9">
      <c r="A5958" s="1">
        <v>6.1711037693520154E-2</v>
      </c>
      <c r="B5958" s="1"/>
      <c r="C5958">
        <v>5</v>
      </c>
      <c r="D5958" t="s">
        <v>13933</v>
      </c>
      <c r="E5958" t="s">
        <v>32685</v>
      </c>
      <c r="F5958">
        <v>4</v>
      </c>
      <c r="G5958" t="s">
        <v>14</v>
      </c>
      <c r="H5958" t="s">
        <v>13934</v>
      </c>
      <c r="I5958" t="s">
        <v>30540</v>
      </c>
    </row>
    <row r="5959" spans="1:9">
      <c r="A5959" s="1">
        <v>0.80477276941535092</v>
      </c>
      <c r="B5959" s="1"/>
      <c r="C5959">
        <v>8</v>
      </c>
      <c r="D5959" t="s">
        <v>13935</v>
      </c>
      <c r="E5959" t="s">
        <v>32685</v>
      </c>
      <c r="F5959">
        <v>4</v>
      </c>
      <c r="G5959" t="s">
        <v>14</v>
      </c>
      <c r="H5959" t="s">
        <v>13936</v>
      </c>
      <c r="I5959" t="s">
        <v>30540</v>
      </c>
    </row>
    <row r="5960" spans="1:9">
      <c r="A5960" s="1">
        <v>0.94906070516290431</v>
      </c>
      <c r="B5960" s="1"/>
      <c r="C5960">
        <v>9</v>
      </c>
      <c r="D5960" t="s">
        <v>13921</v>
      </c>
      <c r="E5960" t="s">
        <v>32686</v>
      </c>
      <c r="F5960">
        <v>5</v>
      </c>
      <c r="G5960" t="s">
        <v>2</v>
      </c>
      <c r="H5960" t="s">
        <v>13922</v>
      </c>
      <c r="I5960" t="s">
        <v>30540</v>
      </c>
    </row>
    <row r="5961" spans="1:9">
      <c r="A5961" s="1">
        <v>0.52546243261704384</v>
      </c>
      <c r="B5961" s="1"/>
      <c r="C5961">
        <v>17</v>
      </c>
      <c r="D5961" t="s">
        <v>13927</v>
      </c>
      <c r="E5961" t="s">
        <v>32686</v>
      </c>
      <c r="F5961">
        <v>4</v>
      </c>
      <c r="G5961" t="s">
        <v>1</v>
      </c>
      <c r="H5961" t="s">
        <v>13928</v>
      </c>
      <c r="I5961" t="s">
        <v>30540</v>
      </c>
    </row>
    <row r="5962" spans="1:9">
      <c r="A5962" s="1">
        <v>0.15764772721824671</v>
      </c>
      <c r="B5962" s="1"/>
      <c r="C5962">
        <v>14</v>
      </c>
      <c r="D5962" t="s">
        <v>13925</v>
      </c>
      <c r="E5962" t="s">
        <v>32686</v>
      </c>
      <c r="F5962">
        <v>4</v>
      </c>
      <c r="G5962" t="s">
        <v>14</v>
      </c>
      <c r="H5962" t="s">
        <v>13926</v>
      </c>
      <c r="I5962" t="s">
        <v>30540</v>
      </c>
    </row>
    <row r="5963" spans="1:9">
      <c r="A5963" s="1">
        <v>0.96563274225220685</v>
      </c>
      <c r="B5963" s="1"/>
      <c r="C5963">
        <v>12</v>
      </c>
      <c r="D5963" t="s">
        <v>13923</v>
      </c>
      <c r="E5963" t="s">
        <v>32686</v>
      </c>
      <c r="F5963">
        <v>4</v>
      </c>
      <c r="G5963" t="s">
        <v>14</v>
      </c>
      <c r="H5963" t="s">
        <v>13924</v>
      </c>
      <c r="I5963" t="s">
        <v>30540</v>
      </c>
    </row>
    <row r="5964" spans="1:9">
      <c r="A5964" s="1">
        <v>0.10751866838651969</v>
      </c>
      <c r="B5964" s="1"/>
      <c r="C5964">
        <v>19</v>
      </c>
      <c r="D5964" t="s">
        <v>13929</v>
      </c>
      <c r="E5964" t="s">
        <v>32686</v>
      </c>
      <c r="F5964">
        <v>4</v>
      </c>
      <c r="G5964" t="s">
        <v>14</v>
      </c>
      <c r="H5964" t="s">
        <v>13930</v>
      </c>
      <c r="I5964" t="s">
        <v>30540</v>
      </c>
    </row>
    <row r="5965" spans="1:9">
      <c r="A5965" s="1">
        <v>0.18736915149392586</v>
      </c>
      <c r="B5965" s="1"/>
      <c r="C5965">
        <v>20</v>
      </c>
      <c r="D5965" t="s">
        <v>13931</v>
      </c>
      <c r="E5965" t="s">
        <v>32686</v>
      </c>
      <c r="F5965">
        <v>4</v>
      </c>
      <c r="G5965" t="s">
        <v>10</v>
      </c>
      <c r="H5965" t="s">
        <v>13932</v>
      </c>
      <c r="I5965" t="s">
        <v>30540</v>
      </c>
    </row>
    <row r="5966" spans="1:9">
      <c r="A5966" s="1">
        <v>0.13770781671744425</v>
      </c>
      <c r="B5966" s="1"/>
      <c r="C5966">
        <v>1</v>
      </c>
      <c r="D5966" t="s">
        <v>13919</v>
      </c>
      <c r="E5966" t="s">
        <v>32686</v>
      </c>
      <c r="F5966">
        <v>3</v>
      </c>
      <c r="G5966" t="s">
        <v>14</v>
      </c>
      <c r="H5966" t="s">
        <v>13920</v>
      </c>
      <c r="I5966" t="s">
        <v>30540</v>
      </c>
    </row>
    <row r="5967" spans="1:9">
      <c r="A5967" s="1">
        <v>0.155175725045686</v>
      </c>
      <c r="B5967" s="1"/>
      <c r="C5967">
        <v>14</v>
      </c>
      <c r="D5967" t="s">
        <v>13915</v>
      </c>
      <c r="E5967" t="s">
        <v>32687</v>
      </c>
      <c r="F5967">
        <v>5</v>
      </c>
      <c r="G5967" t="s">
        <v>13</v>
      </c>
      <c r="H5967" t="s">
        <v>13916</v>
      </c>
      <c r="I5967" t="s">
        <v>30540</v>
      </c>
    </row>
    <row r="5968" spans="1:9">
      <c r="A5968" s="1">
        <v>0.14856663073007037</v>
      </c>
      <c r="B5968" s="1"/>
      <c r="C5968">
        <v>11</v>
      </c>
      <c r="D5968" t="s">
        <v>13911</v>
      </c>
      <c r="E5968" t="s">
        <v>32687</v>
      </c>
      <c r="F5968">
        <v>4</v>
      </c>
      <c r="G5968" t="s">
        <v>3732</v>
      </c>
      <c r="H5968" t="s">
        <v>13912</v>
      </c>
      <c r="I5968" t="s">
        <v>30540</v>
      </c>
    </row>
    <row r="5969" spans="1:9">
      <c r="A5969" s="1">
        <v>0.5881111559340032</v>
      </c>
      <c r="B5969" s="1"/>
      <c r="C5969">
        <v>8</v>
      </c>
      <c r="D5969" t="s">
        <v>13909</v>
      </c>
      <c r="E5969" t="s">
        <v>32687</v>
      </c>
      <c r="F5969">
        <v>4</v>
      </c>
      <c r="G5969" t="s">
        <v>775</v>
      </c>
      <c r="H5969" t="s">
        <v>13910</v>
      </c>
      <c r="I5969" t="s">
        <v>30540</v>
      </c>
    </row>
    <row r="5970" spans="1:9">
      <c r="A5970" s="1">
        <v>0.32348749270209665</v>
      </c>
      <c r="B5970" s="1"/>
      <c r="C5970">
        <v>3</v>
      </c>
      <c r="D5970" t="s">
        <v>13907</v>
      </c>
      <c r="E5970" t="s">
        <v>32687</v>
      </c>
      <c r="F5970">
        <v>4</v>
      </c>
      <c r="G5970" t="s">
        <v>1431</v>
      </c>
      <c r="H5970" t="s">
        <v>13908</v>
      </c>
      <c r="I5970" t="s">
        <v>30540</v>
      </c>
    </row>
    <row r="5971" spans="1:9">
      <c r="A5971" s="1">
        <v>6.4644232505833177E-2</v>
      </c>
      <c r="B5971" s="1"/>
      <c r="C5971">
        <v>13</v>
      </c>
      <c r="D5971" t="s">
        <v>13913</v>
      </c>
      <c r="E5971" t="s">
        <v>32687</v>
      </c>
      <c r="F5971">
        <v>3</v>
      </c>
      <c r="G5971" t="s">
        <v>14</v>
      </c>
      <c r="H5971" t="s">
        <v>13914</v>
      </c>
      <c r="I5971" t="s">
        <v>30540</v>
      </c>
    </row>
    <row r="5972" spans="1:9">
      <c r="A5972" s="1">
        <v>0.96499368723386747</v>
      </c>
      <c r="B5972" s="1"/>
      <c r="C5972">
        <v>19</v>
      </c>
      <c r="D5972" t="s">
        <v>13917</v>
      </c>
      <c r="E5972" t="s">
        <v>32687</v>
      </c>
      <c r="F5972">
        <v>3</v>
      </c>
      <c r="G5972" t="s">
        <v>14</v>
      </c>
      <c r="H5972" t="s">
        <v>13918</v>
      </c>
      <c r="I5972" t="s">
        <v>30540</v>
      </c>
    </row>
    <row r="5973" spans="1:9">
      <c r="A5973" s="1">
        <v>0.12676417311567989</v>
      </c>
      <c r="B5973" s="1"/>
      <c r="C5973">
        <v>3</v>
      </c>
      <c r="D5973" t="s">
        <v>13899</v>
      </c>
      <c r="E5973" t="s">
        <v>32688</v>
      </c>
      <c r="F5973">
        <v>4</v>
      </c>
      <c r="G5973" t="s">
        <v>10</v>
      </c>
      <c r="H5973" t="s">
        <v>13900</v>
      </c>
      <c r="I5973" t="s">
        <v>30540</v>
      </c>
    </row>
    <row r="5974" spans="1:9">
      <c r="A5974" s="1">
        <v>0.89658451907376546</v>
      </c>
      <c r="B5974" s="1"/>
      <c r="C5974">
        <v>7</v>
      </c>
      <c r="D5974" t="s">
        <v>13903</v>
      </c>
      <c r="E5974" t="s">
        <v>32688</v>
      </c>
      <c r="F5974">
        <v>4</v>
      </c>
      <c r="G5974" t="s">
        <v>14</v>
      </c>
      <c r="H5974" t="s">
        <v>13904</v>
      </c>
      <c r="I5974" t="s">
        <v>30540</v>
      </c>
    </row>
    <row r="5975" spans="1:9">
      <c r="A5975" s="1">
        <v>0.66121712174715619</v>
      </c>
      <c r="B5975" s="1"/>
      <c r="C5975">
        <v>9</v>
      </c>
      <c r="D5975" t="s">
        <v>13905</v>
      </c>
      <c r="E5975" t="s">
        <v>32688</v>
      </c>
      <c r="F5975">
        <v>4</v>
      </c>
      <c r="G5975" t="s">
        <v>9</v>
      </c>
      <c r="H5975" t="s">
        <v>13906</v>
      </c>
      <c r="I5975" t="s">
        <v>30540</v>
      </c>
    </row>
    <row r="5976" spans="1:9">
      <c r="A5976" s="1">
        <v>0.33014742874641334</v>
      </c>
      <c r="B5976" s="1"/>
      <c r="C5976">
        <v>5</v>
      </c>
      <c r="D5976" t="s">
        <v>13901</v>
      </c>
      <c r="E5976" t="s">
        <v>32688</v>
      </c>
      <c r="F5976">
        <v>3</v>
      </c>
      <c r="G5976" t="s">
        <v>1</v>
      </c>
      <c r="H5976" t="s">
        <v>13902</v>
      </c>
      <c r="I5976" t="s">
        <v>30540</v>
      </c>
    </row>
    <row r="5977" spans="1:9">
      <c r="A5977" s="1">
        <v>0.66089189656620961</v>
      </c>
      <c r="B5977" s="1"/>
      <c r="C5977">
        <v>5</v>
      </c>
      <c r="D5977" t="s">
        <v>13891</v>
      </c>
      <c r="E5977" t="s">
        <v>32689</v>
      </c>
      <c r="F5977">
        <v>4</v>
      </c>
      <c r="G5977" t="s">
        <v>10</v>
      </c>
      <c r="H5977" t="s">
        <v>13892</v>
      </c>
      <c r="I5977" t="s">
        <v>30540</v>
      </c>
    </row>
    <row r="5978" spans="1:9">
      <c r="A5978" s="1">
        <v>0.75382144237497317</v>
      </c>
      <c r="B5978" s="1"/>
      <c r="C5978">
        <v>8</v>
      </c>
      <c r="D5978" t="s">
        <v>13895</v>
      </c>
      <c r="E5978" t="s">
        <v>32689</v>
      </c>
      <c r="F5978">
        <v>4</v>
      </c>
      <c r="G5978" t="s">
        <v>14</v>
      </c>
      <c r="H5978" t="s">
        <v>13896</v>
      </c>
      <c r="I5978" t="s">
        <v>30540</v>
      </c>
    </row>
    <row r="5979" spans="1:9">
      <c r="A5979" s="1">
        <v>0.39417699599010925</v>
      </c>
      <c r="B5979" s="1"/>
      <c r="C5979">
        <v>6</v>
      </c>
      <c r="D5979" t="s">
        <v>13887</v>
      </c>
      <c r="E5979" t="s">
        <v>32690</v>
      </c>
      <c r="F5979">
        <v>4</v>
      </c>
      <c r="G5979" t="s">
        <v>0</v>
      </c>
      <c r="H5979" t="s">
        <v>13888</v>
      </c>
      <c r="I5979" t="s">
        <v>30540</v>
      </c>
    </row>
    <row r="5980" spans="1:9">
      <c r="A5980" s="1">
        <v>0.93183939271516436</v>
      </c>
      <c r="B5980" s="1"/>
      <c r="C5980">
        <v>2</v>
      </c>
      <c r="D5980" t="s">
        <v>13885</v>
      </c>
      <c r="E5980" t="s">
        <v>32690</v>
      </c>
      <c r="F5980">
        <v>4</v>
      </c>
      <c r="G5980" t="s">
        <v>14</v>
      </c>
      <c r="H5980" t="s">
        <v>13886</v>
      </c>
      <c r="I5980" t="s">
        <v>30540</v>
      </c>
    </row>
    <row r="5981" spans="1:9">
      <c r="A5981" s="1">
        <v>0.71788451815957244</v>
      </c>
      <c r="B5981" s="1"/>
      <c r="C5981">
        <v>10</v>
      </c>
      <c r="D5981" t="s">
        <v>13883</v>
      </c>
      <c r="E5981" t="s">
        <v>32691</v>
      </c>
      <c r="F5981">
        <v>5</v>
      </c>
      <c r="G5981" t="s">
        <v>14</v>
      </c>
      <c r="H5981" t="s">
        <v>13884</v>
      </c>
      <c r="I5981" t="s">
        <v>30540</v>
      </c>
    </row>
    <row r="5982" spans="1:9">
      <c r="A5982" s="1">
        <v>0.67396350366145708</v>
      </c>
      <c r="B5982" s="1"/>
      <c r="C5982">
        <v>5</v>
      </c>
      <c r="D5982" t="s">
        <v>13881</v>
      </c>
      <c r="E5982" t="s">
        <v>32691</v>
      </c>
      <c r="F5982">
        <v>4</v>
      </c>
      <c r="G5982" t="s">
        <v>10</v>
      </c>
      <c r="H5982" t="s">
        <v>13882</v>
      </c>
      <c r="I5982" t="s">
        <v>30540</v>
      </c>
    </row>
    <row r="5983" spans="1:9">
      <c r="A5983" s="1">
        <v>0.19849123799590984</v>
      </c>
      <c r="B5983" s="1"/>
      <c r="C5983">
        <v>1</v>
      </c>
      <c r="D5983" t="s">
        <v>13877</v>
      </c>
      <c r="E5983" t="s">
        <v>32691</v>
      </c>
      <c r="F5983">
        <v>4</v>
      </c>
      <c r="G5983" t="s">
        <v>13</v>
      </c>
      <c r="H5983" t="s">
        <v>13878</v>
      </c>
      <c r="I5983" t="s">
        <v>30540</v>
      </c>
    </row>
    <row r="5984" spans="1:9">
      <c r="A5984" s="1">
        <v>0.36407432125780692</v>
      </c>
      <c r="B5984" s="1"/>
      <c r="C5984">
        <v>1</v>
      </c>
      <c r="D5984" t="s">
        <v>13865</v>
      </c>
      <c r="E5984" t="s">
        <v>32692</v>
      </c>
      <c r="F5984">
        <v>5</v>
      </c>
      <c r="G5984" t="s">
        <v>1431</v>
      </c>
      <c r="H5984" t="s">
        <v>13866</v>
      </c>
      <c r="I5984" t="s">
        <v>30540</v>
      </c>
    </row>
    <row r="5985" spans="1:9">
      <c r="A5985" s="1">
        <v>0.19989835998096739</v>
      </c>
      <c r="B5985" s="1"/>
      <c r="C5985">
        <v>5</v>
      </c>
      <c r="D5985" t="s">
        <v>13867</v>
      </c>
      <c r="E5985" t="s">
        <v>32692</v>
      </c>
      <c r="F5985">
        <v>5</v>
      </c>
      <c r="G5985" t="s">
        <v>766</v>
      </c>
      <c r="H5985" t="s">
        <v>13868</v>
      </c>
      <c r="I5985" t="s">
        <v>30540</v>
      </c>
    </row>
    <row r="5986" spans="1:9">
      <c r="A5986" s="1">
        <v>0.58306953802502015</v>
      </c>
      <c r="B5986" s="1"/>
      <c r="C5986">
        <v>18</v>
      </c>
      <c r="D5986" t="s">
        <v>13873</v>
      </c>
      <c r="E5986" t="s">
        <v>32692</v>
      </c>
      <c r="F5986">
        <v>4</v>
      </c>
      <c r="G5986" t="s">
        <v>14</v>
      </c>
      <c r="H5986" t="s">
        <v>13874</v>
      </c>
      <c r="I5986" t="s">
        <v>30540</v>
      </c>
    </row>
    <row r="5987" spans="1:9">
      <c r="A5987" s="1">
        <v>0.48087841757482064</v>
      </c>
      <c r="B5987" s="1"/>
      <c r="C5987">
        <v>9</v>
      </c>
      <c r="D5987" t="s">
        <v>13871</v>
      </c>
      <c r="E5987" t="s">
        <v>32692</v>
      </c>
      <c r="F5987">
        <v>4</v>
      </c>
      <c r="G5987" t="s">
        <v>10</v>
      </c>
      <c r="H5987" t="s">
        <v>13872</v>
      </c>
      <c r="I5987" t="s">
        <v>30540</v>
      </c>
    </row>
    <row r="5988" spans="1:9">
      <c r="A5988" s="1">
        <v>0.11269153802807164</v>
      </c>
      <c r="B5988" s="1"/>
      <c r="C5988">
        <v>19</v>
      </c>
      <c r="D5988" t="s">
        <v>13875</v>
      </c>
      <c r="E5988" t="s">
        <v>32692</v>
      </c>
      <c r="F5988">
        <v>4</v>
      </c>
      <c r="G5988" t="s">
        <v>14</v>
      </c>
      <c r="H5988" t="s">
        <v>13876</v>
      </c>
      <c r="I5988" t="s">
        <v>30540</v>
      </c>
    </row>
    <row r="5989" spans="1:9">
      <c r="A5989" s="1">
        <v>0.75528664286044778</v>
      </c>
      <c r="B5989" s="1"/>
      <c r="C5989">
        <v>5</v>
      </c>
      <c r="D5989" t="s">
        <v>13861</v>
      </c>
      <c r="E5989" t="s">
        <v>32693</v>
      </c>
      <c r="F5989">
        <v>5</v>
      </c>
      <c r="G5989" t="s">
        <v>9</v>
      </c>
      <c r="H5989" t="s">
        <v>13862</v>
      </c>
      <c r="I5989" t="s">
        <v>30540</v>
      </c>
    </row>
    <row r="5990" spans="1:9">
      <c r="A5990" s="1">
        <v>0.12292399897941997</v>
      </c>
      <c r="B5990" s="1"/>
      <c r="C5990">
        <v>2</v>
      </c>
      <c r="D5990" t="s">
        <v>13859</v>
      </c>
      <c r="E5990" t="s">
        <v>32693</v>
      </c>
      <c r="F5990">
        <v>4</v>
      </c>
      <c r="G5990" t="s">
        <v>1</v>
      </c>
      <c r="H5990" t="s">
        <v>13860</v>
      </c>
      <c r="I5990" t="s">
        <v>30540</v>
      </c>
    </row>
    <row r="5991" spans="1:9">
      <c r="A5991" s="1">
        <v>0.84654656870183487</v>
      </c>
      <c r="B5991" s="1"/>
      <c r="C5991">
        <v>10</v>
      </c>
      <c r="D5991" t="s">
        <v>13857</v>
      </c>
      <c r="E5991" t="s">
        <v>32694</v>
      </c>
      <c r="F5991">
        <v>5</v>
      </c>
      <c r="G5991" t="s">
        <v>14</v>
      </c>
      <c r="H5991" t="s">
        <v>13858</v>
      </c>
      <c r="I5991" t="s">
        <v>30540</v>
      </c>
    </row>
    <row r="5992" spans="1:9">
      <c r="A5992" s="1">
        <v>6.8354121772911558E-2</v>
      </c>
      <c r="B5992" s="1"/>
      <c r="C5992">
        <v>4</v>
      </c>
      <c r="D5992" t="s">
        <v>13855</v>
      </c>
      <c r="E5992" t="s">
        <v>32694</v>
      </c>
      <c r="F5992">
        <v>4</v>
      </c>
      <c r="G5992" t="s">
        <v>14</v>
      </c>
      <c r="H5992" t="s">
        <v>13856</v>
      </c>
      <c r="I5992" t="s">
        <v>30540</v>
      </c>
    </row>
    <row r="5993" spans="1:9">
      <c r="A5993" s="1">
        <v>0.46616876910186389</v>
      </c>
      <c r="B5993" s="1"/>
      <c r="C5993">
        <v>3</v>
      </c>
      <c r="D5993" t="s">
        <v>13849</v>
      </c>
      <c r="E5993" t="s">
        <v>32695</v>
      </c>
      <c r="F5993">
        <v>4</v>
      </c>
      <c r="G5993" t="s">
        <v>10</v>
      </c>
      <c r="H5993" t="s">
        <v>13850</v>
      </c>
      <c r="I5993" t="s">
        <v>30540</v>
      </c>
    </row>
    <row r="5994" spans="1:9">
      <c r="A5994" s="1">
        <v>0.80163139140365047</v>
      </c>
      <c r="B5994" s="1"/>
      <c r="C5994">
        <v>9</v>
      </c>
      <c r="D5994" t="s">
        <v>13853</v>
      </c>
      <c r="E5994" t="s">
        <v>32695</v>
      </c>
      <c r="F5994">
        <v>4</v>
      </c>
      <c r="G5994" t="s">
        <v>14</v>
      </c>
      <c r="H5994" t="s">
        <v>13854</v>
      </c>
      <c r="I5994" t="s">
        <v>30540</v>
      </c>
    </row>
    <row r="5995" spans="1:9">
      <c r="A5995" s="1">
        <v>0.43587532363716708</v>
      </c>
      <c r="B5995" s="1"/>
      <c r="C5995">
        <v>13</v>
      </c>
      <c r="D5995" t="s">
        <v>13845</v>
      </c>
      <c r="E5995" t="s">
        <v>32696</v>
      </c>
      <c r="F5995">
        <v>5</v>
      </c>
      <c r="G5995" t="s">
        <v>2</v>
      </c>
      <c r="H5995" t="s">
        <v>13846</v>
      </c>
      <c r="I5995" t="s">
        <v>30540</v>
      </c>
    </row>
    <row r="5996" spans="1:9">
      <c r="A5996" s="1">
        <v>0.20896658586572392</v>
      </c>
      <c r="B5996" s="1"/>
      <c r="C5996">
        <v>9</v>
      </c>
      <c r="D5996" t="s">
        <v>13843</v>
      </c>
      <c r="E5996" t="s">
        <v>32696</v>
      </c>
      <c r="F5996">
        <v>5</v>
      </c>
      <c r="G5996" t="s">
        <v>1</v>
      </c>
      <c r="H5996" t="s">
        <v>13844</v>
      </c>
      <c r="I5996" t="s">
        <v>30540</v>
      </c>
    </row>
    <row r="5997" spans="1:9">
      <c r="A5997" s="1">
        <v>0.61100857068517689</v>
      </c>
      <c r="B5997" s="1"/>
      <c r="C5997">
        <v>16</v>
      </c>
      <c r="D5997" t="s">
        <v>13847</v>
      </c>
      <c r="E5997" t="s">
        <v>32696</v>
      </c>
      <c r="F5997">
        <v>5</v>
      </c>
      <c r="G5997" t="s">
        <v>14</v>
      </c>
      <c r="H5997" t="s">
        <v>13848</v>
      </c>
      <c r="I5997" t="s">
        <v>30540</v>
      </c>
    </row>
    <row r="5998" spans="1:9">
      <c r="A5998" s="1">
        <v>0.14021510640579116</v>
      </c>
      <c r="B5998" s="1"/>
      <c r="C5998">
        <v>6</v>
      </c>
      <c r="D5998" t="s">
        <v>13841</v>
      </c>
      <c r="E5998" t="s">
        <v>32696</v>
      </c>
      <c r="F5998">
        <v>4</v>
      </c>
      <c r="G5998" t="s">
        <v>9</v>
      </c>
      <c r="H5998" t="s">
        <v>13842</v>
      </c>
      <c r="I5998" t="s">
        <v>30540</v>
      </c>
    </row>
    <row r="5999" spans="1:9">
      <c r="A5999" s="1">
        <v>8.7907307094404197E-2</v>
      </c>
      <c r="B5999" s="1"/>
      <c r="C5999">
        <v>3</v>
      </c>
      <c r="D5999" t="s">
        <v>13839</v>
      </c>
      <c r="E5999" t="s">
        <v>32696</v>
      </c>
      <c r="F5999">
        <v>4</v>
      </c>
      <c r="G5999" t="s">
        <v>14</v>
      </c>
      <c r="H5999" t="s">
        <v>13840</v>
      </c>
      <c r="I5999" t="s">
        <v>30540</v>
      </c>
    </row>
    <row r="6000" spans="1:9">
      <c r="A6000" s="1">
        <v>0.56253477008333164</v>
      </c>
      <c r="B6000" s="1"/>
      <c r="C6000">
        <v>15</v>
      </c>
      <c r="D6000" t="s">
        <v>13835</v>
      </c>
      <c r="E6000" t="s">
        <v>32697</v>
      </c>
      <c r="F6000">
        <v>5</v>
      </c>
      <c r="G6000" t="s">
        <v>1431</v>
      </c>
      <c r="H6000" t="s">
        <v>13836</v>
      </c>
      <c r="I6000" t="s">
        <v>30540</v>
      </c>
    </row>
    <row r="6001" spans="1:9">
      <c r="A6001" s="1">
        <v>1.3538824541781125E-4</v>
      </c>
      <c r="B6001" s="1"/>
      <c r="C6001">
        <v>14</v>
      </c>
      <c r="D6001" t="s">
        <v>13833</v>
      </c>
      <c r="E6001" t="s">
        <v>32697</v>
      </c>
      <c r="F6001">
        <v>4</v>
      </c>
      <c r="G6001" t="s">
        <v>13</v>
      </c>
      <c r="H6001" t="s">
        <v>13834</v>
      </c>
      <c r="I6001" t="s">
        <v>30540</v>
      </c>
    </row>
    <row r="6002" spans="1:9">
      <c r="A6002" s="1">
        <v>0.63722000826661629</v>
      </c>
      <c r="B6002" s="1"/>
      <c r="C6002">
        <v>16</v>
      </c>
      <c r="D6002" t="s">
        <v>13837</v>
      </c>
      <c r="E6002" t="s">
        <v>32697</v>
      </c>
      <c r="F6002">
        <v>4</v>
      </c>
      <c r="G6002" t="s">
        <v>762</v>
      </c>
      <c r="H6002" t="s">
        <v>13838</v>
      </c>
      <c r="I6002" t="s">
        <v>30540</v>
      </c>
    </row>
    <row r="6003" spans="1:9">
      <c r="A6003" s="1">
        <v>0.54572300917071492</v>
      </c>
      <c r="B6003" s="1"/>
      <c r="C6003">
        <v>5</v>
      </c>
      <c r="D6003" t="s">
        <v>13827</v>
      </c>
      <c r="E6003" t="s">
        <v>32697</v>
      </c>
      <c r="F6003">
        <v>4</v>
      </c>
      <c r="G6003" t="s">
        <v>762</v>
      </c>
      <c r="H6003" t="s">
        <v>13828</v>
      </c>
      <c r="I6003" t="s">
        <v>30540</v>
      </c>
    </row>
    <row r="6004" spans="1:9">
      <c r="A6004" s="1">
        <v>0.32084337594614243</v>
      </c>
      <c r="B6004" s="1"/>
      <c r="C6004">
        <v>8</v>
      </c>
      <c r="D6004" t="s">
        <v>13831</v>
      </c>
      <c r="E6004" t="s">
        <v>32697</v>
      </c>
      <c r="F6004">
        <v>3</v>
      </c>
      <c r="G6004" t="s">
        <v>10</v>
      </c>
      <c r="H6004" t="s">
        <v>13832</v>
      </c>
      <c r="I6004" t="s">
        <v>30540</v>
      </c>
    </row>
    <row r="6005" spans="1:9">
      <c r="A6005" s="1">
        <v>5.2965495301911525E-2</v>
      </c>
      <c r="B6005" s="1"/>
      <c r="C6005">
        <v>6</v>
      </c>
      <c r="D6005" t="s">
        <v>13817</v>
      </c>
      <c r="E6005" t="s">
        <v>32698</v>
      </c>
      <c r="F6005">
        <v>4</v>
      </c>
      <c r="G6005" t="s">
        <v>13</v>
      </c>
      <c r="H6005" t="s">
        <v>13818</v>
      </c>
      <c r="I6005" t="s">
        <v>30540</v>
      </c>
    </row>
    <row r="6006" spans="1:9">
      <c r="A6006" s="1">
        <v>0.12527357104573289</v>
      </c>
      <c r="B6006" s="1"/>
      <c r="C6006">
        <v>7</v>
      </c>
      <c r="D6006" t="s">
        <v>13819</v>
      </c>
      <c r="E6006" t="s">
        <v>32698</v>
      </c>
      <c r="F6006">
        <v>4</v>
      </c>
      <c r="G6006" t="s">
        <v>14</v>
      </c>
      <c r="H6006" t="s">
        <v>13820</v>
      </c>
      <c r="I6006" t="s">
        <v>30540</v>
      </c>
    </row>
    <row r="6007" spans="1:9">
      <c r="A6007" s="1">
        <v>0.99505247714295142</v>
      </c>
      <c r="B6007" s="1"/>
      <c r="C6007">
        <v>5</v>
      </c>
      <c r="D6007" t="s">
        <v>13815</v>
      </c>
      <c r="E6007" t="s">
        <v>32698</v>
      </c>
      <c r="F6007">
        <v>4</v>
      </c>
      <c r="G6007" t="s">
        <v>9</v>
      </c>
      <c r="H6007" t="s">
        <v>13816</v>
      </c>
      <c r="I6007" t="s">
        <v>30540</v>
      </c>
    </row>
    <row r="6008" spans="1:9">
      <c r="A6008" s="1">
        <v>1.2926739889150607E-2</v>
      </c>
      <c r="B6008" s="1"/>
      <c r="C6008">
        <v>2</v>
      </c>
      <c r="D6008" t="s">
        <v>13813</v>
      </c>
      <c r="E6008" t="s">
        <v>32698</v>
      </c>
      <c r="F6008">
        <v>4</v>
      </c>
      <c r="G6008" t="s">
        <v>2</v>
      </c>
      <c r="H6008" t="s">
        <v>13814</v>
      </c>
      <c r="I6008" t="s">
        <v>30540</v>
      </c>
    </row>
    <row r="6009" spans="1:9">
      <c r="A6009" s="1">
        <v>2.5173713048926905E-2</v>
      </c>
      <c r="B6009" s="1"/>
      <c r="C6009">
        <v>9</v>
      </c>
      <c r="D6009" t="s">
        <v>13823</v>
      </c>
      <c r="E6009" t="s">
        <v>32698</v>
      </c>
      <c r="F6009">
        <v>4</v>
      </c>
      <c r="G6009" t="s">
        <v>13</v>
      </c>
      <c r="H6009" t="s">
        <v>13824</v>
      </c>
      <c r="I6009" t="s">
        <v>30540</v>
      </c>
    </row>
    <row r="6010" spans="1:9">
      <c r="A6010" s="1">
        <v>0.93077255254674063</v>
      </c>
      <c r="B6010" s="1"/>
      <c r="C6010">
        <v>11</v>
      </c>
      <c r="D6010" t="s">
        <v>13807</v>
      </c>
      <c r="E6010" t="s">
        <v>32699</v>
      </c>
      <c r="F6010">
        <v>5</v>
      </c>
      <c r="G6010" t="s">
        <v>13</v>
      </c>
      <c r="H6010" t="s">
        <v>13808</v>
      </c>
      <c r="I6010" t="s">
        <v>30540</v>
      </c>
    </row>
    <row r="6011" spans="1:9">
      <c r="A6011" s="1">
        <v>0.11261958062913191</v>
      </c>
      <c r="B6011" s="1"/>
      <c r="C6011">
        <v>18</v>
      </c>
      <c r="D6011" t="s">
        <v>13811</v>
      </c>
      <c r="E6011" t="s">
        <v>32699</v>
      </c>
      <c r="F6011">
        <v>4</v>
      </c>
      <c r="G6011" t="s">
        <v>15</v>
      </c>
      <c r="H6011" t="s">
        <v>13812</v>
      </c>
      <c r="I6011" t="s">
        <v>30540</v>
      </c>
    </row>
    <row r="6012" spans="1:9">
      <c r="A6012" s="1">
        <v>0.22755477371206334</v>
      </c>
      <c r="B6012" s="1"/>
      <c r="C6012">
        <v>16</v>
      </c>
      <c r="D6012" t="s">
        <v>13809</v>
      </c>
      <c r="E6012" t="s">
        <v>32699</v>
      </c>
      <c r="F6012">
        <v>4</v>
      </c>
      <c r="G6012" t="s">
        <v>14</v>
      </c>
      <c r="H6012" t="s">
        <v>13810</v>
      </c>
      <c r="I6012" t="s">
        <v>30540</v>
      </c>
    </row>
    <row r="6013" spans="1:9">
      <c r="A6013" s="1">
        <v>0.94664003533695507</v>
      </c>
      <c r="B6013" s="1"/>
      <c r="C6013">
        <v>8</v>
      </c>
      <c r="D6013" t="s">
        <v>13803</v>
      </c>
      <c r="E6013" t="s">
        <v>32699</v>
      </c>
      <c r="F6013">
        <v>4</v>
      </c>
      <c r="G6013" t="s">
        <v>10</v>
      </c>
      <c r="H6013" t="s">
        <v>13804</v>
      </c>
      <c r="I6013" t="s">
        <v>30540</v>
      </c>
    </row>
    <row r="6014" spans="1:9">
      <c r="A6014" s="1">
        <v>0.18671408058985994</v>
      </c>
      <c r="B6014" s="1"/>
      <c r="C6014">
        <v>9</v>
      </c>
      <c r="D6014" t="s">
        <v>13805</v>
      </c>
      <c r="E6014" t="s">
        <v>32699</v>
      </c>
      <c r="F6014">
        <v>4</v>
      </c>
      <c r="G6014" t="s">
        <v>14</v>
      </c>
      <c r="H6014" t="s">
        <v>13806</v>
      </c>
      <c r="I6014" t="s">
        <v>30540</v>
      </c>
    </row>
    <row r="6015" spans="1:9">
      <c r="A6015" s="1">
        <v>0.95574575423860464</v>
      </c>
      <c r="B6015" s="1"/>
      <c r="C6015">
        <v>2</v>
      </c>
      <c r="D6015" t="s">
        <v>13789</v>
      </c>
      <c r="E6015" t="s">
        <v>32700</v>
      </c>
      <c r="F6015">
        <v>5</v>
      </c>
      <c r="G6015" t="s">
        <v>14</v>
      </c>
      <c r="H6015" t="s">
        <v>13790</v>
      </c>
      <c r="I6015" t="s">
        <v>30540</v>
      </c>
    </row>
    <row r="6016" spans="1:9">
      <c r="A6016" s="1">
        <v>0.25810926514783472</v>
      </c>
      <c r="B6016" s="1"/>
      <c r="C6016">
        <v>18</v>
      </c>
      <c r="D6016" t="s">
        <v>13799</v>
      </c>
      <c r="E6016" t="s">
        <v>32700</v>
      </c>
      <c r="F6016">
        <v>5</v>
      </c>
      <c r="G6016" t="s">
        <v>14</v>
      </c>
      <c r="H6016" t="s">
        <v>13800</v>
      </c>
      <c r="I6016" t="s">
        <v>30540</v>
      </c>
    </row>
    <row r="6017" spans="1:9">
      <c r="A6017" s="1">
        <v>0.18728947203143054</v>
      </c>
      <c r="B6017" s="1"/>
      <c r="C6017">
        <v>17</v>
      </c>
      <c r="D6017" t="s">
        <v>13797</v>
      </c>
      <c r="E6017" t="s">
        <v>32700</v>
      </c>
      <c r="F6017">
        <v>5</v>
      </c>
      <c r="G6017" t="s">
        <v>1</v>
      </c>
      <c r="H6017" t="s">
        <v>13798</v>
      </c>
      <c r="I6017" t="s">
        <v>30540</v>
      </c>
    </row>
    <row r="6018" spans="1:9">
      <c r="A6018" s="1">
        <v>0.67998253570718303</v>
      </c>
      <c r="B6018" s="1"/>
      <c r="C6018">
        <v>15</v>
      </c>
      <c r="D6018" t="s">
        <v>13795</v>
      </c>
      <c r="E6018" t="s">
        <v>32700</v>
      </c>
      <c r="F6018">
        <v>4</v>
      </c>
      <c r="G6018" t="s">
        <v>14</v>
      </c>
      <c r="H6018" t="s">
        <v>13796</v>
      </c>
      <c r="I6018" t="s">
        <v>30540</v>
      </c>
    </row>
    <row r="6019" spans="1:9">
      <c r="A6019" s="1">
        <v>0.46538792521371886</v>
      </c>
      <c r="B6019" s="1"/>
      <c r="C6019">
        <v>10</v>
      </c>
      <c r="D6019" t="s">
        <v>13791</v>
      </c>
      <c r="E6019" t="s">
        <v>32700</v>
      </c>
      <c r="F6019">
        <v>4</v>
      </c>
      <c r="G6019" t="s">
        <v>2</v>
      </c>
      <c r="H6019" t="s">
        <v>13792</v>
      </c>
      <c r="I6019" t="s">
        <v>30540</v>
      </c>
    </row>
    <row r="6020" spans="1:9">
      <c r="A6020" s="1">
        <v>0.48393104281584942</v>
      </c>
      <c r="B6020" s="1"/>
      <c r="C6020">
        <v>11</v>
      </c>
      <c r="D6020" t="s">
        <v>13793</v>
      </c>
      <c r="E6020" t="s">
        <v>32700</v>
      </c>
      <c r="F6020">
        <v>4</v>
      </c>
      <c r="G6020" t="s">
        <v>13</v>
      </c>
      <c r="H6020" t="s">
        <v>13794</v>
      </c>
      <c r="I6020" t="s">
        <v>30540</v>
      </c>
    </row>
    <row r="6021" spans="1:9">
      <c r="A6021" s="1">
        <v>7.8327157330114638E-2</v>
      </c>
      <c r="B6021" s="1"/>
      <c r="C6021">
        <v>8</v>
      </c>
      <c r="D6021" t="s">
        <v>13783</v>
      </c>
      <c r="E6021" t="s">
        <v>32701</v>
      </c>
      <c r="F6021">
        <v>5</v>
      </c>
      <c r="G6021" t="s">
        <v>14</v>
      </c>
      <c r="H6021" t="s">
        <v>13784</v>
      </c>
      <c r="I6021" t="s">
        <v>30540</v>
      </c>
    </row>
    <row r="6022" spans="1:9">
      <c r="A6022" s="1">
        <v>0.22105170243587624</v>
      </c>
      <c r="B6022" s="1"/>
      <c r="C6022">
        <v>7</v>
      </c>
      <c r="D6022" t="s">
        <v>13781</v>
      </c>
      <c r="E6022" t="s">
        <v>32701</v>
      </c>
      <c r="F6022">
        <v>4</v>
      </c>
      <c r="G6022" t="s">
        <v>10</v>
      </c>
      <c r="H6022" t="s">
        <v>13782</v>
      </c>
      <c r="I6022" t="s">
        <v>30540</v>
      </c>
    </row>
    <row r="6023" spans="1:9">
      <c r="A6023" s="1">
        <v>0.98134668056377994</v>
      </c>
      <c r="B6023" s="1"/>
      <c r="C6023">
        <v>15</v>
      </c>
      <c r="D6023" t="s">
        <v>13787</v>
      </c>
      <c r="E6023" t="s">
        <v>32701</v>
      </c>
      <c r="F6023">
        <v>4</v>
      </c>
      <c r="G6023" t="s">
        <v>10</v>
      </c>
      <c r="H6023" t="s">
        <v>13788</v>
      </c>
      <c r="I6023" t="s">
        <v>30540</v>
      </c>
    </row>
    <row r="6024" spans="1:9">
      <c r="A6024" s="1">
        <v>0.89561886804712021</v>
      </c>
      <c r="B6024" s="1"/>
      <c r="C6024">
        <v>14</v>
      </c>
      <c r="D6024" t="s">
        <v>13785</v>
      </c>
      <c r="E6024" t="s">
        <v>32701</v>
      </c>
      <c r="F6024">
        <v>4</v>
      </c>
      <c r="G6024" t="s">
        <v>14</v>
      </c>
      <c r="H6024" t="s">
        <v>13786</v>
      </c>
      <c r="I6024" t="s">
        <v>30540</v>
      </c>
    </row>
    <row r="6025" spans="1:9">
      <c r="A6025" s="1">
        <v>5.6430116313344159E-2</v>
      </c>
      <c r="B6025" s="1"/>
      <c r="C6025">
        <v>6</v>
      </c>
      <c r="D6025" t="s">
        <v>13779</v>
      </c>
      <c r="E6025" t="s">
        <v>32701</v>
      </c>
      <c r="F6025">
        <v>4</v>
      </c>
      <c r="G6025" t="s">
        <v>14</v>
      </c>
      <c r="H6025" t="s">
        <v>13780</v>
      </c>
      <c r="I6025" t="s">
        <v>30540</v>
      </c>
    </row>
    <row r="6026" spans="1:9">
      <c r="A6026" s="1">
        <v>3.9120277023943051E-2</v>
      </c>
      <c r="B6026" s="1"/>
      <c r="C6026">
        <v>6</v>
      </c>
      <c r="D6026" t="s">
        <v>13773</v>
      </c>
      <c r="E6026" t="s">
        <v>32702</v>
      </c>
      <c r="F6026">
        <v>4</v>
      </c>
      <c r="G6026" t="s">
        <v>775</v>
      </c>
      <c r="H6026" t="s">
        <v>13774</v>
      </c>
      <c r="I6026" t="s">
        <v>30540</v>
      </c>
    </row>
    <row r="6027" spans="1:9">
      <c r="A6027" s="1">
        <v>0.11216495768379509</v>
      </c>
      <c r="B6027" s="1"/>
      <c r="C6027">
        <v>2</v>
      </c>
      <c r="D6027" t="s">
        <v>13771</v>
      </c>
      <c r="E6027" t="s">
        <v>32702</v>
      </c>
      <c r="F6027">
        <v>4</v>
      </c>
      <c r="G6027" t="s">
        <v>762</v>
      </c>
      <c r="H6027" t="s">
        <v>13772</v>
      </c>
      <c r="I6027" t="s">
        <v>30540</v>
      </c>
    </row>
    <row r="6028" spans="1:9">
      <c r="A6028" s="1">
        <v>0.17852815358268903</v>
      </c>
      <c r="B6028" s="1"/>
      <c r="C6028">
        <v>9</v>
      </c>
      <c r="D6028" t="s">
        <v>13775</v>
      </c>
      <c r="E6028" t="s">
        <v>32702</v>
      </c>
      <c r="F6028">
        <v>4</v>
      </c>
      <c r="G6028" t="s">
        <v>1426</v>
      </c>
      <c r="H6028" t="s">
        <v>13776</v>
      </c>
      <c r="I6028" t="s">
        <v>30540</v>
      </c>
    </row>
    <row r="6029" spans="1:9">
      <c r="A6029" s="1">
        <v>0.25050750347063211</v>
      </c>
      <c r="B6029" s="1"/>
      <c r="C6029">
        <v>15</v>
      </c>
      <c r="D6029" t="s">
        <v>13777</v>
      </c>
      <c r="E6029" t="s">
        <v>32702</v>
      </c>
      <c r="F6029">
        <v>4</v>
      </c>
      <c r="G6029" t="s">
        <v>14</v>
      </c>
      <c r="H6029" t="s">
        <v>13778</v>
      </c>
      <c r="I6029" t="s">
        <v>30540</v>
      </c>
    </row>
    <row r="6030" spans="1:9">
      <c r="A6030" s="1">
        <v>0.10407837275627185</v>
      </c>
      <c r="B6030" s="1"/>
      <c r="C6030">
        <v>1</v>
      </c>
      <c r="D6030" t="s">
        <v>13763</v>
      </c>
      <c r="E6030" t="s">
        <v>32703</v>
      </c>
      <c r="F6030">
        <v>4</v>
      </c>
      <c r="G6030" t="s">
        <v>10</v>
      </c>
      <c r="H6030" t="s">
        <v>13764</v>
      </c>
      <c r="I6030" t="s">
        <v>30540</v>
      </c>
    </row>
    <row r="6031" spans="1:9">
      <c r="A6031" s="1">
        <v>0.71210478282619427</v>
      </c>
      <c r="B6031" s="1"/>
      <c r="C6031">
        <v>8</v>
      </c>
      <c r="D6031" t="s">
        <v>13769</v>
      </c>
      <c r="E6031" t="s">
        <v>32703</v>
      </c>
      <c r="F6031">
        <v>4</v>
      </c>
      <c r="G6031" t="s">
        <v>14</v>
      </c>
      <c r="H6031" t="s">
        <v>13770</v>
      </c>
      <c r="I6031" t="s">
        <v>30540</v>
      </c>
    </row>
    <row r="6032" spans="1:9">
      <c r="A6032" s="1">
        <v>0.93711691884770298</v>
      </c>
      <c r="B6032" s="1"/>
      <c r="C6032">
        <v>5</v>
      </c>
      <c r="D6032" t="s">
        <v>13767</v>
      </c>
      <c r="E6032" t="s">
        <v>32703</v>
      </c>
      <c r="F6032">
        <v>4</v>
      </c>
      <c r="G6032" t="s">
        <v>14</v>
      </c>
      <c r="H6032" t="s">
        <v>13768</v>
      </c>
      <c r="I6032" t="s">
        <v>30540</v>
      </c>
    </row>
    <row r="6033" spans="1:9">
      <c r="A6033" s="1">
        <v>0.20407221642485041</v>
      </c>
      <c r="B6033" s="1"/>
      <c r="C6033">
        <v>4</v>
      </c>
      <c r="D6033" t="s">
        <v>13765</v>
      </c>
      <c r="E6033" t="s">
        <v>32703</v>
      </c>
      <c r="F6033">
        <v>4</v>
      </c>
      <c r="G6033" t="s">
        <v>14</v>
      </c>
      <c r="H6033" t="s">
        <v>13766</v>
      </c>
      <c r="I6033" t="s">
        <v>30540</v>
      </c>
    </row>
    <row r="6034" spans="1:9">
      <c r="A6034" s="1">
        <v>0.35110510524587613</v>
      </c>
      <c r="B6034" s="1"/>
      <c r="C6034">
        <v>11</v>
      </c>
      <c r="D6034" t="s">
        <v>13761</v>
      </c>
      <c r="E6034" t="s">
        <v>32704</v>
      </c>
      <c r="F6034">
        <v>5</v>
      </c>
      <c r="G6034" t="s">
        <v>2226</v>
      </c>
      <c r="H6034" t="s">
        <v>13762</v>
      </c>
      <c r="I6034" t="s">
        <v>30540</v>
      </c>
    </row>
    <row r="6035" spans="1:9">
      <c r="A6035" s="1">
        <v>0.42782172700174825</v>
      </c>
      <c r="B6035" s="1"/>
      <c r="C6035">
        <v>8</v>
      </c>
      <c r="D6035" t="s">
        <v>13757</v>
      </c>
      <c r="E6035" t="s">
        <v>32704</v>
      </c>
      <c r="F6035">
        <v>4</v>
      </c>
      <c r="G6035" t="s">
        <v>1431</v>
      </c>
      <c r="H6035" t="s">
        <v>13758</v>
      </c>
      <c r="I6035" t="s">
        <v>30540</v>
      </c>
    </row>
    <row r="6036" spans="1:9">
      <c r="A6036" s="1">
        <v>0.59342666526190735</v>
      </c>
      <c r="B6036" s="1"/>
      <c r="C6036">
        <v>2</v>
      </c>
      <c r="D6036" t="s">
        <v>13755</v>
      </c>
      <c r="E6036" t="s">
        <v>32704</v>
      </c>
      <c r="F6036">
        <v>4</v>
      </c>
      <c r="G6036" t="s">
        <v>3732</v>
      </c>
      <c r="H6036" t="s">
        <v>13756</v>
      </c>
      <c r="I6036" t="s">
        <v>30540</v>
      </c>
    </row>
    <row r="6037" spans="1:9">
      <c r="A6037" s="1">
        <v>0.53720523787981855</v>
      </c>
      <c r="B6037" s="1"/>
      <c r="C6037">
        <v>10</v>
      </c>
      <c r="D6037" t="s">
        <v>13759</v>
      </c>
      <c r="E6037" t="s">
        <v>32704</v>
      </c>
      <c r="F6037">
        <v>4</v>
      </c>
      <c r="G6037" t="s">
        <v>775</v>
      </c>
      <c r="H6037" t="s">
        <v>13760</v>
      </c>
      <c r="I6037" t="s">
        <v>30540</v>
      </c>
    </row>
    <row r="6038" spans="1:9">
      <c r="A6038" s="1">
        <v>0.56283823630701912</v>
      </c>
      <c r="B6038" s="1"/>
      <c r="C6038">
        <v>5</v>
      </c>
      <c r="D6038" t="s">
        <v>13749</v>
      </c>
      <c r="E6038" t="s">
        <v>32705</v>
      </c>
      <c r="F6038">
        <v>4</v>
      </c>
      <c r="G6038" t="s">
        <v>14</v>
      </c>
      <c r="H6038" t="s">
        <v>13750</v>
      </c>
      <c r="I6038" t="s">
        <v>30540</v>
      </c>
    </row>
    <row r="6039" spans="1:9">
      <c r="A6039" s="1">
        <v>0.53316057816560558</v>
      </c>
      <c r="B6039" s="1"/>
      <c r="C6039">
        <v>6</v>
      </c>
      <c r="D6039" t="s">
        <v>13751</v>
      </c>
      <c r="E6039" t="s">
        <v>32705</v>
      </c>
      <c r="F6039">
        <v>4</v>
      </c>
      <c r="G6039" t="s">
        <v>13</v>
      </c>
      <c r="H6039" t="s">
        <v>13752</v>
      </c>
      <c r="I6039" t="s">
        <v>30540</v>
      </c>
    </row>
    <row r="6040" spans="1:9">
      <c r="A6040" s="1">
        <v>0.10478259609927476</v>
      </c>
      <c r="B6040" s="1"/>
      <c r="C6040">
        <v>4</v>
      </c>
      <c r="D6040" t="s">
        <v>13747</v>
      </c>
      <c r="E6040" t="s">
        <v>32705</v>
      </c>
      <c r="F6040">
        <v>4</v>
      </c>
      <c r="G6040" t="s">
        <v>9</v>
      </c>
      <c r="H6040" t="s">
        <v>13748</v>
      </c>
      <c r="I6040" t="s">
        <v>30540</v>
      </c>
    </row>
    <row r="6041" spans="1:9">
      <c r="A6041" s="1">
        <v>0.39720063533948768</v>
      </c>
      <c r="B6041" s="1"/>
      <c r="C6041">
        <v>12</v>
      </c>
      <c r="D6041" t="s">
        <v>13753</v>
      </c>
      <c r="E6041" t="s">
        <v>32705</v>
      </c>
      <c r="F6041">
        <v>4</v>
      </c>
      <c r="G6041" t="s">
        <v>13</v>
      </c>
      <c r="H6041" t="s">
        <v>13754</v>
      </c>
      <c r="I6041" t="s">
        <v>30540</v>
      </c>
    </row>
    <row r="6042" spans="1:9">
      <c r="A6042" s="1">
        <v>0.88491453610376913</v>
      </c>
      <c r="B6042" s="1"/>
      <c r="C6042">
        <v>16</v>
      </c>
      <c r="D6042" t="s">
        <v>13743</v>
      </c>
      <c r="E6042" t="s">
        <v>32706</v>
      </c>
      <c r="F6042">
        <v>5</v>
      </c>
      <c r="G6042" t="s">
        <v>14</v>
      </c>
      <c r="H6042" t="s">
        <v>13744</v>
      </c>
      <c r="I6042" t="s">
        <v>30540</v>
      </c>
    </row>
    <row r="6043" spans="1:9">
      <c r="A6043" s="1">
        <v>0.34274853961324403</v>
      </c>
      <c r="B6043" s="1"/>
      <c r="C6043">
        <v>8</v>
      </c>
      <c r="D6043" t="s">
        <v>13739</v>
      </c>
      <c r="E6043" t="s">
        <v>32706</v>
      </c>
      <c r="F6043">
        <v>4</v>
      </c>
      <c r="G6043" t="s">
        <v>14</v>
      </c>
      <c r="H6043" t="s">
        <v>13740</v>
      </c>
      <c r="I6043" t="s">
        <v>30540</v>
      </c>
    </row>
    <row r="6044" spans="1:9">
      <c r="A6044" s="1">
        <v>0.28895110321695661</v>
      </c>
      <c r="B6044" s="1"/>
      <c r="C6044">
        <v>15</v>
      </c>
      <c r="D6044" t="s">
        <v>13741</v>
      </c>
      <c r="E6044" t="s">
        <v>32706</v>
      </c>
      <c r="F6044">
        <v>4</v>
      </c>
      <c r="G6044" t="s">
        <v>14</v>
      </c>
      <c r="H6044" t="s">
        <v>13742</v>
      </c>
      <c r="I6044" t="s">
        <v>30540</v>
      </c>
    </row>
    <row r="6045" spans="1:9">
      <c r="A6045" s="1">
        <v>0.76109676708877583</v>
      </c>
      <c r="B6045" s="1"/>
      <c r="C6045">
        <v>1</v>
      </c>
      <c r="D6045" t="s">
        <v>13737</v>
      </c>
      <c r="E6045" t="s">
        <v>32706</v>
      </c>
      <c r="F6045">
        <v>4</v>
      </c>
      <c r="G6045" t="s">
        <v>10</v>
      </c>
      <c r="H6045" t="s">
        <v>13738</v>
      </c>
      <c r="I6045" t="s">
        <v>30540</v>
      </c>
    </row>
    <row r="6046" spans="1:9">
      <c r="A6046" s="1">
        <v>0.76952940548042181</v>
      </c>
      <c r="B6046" s="1"/>
      <c r="C6046">
        <v>4</v>
      </c>
      <c r="D6046" t="s">
        <v>13731</v>
      </c>
      <c r="E6046" t="s">
        <v>32707</v>
      </c>
      <c r="F6046">
        <v>4</v>
      </c>
      <c r="G6046" t="s">
        <v>14</v>
      </c>
      <c r="H6046" t="s">
        <v>13732</v>
      </c>
      <c r="I6046" t="s">
        <v>30540</v>
      </c>
    </row>
    <row r="6047" spans="1:9">
      <c r="A6047" s="1">
        <v>0.24765795225872045</v>
      </c>
      <c r="B6047" s="1"/>
      <c r="C6047">
        <v>7</v>
      </c>
      <c r="D6047" t="s">
        <v>13733</v>
      </c>
      <c r="E6047" t="s">
        <v>32707</v>
      </c>
      <c r="F6047">
        <v>4</v>
      </c>
      <c r="G6047" t="s">
        <v>0</v>
      </c>
      <c r="H6047" t="s">
        <v>13734</v>
      </c>
      <c r="I6047" t="s">
        <v>30540</v>
      </c>
    </row>
    <row r="6048" spans="1:9">
      <c r="A6048" s="1">
        <v>0.2262344044272393</v>
      </c>
      <c r="B6048" s="1"/>
      <c r="C6048">
        <v>8</v>
      </c>
      <c r="D6048" t="s">
        <v>13735</v>
      </c>
      <c r="E6048" t="s">
        <v>32707</v>
      </c>
      <c r="F6048">
        <v>4</v>
      </c>
      <c r="G6048" t="s">
        <v>13</v>
      </c>
      <c r="H6048" t="s">
        <v>13736</v>
      </c>
      <c r="I6048" t="s">
        <v>30540</v>
      </c>
    </row>
    <row r="6049" spans="1:9">
      <c r="A6049" s="1">
        <v>0.43592027538901645</v>
      </c>
      <c r="B6049" s="1"/>
      <c r="C6049">
        <v>12</v>
      </c>
      <c r="D6049" t="s">
        <v>13729</v>
      </c>
      <c r="E6049" t="s">
        <v>32708</v>
      </c>
      <c r="F6049">
        <v>5</v>
      </c>
      <c r="G6049" t="s">
        <v>14</v>
      </c>
      <c r="H6049" t="s">
        <v>13730</v>
      </c>
      <c r="I6049" t="s">
        <v>30540</v>
      </c>
    </row>
    <row r="6050" spans="1:9">
      <c r="A6050" s="1">
        <v>2.242058488707277E-2</v>
      </c>
      <c r="B6050" s="1"/>
      <c r="C6050">
        <v>5</v>
      </c>
      <c r="D6050" t="s">
        <v>13723</v>
      </c>
      <c r="E6050" t="s">
        <v>32708</v>
      </c>
      <c r="F6050">
        <v>4</v>
      </c>
      <c r="G6050" t="s">
        <v>13</v>
      </c>
      <c r="H6050" t="s">
        <v>13724</v>
      </c>
      <c r="I6050" t="s">
        <v>30540</v>
      </c>
    </row>
    <row r="6051" spans="1:9">
      <c r="A6051" s="1">
        <v>0.61414016338973187</v>
      </c>
      <c r="B6051" s="1"/>
      <c r="C6051">
        <v>7</v>
      </c>
      <c r="D6051" t="s">
        <v>13725</v>
      </c>
      <c r="E6051" t="s">
        <v>32708</v>
      </c>
      <c r="F6051">
        <v>4</v>
      </c>
      <c r="G6051" t="s">
        <v>0</v>
      </c>
      <c r="H6051" t="s">
        <v>13726</v>
      </c>
      <c r="I6051" t="s">
        <v>30540</v>
      </c>
    </row>
    <row r="6052" spans="1:9">
      <c r="A6052" s="1">
        <v>0.90881698938185751</v>
      </c>
      <c r="B6052" s="1"/>
      <c r="C6052">
        <v>8</v>
      </c>
      <c r="D6052" t="s">
        <v>13727</v>
      </c>
      <c r="E6052" t="s">
        <v>32708</v>
      </c>
      <c r="F6052">
        <v>4</v>
      </c>
      <c r="G6052" t="s">
        <v>14</v>
      </c>
      <c r="H6052" t="s">
        <v>13728</v>
      </c>
      <c r="I6052" t="s">
        <v>30540</v>
      </c>
    </row>
    <row r="6053" spans="1:9">
      <c r="A6053" s="1">
        <v>6.9715737695176472E-2</v>
      </c>
      <c r="B6053" s="1"/>
      <c r="C6053">
        <v>4</v>
      </c>
      <c r="D6053" t="s">
        <v>13711</v>
      </c>
      <c r="E6053" t="s">
        <v>32709</v>
      </c>
      <c r="F6053">
        <v>5</v>
      </c>
      <c r="G6053" t="s">
        <v>10</v>
      </c>
      <c r="H6053" t="s">
        <v>13712</v>
      </c>
      <c r="I6053" t="s">
        <v>30540</v>
      </c>
    </row>
    <row r="6054" spans="1:9">
      <c r="A6054" s="1">
        <v>0.91510773034483517</v>
      </c>
      <c r="B6054" s="1"/>
      <c r="C6054">
        <v>15</v>
      </c>
      <c r="D6054" t="s">
        <v>13719</v>
      </c>
      <c r="E6054" t="s">
        <v>32709</v>
      </c>
      <c r="F6054">
        <v>5</v>
      </c>
      <c r="G6054" t="s">
        <v>1</v>
      </c>
      <c r="H6054" t="s">
        <v>13720</v>
      </c>
      <c r="I6054" t="s">
        <v>30540</v>
      </c>
    </row>
    <row r="6055" spans="1:9">
      <c r="A6055" s="1">
        <v>0.42774325707934702</v>
      </c>
      <c r="B6055" s="1"/>
      <c r="C6055">
        <v>8</v>
      </c>
      <c r="D6055" t="s">
        <v>13717</v>
      </c>
      <c r="E6055" t="s">
        <v>32709</v>
      </c>
      <c r="F6055">
        <v>4</v>
      </c>
      <c r="G6055" t="s">
        <v>10</v>
      </c>
      <c r="H6055" t="s">
        <v>13718</v>
      </c>
      <c r="I6055" t="s">
        <v>30540</v>
      </c>
    </row>
    <row r="6056" spans="1:9">
      <c r="A6056" s="1">
        <v>0.60409731713263726</v>
      </c>
      <c r="B6056" s="1"/>
      <c r="C6056">
        <v>19</v>
      </c>
      <c r="D6056" t="s">
        <v>13721</v>
      </c>
      <c r="E6056" t="s">
        <v>32709</v>
      </c>
      <c r="F6056">
        <v>4</v>
      </c>
      <c r="G6056" t="s">
        <v>14</v>
      </c>
      <c r="H6056" t="s">
        <v>13722</v>
      </c>
      <c r="I6056" t="s">
        <v>30540</v>
      </c>
    </row>
    <row r="6057" spans="1:9">
      <c r="A6057" s="1">
        <v>9.535601164077423E-2</v>
      </c>
      <c r="B6057" s="1"/>
      <c r="C6057">
        <v>7</v>
      </c>
      <c r="D6057" t="s">
        <v>13715</v>
      </c>
      <c r="E6057" t="s">
        <v>32709</v>
      </c>
      <c r="F6057">
        <v>4</v>
      </c>
      <c r="G6057" t="s">
        <v>762</v>
      </c>
      <c r="H6057" t="s">
        <v>13716</v>
      </c>
      <c r="I6057" t="s">
        <v>30540</v>
      </c>
    </row>
    <row r="6058" spans="1:9">
      <c r="A6058" s="1">
        <v>3.4401570369023915E-2</v>
      </c>
      <c r="B6058" s="1"/>
      <c r="C6058">
        <v>5</v>
      </c>
      <c r="D6058" t="s">
        <v>13713</v>
      </c>
      <c r="E6058" t="s">
        <v>32709</v>
      </c>
      <c r="F6058">
        <v>4</v>
      </c>
      <c r="G6058" t="s">
        <v>10</v>
      </c>
      <c r="H6058" t="s">
        <v>13714</v>
      </c>
      <c r="I6058" t="s">
        <v>30540</v>
      </c>
    </row>
    <row r="6059" spans="1:9">
      <c r="A6059" s="1">
        <v>0.74283775591841938</v>
      </c>
      <c r="B6059" s="1"/>
      <c r="C6059">
        <v>2</v>
      </c>
      <c r="D6059" t="s">
        <v>13709</v>
      </c>
      <c r="E6059" t="s">
        <v>32709</v>
      </c>
      <c r="F6059">
        <v>4</v>
      </c>
      <c r="G6059" t="s">
        <v>9</v>
      </c>
      <c r="H6059" t="s">
        <v>13710</v>
      </c>
      <c r="I6059" t="s">
        <v>30540</v>
      </c>
    </row>
    <row r="6060" spans="1:9">
      <c r="A6060" s="1">
        <v>0.91330487717491804</v>
      </c>
      <c r="B6060" s="1"/>
      <c r="C6060">
        <v>11</v>
      </c>
      <c r="D6060" t="s">
        <v>13707</v>
      </c>
      <c r="E6060" t="s">
        <v>32710</v>
      </c>
      <c r="F6060">
        <v>5</v>
      </c>
      <c r="G6060" t="s">
        <v>13</v>
      </c>
      <c r="H6060" t="s">
        <v>13708</v>
      </c>
      <c r="I6060" t="s">
        <v>30540</v>
      </c>
    </row>
    <row r="6061" spans="1:9">
      <c r="A6061" s="1">
        <v>0.98551389241604459</v>
      </c>
      <c r="B6061" s="1"/>
      <c r="C6061">
        <v>9</v>
      </c>
      <c r="D6061" t="s">
        <v>13705</v>
      </c>
      <c r="E6061" t="s">
        <v>32710</v>
      </c>
      <c r="F6061">
        <v>4</v>
      </c>
      <c r="G6061" t="s">
        <v>14</v>
      </c>
      <c r="H6061" t="s">
        <v>13706</v>
      </c>
      <c r="I6061" t="s">
        <v>30540</v>
      </c>
    </row>
    <row r="6062" spans="1:9">
      <c r="A6062" s="1">
        <v>0.97050553410308704</v>
      </c>
      <c r="B6062" s="1"/>
      <c r="C6062">
        <v>14</v>
      </c>
      <c r="D6062" t="s">
        <v>13699</v>
      </c>
      <c r="E6062" t="s">
        <v>32711</v>
      </c>
      <c r="F6062">
        <v>5</v>
      </c>
      <c r="G6062" t="s">
        <v>10</v>
      </c>
      <c r="H6062" t="s">
        <v>13700</v>
      </c>
      <c r="I6062" t="s">
        <v>30540</v>
      </c>
    </row>
    <row r="6063" spans="1:9">
      <c r="A6063" s="1">
        <v>0.31119598307672547</v>
      </c>
      <c r="B6063" s="1"/>
      <c r="C6063">
        <v>2</v>
      </c>
      <c r="D6063" t="s">
        <v>13685</v>
      </c>
      <c r="E6063" t="s">
        <v>32711</v>
      </c>
      <c r="F6063">
        <v>4</v>
      </c>
      <c r="G6063" t="s">
        <v>15</v>
      </c>
      <c r="H6063" t="s">
        <v>13686</v>
      </c>
      <c r="I6063" t="s">
        <v>30540</v>
      </c>
    </row>
    <row r="6064" spans="1:9">
      <c r="A6064" s="1">
        <v>0.51197295396017073</v>
      </c>
      <c r="B6064" s="1"/>
      <c r="C6064">
        <v>1</v>
      </c>
      <c r="D6064" t="s">
        <v>13683</v>
      </c>
      <c r="E6064" t="s">
        <v>32711</v>
      </c>
      <c r="F6064">
        <v>4</v>
      </c>
      <c r="G6064" t="s">
        <v>13</v>
      </c>
      <c r="H6064" t="s">
        <v>13684</v>
      </c>
      <c r="I6064" t="s">
        <v>30540</v>
      </c>
    </row>
    <row r="6065" spans="1:9">
      <c r="A6065" s="1">
        <v>0.29172324384663484</v>
      </c>
      <c r="B6065" s="1"/>
      <c r="C6065">
        <v>12</v>
      </c>
      <c r="D6065" t="s">
        <v>13697</v>
      </c>
      <c r="E6065" t="s">
        <v>32711</v>
      </c>
      <c r="F6065">
        <v>4</v>
      </c>
      <c r="G6065" t="s">
        <v>9</v>
      </c>
      <c r="H6065" t="s">
        <v>13698</v>
      </c>
      <c r="I6065" t="s">
        <v>30540</v>
      </c>
    </row>
    <row r="6066" spans="1:9">
      <c r="A6066" s="1">
        <v>0.71316416708129471</v>
      </c>
      <c r="B6066" s="1"/>
      <c r="C6066">
        <v>11</v>
      </c>
      <c r="D6066" t="s">
        <v>13695</v>
      </c>
      <c r="E6066" t="s">
        <v>32711</v>
      </c>
      <c r="F6066">
        <v>4</v>
      </c>
      <c r="G6066" t="s">
        <v>14</v>
      </c>
      <c r="H6066" t="s">
        <v>13696</v>
      </c>
      <c r="I6066" t="s">
        <v>30540</v>
      </c>
    </row>
    <row r="6067" spans="1:9">
      <c r="A6067" s="1">
        <v>0.49463591432944265</v>
      </c>
      <c r="B6067" s="1"/>
      <c r="C6067">
        <v>5</v>
      </c>
      <c r="D6067" t="s">
        <v>13689</v>
      </c>
      <c r="E6067" t="s">
        <v>32711</v>
      </c>
      <c r="F6067">
        <v>4</v>
      </c>
      <c r="G6067" t="s">
        <v>10</v>
      </c>
      <c r="H6067" t="s">
        <v>13690</v>
      </c>
      <c r="I6067" t="s">
        <v>30540</v>
      </c>
    </row>
    <row r="6068" spans="1:9">
      <c r="A6068" s="1">
        <v>0.47227924666192622</v>
      </c>
      <c r="B6068" s="1"/>
      <c r="C6068">
        <v>6</v>
      </c>
      <c r="D6068" t="s">
        <v>13691</v>
      </c>
      <c r="E6068" t="s">
        <v>32711</v>
      </c>
      <c r="F6068">
        <v>4</v>
      </c>
      <c r="G6068" t="s">
        <v>2</v>
      </c>
      <c r="H6068" t="s">
        <v>13692</v>
      </c>
      <c r="I6068" t="s">
        <v>30540</v>
      </c>
    </row>
    <row r="6069" spans="1:9">
      <c r="A6069" s="1">
        <v>0.96181512417029369</v>
      </c>
      <c r="B6069" s="1"/>
      <c r="C6069">
        <v>10</v>
      </c>
      <c r="D6069" t="s">
        <v>13693</v>
      </c>
      <c r="E6069" t="s">
        <v>32711</v>
      </c>
      <c r="F6069">
        <v>4</v>
      </c>
      <c r="G6069" t="s">
        <v>0</v>
      </c>
      <c r="H6069" t="s">
        <v>13694</v>
      </c>
      <c r="I6069" t="s">
        <v>30540</v>
      </c>
    </row>
    <row r="6070" spans="1:9">
      <c r="A6070" s="1">
        <v>0.68817867679069833</v>
      </c>
      <c r="B6070" s="1"/>
      <c r="C6070">
        <v>3</v>
      </c>
      <c r="D6070" t="s">
        <v>13687</v>
      </c>
      <c r="E6070" t="s">
        <v>32711</v>
      </c>
      <c r="F6070">
        <v>3</v>
      </c>
      <c r="G6070" t="s">
        <v>10</v>
      </c>
      <c r="H6070" t="s">
        <v>13688</v>
      </c>
      <c r="I6070" t="s">
        <v>30540</v>
      </c>
    </row>
    <row r="6071" spans="1:9">
      <c r="A6071" s="1">
        <v>0.8610097524228254</v>
      </c>
      <c r="B6071" s="1"/>
      <c r="C6071">
        <v>15</v>
      </c>
      <c r="D6071" t="s">
        <v>13701</v>
      </c>
      <c r="E6071" t="s">
        <v>32711</v>
      </c>
      <c r="F6071">
        <v>3</v>
      </c>
      <c r="G6071" t="s">
        <v>14</v>
      </c>
      <c r="H6071" t="s">
        <v>13702</v>
      </c>
      <c r="I6071" t="s">
        <v>30540</v>
      </c>
    </row>
    <row r="6072" spans="1:9">
      <c r="A6072" s="1">
        <v>0.69946241823099153</v>
      </c>
      <c r="B6072" s="1"/>
      <c r="C6072">
        <v>12</v>
      </c>
      <c r="D6072" t="s">
        <v>13681</v>
      </c>
      <c r="E6072" t="s">
        <v>32712</v>
      </c>
      <c r="F6072">
        <v>4</v>
      </c>
      <c r="G6072" t="s">
        <v>14</v>
      </c>
      <c r="H6072" t="s">
        <v>13682</v>
      </c>
      <c r="I6072" t="s">
        <v>30540</v>
      </c>
    </row>
    <row r="6073" spans="1:9">
      <c r="A6073" s="1">
        <v>0.60706816313904455</v>
      </c>
      <c r="B6073" s="1"/>
      <c r="C6073">
        <v>10</v>
      </c>
      <c r="D6073" t="s">
        <v>13675</v>
      </c>
      <c r="E6073" t="s">
        <v>32713</v>
      </c>
      <c r="F6073">
        <v>5</v>
      </c>
      <c r="G6073" t="s">
        <v>10</v>
      </c>
      <c r="H6073" t="s">
        <v>13676</v>
      </c>
      <c r="I6073" t="s">
        <v>30540</v>
      </c>
    </row>
    <row r="6074" spans="1:9">
      <c r="A6074" s="1">
        <v>0.27904056824862999</v>
      </c>
      <c r="B6074" s="1"/>
      <c r="C6074">
        <v>6</v>
      </c>
      <c r="D6074" t="s">
        <v>13671</v>
      </c>
      <c r="E6074" t="s">
        <v>32713</v>
      </c>
      <c r="F6074">
        <v>5</v>
      </c>
      <c r="G6074" t="s">
        <v>10</v>
      </c>
      <c r="H6074" t="s">
        <v>13672</v>
      </c>
      <c r="I6074" t="s">
        <v>30540</v>
      </c>
    </row>
    <row r="6075" spans="1:9">
      <c r="A6075" s="1">
        <v>2.3940162773683715E-2</v>
      </c>
      <c r="B6075" s="1"/>
      <c r="C6075">
        <v>11</v>
      </c>
      <c r="D6075" t="s">
        <v>13677</v>
      </c>
      <c r="E6075" t="s">
        <v>32713</v>
      </c>
      <c r="F6075">
        <v>4</v>
      </c>
      <c r="G6075" t="s">
        <v>10</v>
      </c>
      <c r="H6075" t="s">
        <v>13678</v>
      </c>
      <c r="I6075" t="s">
        <v>30540</v>
      </c>
    </row>
    <row r="6076" spans="1:9">
      <c r="A6076" s="1">
        <v>0.4063230792273832</v>
      </c>
      <c r="B6076" s="1"/>
      <c r="C6076">
        <v>8</v>
      </c>
      <c r="D6076" t="s">
        <v>13673</v>
      </c>
      <c r="E6076" t="s">
        <v>32713</v>
      </c>
      <c r="F6076">
        <v>4</v>
      </c>
      <c r="G6076" t="s">
        <v>0</v>
      </c>
      <c r="H6076" t="s">
        <v>13674</v>
      </c>
      <c r="I6076" t="s">
        <v>30540</v>
      </c>
    </row>
    <row r="6077" spans="1:9">
      <c r="A6077" s="1">
        <v>0.1279807036477052</v>
      </c>
      <c r="B6077" s="1"/>
      <c r="C6077">
        <v>5</v>
      </c>
      <c r="D6077" t="s">
        <v>13659</v>
      </c>
      <c r="E6077" t="s">
        <v>32714</v>
      </c>
      <c r="F6077">
        <v>5</v>
      </c>
      <c r="G6077" t="s">
        <v>1431</v>
      </c>
      <c r="H6077" t="s">
        <v>13660</v>
      </c>
      <c r="I6077" t="s">
        <v>30540</v>
      </c>
    </row>
    <row r="6078" spans="1:9">
      <c r="A6078" s="1">
        <v>0.84026756209030717</v>
      </c>
      <c r="B6078" s="1"/>
      <c r="C6078">
        <v>7</v>
      </c>
      <c r="D6078" t="s">
        <v>13661</v>
      </c>
      <c r="E6078" t="s">
        <v>32714</v>
      </c>
      <c r="F6078">
        <v>4</v>
      </c>
      <c r="G6078" t="s">
        <v>1431</v>
      </c>
      <c r="H6078" t="s">
        <v>13662</v>
      </c>
      <c r="I6078" t="s">
        <v>30540</v>
      </c>
    </row>
    <row r="6079" spans="1:9">
      <c r="A6079" s="1">
        <v>0.68490298984095987</v>
      </c>
      <c r="B6079" s="1"/>
      <c r="C6079">
        <v>8</v>
      </c>
      <c r="D6079" t="s">
        <v>13663</v>
      </c>
      <c r="E6079" t="s">
        <v>32714</v>
      </c>
      <c r="F6079">
        <v>4</v>
      </c>
      <c r="G6079" t="s">
        <v>14</v>
      </c>
      <c r="H6079" t="s">
        <v>13664</v>
      </c>
      <c r="I6079" t="s">
        <v>30540</v>
      </c>
    </row>
    <row r="6080" spans="1:9">
      <c r="A6080" s="1">
        <v>0.86806345305168209</v>
      </c>
      <c r="B6080" s="1"/>
      <c r="C6080">
        <v>13</v>
      </c>
      <c r="D6080" t="s">
        <v>13665</v>
      </c>
      <c r="E6080" t="s">
        <v>32714</v>
      </c>
      <c r="F6080">
        <v>4</v>
      </c>
      <c r="G6080" t="s">
        <v>14</v>
      </c>
      <c r="H6080" t="s">
        <v>13666</v>
      </c>
      <c r="I6080" t="s">
        <v>30540</v>
      </c>
    </row>
    <row r="6081" spans="1:9">
      <c r="A6081" s="1">
        <v>0.3994105997118359</v>
      </c>
      <c r="B6081" s="1"/>
      <c r="C6081">
        <v>1</v>
      </c>
      <c r="D6081" t="s">
        <v>13657</v>
      </c>
      <c r="E6081" t="s">
        <v>32714</v>
      </c>
      <c r="F6081">
        <v>4</v>
      </c>
      <c r="G6081" t="s">
        <v>13</v>
      </c>
      <c r="H6081" t="s">
        <v>13658</v>
      </c>
      <c r="I6081" t="s">
        <v>30540</v>
      </c>
    </row>
    <row r="6082" spans="1:9">
      <c r="A6082" s="1">
        <v>0.91657898872582555</v>
      </c>
      <c r="B6082" s="1"/>
      <c r="C6082">
        <v>19</v>
      </c>
      <c r="D6082" t="s">
        <v>13669</v>
      </c>
      <c r="E6082" t="s">
        <v>32714</v>
      </c>
      <c r="F6082">
        <v>4</v>
      </c>
      <c r="G6082" t="s">
        <v>14</v>
      </c>
      <c r="H6082" t="s">
        <v>13670</v>
      </c>
      <c r="I6082" t="s">
        <v>30540</v>
      </c>
    </row>
    <row r="6083" spans="1:9">
      <c r="A6083" s="1">
        <v>0.69298321088388681</v>
      </c>
      <c r="B6083" s="1"/>
      <c r="C6083">
        <v>16</v>
      </c>
      <c r="D6083" t="s">
        <v>13667</v>
      </c>
      <c r="E6083" t="s">
        <v>32714</v>
      </c>
      <c r="F6083">
        <v>3</v>
      </c>
      <c r="G6083" t="s">
        <v>2229</v>
      </c>
      <c r="H6083" t="s">
        <v>13668</v>
      </c>
      <c r="I6083" t="s">
        <v>30540</v>
      </c>
    </row>
    <row r="6084" spans="1:9">
      <c r="A6084" s="1">
        <v>0.6485735544143747</v>
      </c>
      <c r="B6084" s="1"/>
      <c r="C6084">
        <v>9</v>
      </c>
      <c r="D6084" t="s">
        <v>13655</v>
      </c>
      <c r="E6084" t="s">
        <v>32715</v>
      </c>
      <c r="F6084">
        <v>5</v>
      </c>
      <c r="G6084" t="s">
        <v>14</v>
      </c>
      <c r="H6084" t="s">
        <v>13656</v>
      </c>
      <c r="I6084" t="s">
        <v>30540</v>
      </c>
    </row>
    <row r="6085" spans="1:9">
      <c r="A6085" s="1">
        <v>0.34426371436877468</v>
      </c>
      <c r="B6085" s="1"/>
      <c r="C6085">
        <v>4</v>
      </c>
      <c r="D6085" t="s">
        <v>13651</v>
      </c>
      <c r="E6085" t="s">
        <v>32715</v>
      </c>
      <c r="F6085">
        <v>5</v>
      </c>
      <c r="G6085" t="s">
        <v>14</v>
      </c>
      <c r="H6085" t="s">
        <v>13652</v>
      </c>
      <c r="I6085" t="s">
        <v>30540</v>
      </c>
    </row>
    <row r="6086" spans="1:9">
      <c r="A6086" s="1">
        <v>0.44295176219710042</v>
      </c>
      <c r="B6086" s="1"/>
      <c r="C6086">
        <v>15</v>
      </c>
      <c r="D6086" t="s">
        <v>13645</v>
      </c>
      <c r="E6086" t="s">
        <v>32716</v>
      </c>
      <c r="F6086">
        <v>5</v>
      </c>
      <c r="G6086" t="s">
        <v>1</v>
      </c>
      <c r="H6086" t="s">
        <v>13646</v>
      </c>
      <c r="I6086" t="s">
        <v>30540</v>
      </c>
    </row>
    <row r="6087" spans="1:9">
      <c r="A6087" s="1">
        <v>0.65406301500154818</v>
      </c>
      <c r="B6087" s="1"/>
      <c r="C6087">
        <v>6</v>
      </c>
      <c r="D6087" t="s">
        <v>13639</v>
      </c>
      <c r="E6087" t="s">
        <v>32716</v>
      </c>
      <c r="F6087">
        <v>5</v>
      </c>
      <c r="G6087" t="s">
        <v>2226</v>
      </c>
      <c r="H6087" t="s">
        <v>13640</v>
      </c>
      <c r="I6087" t="s">
        <v>30540</v>
      </c>
    </row>
    <row r="6088" spans="1:9">
      <c r="A6088" s="1">
        <v>0.84790833934514387</v>
      </c>
      <c r="B6088" s="1"/>
      <c r="C6088">
        <v>7</v>
      </c>
      <c r="D6088" t="s">
        <v>13641</v>
      </c>
      <c r="E6088" t="s">
        <v>32716</v>
      </c>
      <c r="F6088">
        <v>4</v>
      </c>
      <c r="G6088" t="s">
        <v>770</v>
      </c>
      <c r="H6088" t="s">
        <v>13642</v>
      </c>
      <c r="I6088" t="s">
        <v>30540</v>
      </c>
    </row>
    <row r="6089" spans="1:9">
      <c r="A6089" s="1">
        <v>3.7834579568755244E-2</v>
      </c>
      <c r="B6089" s="1"/>
      <c r="C6089">
        <v>10</v>
      </c>
      <c r="D6089" t="s">
        <v>13643</v>
      </c>
      <c r="E6089" t="s">
        <v>32716</v>
      </c>
      <c r="F6089">
        <v>4</v>
      </c>
      <c r="G6089" t="s">
        <v>10</v>
      </c>
      <c r="H6089" t="s">
        <v>13644</v>
      </c>
      <c r="I6089" t="s">
        <v>30540</v>
      </c>
    </row>
    <row r="6090" spans="1:9">
      <c r="A6090" s="1">
        <v>0.86514887612961255</v>
      </c>
      <c r="B6090" s="1"/>
      <c r="C6090">
        <v>3</v>
      </c>
      <c r="D6090" t="s">
        <v>13635</v>
      </c>
      <c r="E6090" t="s">
        <v>32716</v>
      </c>
      <c r="F6090">
        <v>4</v>
      </c>
      <c r="G6090" t="s">
        <v>770</v>
      </c>
      <c r="H6090" t="s">
        <v>13636</v>
      </c>
      <c r="I6090" t="s">
        <v>30540</v>
      </c>
    </row>
    <row r="6091" spans="1:9">
      <c r="A6091" s="1">
        <v>6.0802470732354785E-2</v>
      </c>
      <c r="B6091" s="1"/>
      <c r="C6091">
        <v>20</v>
      </c>
      <c r="D6091" t="s">
        <v>13649</v>
      </c>
      <c r="E6091" t="s">
        <v>32716</v>
      </c>
      <c r="F6091">
        <v>4</v>
      </c>
      <c r="G6091" t="s">
        <v>14</v>
      </c>
      <c r="H6091" t="s">
        <v>13650</v>
      </c>
      <c r="I6091" t="s">
        <v>30540</v>
      </c>
    </row>
    <row r="6092" spans="1:9">
      <c r="A6092" s="1">
        <v>0.63508789044990011</v>
      </c>
      <c r="B6092" s="1"/>
      <c r="C6092">
        <v>5</v>
      </c>
      <c r="D6092" t="s">
        <v>13637</v>
      </c>
      <c r="E6092" t="s">
        <v>32716</v>
      </c>
      <c r="F6092">
        <v>4</v>
      </c>
      <c r="G6092" t="s">
        <v>770</v>
      </c>
      <c r="H6092" t="s">
        <v>13638</v>
      </c>
      <c r="I6092" t="s">
        <v>30540</v>
      </c>
    </row>
    <row r="6093" spans="1:9">
      <c r="A6093" s="1">
        <v>0.10777776198370637</v>
      </c>
      <c r="B6093" s="1"/>
      <c r="C6093">
        <v>13</v>
      </c>
      <c r="D6093" t="s">
        <v>13633</v>
      </c>
      <c r="E6093" t="s">
        <v>32717</v>
      </c>
      <c r="F6093">
        <v>4</v>
      </c>
      <c r="G6093" t="s">
        <v>14</v>
      </c>
      <c r="H6093" t="s">
        <v>13634</v>
      </c>
      <c r="I6093" t="s">
        <v>30540</v>
      </c>
    </row>
    <row r="6094" spans="1:9">
      <c r="A6094" s="1">
        <v>0.36998424948712016</v>
      </c>
      <c r="B6094" s="1"/>
      <c r="C6094">
        <v>10</v>
      </c>
      <c r="D6094" t="s">
        <v>13629</v>
      </c>
      <c r="E6094" t="s">
        <v>32717</v>
      </c>
      <c r="F6094">
        <v>4</v>
      </c>
      <c r="G6094" t="s">
        <v>14</v>
      </c>
      <c r="H6094" t="s">
        <v>13630</v>
      </c>
      <c r="I6094" t="s">
        <v>30540</v>
      </c>
    </row>
    <row r="6095" spans="1:9">
      <c r="A6095" s="1">
        <v>0.51482565892729648</v>
      </c>
      <c r="B6095" s="1"/>
      <c r="C6095">
        <v>10</v>
      </c>
      <c r="D6095" t="s">
        <v>13627</v>
      </c>
      <c r="E6095" t="s">
        <v>32718</v>
      </c>
      <c r="F6095">
        <v>5</v>
      </c>
      <c r="G6095" t="s">
        <v>14</v>
      </c>
      <c r="H6095" t="s">
        <v>13628</v>
      </c>
      <c r="I6095" t="s">
        <v>30540</v>
      </c>
    </row>
    <row r="6096" spans="1:9">
      <c r="A6096" s="1">
        <v>0.86062213812754174</v>
      </c>
      <c r="B6096" s="1"/>
      <c r="C6096">
        <v>2</v>
      </c>
      <c r="D6096" t="s">
        <v>13623</v>
      </c>
      <c r="E6096" t="s">
        <v>32718</v>
      </c>
      <c r="F6096">
        <v>4</v>
      </c>
      <c r="G6096" t="s">
        <v>14</v>
      </c>
      <c r="H6096" t="s">
        <v>13624</v>
      </c>
      <c r="I6096" t="s">
        <v>30540</v>
      </c>
    </row>
    <row r="6097" spans="1:9">
      <c r="A6097" s="1">
        <v>0.86484470348530018</v>
      </c>
      <c r="B6097" s="1"/>
      <c r="C6097">
        <v>4</v>
      </c>
      <c r="D6097" t="s">
        <v>13625</v>
      </c>
      <c r="E6097" t="s">
        <v>32718</v>
      </c>
      <c r="F6097">
        <v>4</v>
      </c>
      <c r="G6097" t="s">
        <v>14</v>
      </c>
      <c r="H6097" t="s">
        <v>13626</v>
      </c>
      <c r="I6097" t="s">
        <v>30540</v>
      </c>
    </row>
    <row r="6098" spans="1:9">
      <c r="A6098" s="1">
        <v>0.2818660751522315</v>
      </c>
      <c r="B6098" s="1"/>
      <c r="C6098">
        <v>1</v>
      </c>
      <c r="D6098" t="s">
        <v>13621</v>
      </c>
      <c r="E6098" t="s">
        <v>32718</v>
      </c>
      <c r="F6098">
        <v>4</v>
      </c>
      <c r="G6098" t="s">
        <v>2</v>
      </c>
      <c r="H6098" t="s">
        <v>13622</v>
      </c>
      <c r="I6098" t="s">
        <v>30540</v>
      </c>
    </row>
    <row r="6099" spans="1:9">
      <c r="A6099" s="1">
        <v>0.71653101846004086</v>
      </c>
      <c r="B6099" s="1"/>
      <c r="C6099">
        <v>6</v>
      </c>
      <c r="D6099" t="s">
        <v>13613</v>
      </c>
      <c r="E6099" t="s">
        <v>32719</v>
      </c>
      <c r="F6099">
        <v>5</v>
      </c>
      <c r="G6099" t="s">
        <v>14</v>
      </c>
      <c r="H6099" t="s">
        <v>13614</v>
      </c>
      <c r="I6099" t="s">
        <v>30540</v>
      </c>
    </row>
    <row r="6100" spans="1:9">
      <c r="A6100" s="1">
        <v>0.4926804156652187</v>
      </c>
      <c r="B6100" s="1"/>
      <c r="C6100">
        <v>10</v>
      </c>
      <c r="D6100" t="s">
        <v>13615</v>
      </c>
      <c r="E6100" t="s">
        <v>32719</v>
      </c>
      <c r="F6100">
        <v>4</v>
      </c>
      <c r="G6100" t="s">
        <v>9</v>
      </c>
      <c r="H6100" t="s">
        <v>13616</v>
      </c>
      <c r="I6100" t="s">
        <v>30540</v>
      </c>
    </row>
    <row r="6101" spans="1:9">
      <c r="A6101" s="1">
        <v>0.39002825290935739</v>
      </c>
      <c r="B6101" s="1"/>
      <c r="C6101">
        <v>16</v>
      </c>
      <c r="D6101" t="s">
        <v>13617</v>
      </c>
      <c r="E6101" t="s">
        <v>32719</v>
      </c>
      <c r="F6101">
        <v>4</v>
      </c>
      <c r="G6101" t="s">
        <v>14</v>
      </c>
      <c r="H6101" t="s">
        <v>13618</v>
      </c>
      <c r="I6101" t="s">
        <v>30540</v>
      </c>
    </row>
    <row r="6102" spans="1:9">
      <c r="A6102" s="1">
        <v>0.95270652129588662</v>
      </c>
      <c r="B6102" s="1"/>
      <c r="C6102">
        <v>15</v>
      </c>
      <c r="D6102" t="s">
        <v>13603</v>
      </c>
      <c r="E6102" t="s">
        <v>32720</v>
      </c>
      <c r="F6102">
        <v>4</v>
      </c>
      <c r="G6102" t="s">
        <v>1295</v>
      </c>
      <c r="H6102" t="s">
        <v>13604</v>
      </c>
      <c r="I6102" t="s">
        <v>30540</v>
      </c>
    </row>
    <row r="6103" spans="1:9">
      <c r="A6103" s="1">
        <v>0.98051111689370429</v>
      </c>
      <c r="B6103" s="1"/>
      <c r="C6103">
        <v>19</v>
      </c>
      <c r="D6103" t="s">
        <v>13609</v>
      </c>
      <c r="E6103" t="s">
        <v>32720</v>
      </c>
      <c r="F6103">
        <v>4</v>
      </c>
      <c r="G6103" t="s">
        <v>2229</v>
      </c>
      <c r="H6103" t="s">
        <v>13610</v>
      </c>
      <c r="I6103" t="s">
        <v>30540</v>
      </c>
    </row>
    <row r="6104" spans="1:9">
      <c r="A6104" s="1">
        <v>0.41875199259190587</v>
      </c>
      <c r="B6104" s="1"/>
      <c r="C6104">
        <v>10</v>
      </c>
      <c r="D6104" t="s">
        <v>13593</v>
      </c>
      <c r="E6104" t="s">
        <v>32720</v>
      </c>
      <c r="F6104">
        <v>4</v>
      </c>
      <c r="G6104" t="s">
        <v>2738</v>
      </c>
      <c r="H6104" t="s">
        <v>13594</v>
      </c>
      <c r="I6104" t="s">
        <v>30540</v>
      </c>
    </row>
    <row r="6105" spans="1:9">
      <c r="A6105" s="1">
        <v>0.18664859131400635</v>
      </c>
      <c r="B6105" s="1"/>
      <c r="C6105">
        <v>9</v>
      </c>
      <c r="D6105" t="s">
        <v>13591</v>
      </c>
      <c r="E6105" t="s">
        <v>32720</v>
      </c>
      <c r="F6105">
        <v>4</v>
      </c>
      <c r="G6105" t="s">
        <v>774</v>
      </c>
      <c r="H6105" t="s">
        <v>13592</v>
      </c>
      <c r="I6105" t="s">
        <v>30540</v>
      </c>
    </row>
    <row r="6106" spans="1:9">
      <c r="A6106" s="1">
        <v>0.23205180582858709</v>
      </c>
      <c r="B6106" s="1"/>
      <c r="C6106">
        <v>11</v>
      </c>
      <c r="D6106" t="s">
        <v>13595</v>
      </c>
      <c r="E6106" t="s">
        <v>32720</v>
      </c>
      <c r="F6106">
        <v>4</v>
      </c>
      <c r="G6106" t="s">
        <v>769</v>
      </c>
      <c r="H6106" t="s">
        <v>13596</v>
      </c>
      <c r="I6106" t="s">
        <v>30540</v>
      </c>
    </row>
    <row r="6107" spans="1:9">
      <c r="A6107" s="1">
        <v>3.734788696273672E-2</v>
      </c>
      <c r="B6107" s="1"/>
      <c r="C6107">
        <v>18</v>
      </c>
      <c r="D6107" t="s">
        <v>13607</v>
      </c>
      <c r="E6107" t="s">
        <v>32720</v>
      </c>
      <c r="F6107">
        <v>4</v>
      </c>
      <c r="G6107" t="s">
        <v>2226</v>
      </c>
      <c r="H6107" t="s">
        <v>13608</v>
      </c>
      <c r="I6107" t="s">
        <v>30540</v>
      </c>
    </row>
    <row r="6108" spans="1:9">
      <c r="A6108" s="1">
        <v>0.51496190352740678</v>
      </c>
      <c r="B6108" s="1"/>
      <c r="C6108">
        <v>3</v>
      </c>
      <c r="D6108" t="s">
        <v>13583</v>
      </c>
      <c r="E6108" t="s">
        <v>32720</v>
      </c>
      <c r="F6108">
        <v>4</v>
      </c>
      <c r="G6108" t="s">
        <v>1295</v>
      </c>
      <c r="H6108" t="s">
        <v>13584</v>
      </c>
      <c r="I6108" t="s">
        <v>30540</v>
      </c>
    </row>
    <row r="6109" spans="1:9">
      <c r="A6109" s="1">
        <v>0.93330158518752271</v>
      </c>
      <c r="B6109" s="1"/>
      <c r="C6109">
        <v>17</v>
      </c>
      <c r="D6109" t="s">
        <v>13605</v>
      </c>
      <c r="E6109" t="s">
        <v>32720</v>
      </c>
      <c r="F6109">
        <v>4</v>
      </c>
      <c r="G6109" t="s">
        <v>771</v>
      </c>
      <c r="H6109" t="s">
        <v>13606</v>
      </c>
      <c r="I6109" t="s">
        <v>30540</v>
      </c>
    </row>
    <row r="6110" spans="1:9">
      <c r="A6110" s="1">
        <v>0.26968300702987302</v>
      </c>
      <c r="B6110" s="1"/>
      <c r="C6110">
        <v>20</v>
      </c>
      <c r="D6110" t="s">
        <v>13611</v>
      </c>
      <c r="E6110" t="s">
        <v>32720</v>
      </c>
      <c r="F6110">
        <v>4</v>
      </c>
      <c r="G6110" t="s">
        <v>771</v>
      </c>
      <c r="H6110" t="s">
        <v>13612</v>
      </c>
      <c r="I6110" t="s">
        <v>30540</v>
      </c>
    </row>
    <row r="6111" spans="1:9">
      <c r="A6111" s="1">
        <v>0.31770193994090556</v>
      </c>
      <c r="B6111" s="1"/>
      <c r="C6111">
        <v>13</v>
      </c>
      <c r="D6111" t="s">
        <v>13599</v>
      </c>
      <c r="E6111" t="s">
        <v>32720</v>
      </c>
      <c r="F6111">
        <v>4</v>
      </c>
      <c r="G6111" t="s">
        <v>14</v>
      </c>
      <c r="H6111" t="s">
        <v>13600</v>
      </c>
      <c r="I6111" t="s">
        <v>30540</v>
      </c>
    </row>
    <row r="6112" spans="1:9">
      <c r="A6112" s="1">
        <v>0.44899702659426721</v>
      </c>
      <c r="B6112" s="1"/>
      <c r="C6112">
        <v>12</v>
      </c>
      <c r="D6112" t="s">
        <v>13597</v>
      </c>
      <c r="E6112" t="s">
        <v>32720</v>
      </c>
      <c r="F6112">
        <v>4</v>
      </c>
      <c r="G6112" t="s">
        <v>1295</v>
      </c>
      <c r="H6112" t="s">
        <v>13598</v>
      </c>
      <c r="I6112" t="s">
        <v>30540</v>
      </c>
    </row>
    <row r="6113" spans="1:9">
      <c r="A6113" s="1">
        <v>0.28565545380219226</v>
      </c>
      <c r="B6113" s="1"/>
      <c r="C6113">
        <v>6</v>
      </c>
      <c r="D6113" t="s">
        <v>13585</v>
      </c>
      <c r="E6113" t="s">
        <v>32720</v>
      </c>
      <c r="F6113">
        <v>4</v>
      </c>
      <c r="G6113" t="s">
        <v>769</v>
      </c>
      <c r="H6113" t="s">
        <v>13586</v>
      </c>
      <c r="I6113" t="s">
        <v>30540</v>
      </c>
    </row>
    <row r="6114" spans="1:9">
      <c r="A6114" s="1">
        <v>0.15156525027734136</v>
      </c>
      <c r="B6114" s="1"/>
      <c r="C6114">
        <v>14</v>
      </c>
      <c r="D6114" t="s">
        <v>13601</v>
      </c>
      <c r="E6114" t="s">
        <v>32720</v>
      </c>
      <c r="F6114">
        <v>4</v>
      </c>
      <c r="G6114" t="s">
        <v>771</v>
      </c>
      <c r="H6114" t="s">
        <v>13602</v>
      </c>
      <c r="I6114" t="s">
        <v>30540</v>
      </c>
    </row>
    <row r="6115" spans="1:9">
      <c r="A6115" s="1">
        <v>0.78110970931471879</v>
      </c>
      <c r="B6115" s="1"/>
      <c r="C6115">
        <v>8</v>
      </c>
      <c r="D6115" t="s">
        <v>13589</v>
      </c>
      <c r="E6115" t="s">
        <v>32720</v>
      </c>
      <c r="F6115">
        <v>4</v>
      </c>
      <c r="G6115" t="s">
        <v>1295</v>
      </c>
      <c r="H6115" t="s">
        <v>13590</v>
      </c>
      <c r="I6115" t="s">
        <v>30540</v>
      </c>
    </row>
    <row r="6116" spans="1:9">
      <c r="A6116" s="1">
        <v>0.78095215315715205</v>
      </c>
      <c r="B6116" s="1"/>
      <c r="C6116">
        <v>9</v>
      </c>
      <c r="D6116" t="s">
        <v>13577</v>
      </c>
      <c r="E6116" t="s">
        <v>32721</v>
      </c>
      <c r="F6116">
        <v>5</v>
      </c>
      <c r="G6116" t="s">
        <v>14</v>
      </c>
      <c r="H6116" t="s">
        <v>13578</v>
      </c>
      <c r="I6116" t="s">
        <v>30540</v>
      </c>
    </row>
    <row r="6117" spans="1:9">
      <c r="A6117" s="1">
        <v>0.74170002240875399</v>
      </c>
      <c r="B6117" s="1"/>
      <c r="C6117">
        <v>12</v>
      </c>
      <c r="D6117" t="s">
        <v>13579</v>
      </c>
      <c r="E6117" t="s">
        <v>32721</v>
      </c>
      <c r="F6117">
        <v>4</v>
      </c>
      <c r="G6117" t="s">
        <v>15</v>
      </c>
      <c r="H6117" t="s">
        <v>13580</v>
      </c>
      <c r="I6117" t="s">
        <v>30540</v>
      </c>
    </row>
    <row r="6118" spans="1:9">
      <c r="A6118" s="1">
        <v>2.0378821518793888E-3</v>
      </c>
      <c r="B6118" s="1"/>
      <c r="C6118">
        <v>15</v>
      </c>
      <c r="D6118" t="s">
        <v>13581</v>
      </c>
      <c r="E6118" t="s">
        <v>32721</v>
      </c>
      <c r="F6118">
        <v>4</v>
      </c>
      <c r="G6118" t="s">
        <v>9</v>
      </c>
      <c r="H6118" t="s">
        <v>13582</v>
      </c>
      <c r="I6118" t="s">
        <v>30540</v>
      </c>
    </row>
    <row r="6119" spans="1:9">
      <c r="A6119" s="1">
        <v>0.26833375519564973</v>
      </c>
      <c r="B6119" s="1"/>
      <c r="C6119">
        <v>6</v>
      </c>
      <c r="D6119" t="s">
        <v>13573</v>
      </c>
      <c r="E6119" t="s">
        <v>32721</v>
      </c>
      <c r="F6119">
        <v>4</v>
      </c>
      <c r="G6119" t="s">
        <v>0</v>
      </c>
      <c r="H6119" t="s">
        <v>13574</v>
      </c>
      <c r="I6119" t="s">
        <v>30540</v>
      </c>
    </row>
    <row r="6120" spans="1:9">
      <c r="A6120" s="1">
        <v>0.99739012997044529</v>
      </c>
      <c r="B6120" s="1"/>
      <c r="C6120">
        <v>1</v>
      </c>
      <c r="D6120" t="s">
        <v>13571</v>
      </c>
      <c r="E6120" t="s">
        <v>32721</v>
      </c>
      <c r="F6120">
        <v>4</v>
      </c>
      <c r="G6120" t="s">
        <v>10</v>
      </c>
      <c r="H6120" t="s">
        <v>13572</v>
      </c>
      <c r="I6120" t="s">
        <v>30540</v>
      </c>
    </row>
    <row r="6121" spans="1:9">
      <c r="A6121" s="1">
        <v>1.7971337239355734E-2</v>
      </c>
      <c r="B6121" s="1"/>
      <c r="C6121">
        <v>11</v>
      </c>
      <c r="D6121" t="s">
        <v>13569</v>
      </c>
      <c r="E6121" t="s">
        <v>32722</v>
      </c>
      <c r="F6121">
        <v>4</v>
      </c>
      <c r="G6121" t="s">
        <v>14</v>
      </c>
      <c r="H6121" t="s">
        <v>13570</v>
      </c>
      <c r="I6121" t="s">
        <v>30540</v>
      </c>
    </row>
    <row r="6122" spans="1:9">
      <c r="A6122" s="1">
        <v>0.2254147771153161</v>
      </c>
      <c r="B6122" s="1"/>
      <c r="C6122">
        <v>6</v>
      </c>
      <c r="D6122" t="s">
        <v>13565</v>
      </c>
      <c r="E6122" t="s">
        <v>32722</v>
      </c>
      <c r="F6122">
        <v>4</v>
      </c>
      <c r="G6122" t="s">
        <v>14</v>
      </c>
      <c r="H6122" t="s">
        <v>13566</v>
      </c>
      <c r="I6122" t="s">
        <v>30540</v>
      </c>
    </row>
    <row r="6123" spans="1:9">
      <c r="A6123" s="1">
        <v>0.53962835174949186</v>
      </c>
      <c r="B6123" s="1"/>
      <c r="C6123">
        <v>9</v>
      </c>
      <c r="D6123" t="s">
        <v>13567</v>
      </c>
      <c r="E6123" t="s">
        <v>32722</v>
      </c>
      <c r="F6123">
        <v>4</v>
      </c>
      <c r="G6123" t="s">
        <v>14</v>
      </c>
      <c r="H6123" t="s">
        <v>13568</v>
      </c>
      <c r="I6123" t="s">
        <v>30540</v>
      </c>
    </row>
    <row r="6124" spans="1:9">
      <c r="A6124" s="1">
        <v>0.62544167037752696</v>
      </c>
      <c r="B6124" s="1"/>
      <c r="C6124">
        <v>11</v>
      </c>
      <c r="D6124" t="s">
        <v>13561</v>
      </c>
      <c r="E6124" t="s">
        <v>32723</v>
      </c>
      <c r="F6124">
        <v>4</v>
      </c>
      <c r="G6124" t="s">
        <v>14</v>
      </c>
      <c r="H6124" t="s">
        <v>13562</v>
      </c>
      <c r="I6124" t="s">
        <v>30540</v>
      </c>
    </row>
    <row r="6125" spans="1:9">
      <c r="A6125" s="1">
        <v>0.28696283640125886</v>
      </c>
      <c r="B6125" s="1"/>
      <c r="C6125">
        <v>5</v>
      </c>
      <c r="D6125" t="s">
        <v>13557</v>
      </c>
      <c r="E6125" t="s">
        <v>32723</v>
      </c>
      <c r="F6125">
        <v>4</v>
      </c>
      <c r="G6125" t="s">
        <v>14</v>
      </c>
      <c r="H6125" t="s">
        <v>13558</v>
      </c>
      <c r="I6125" t="s">
        <v>30540</v>
      </c>
    </row>
    <row r="6126" spans="1:9">
      <c r="A6126" s="1">
        <v>0.60149260602087895</v>
      </c>
      <c r="B6126" s="1"/>
      <c r="C6126">
        <v>10</v>
      </c>
      <c r="D6126" t="s">
        <v>13559</v>
      </c>
      <c r="E6126" t="s">
        <v>32723</v>
      </c>
      <c r="F6126">
        <v>4</v>
      </c>
      <c r="G6126" t="s">
        <v>14</v>
      </c>
      <c r="H6126" t="s">
        <v>13560</v>
      </c>
      <c r="I6126" t="s">
        <v>30540</v>
      </c>
    </row>
    <row r="6127" spans="1:9">
      <c r="A6127" s="1">
        <v>3.5545649315795846E-2</v>
      </c>
      <c r="B6127" s="1"/>
      <c r="C6127">
        <v>13</v>
      </c>
      <c r="D6127" t="s">
        <v>13563</v>
      </c>
      <c r="E6127" t="s">
        <v>32723</v>
      </c>
      <c r="F6127">
        <v>4</v>
      </c>
      <c r="G6127" t="s">
        <v>14</v>
      </c>
      <c r="H6127" t="s">
        <v>13564</v>
      </c>
      <c r="I6127" t="s">
        <v>30540</v>
      </c>
    </row>
    <row r="6128" spans="1:9">
      <c r="A6128" s="1">
        <v>0.28700510207939034</v>
      </c>
      <c r="B6128" s="1"/>
      <c r="C6128">
        <v>2</v>
      </c>
      <c r="D6128" t="s">
        <v>13541</v>
      </c>
      <c r="E6128" t="s">
        <v>32724</v>
      </c>
      <c r="F6128">
        <v>4</v>
      </c>
      <c r="G6128" t="s">
        <v>13</v>
      </c>
      <c r="H6128" t="s">
        <v>13542</v>
      </c>
      <c r="I6128" t="s">
        <v>30540</v>
      </c>
    </row>
    <row r="6129" spans="1:9">
      <c r="A6129" s="1">
        <v>0.88729310246352999</v>
      </c>
      <c r="B6129" s="1"/>
      <c r="C6129">
        <v>8</v>
      </c>
      <c r="D6129" t="s">
        <v>13547</v>
      </c>
      <c r="E6129" t="s">
        <v>32724</v>
      </c>
      <c r="F6129">
        <v>4</v>
      </c>
      <c r="G6129" t="s">
        <v>1431</v>
      </c>
      <c r="H6129" t="s">
        <v>13548</v>
      </c>
      <c r="I6129" t="s">
        <v>30540</v>
      </c>
    </row>
    <row r="6130" spans="1:9">
      <c r="A6130" s="1">
        <v>0.76824441090039741</v>
      </c>
      <c r="B6130" s="1"/>
      <c r="C6130">
        <v>7</v>
      </c>
      <c r="D6130" t="s">
        <v>13545</v>
      </c>
      <c r="E6130" t="s">
        <v>32724</v>
      </c>
      <c r="F6130">
        <v>4</v>
      </c>
      <c r="G6130" t="s">
        <v>775</v>
      </c>
      <c r="H6130" t="s">
        <v>13546</v>
      </c>
      <c r="I6130" t="s">
        <v>30540</v>
      </c>
    </row>
    <row r="6131" spans="1:9">
      <c r="A6131" s="1">
        <v>0.64191131979618443</v>
      </c>
      <c r="B6131" s="1"/>
      <c r="C6131">
        <v>19</v>
      </c>
      <c r="D6131" t="s">
        <v>13553</v>
      </c>
      <c r="E6131" t="s">
        <v>32724</v>
      </c>
      <c r="F6131">
        <v>4</v>
      </c>
      <c r="G6131" t="s">
        <v>13</v>
      </c>
      <c r="H6131" t="s">
        <v>13554</v>
      </c>
      <c r="I6131" t="s">
        <v>30540</v>
      </c>
    </row>
    <row r="6132" spans="1:9">
      <c r="A6132" s="1">
        <v>0.46417166044576785</v>
      </c>
      <c r="B6132" s="1"/>
      <c r="C6132">
        <v>16</v>
      </c>
      <c r="D6132" t="s">
        <v>13551</v>
      </c>
      <c r="E6132" t="s">
        <v>32724</v>
      </c>
      <c r="F6132">
        <v>4</v>
      </c>
      <c r="G6132" t="s">
        <v>775</v>
      </c>
      <c r="H6132" t="s">
        <v>13552</v>
      </c>
      <c r="I6132" t="s">
        <v>30540</v>
      </c>
    </row>
    <row r="6133" spans="1:9">
      <c r="A6133" s="1">
        <v>0.70549199331384138</v>
      </c>
      <c r="B6133" s="1"/>
      <c r="C6133">
        <v>3</v>
      </c>
      <c r="D6133" t="s">
        <v>13543</v>
      </c>
      <c r="E6133" t="s">
        <v>32724</v>
      </c>
      <c r="F6133">
        <v>4</v>
      </c>
      <c r="G6133" t="s">
        <v>3732</v>
      </c>
      <c r="H6133" t="s">
        <v>13544</v>
      </c>
      <c r="I6133" t="s">
        <v>30540</v>
      </c>
    </row>
    <row r="6134" spans="1:9">
      <c r="A6134" s="1">
        <v>0.66842992846900151</v>
      </c>
      <c r="B6134" s="1"/>
      <c r="C6134">
        <v>14</v>
      </c>
      <c r="D6134" t="s">
        <v>13549</v>
      </c>
      <c r="E6134" t="s">
        <v>32724</v>
      </c>
      <c r="F6134">
        <v>3</v>
      </c>
      <c r="G6134" t="s">
        <v>1426</v>
      </c>
      <c r="H6134" t="s">
        <v>13550</v>
      </c>
      <c r="I6134" t="s">
        <v>30540</v>
      </c>
    </row>
    <row r="6135" spans="1:9">
      <c r="A6135" s="1">
        <v>0.66857725005209012</v>
      </c>
      <c r="B6135" s="1"/>
      <c r="C6135">
        <v>7</v>
      </c>
      <c r="D6135" t="s">
        <v>13537</v>
      </c>
      <c r="E6135" t="s">
        <v>32725</v>
      </c>
      <c r="F6135">
        <v>4</v>
      </c>
      <c r="G6135" t="s">
        <v>0</v>
      </c>
      <c r="H6135" t="s">
        <v>13538</v>
      </c>
      <c r="I6135" t="s">
        <v>30540</v>
      </c>
    </row>
    <row r="6136" spans="1:9">
      <c r="A6136" s="1">
        <v>0.51991567443943354</v>
      </c>
      <c r="B6136" s="1"/>
      <c r="C6136">
        <v>11</v>
      </c>
      <c r="D6136" t="s">
        <v>13539</v>
      </c>
      <c r="E6136" t="s">
        <v>32725</v>
      </c>
      <c r="F6136">
        <v>4</v>
      </c>
      <c r="G6136" t="s">
        <v>14</v>
      </c>
      <c r="H6136" t="s">
        <v>13540</v>
      </c>
      <c r="I6136" t="s">
        <v>30540</v>
      </c>
    </row>
    <row r="6137" spans="1:9">
      <c r="A6137" s="1">
        <v>0.7329921409973813</v>
      </c>
      <c r="B6137" s="1"/>
      <c r="C6137">
        <v>5</v>
      </c>
      <c r="D6137" t="s">
        <v>13527</v>
      </c>
      <c r="E6137" t="s">
        <v>32727</v>
      </c>
      <c r="F6137">
        <v>5</v>
      </c>
      <c r="G6137" t="s">
        <v>2</v>
      </c>
      <c r="H6137" t="s">
        <v>13528</v>
      </c>
      <c r="I6137" t="s">
        <v>30540</v>
      </c>
    </row>
    <row r="6138" spans="1:9">
      <c r="A6138" s="1">
        <v>0.72274559454860721</v>
      </c>
      <c r="B6138" s="1"/>
      <c r="C6138">
        <v>6</v>
      </c>
      <c r="D6138" t="s">
        <v>13529</v>
      </c>
      <c r="E6138" t="s">
        <v>32727</v>
      </c>
      <c r="F6138">
        <v>5</v>
      </c>
      <c r="G6138" t="s">
        <v>14</v>
      </c>
      <c r="H6138" t="s">
        <v>13530</v>
      </c>
      <c r="I6138" t="s">
        <v>30540</v>
      </c>
    </row>
    <row r="6139" spans="1:9">
      <c r="A6139" s="1">
        <v>0.60228165870007222</v>
      </c>
      <c r="B6139" s="1"/>
      <c r="C6139">
        <v>12</v>
      </c>
      <c r="D6139" t="s">
        <v>13531</v>
      </c>
      <c r="E6139" t="s">
        <v>32727</v>
      </c>
      <c r="F6139">
        <v>4</v>
      </c>
      <c r="G6139" t="s">
        <v>0</v>
      </c>
      <c r="H6139" t="s">
        <v>13532</v>
      </c>
      <c r="I6139" t="s">
        <v>30540</v>
      </c>
    </row>
    <row r="6140" spans="1:9">
      <c r="A6140" s="1">
        <v>0.70934856651210776</v>
      </c>
      <c r="B6140" s="1"/>
      <c r="C6140">
        <v>14</v>
      </c>
      <c r="D6140" t="s">
        <v>13525</v>
      </c>
      <c r="E6140" t="s">
        <v>32728</v>
      </c>
      <c r="F6140">
        <v>4</v>
      </c>
      <c r="G6140" t="s">
        <v>2</v>
      </c>
      <c r="H6140" t="s">
        <v>13526</v>
      </c>
      <c r="I6140" t="s">
        <v>30540</v>
      </c>
    </row>
    <row r="6141" spans="1:9">
      <c r="A6141" s="1">
        <v>0.52876865473364321</v>
      </c>
      <c r="B6141" s="1"/>
      <c r="C6141">
        <v>9</v>
      </c>
      <c r="D6141" t="s">
        <v>13523</v>
      </c>
      <c r="E6141" t="s">
        <v>32728</v>
      </c>
      <c r="F6141">
        <v>4</v>
      </c>
      <c r="G6141" t="s">
        <v>13</v>
      </c>
      <c r="H6141" t="s">
        <v>13524</v>
      </c>
      <c r="I6141" t="s">
        <v>30540</v>
      </c>
    </row>
    <row r="6142" spans="1:9">
      <c r="A6142" s="1">
        <v>0.12854907974244323</v>
      </c>
      <c r="B6142" s="1"/>
      <c r="C6142">
        <v>8</v>
      </c>
      <c r="D6142" t="s">
        <v>13509</v>
      </c>
      <c r="E6142" t="s">
        <v>32729</v>
      </c>
      <c r="F6142">
        <v>5</v>
      </c>
      <c r="G6142" t="s">
        <v>13</v>
      </c>
      <c r="H6142" t="s">
        <v>13510</v>
      </c>
      <c r="I6142" t="s">
        <v>30540</v>
      </c>
    </row>
    <row r="6143" spans="1:9">
      <c r="A6143" s="1">
        <v>0.13064059446029219</v>
      </c>
      <c r="B6143" s="1"/>
      <c r="C6143">
        <v>17</v>
      </c>
      <c r="D6143" t="s">
        <v>13517</v>
      </c>
      <c r="E6143" t="s">
        <v>32729</v>
      </c>
      <c r="F6143">
        <v>4</v>
      </c>
      <c r="G6143" t="s">
        <v>0</v>
      </c>
      <c r="H6143" t="s">
        <v>13518</v>
      </c>
      <c r="I6143" t="s">
        <v>30540</v>
      </c>
    </row>
    <row r="6144" spans="1:9">
      <c r="A6144" s="1">
        <v>3.6179386976067596E-2</v>
      </c>
      <c r="B6144" s="1"/>
      <c r="C6144">
        <v>18</v>
      </c>
      <c r="D6144" t="s">
        <v>13519</v>
      </c>
      <c r="E6144" t="s">
        <v>32729</v>
      </c>
      <c r="F6144">
        <v>4</v>
      </c>
      <c r="G6144" t="s">
        <v>769</v>
      </c>
      <c r="H6144" t="s">
        <v>13520</v>
      </c>
      <c r="I6144" t="s">
        <v>30540</v>
      </c>
    </row>
    <row r="6145" spans="1:9">
      <c r="A6145" s="1">
        <v>0.92439525123208321</v>
      </c>
      <c r="B6145" s="1"/>
      <c r="C6145">
        <v>4</v>
      </c>
      <c r="D6145" t="s">
        <v>13505</v>
      </c>
      <c r="E6145" t="s">
        <v>32729</v>
      </c>
      <c r="F6145">
        <v>4</v>
      </c>
      <c r="G6145" t="s">
        <v>762</v>
      </c>
      <c r="H6145" t="s">
        <v>13506</v>
      </c>
      <c r="I6145" t="s">
        <v>30540</v>
      </c>
    </row>
    <row r="6146" spans="1:9">
      <c r="A6146" s="1">
        <v>0.20504365871200014</v>
      </c>
      <c r="B6146" s="1"/>
      <c r="C6146">
        <v>13</v>
      </c>
      <c r="D6146" t="s">
        <v>13515</v>
      </c>
      <c r="E6146" t="s">
        <v>32729</v>
      </c>
      <c r="F6146">
        <v>4</v>
      </c>
      <c r="G6146" t="s">
        <v>14</v>
      </c>
      <c r="H6146" t="s">
        <v>13516</v>
      </c>
      <c r="I6146" t="s">
        <v>30540</v>
      </c>
    </row>
    <row r="6147" spans="1:9">
      <c r="A6147" s="1">
        <v>0.70970230197680995</v>
      </c>
      <c r="B6147" s="1"/>
      <c r="C6147">
        <v>9</v>
      </c>
      <c r="D6147" t="s">
        <v>13511</v>
      </c>
      <c r="E6147" t="s">
        <v>32729</v>
      </c>
      <c r="F6147">
        <v>3</v>
      </c>
      <c r="G6147" t="s">
        <v>1431</v>
      </c>
      <c r="H6147" t="s">
        <v>13512</v>
      </c>
      <c r="I6147" t="s">
        <v>30540</v>
      </c>
    </row>
    <row r="6148" spans="1:9">
      <c r="A6148" s="1">
        <v>8.2183741139158717E-2</v>
      </c>
      <c r="B6148" s="1"/>
      <c r="C6148">
        <v>15</v>
      </c>
      <c r="D6148" t="s">
        <v>13501</v>
      </c>
      <c r="E6148" t="s">
        <v>32730</v>
      </c>
      <c r="F6148">
        <v>4</v>
      </c>
      <c r="G6148" t="s">
        <v>1</v>
      </c>
      <c r="H6148" t="s">
        <v>13502</v>
      </c>
      <c r="I6148" t="s">
        <v>30540</v>
      </c>
    </row>
    <row r="6149" spans="1:9">
      <c r="A6149" s="1">
        <v>2.3485443819523222E-2</v>
      </c>
      <c r="B6149" s="1"/>
      <c r="C6149">
        <v>7</v>
      </c>
      <c r="D6149" t="s">
        <v>13495</v>
      </c>
      <c r="E6149" t="s">
        <v>32730</v>
      </c>
      <c r="F6149">
        <v>4</v>
      </c>
      <c r="G6149" t="s">
        <v>14</v>
      </c>
      <c r="H6149" t="s">
        <v>13496</v>
      </c>
      <c r="I6149" t="s">
        <v>30540</v>
      </c>
    </row>
    <row r="6150" spans="1:9">
      <c r="A6150" s="1">
        <v>0.26902274169669815</v>
      </c>
      <c r="B6150" s="1"/>
      <c r="C6150">
        <v>14</v>
      </c>
      <c r="D6150" t="s">
        <v>13499</v>
      </c>
      <c r="E6150" t="s">
        <v>32730</v>
      </c>
      <c r="F6150">
        <v>4</v>
      </c>
      <c r="G6150" t="s">
        <v>2</v>
      </c>
      <c r="H6150" t="s">
        <v>13500</v>
      </c>
      <c r="I6150" t="s">
        <v>30540</v>
      </c>
    </row>
    <row r="6151" spans="1:9">
      <c r="A6151" s="1">
        <v>0.1877490609511</v>
      </c>
      <c r="B6151" s="1"/>
      <c r="C6151">
        <v>4</v>
      </c>
      <c r="D6151" t="s">
        <v>13493</v>
      </c>
      <c r="E6151" t="s">
        <v>32730</v>
      </c>
      <c r="F6151">
        <v>4</v>
      </c>
      <c r="G6151" t="s">
        <v>14</v>
      </c>
      <c r="H6151" t="s">
        <v>13494</v>
      </c>
      <c r="I6151" t="s">
        <v>30540</v>
      </c>
    </row>
    <row r="6152" spans="1:9">
      <c r="A6152" s="1">
        <v>0.99024742123725507</v>
      </c>
      <c r="B6152" s="1"/>
      <c r="C6152">
        <v>3</v>
      </c>
      <c r="D6152" t="s">
        <v>13491</v>
      </c>
      <c r="E6152" t="s">
        <v>32730</v>
      </c>
      <c r="F6152">
        <v>4</v>
      </c>
      <c r="G6152" t="s">
        <v>2</v>
      </c>
      <c r="H6152" t="s">
        <v>13492</v>
      </c>
      <c r="I6152" t="s">
        <v>30540</v>
      </c>
    </row>
    <row r="6153" spans="1:9">
      <c r="A6153" s="1">
        <v>0.84993257123450783</v>
      </c>
      <c r="B6153" s="1"/>
      <c r="C6153">
        <v>8</v>
      </c>
      <c r="D6153" t="s">
        <v>13497</v>
      </c>
      <c r="E6153" t="s">
        <v>32730</v>
      </c>
      <c r="F6153">
        <v>4</v>
      </c>
      <c r="G6153" t="s">
        <v>10</v>
      </c>
      <c r="H6153" t="s">
        <v>13498</v>
      </c>
      <c r="I6153" t="s">
        <v>30540</v>
      </c>
    </row>
    <row r="6154" spans="1:9">
      <c r="A6154" s="1">
        <v>6.9833145125219764E-2</v>
      </c>
      <c r="B6154" s="1"/>
      <c r="C6154">
        <v>3</v>
      </c>
      <c r="D6154" t="s">
        <v>13479</v>
      </c>
      <c r="E6154" t="s">
        <v>32731</v>
      </c>
      <c r="F6154">
        <v>5</v>
      </c>
      <c r="G6154" t="s">
        <v>13</v>
      </c>
      <c r="H6154" t="s">
        <v>13480</v>
      </c>
      <c r="I6154" t="s">
        <v>30540</v>
      </c>
    </row>
    <row r="6155" spans="1:9">
      <c r="A6155" s="1">
        <v>3.2715197072414215E-2</v>
      </c>
      <c r="B6155" s="1"/>
      <c r="C6155">
        <v>1</v>
      </c>
      <c r="D6155" t="s">
        <v>13477</v>
      </c>
      <c r="E6155" t="s">
        <v>32731</v>
      </c>
      <c r="F6155">
        <v>5</v>
      </c>
      <c r="G6155" t="s">
        <v>10</v>
      </c>
      <c r="H6155" t="s">
        <v>13478</v>
      </c>
      <c r="I6155" t="s">
        <v>30540</v>
      </c>
    </row>
    <row r="6156" spans="1:9">
      <c r="A6156" s="1">
        <v>0.63799076789359443</v>
      </c>
      <c r="B6156" s="1"/>
      <c r="C6156">
        <v>7</v>
      </c>
      <c r="D6156" t="s">
        <v>13483</v>
      </c>
      <c r="E6156" t="s">
        <v>32731</v>
      </c>
      <c r="F6156">
        <v>4</v>
      </c>
      <c r="G6156" t="s">
        <v>10</v>
      </c>
      <c r="H6156" t="s">
        <v>13484</v>
      </c>
      <c r="I6156" t="s">
        <v>30540</v>
      </c>
    </row>
    <row r="6157" spans="1:9">
      <c r="A6157" s="1">
        <v>0.94263835844877109</v>
      </c>
      <c r="B6157" s="1"/>
      <c r="C6157">
        <v>12</v>
      </c>
      <c r="D6157" t="s">
        <v>13489</v>
      </c>
      <c r="E6157" t="s">
        <v>32731</v>
      </c>
      <c r="F6157">
        <v>4</v>
      </c>
      <c r="G6157" t="s">
        <v>9</v>
      </c>
      <c r="H6157" t="s">
        <v>13490</v>
      </c>
      <c r="I6157" t="s">
        <v>30540</v>
      </c>
    </row>
    <row r="6158" spans="1:9">
      <c r="A6158" s="1">
        <v>0.86884721366346729</v>
      </c>
      <c r="B6158" s="1"/>
      <c r="C6158">
        <v>6</v>
      </c>
      <c r="D6158" t="s">
        <v>13481</v>
      </c>
      <c r="E6158" t="s">
        <v>32731</v>
      </c>
      <c r="F6158">
        <v>4</v>
      </c>
      <c r="G6158" t="s">
        <v>10</v>
      </c>
      <c r="H6158" t="s">
        <v>13482</v>
      </c>
      <c r="I6158" t="s">
        <v>30540</v>
      </c>
    </row>
    <row r="6159" spans="1:9">
      <c r="A6159" s="1">
        <v>0.52298251169434851</v>
      </c>
      <c r="B6159" s="1"/>
      <c r="C6159">
        <v>11</v>
      </c>
      <c r="D6159" t="s">
        <v>13487</v>
      </c>
      <c r="E6159" t="s">
        <v>32731</v>
      </c>
      <c r="F6159">
        <v>4</v>
      </c>
      <c r="G6159" t="s">
        <v>14</v>
      </c>
      <c r="H6159" t="s">
        <v>13488</v>
      </c>
      <c r="I6159" t="s">
        <v>30540</v>
      </c>
    </row>
    <row r="6160" spans="1:9">
      <c r="A6160" s="1">
        <v>0.22968178786133087</v>
      </c>
      <c r="B6160" s="1"/>
      <c r="C6160">
        <v>9</v>
      </c>
      <c r="D6160" t="s">
        <v>13485</v>
      </c>
      <c r="E6160" t="s">
        <v>32731</v>
      </c>
      <c r="F6160">
        <v>3</v>
      </c>
      <c r="G6160" t="s">
        <v>14</v>
      </c>
      <c r="H6160" t="s">
        <v>13486</v>
      </c>
      <c r="I6160" t="s">
        <v>30540</v>
      </c>
    </row>
    <row r="6161" spans="1:9">
      <c r="A6161" s="1">
        <v>4.686550441665438E-3</v>
      </c>
      <c r="B6161" s="1"/>
      <c r="C6161">
        <v>5</v>
      </c>
      <c r="D6161" t="s">
        <v>13469</v>
      </c>
      <c r="E6161" t="s">
        <v>32732</v>
      </c>
      <c r="F6161">
        <v>5</v>
      </c>
      <c r="G6161" t="s">
        <v>14</v>
      </c>
      <c r="H6161" t="s">
        <v>13470</v>
      </c>
      <c r="I6161" t="s">
        <v>30540</v>
      </c>
    </row>
    <row r="6162" spans="1:9">
      <c r="A6162" s="1">
        <v>0.36622546279353096</v>
      </c>
      <c r="B6162" s="1"/>
      <c r="C6162">
        <v>8</v>
      </c>
      <c r="D6162" t="s">
        <v>13471</v>
      </c>
      <c r="E6162" t="s">
        <v>32732</v>
      </c>
      <c r="F6162">
        <v>4</v>
      </c>
      <c r="G6162" t="s">
        <v>2</v>
      </c>
      <c r="H6162" t="s">
        <v>13472</v>
      </c>
      <c r="I6162" t="s">
        <v>30540</v>
      </c>
    </row>
    <row r="6163" spans="1:9">
      <c r="A6163" s="1">
        <v>0.42291005584231722</v>
      </c>
      <c r="B6163" s="1"/>
      <c r="C6163">
        <v>12</v>
      </c>
      <c r="D6163" t="s">
        <v>13473</v>
      </c>
      <c r="E6163" t="s">
        <v>32732</v>
      </c>
      <c r="F6163">
        <v>4</v>
      </c>
      <c r="G6163" t="s">
        <v>14</v>
      </c>
      <c r="H6163" t="s">
        <v>13474</v>
      </c>
      <c r="I6163" t="s">
        <v>30540</v>
      </c>
    </row>
    <row r="6164" spans="1:9">
      <c r="A6164" s="1">
        <v>0.16352138853014708</v>
      </c>
      <c r="B6164" s="1"/>
      <c r="C6164">
        <v>13</v>
      </c>
      <c r="D6164" t="s">
        <v>13475</v>
      </c>
      <c r="E6164" t="s">
        <v>32732</v>
      </c>
      <c r="F6164">
        <v>4</v>
      </c>
      <c r="G6164" t="s">
        <v>14</v>
      </c>
      <c r="H6164" t="s">
        <v>13476</v>
      </c>
      <c r="I6164" t="s">
        <v>30540</v>
      </c>
    </row>
    <row r="6165" spans="1:9">
      <c r="A6165" s="1">
        <v>0.22091179284318629</v>
      </c>
      <c r="B6165" s="1"/>
      <c r="C6165">
        <v>3</v>
      </c>
      <c r="D6165" t="s">
        <v>13467</v>
      </c>
      <c r="E6165" t="s">
        <v>32732</v>
      </c>
      <c r="F6165">
        <v>4</v>
      </c>
      <c r="G6165" t="s">
        <v>15</v>
      </c>
      <c r="H6165" t="s">
        <v>13468</v>
      </c>
      <c r="I6165" t="s">
        <v>30540</v>
      </c>
    </row>
    <row r="6166" spans="1:9">
      <c r="A6166" s="1">
        <v>0.90423207652302973</v>
      </c>
      <c r="B6166" s="1"/>
      <c r="C6166">
        <v>11</v>
      </c>
      <c r="D6166" t="s">
        <v>13459</v>
      </c>
      <c r="E6166" t="s">
        <v>32733</v>
      </c>
      <c r="F6166">
        <v>5</v>
      </c>
      <c r="G6166" t="s">
        <v>2</v>
      </c>
      <c r="H6166" t="s">
        <v>13460</v>
      </c>
      <c r="I6166" t="s">
        <v>30540</v>
      </c>
    </row>
    <row r="6167" spans="1:9">
      <c r="A6167" s="1">
        <v>0.63174270861807003</v>
      </c>
      <c r="B6167" s="1"/>
      <c r="C6167">
        <v>3</v>
      </c>
      <c r="D6167" t="s">
        <v>13455</v>
      </c>
      <c r="E6167" t="s">
        <v>32733</v>
      </c>
      <c r="F6167">
        <v>4</v>
      </c>
      <c r="G6167" t="s">
        <v>14</v>
      </c>
      <c r="H6167" t="s">
        <v>13456</v>
      </c>
      <c r="I6167" t="s">
        <v>30540</v>
      </c>
    </row>
    <row r="6168" spans="1:9">
      <c r="A6168" s="1">
        <v>0.90791187921189165</v>
      </c>
      <c r="B6168" s="1"/>
      <c r="C6168">
        <v>8</v>
      </c>
      <c r="D6168" t="s">
        <v>13457</v>
      </c>
      <c r="E6168" t="s">
        <v>32733</v>
      </c>
      <c r="F6168">
        <v>4</v>
      </c>
      <c r="G6168" t="s">
        <v>14</v>
      </c>
      <c r="H6168" t="s">
        <v>13458</v>
      </c>
      <c r="I6168" t="s">
        <v>30540</v>
      </c>
    </row>
    <row r="6169" spans="1:9">
      <c r="A6169" s="1">
        <v>0.46117970203279279</v>
      </c>
      <c r="B6169" s="1"/>
      <c r="C6169">
        <v>17</v>
      </c>
      <c r="D6169" t="s">
        <v>13465</v>
      </c>
      <c r="E6169" t="s">
        <v>32733</v>
      </c>
      <c r="F6169">
        <v>4</v>
      </c>
      <c r="G6169" t="s">
        <v>9</v>
      </c>
      <c r="H6169" t="s">
        <v>13466</v>
      </c>
      <c r="I6169" t="s">
        <v>30540</v>
      </c>
    </row>
    <row r="6170" spans="1:9">
      <c r="A6170" s="1">
        <v>0.84851673653545101</v>
      </c>
      <c r="B6170" s="1"/>
      <c r="C6170">
        <v>16</v>
      </c>
      <c r="D6170" t="s">
        <v>13463</v>
      </c>
      <c r="E6170" t="s">
        <v>32733</v>
      </c>
      <c r="F6170">
        <v>4</v>
      </c>
      <c r="G6170" t="s">
        <v>14</v>
      </c>
      <c r="H6170" t="s">
        <v>13464</v>
      </c>
      <c r="I6170" t="s">
        <v>30540</v>
      </c>
    </row>
    <row r="6171" spans="1:9">
      <c r="A6171" s="1">
        <v>0.28472422921651175</v>
      </c>
      <c r="B6171" s="1"/>
      <c r="C6171">
        <v>13</v>
      </c>
      <c r="D6171" t="s">
        <v>13461</v>
      </c>
      <c r="E6171" t="s">
        <v>32733</v>
      </c>
      <c r="F6171">
        <v>4</v>
      </c>
      <c r="G6171" t="s">
        <v>14</v>
      </c>
      <c r="H6171" t="s">
        <v>13462</v>
      </c>
      <c r="I6171" t="s">
        <v>30540</v>
      </c>
    </row>
    <row r="6172" spans="1:9">
      <c r="A6172" s="1">
        <v>2.489546366763562E-2</v>
      </c>
      <c r="B6172" s="1"/>
      <c r="C6172">
        <v>10</v>
      </c>
      <c r="D6172" t="s">
        <v>13447</v>
      </c>
      <c r="E6172" t="s">
        <v>32734</v>
      </c>
      <c r="F6172">
        <v>5</v>
      </c>
      <c r="G6172" t="s">
        <v>14</v>
      </c>
      <c r="H6172" t="s">
        <v>13448</v>
      </c>
      <c r="I6172" t="s">
        <v>30540</v>
      </c>
    </row>
    <row r="6173" spans="1:9">
      <c r="A6173" s="1">
        <v>0.66465598782237811</v>
      </c>
      <c r="B6173" s="1"/>
      <c r="C6173">
        <v>13</v>
      </c>
      <c r="D6173" t="s">
        <v>13449</v>
      </c>
      <c r="E6173" t="s">
        <v>32734</v>
      </c>
      <c r="F6173">
        <v>5</v>
      </c>
      <c r="G6173" t="s">
        <v>775</v>
      </c>
      <c r="H6173" t="s">
        <v>13450</v>
      </c>
      <c r="I6173" t="s">
        <v>30540</v>
      </c>
    </row>
    <row r="6174" spans="1:9">
      <c r="A6174" s="1">
        <v>0.3217811455836127</v>
      </c>
      <c r="B6174" s="1"/>
      <c r="C6174">
        <v>20</v>
      </c>
      <c r="D6174" t="s">
        <v>13453</v>
      </c>
      <c r="E6174" t="s">
        <v>32734</v>
      </c>
      <c r="F6174">
        <v>4</v>
      </c>
      <c r="G6174" t="s">
        <v>14</v>
      </c>
      <c r="H6174" t="s">
        <v>13454</v>
      </c>
      <c r="I6174" t="s">
        <v>30540</v>
      </c>
    </row>
    <row r="6175" spans="1:9">
      <c r="A6175" s="1">
        <v>0.72145683414790507</v>
      </c>
      <c r="B6175" s="1"/>
      <c r="C6175">
        <v>5</v>
      </c>
      <c r="D6175" t="s">
        <v>13443</v>
      </c>
      <c r="E6175" t="s">
        <v>32734</v>
      </c>
      <c r="F6175">
        <v>4</v>
      </c>
      <c r="G6175" t="s">
        <v>14</v>
      </c>
      <c r="H6175" t="s">
        <v>13444</v>
      </c>
      <c r="I6175" t="s">
        <v>30540</v>
      </c>
    </row>
    <row r="6176" spans="1:9">
      <c r="A6176" s="1">
        <v>9.7364663009699703E-2</v>
      </c>
      <c r="B6176" s="1"/>
      <c r="C6176">
        <v>7</v>
      </c>
      <c r="D6176" t="s">
        <v>13445</v>
      </c>
      <c r="E6176" t="s">
        <v>32734</v>
      </c>
      <c r="F6176">
        <v>4</v>
      </c>
      <c r="G6176" t="s">
        <v>13</v>
      </c>
      <c r="H6176" t="s">
        <v>13446</v>
      </c>
      <c r="I6176" t="s">
        <v>30540</v>
      </c>
    </row>
    <row r="6177" spans="1:9">
      <c r="A6177" s="1">
        <v>0.27371861814764753</v>
      </c>
      <c r="B6177" s="1"/>
      <c r="C6177">
        <v>16</v>
      </c>
      <c r="D6177" t="s">
        <v>13451</v>
      </c>
      <c r="E6177" t="s">
        <v>32734</v>
      </c>
      <c r="F6177">
        <v>3</v>
      </c>
      <c r="G6177" t="s">
        <v>0</v>
      </c>
      <c r="H6177" t="s">
        <v>13452</v>
      </c>
      <c r="I6177" t="s">
        <v>30540</v>
      </c>
    </row>
    <row r="6178" spans="1:9">
      <c r="A6178" s="1">
        <v>0.34122899511331695</v>
      </c>
      <c r="B6178" s="1"/>
      <c r="C6178">
        <v>8</v>
      </c>
      <c r="D6178" t="s">
        <v>13437</v>
      </c>
      <c r="E6178" t="s">
        <v>32735</v>
      </c>
      <c r="F6178">
        <v>5</v>
      </c>
      <c r="G6178" t="s">
        <v>2</v>
      </c>
      <c r="H6178" t="s">
        <v>13438</v>
      </c>
      <c r="I6178" t="s">
        <v>30540</v>
      </c>
    </row>
    <row r="6179" spans="1:9">
      <c r="A6179" s="1">
        <v>0.22640456564656486</v>
      </c>
      <c r="B6179" s="1"/>
      <c r="C6179">
        <v>13</v>
      </c>
      <c r="D6179" t="s">
        <v>13441</v>
      </c>
      <c r="E6179" t="s">
        <v>32735</v>
      </c>
      <c r="F6179">
        <v>4</v>
      </c>
      <c r="G6179" t="s">
        <v>13</v>
      </c>
      <c r="H6179" t="s">
        <v>13442</v>
      </c>
      <c r="I6179" t="s">
        <v>30540</v>
      </c>
    </row>
    <row r="6180" spans="1:9">
      <c r="A6180" s="1">
        <v>0.26756123204029569</v>
      </c>
      <c r="B6180" s="1"/>
      <c r="C6180">
        <v>9</v>
      </c>
      <c r="D6180" t="s">
        <v>13439</v>
      </c>
      <c r="E6180" t="s">
        <v>32735</v>
      </c>
      <c r="F6180">
        <v>3</v>
      </c>
      <c r="G6180" t="s">
        <v>14</v>
      </c>
      <c r="H6180" t="s">
        <v>13440</v>
      </c>
      <c r="I6180" t="s">
        <v>30540</v>
      </c>
    </row>
    <row r="6181" spans="1:9">
      <c r="A6181" s="1">
        <v>0.94379607510137287</v>
      </c>
      <c r="B6181" s="1"/>
      <c r="C6181">
        <v>8</v>
      </c>
      <c r="D6181" t="s">
        <v>13427</v>
      </c>
      <c r="E6181" t="s">
        <v>32736</v>
      </c>
      <c r="F6181">
        <v>5</v>
      </c>
      <c r="G6181" t="s">
        <v>14</v>
      </c>
      <c r="H6181" t="s">
        <v>13428</v>
      </c>
      <c r="I6181" t="s">
        <v>30540</v>
      </c>
    </row>
    <row r="6182" spans="1:9">
      <c r="A6182" s="1">
        <v>0.14640278067410462</v>
      </c>
      <c r="B6182" s="1"/>
      <c r="C6182">
        <v>4</v>
      </c>
      <c r="D6182" t="s">
        <v>13425</v>
      </c>
      <c r="E6182" t="s">
        <v>32736</v>
      </c>
      <c r="F6182">
        <v>4</v>
      </c>
      <c r="G6182" t="s">
        <v>0</v>
      </c>
      <c r="H6182" t="s">
        <v>13426</v>
      </c>
      <c r="I6182" t="s">
        <v>30540</v>
      </c>
    </row>
    <row r="6183" spans="1:9">
      <c r="A6183" s="1">
        <v>0.64345831414130505</v>
      </c>
      <c r="B6183" s="1"/>
      <c r="C6183">
        <v>12</v>
      </c>
      <c r="D6183" t="s">
        <v>13429</v>
      </c>
      <c r="E6183" t="s">
        <v>32736</v>
      </c>
      <c r="F6183">
        <v>4</v>
      </c>
      <c r="G6183" t="s">
        <v>14</v>
      </c>
      <c r="H6183" t="s">
        <v>13430</v>
      </c>
      <c r="I6183" t="s">
        <v>30540</v>
      </c>
    </row>
    <row r="6184" spans="1:9">
      <c r="A6184" s="1">
        <v>0.80942771919160972</v>
      </c>
      <c r="B6184" s="1"/>
      <c r="C6184">
        <v>14</v>
      </c>
      <c r="D6184" t="s">
        <v>13431</v>
      </c>
      <c r="E6184" t="s">
        <v>32736</v>
      </c>
      <c r="F6184">
        <v>4</v>
      </c>
      <c r="G6184" t="s">
        <v>14</v>
      </c>
      <c r="H6184" t="s">
        <v>13432</v>
      </c>
      <c r="I6184" t="s">
        <v>30540</v>
      </c>
    </row>
    <row r="6185" spans="1:9">
      <c r="A6185" s="1">
        <v>0.74339622683193496</v>
      </c>
      <c r="B6185" s="1"/>
      <c r="C6185">
        <v>10</v>
      </c>
      <c r="D6185" t="s">
        <v>13421</v>
      </c>
      <c r="E6185" t="s">
        <v>32737</v>
      </c>
      <c r="F6185">
        <v>5</v>
      </c>
      <c r="G6185" t="s">
        <v>14</v>
      </c>
      <c r="H6185" t="s">
        <v>13422</v>
      </c>
      <c r="I6185" t="s">
        <v>30540</v>
      </c>
    </row>
    <row r="6186" spans="1:9">
      <c r="A6186" s="1">
        <v>0.17314000690340048</v>
      </c>
      <c r="B6186" s="1"/>
      <c r="C6186">
        <v>9</v>
      </c>
      <c r="D6186" t="s">
        <v>13419</v>
      </c>
      <c r="E6186" t="s">
        <v>32737</v>
      </c>
      <c r="F6186">
        <v>4</v>
      </c>
      <c r="G6186" t="s">
        <v>14</v>
      </c>
      <c r="H6186" t="s">
        <v>13420</v>
      </c>
      <c r="I6186" t="s">
        <v>30540</v>
      </c>
    </row>
    <row r="6187" spans="1:9">
      <c r="A6187" s="1">
        <v>0.95839366119197889</v>
      </c>
      <c r="B6187" s="1"/>
      <c r="C6187">
        <v>1</v>
      </c>
      <c r="D6187" t="s">
        <v>13411</v>
      </c>
      <c r="E6187" t="s">
        <v>32738</v>
      </c>
      <c r="F6187">
        <v>5</v>
      </c>
      <c r="G6187" t="s">
        <v>10</v>
      </c>
      <c r="H6187" t="s">
        <v>13412</v>
      </c>
      <c r="I6187" t="s">
        <v>30540</v>
      </c>
    </row>
    <row r="6188" spans="1:9">
      <c r="A6188" s="1">
        <v>0.6239560071871465</v>
      </c>
      <c r="B6188" s="1"/>
      <c r="C6188">
        <v>10</v>
      </c>
      <c r="D6188" t="s">
        <v>13417</v>
      </c>
      <c r="E6188" t="s">
        <v>32738</v>
      </c>
      <c r="F6188">
        <v>4</v>
      </c>
      <c r="G6188" t="s">
        <v>0</v>
      </c>
      <c r="H6188" t="s">
        <v>13418</v>
      </c>
      <c r="I6188" t="s">
        <v>30540</v>
      </c>
    </row>
    <row r="6189" spans="1:9">
      <c r="A6189" s="1">
        <v>0.9659087085089767</v>
      </c>
      <c r="B6189" s="1"/>
      <c r="C6189">
        <v>7</v>
      </c>
      <c r="D6189" t="s">
        <v>13413</v>
      </c>
      <c r="E6189" t="s">
        <v>32738</v>
      </c>
      <c r="F6189">
        <v>3</v>
      </c>
      <c r="G6189" t="s">
        <v>14</v>
      </c>
      <c r="H6189" t="s">
        <v>13414</v>
      </c>
      <c r="I6189" t="s">
        <v>30540</v>
      </c>
    </row>
    <row r="6190" spans="1:9">
      <c r="A6190" s="1">
        <v>0.78658399379951416</v>
      </c>
      <c r="B6190" s="1"/>
      <c r="C6190">
        <v>5</v>
      </c>
      <c r="D6190" t="s">
        <v>13403</v>
      </c>
      <c r="E6190" t="s">
        <v>32739</v>
      </c>
      <c r="F6190">
        <v>5</v>
      </c>
      <c r="G6190" t="s">
        <v>14</v>
      </c>
      <c r="H6190" t="s">
        <v>13404</v>
      </c>
      <c r="I6190" t="s">
        <v>30540</v>
      </c>
    </row>
    <row r="6191" spans="1:9">
      <c r="A6191" s="1">
        <v>0.19643372153844285</v>
      </c>
      <c r="B6191" s="1"/>
      <c r="C6191">
        <v>15</v>
      </c>
      <c r="D6191" t="s">
        <v>13407</v>
      </c>
      <c r="E6191" t="s">
        <v>32739</v>
      </c>
      <c r="F6191">
        <v>5</v>
      </c>
      <c r="G6191" t="s">
        <v>775</v>
      </c>
      <c r="H6191" t="s">
        <v>13408</v>
      </c>
      <c r="I6191" t="s">
        <v>30540</v>
      </c>
    </row>
    <row r="6192" spans="1:9">
      <c r="A6192" s="1">
        <v>0.63931414125661434</v>
      </c>
      <c r="B6192" s="1"/>
      <c r="C6192">
        <v>2</v>
      </c>
      <c r="D6192" t="s">
        <v>13401</v>
      </c>
      <c r="E6192" t="s">
        <v>32739</v>
      </c>
      <c r="F6192">
        <v>4</v>
      </c>
      <c r="G6192" t="s">
        <v>762</v>
      </c>
      <c r="H6192" t="s">
        <v>13402</v>
      </c>
      <c r="I6192" t="s">
        <v>30540</v>
      </c>
    </row>
    <row r="6193" spans="1:9">
      <c r="A6193" s="1">
        <v>0.39077229641763922</v>
      </c>
      <c r="B6193" s="1"/>
      <c r="C6193">
        <v>8</v>
      </c>
      <c r="D6193" t="s">
        <v>13405</v>
      </c>
      <c r="E6193" t="s">
        <v>32739</v>
      </c>
      <c r="F6193">
        <v>4</v>
      </c>
      <c r="G6193" t="s">
        <v>14</v>
      </c>
      <c r="H6193" t="s">
        <v>13406</v>
      </c>
      <c r="I6193" t="s">
        <v>30540</v>
      </c>
    </row>
    <row r="6194" spans="1:9">
      <c r="A6194" s="1">
        <v>0.22023601395965342</v>
      </c>
      <c r="B6194" s="1"/>
      <c r="C6194">
        <v>19</v>
      </c>
      <c r="D6194" t="s">
        <v>13409</v>
      </c>
      <c r="E6194" t="s">
        <v>32739</v>
      </c>
      <c r="F6194">
        <v>3</v>
      </c>
      <c r="G6194" t="s">
        <v>14</v>
      </c>
      <c r="H6194" t="s">
        <v>13410</v>
      </c>
      <c r="I6194" t="s">
        <v>30540</v>
      </c>
    </row>
    <row r="6195" spans="1:9">
      <c r="A6195" s="1">
        <v>0.83184364913181563</v>
      </c>
      <c r="B6195" s="1"/>
      <c r="C6195">
        <v>13</v>
      </c>
      <c r="D6195" t="s">
        <v>13399</v>
      </c>
      <c r="E6195" t="s">
        <v>32740</v>
      </c>
      <c r="F6195">
        <v>5</v>
      </c>
      <c r="G6195" t="s">
        <v>1</v>
      </c>
      <c r="H6195" t="s">
        <v>13400</v>
      </c>
      <c r="I6195" t="s">
        <v>30540</v>
      </c>
    </row>
    <row r="6196" spans="1:9">
      <c r="A6196" s="1">
        <v>0.17793045466596402</v>
      </c>
      <c r="B6196" s="1"/>
      <c r="C6196">
        <v>4</v>
      </c>
      <c r="D6196" t="s">
        <v>13395</v>
      </c>
      <c r="E6196" t="s">
        <v>32740</v>
      </c>
      <c r="F6196">
        <v>4</v>
      </c>
      <c r="G6196" t="s">
        <v>14</v>
      </c>
      <c r="H6196" t="s">
        <v>13396</v>
      </c>
      <c r="I6196" t="s">
        <v>30540</v>
      </c>
    </row>
    <row r="6197" spans="1:9">
      <c r="A6197" s="1">
        <v>0.21409939501343966</v>
      </c>
      <c r="B6197" s="1"/>
      <c r="C6197">
        <v>11</v>
      </c>
      <c r="D6197" t="s">
        <v>13397</v>
      </c>
      <c r="E6197" t="s">
        <v>32740</v>
      </c>
      <c r="F6197">
        <v>4</v>
      </c>
      <c r="G6197" t="s">
        <v>14</v>
      </c>
      <c r="H6197" t="s">
        <v>13398</v>
      </c>
      <c r="I6197" t="s">
        <v>30540</v>
      </c>
    </row>
    <row r="6198" spans="1:9">
      <c r="A6198" s="1">
        <v>0.3284652657857603</v>
      </c>
      <c r="B6198" s="1"/>
      <c r="C6198">
        <v>2</v>
      </c>
      <c r="D6198" t="s">
        <v>13393</v>
      </c>
      <c r="E6198" t="s">
        <v>32740</v>
      </c>
      <c r="F6198">
        <v>4</v>
      </c>
      <c r="G6198" t="s">
        <v>15</v>
      </c>
      <c r="H6198" t="s">
        <v>13394</v>
      </c>
      <c r="I6198" t="s">
        <v>30540</v>
      </c>
    </row>
    <row r="6199" spans="1:9">
      <c r="A6199" s="1">
        <v>9.0973635917314E-2</v>
      </c>
      <c r="B6199" s="1"/>
      <c r="C6199">
        <v>4</v>
      </c>
      <c r="D6199" t="s">
        <v>13381</v>
      </c>
      <c r="E6199" t="s">
        <v>32741</v>
      </c>
      <c r="F6199">
        <v>5</v>
      </c>
      <c r="G6199" t="s">
        <v>10</v>
      </c>
      <c r="H6199" t="s">
        <v>13382</v>
      </c>
      <c r="I6199" t="s">
        <v>30540</v>
      </c>
    </row>
    <row r="6200" spans="1:9">
      <c r="A6200" s="1">
        <v>0.81684762389373355</v>
      </c>
      <c r="B6200" s="1"/>
      <c r="C6200">
        <v>13</v>
      </c>
      <c r="D6200" t="s">
        <v>13387</v>
      </c>
      <c r="E6200" t="s">
        <v>32741</v>
      </c>
      <c r="F6200">
        <v>4</v>
      </c>
      <c r="G6200" t="s">
        <v>15</v>
      </c>
      <c r="H6200" t="s">
        <v>13388</v>
      </c>
      <c r="I6200" t="s">
        <v>30540</v>
      </c>
    </row>
    <row r="6201" spans="1:9">
      <c r="A6201" s="1">
        <v>0.45144912262797177</v>
      </c>
      <c r="B6201" s="1"/>
      <c r="C6201">
        <v>11</v>
      </c>
      <c r="D6201" t="s">
        <v>13385</v>
      </c>
      <c r="E6201" t="s">
        <v>32741</v>
      </c>
      <c r="F6201">
        <v>4</v>
      </c>
      <c r="G6201" t="s">
        <v>14</v>
      </c>
      <c r="H6201" t="s">
        <v>13386</v>
      </c>
      <c r="I6201" t="s">
        <v>30540</v>
      </c>
    </row>
    <row r="6202" spans="1:9">
      <c r="A6202" s="1">
        <v>0.50235181607127521</v>
      </c>
      <c r="B6202" s="1"/>
      <c r="C6202">
        <v>19</v>
      </c>
      <c r="D6202" t="s">
        <v>13391</v>
      </c>
      <c r="E6202" t="s">
        <v>32741</v>
      </c>
      <c r="F6202">
        <v>4</v>
      </c>
      <c r="G6202" t="s">
        <v>9</v>
      </c>
      <c r="H6202" t="s">
        <v>13392</v>
      </c>
      <c r="I6202" t="s">
        <v>30540</v>
      </c>
    </row>
    <row r="6203" spans="1:9">
      <c r="A6203" s="1">
        <v>0.94680975071432227</v>
      </c>
      <c r="B6203" s="1"/>
      <c r="C6203">
        <v>1</v>
      </c>
      <c r="D6203" t="s">
        <v>13379</v>
      </c>
      <c r="E6203" t="s">
        <v>32741</v>
      </c>
      <c r="F6203">
        <v>4</v>
      </c>
      <c r="G6203" t="s">
        <v>10</v>
      </c>
      <c r="H6203" t="s">
        <v>13380</v>
      </c>
      <c r="I6203" t="s">
        <v>30540</v>
      </c>
    </row>
    <row r="6204" spans="1:9">
      <c r="A6204" s="1">
        <v>0.27908063178353171</v>
      </c>
      <c r="B6204" s="1"/>
      <c r="C6204">
        <v>8</v>
      </c>
      <c r="D6204" t="s">
        <v>13383</v>
      </c>
      <c r="E6204" t="s">
        <v>32741</v>
      </c>
      <c r="F6204">
        <v>4</v>
      </c>
      <c r="G6204" t="s">
        <v>10</v>
      </c>
      <c r="H6204" t="s">
        <v>13384</v>
      </c>
      <c r="I6204" t="s">
        <v>30540</v>
      </c>
    </row>
    <row r="6205" spans="1:9">
      <c r="A6205" s="1">
        <v>0.76191926260326903</v>
      </c>
      <c r="B6205" s="1"/>
      <c r="C6205">
        <v>10</v>
      </c>
      <c r="D6205" t="s">
        <v>13377</v>
      </c>
      <c r="E6205" t="s">
        <v>32742</v>
      </c>
      <c r="F6205">
        <v>4</v>
      </c>
      <c r="G6205" t="s">
        <v>14</v>
      </c>
      <c r="H6205" t="s">
        <v>13378</v>
      </c>
      <c r="I6205" t="s">
        <v>30540</v>
      </c>
    </row>
    <row r="6206" spans="1:9">
      <c r="A6206" s="1">
        <v>0.99791747288308252</v>
      </c>
      <c r="B6206" s="1"/>
      <c r="C6206">
        <v>4</v>
      </c>
      <c r="D6206" t="s">
        <v>13375</v>
      </c>
      <c r="E6206" t="s">
        <v>32742</v>
      </c>
      <c r="F6206">
        <v>4</v>
      </c>
      <c r="G6206" t="s">
        <v>14</v>
      </c>
      <c r="H6206" t="s">
        <v>13376</v>
      </c>
      <c r="I6206" t="s">
        <v>30540</v>
      </c>
    </row>
    <row r="6207" spans="1:9">
      <c r="A6207" s="1">
        <v>0.63921676387891591</v>
      </c>
      <c r="B6207" s="1"/>
      <c r="C6207">
        <v>1</v>
      </c>
      <c r="D6207" t="s">
        <v>13373</v>
      </c>
      <c r="E6207" t="s">
        <v>32742</v>
      </c>
      <c r="F6207">
        <v>4</v>
      </c>
      <c r="G6207" t="s">
        <v>10</v>
      </c>
      <c r="H6207" t="s">
        <v>13374</v>
      </c>
      <c r="I6207" t="s">
        <v>30540</v>
      </c>
    </row>
    <row r="6208" spans="1:9">
      <c r="A6208" s="1">
        <v>0.71226365839611439</v>
      </c>
      <c r="B6208" s="1"/>
      <c r="C6208">
        <v>9</v>
      </c>
      <c r="D6208" t="s">
        <v>13367</v>
      </c>
      <c r="E6208" t="s">
        <v>32743</v>
      </c>
      <c r="F6208">
        <v>5</v>
      </c>
      <c r="G6208" t="s">
        <v>10</v>
      </c>
      <c r="H6208" t="s">
        <v>13368</v>
      </c>
      <c r="I6208" t="s">
        <v>30540</v>
      </c>
    </row>
    <row r="6209" spans="1:9">
      <c r="A6209" s="1">
        <v>0.9733920708416155</v>
      </c>
      <c r="B6209" s="1"/>
      <c r="C6209">
        <v>3</v>
      </c>
      <c r="D6209" t="s">
        <v>13365</v>
      </c>
      <c r="E6209" t="s">
        <v>32743</v>
      </c>
      <c r="F6209">
        <v>4</v>
      </c>
      <c r="G6209" t="s">
        <v>14</v>
      </c>
      <c r="H6209" t="s">
        <v>13366</v>
      </c>
      <c r="I6209" t="s">
        <v>30540</v>
      </c>
    </row>
    <row r="6210" spans="1:9">
      <c r="A6210" s="1">
        <v>0.80295166539918517</v>
      </c>
      <c r="B6210" s="1"/>
      <c r="C6210">
        <v>13</v>
      </c>
      <c r="D6210" t="s">
        <v>13371</v>
      </c>
      <c r="E6210" t="s">
        <v>32743</v>
      </c>
      <c r="F6210">
        <v>4</v>
      </c>
      <c r="G6210" t="s">
        <v>14</v>
      </c>
      <c r="H6210" t="s">
        <v>13372</v>
      </c>
      <c r="I6210" t="s">
        <v>30540</v>
      </c>
    </row>
    <row r="6211" spans="1:9">
      <c r="A6211" s="1">
        <v>0.16138607792357362</v>
      </c>
      <c r="B6211" s="1"/>
      <c r="C6211">
        <v>11</v>
      </c>
      <c r="D6211" t="s">
        <v>13369</v>
      </c>
      <c r="E6211" t="s">
        <v>32743</v>
      </c>
      <c r="F6211">
        <v>4</v>
      </c>
      <c r="G6211" t="s">
        <v>14</v>
      </c>
      <c r="H6211" t="s">
        <v>13370</v>
      </c>
      <c r="I6211" t="s">
        <v>30540</v>
      </c>
    </row>
    <row r="6212" spans="1:9">
      <c r="A6212" s="1">
        <v>0.99495781631538494</v>
      </c>
      <c r="B6212" s="1"/>
      <c r="C6212">
        <v>10</v>
      </c>
      <c r="D6212" t="s">
        <v>13359</v>
      </c>
      <c r="E6212" t="s">
        <v>32744</v>
      </c>
      <c r="F6212">
        <v>4</v>
      </c>
      <c r="G6212" t="s">
        <v>14</v>
      </c>
      <c r="H6212" t="s">
        <v>13360</v>
      </c>
      <c r="I6212" t="s">
        <v>30540</v>
      </c>
    </row>
    <row r="6213" spans="1:9">
      <c r="A6213" s="1">
        <v>0.81380404279644059</v>
      </c>
      <c r="B6213" s="1"/>
      <c r="C6213">
        <v>8</v>
      </c>
      <c r="D6213" t="s">
        <v>13355</v>
      </c>
      <c r="E6213" t="s">
        <v>32744</v>
      </c>
      <c r="F6213">
        <v>4</v>
      </c>
      <c r="G6213" t="s">
        <v>766</v>
      </c>
      <c r="H6213" t="s">
        <v>13356</v>
      </c>
      <c r="I6213" t="s">
        <v>30540</v>
      </c>
    </row>
    <row r="6214" spans="1:9">
      <c r="A6214" s="1">
        <v>0.78546809590135125</v>
      </c>
      <c r="B6214" s="1"/>
      <c r="C6214">
        <v>9</v>
      </c>
      <c r="D6214" t="s">
        <v>13357</v>
      </c>
      <c r="E6214" t="s">
        <v>32744</v>
      </c>
      <c r="F6214">
        <v>3</v>
      </c>
      <c r="G6214" t="s">
        <v>14</v>
      </c>
      <c r="H6214" t="s">
        <v>13358</v>
      </c>
      <c r="I6214" t="s">
        <v>30540</v>
      </c>
    </row>
    <row r="6215" spans="1:9">
      <c r="A6215" s="1">
        <v>0.39462199142949139</v>
      </c>
      <c r="B6215" s="1"/>
      <c r="C6215">
        <v>18</v>
      </c>
      <c r="D6215" t="s">
        <v>13363</v>
      </c>
      <c r="E6215" t="s">
        <v>32744</v>
      </c>
      <c r="F6215">
        <v>3</v>
      </c>
      <c r="G6215" t="s">
        <v>3107</v>
      </c>
      <c r="H6215" t="s">
        <v>13364</v>
      </c>
      <c r="I6215" t="s">
        <v>30540</v>
      </c>
    </row>
    <row r="6216" spans="1:9">
      <c r="A6216" s="1">
        <v>0.1341063890210541</v>
      </c>
      <c r="B6216" s="1"/>
      <c r="C6216">
        <v>15</v>
      </c>
      <c r="D6216" t="s">
        <v>13361</v>
      </c>
      <c r="E6216" t="s">
        <v>32744</v>
      </c>
      <c r="F6216">
        <v>3</v>
      </c>
      <c r="G6216" t="s">
        <v>766</v>
      </c>
      <c r="H6216" t="s">
        <v>13362</v>
      </c>
      <c r="I6216" t="s">
        <v>30540</v>
      </c>
    </row>
    <row r="6217" spans="1:9">
      <c r="A6217" s="1">
        <v>0.78805123898529672</v>
      </c>
      <c r="B6217" s="1"/>
      <c r="C6217">
        <v>6</v>
      </c>
      <c r="D6217" t="s">
        <v>13347</v>
      </c>
      <c r="E6217" t="s">
        <v>32745</v>
      </c>
      <c r="F6217">
        <v>4</v>
      </c>
      <c r="G6217" t="s">
        <v>0</v>
      </c>
      <c r="H6217" t="s">
        <v>13348</v>
      </c>
      <c r="I6217" t="s">
        <v>30540</v>
      </c>
    </row>
    <row r="6218" spans="1:9">
      <c r="A6218" s="1">
        <v>0.96055638150101319</v>
      </c>
      <c r="B6218" s="1"/>
      <c r="C6218">
        <v>10</v>
      </c>
      <c r="D6218" t="s">
        <v>13349</v>
      </c>
      <c r="E6218" t="s">
        <v>32745</v>
      </c>
      <c r="F6218">
        <v>4</v>
      </c>
      <c r="G6218" t="s">
        <v>14</v>
      </c>
      <c r="H6218" t="s">
        <v>13350</v>
      </c>
      <c r="I6218" t="s">
        <v>30540</v>
      </c>
    </row>
    <row r="6219" spans="1:9">
      <c r="A6219" s="1">
        <v>0.57547490532111611</v>
      </c>
      <c r="B6219" s="1"/>
      <c r="C6219">
        <v>11</v>
      </c>
      <c r="D6219" t="s">
        <v>13351</v>
      </c>
      <c r="E6219" t="s">
        <v>32745</v>
      </c>
      <c r="F6219">
        <v>4</v>
      </c>
      <c r="G6219" t="s">
        <v>14</v>
      </c>
      <c r="H6219" t="s">
        <v>13352</v>
      </c>
      <c r="I6219" t="s">
        <v>30540</v>
      </c>
    </row>
    <row r="6220" spans="1:9">
      <c r="A6220" s="1">
        <v>0.14820300707599499</v>
      </c>
      <c r="B6220" s="1"/>
      <c r="C6220">
        <v>1</v>
      </c>
      <c r="D6220" t="s">
        <v>13343</v>
      </c>
      <c r="E6220" t="s">
        <v>32745</v>
      </c>
      <c r="F6220">
        <v>3</v>
      </c>
      <c r="G6220" t="s">
        <v>14</v>
      </c>
      <c r="H6220" t="s">
        <v>13344</v>
      </c>
      <c r="I6220" t="s">
        <v>30540</v>
      </c>
    </row>
    <row r="6221" spans="1:9">
      <c r="A6221" s="1">
        <v>0.89655740088100055</v>
      </c>
      <c r="B6221" s="1"/>
      <c r="C6221">
        <v>13</v>
      </c>
      <c r="D6221" t="s">
        <v>13339</v>
      </c>
      <c r="E6221" t="s">
        <v>32746</v>
      </c>
      <c r="F6221">
        <v>4</v>
      </c>
      <c r="G6221" t="s">
        <v>0</v>
      </c>
      <c r="H6221" t="s">
        <v>13340</v>
      </c>
      <c r="I6221" t="s">
        <v>30540</v>
      </c>
    </row>
    <row r="6222" spans="1:9">
      <c r="A6222" s="1">
        <v>0.83105036838968982</v>
      </c>
      <c r="B6222" s="1"/>
      <c r="C6222">
        <v>19</v>
      </c>
      <c r="D6222" t="s">
        <v>13341</v>
      </c>
      <c r="E6222" t="s">
        <v>32746</v>
      </c>
      <c r="F6222">
        <v>4</v>
      </c>
      <c r="G6222" t="s">
        <v>10</v>
      </c>
      <c r="H6222" t="s">
        <v>13342</v>
      </c>
      <c r="I6222" t="s">
        <v>30540</v>
      </c>
    </row>
    <row r="6223" spans="1:9">
      <c r="A6223" s="1">
        <v>0.66360220257082647</v>
      </c>
      <c r="B6223" s="1"/>
      <c r="C6223">
        <v>7</v>
      </c>
      <c r="D6223" t="s">
        <v>13335</v>
      </c>
      <c r="E6223" t="s">
        <v>32746</v>
      </c>
      <c r="F6223">
        <v>3</v>
      </c>
      <c r="G6223" t="s">
        <v>14</v>
      </c>
      <c r="H6223" t="s">
        <v>13336</v>
      </c>
      <c r="I6223" t="s">
        <v>30540</v>
      </c>
    </row>
    <row r="6224" spans="1:9">
      <c r="A6224" s="1">
        <v>0.28490707118191216</v>
      </c>
      <c r="B6224" s="1"/>
      <c r="C6224">
        <v>8</v>
      </c>
      <c r="D6224" t="s">
        <v>13337</v>
      </c>
      <c r="E6224" t="s">
        <v>32746</v>
      </c>
      <c r="F6224">
        <v>3</v>
      </c>
      <c r="G6224" t="s">
        <v>10</v>
      </c>
      <c r="H6224" t="s">
        <v>13338</v>
      </c>
      <c r="I6224" t="s">
        <v>30540</v>
      </c>
    </row>
    <row r="6225" spans="1:9">
      <c r="A6225" s="1">
        <v>0.4820982534225523</v>
      </c>
      <c r="B6225" s="1"/>
      <c r="C6225">
        <v>4</v>
      </c>
      <c r="D6225" t="s">
        <v>13333</v>
      </c>
      <c r="E6225" t="s">
        <v>32746</v>
      </c>
      <c r="F6225">
        <v>3</v>
      </c>
      <c r="G6225" t="s">
        <v>14</v>
      </c>
      <c r="H6225" t="s">
        <v>13334</v>
      </c>
      <c r="I6225" t="s">
        <v>30540</v>
      </c>
    </row>
    <row r="6226" spans="1:9">
      <c r="A6226" s="1">
        <v>0.27191483699423658</v>
      </c>
      <c r="B6226" s="1"/>
      <c r="C6226">
        <v>7</v>
      </c>
      <c r="D6226" t="s">
        <v>13329</v>
      </c>
      <c r="E6226" t="s">
        <v>32747</v>
      </c>
      <c r="F6226">
        <v>4</v>
      </c>
      <c r="G6226" t="s">
        <v>0</v>
      </c>
      <c r="H6226" t="s">
        <v>13330</v>
      </c>
      <c r="I6226" t="s">
        <v>30540</v>
      </c>
    </row>
    <row r="6227" spans="1:9">
      <c r="A6227" s="1">
        <v>0.11082789972290386</v>
      </c>
      <c r="B6227" s="1"/>
      <c r="C6227">
        <v>9</v>
      </c>
      <c r="D6227" t="s">
        <v>13331</v>
      </c>
      <c r="E6227" t="s">
        <v>32747</v>
      </c>
      <c r="F6227">
        <v>4</v>
      </c>
      <c r="G6227" t="s">
        <v>14</v>
      </c>
      <c r="H6227" t="s">
        <v>13332</v>
      </c>
      <c r="I6227" t="s">
        <v>30540</v>
      </c>
    </row>
    <row r="6228" spans="1:9">
      <c r="A6228" s="1">
        <v>0.24678763517930435</v>
      </c>
      <c r="B6228" s="1"/>
      <c r="C6228">
        <v>5</v>
      </c>
      <c r="D6228" t="s">
        <v>13323</v>
      </c>
      <c r="E6228" t="s">
        <v>32748</v>
      </c>
      <c r="F6228">
        <v>4</v>
      </c>
      <c r="G6228" t="s">
        <v>9</v>
      </c>
      <c r="H6228" t="s">
        <v>13324</v>
      </c>
      <c r="I6228" t="s">
        <v>30540</v>
      </c>
    </row>
    <row r="6229" spans="1:9">
      <c r="A6229" s="1">
        <v>0.94634306825415304</v>
      </c>
      <c r="B6229" s="1"/>
      <c r="C6229">
        <v>8</v>
      </c>
      <c r="D6229" t="s">
        <v>13325</v>
      </c>
      <c r="E6229" t="s">
        <v>32748</v>
      </c>
      <c r="F6229">
        <v>3</v>
      </c>
      <c r="G6229" t="s">
        <v>13</v>
      </c>
      <c r="H6229" t="s">
        <v>13326</v>
      </c>
      <c r="I6229" t="s">
        <v>30540</v>
      </c>
    </row>
    <row r="6230" spans="1:9">
      <c r="A6230" s="1">
        <v>0.69501172230176833</v>
      </c>
      <c r="B6230" s="1"/>
      <c r="C6230">
        <v>15</v>
      </c>
      <c r="D6230" t="s">
        <v>13315</v>
      </c>
      <c r="E6230" t="s">
        <v>32749</v>
      </c>
      <c r="F6230">
        <v>4</v>
      </c>
      <c r="G6230" t="s">
        <v>775</v>
      </c>
      <c r="H6230" t="s">
        <v>13316</v>
      </c>
      <c r="I6230" t="s">
        <v>30540</v>
      </c>
    </row>
    <row r="6231" spans="1:9">
      <c r="A6231" s="1">
        <v>0.84602998749253733</v>
      </c>
      <c r="B6231" s="1"/>
      <c r="C6231">
        <v>14</v>
      </c>
      <c r="D6231" t="s">
        <v>13313</v>
      </c>
      <c r="E6231" t="s">
        <v>32749</v>
      </c>
      <c r="F6231">
        <v>4</v>
      </c>
      <c r="G6231" t="s">
        <v>1426</v>
      </c>
      <c r="H6231" t="s">
        <v>13314</v>
      </c>
      <c r="I6231" t="s">
        <v>30540</v>
      </c>
    </row>
    <row r="6232" spans="1:9">
      <c r="A6232" s="1">
        <v>0.70289775092066131</v>
      </c>
      <c r="B6232" s="1"/>
      <c r="C6232">
        <v>11</v>
      </c>
      <c r="D6232" t="s">
        <v>13309</v>
      </c>
      <c r="E6232" t="s">
        <v>32749</v>
      </c>
      <c r="F6232">
        <v>4</v>
      </c>
      <c r="G6232" t="s">
        <v>3732</v>
      </c>
      <c r="H6232" t="s">
        <v>13310</v>
      </c>
      <c r="I6232" t="s">
        <v>30540</v>
      </c>
    </row>
    <row r="6233" spans="1:9">
      <c r="A6233" s="1">
        <v>0.85408783551354284</v>
      </c>
      <c r="B6233" s="1"/>
      <c r="C6233">
        <v>19</v>
      </c>
      <c r="D6233" t="s">
        <v>13317</v>
      </c>
      <c r="E6233" t="s">
        <v>32749</v>
      </c>
      <c r="F6233">
        <v>3</v>
      </c>
      <c r="G6233" t="s">
        <v>1431</v>
      </c>
      <c r="H6233" t="s">
        <v>13318</v>
      </c>
      <c r="I6233" t="s">
        <v>30540</v>
      </c>
    </row>
    <row r="6234" spans="1:9">
      <c r="A6234" s="1">
        <v>0.57892076336949638</v>
      </c>
      <c r="B6234" s="1"/>
      <c r="C6234">
        <v>6</v>
      </c>
      <c r="D6234" t="s">
        <v>13297</v>
      </c>
      <c r="E6234" t="s">
        <v>32750</v>
      </c>
      <c r="F6234">
        <v>5</v>
      </c>
      <c r="G6234" t="s">
        <v>2</v>
      </c>
      <c r="H6234" t="s">
        <v>13298</v>
      </c>
      <c r="I6234" t="s">
        <v>30540</v>
      </c>
    </row>
    <row r="6235" spans="1:9">
      <c r="A6235" s="1">
        <v>0.8837640628362462</v>
      </c>
      <c r="B6235" s="1"/>
      <c r="C6235">
        <v>10</v>
      </c>
      <c r="D6235" t="s">
        <v>13301</v>
      </c>
      <c r="E6235" t="s">
        <v>32750</v>
      </c>
      <c r="F6235">
        <v>4</v>
      </c>
      <c r="G6235" t="s">
        <v>0</v>
      </c>
      <c r="H6235" t="s">
        <v>13302</v>
      </c>
      <c r="I6235" t="s">
        <v>30540</v>
      </c>
    </row>
    <row r="6236" spans="1:9">
      <c r="A6236" s="1">
        <v>0.74705782005499743</v>
      </c>
      <c r="B6236" s="1"/>
      <c r="C6236">
        <v>13</v>
      </c>
      <c r="D6236" t="s">
        <v>13303</v>
      </c>
      <c r="E6236" t="s">
        <v>32750</v>
      </c>
      <c r="F6236">
        <v>4</v>
      </c>
      <c r="G6236" t="s">
        <v>14</v>
      </c>
      <c r="H6236" t="s">
        <v>13304</v>
      </c>
      <c r="I6236" t="s">
        <v>30540</v>
      </c>
    </row>
    <row r="6237" spans="1:9">
      <c r="A6237" s="1">
        <v>0.85798647487347024</v>
      </c>
      <c r="B6237" s="1"/>
      <c r="C6237">
        <v>8</v>
      </c>
      <c r="D6237" t="s">
        <v>13299</v>
      </c>
      <c r="E6237" t="s">
        <v>32750</v>
      </c>
      <c r="F6237">
        <v>4</v>
      </c>
      <c r="G6237" t="s">
        <v>14</v>
      </c>
      <c r="H6237" t="s">
        <v>13300</v>
      </c>
      <c r="I6237" t="s">
        <v>30540</v>
      </c>
    </row>
    <row r="6238" spans="1:9">
      <c r="A6238" s="1">
        <v>0.78883814718251233</v>
      </c>
      <c r="B6238" s="1"/>
      <c r="C6238">
        <v>3</v>
      </c>
      <c r="D6238" t="s">
        <v>13295</v>
      </c>
      <c r="E6238" t="s">
        <v>32750</v>
      </c>
      <c r="F6238">
        <v>4</v>
      </c>
      <c r="G6238" t="s">
        <v>14</v>
      </c>
      <c r="H6238" t="s">
        <v>13296</v>
      </c>
      <c r="I6238" t="s">
        <v>30540</v>
      </c>
    </row>
    <row r="6239" spans="1:9">
      <c r="A6239" s="1">
        <v>0.74284740948962369</v>
      </c>
      <c r="B6239" s="1"/>
      <c r="C6239">
        <v>11</v>
      </c>
      <c r="D6239" t="s">
        <v>13291</v>
      </c>
      <c r="E6239" t="s">
        <v>32751</v>
      </c>
      <c r="F6239">
        <v>5</v>
      </c>
      <c r="G6239" t="s">
        <v>14</v>
      </c>
      <c r="H6239" t="s">
        <v>13292</v>
      </c>
      <c r="I6239" t="s">
        <v>30540</v>
      </c>
    </row>
    <row r="6240" spans="1:9">
      <c r="A6240" s="1">
        <v>0.43503144753356537</v>
      </c>
      <c r="B6240" s="1"/>
      <c r="C6240">
        <v>9</v>
      </c>
      <c r="D6240" t="s">
        <v>13289</v>
      </c>
      <c r="E6240" t="s">
        <v>32751</v>
      </c>
      <c r="F6240">
        <v>5</v>
      </c>
      <c r="G6240" t="s">
        <v>10</v>
      </c>
      <c r="H6240" t="s">
        <v>13290</v>
      </c>
      <c r="I6240" t="s">
        <v>30540</v>
      </c>
    </row>
    <row r="6241" spans="1:9">
      <c r="A6241" s="1">
        <v>2.9758923773067991E-2</v>
      </c>
      <c r="B6241" s="1"/>
      <c r="C6241">
        <v>14</v>
      </c>
      <c r="D6241" t="s">
        <v>13293</v>
      </c>
      <c r="E6241" t="s">
        <v>32751</v>
      </c>
      <c r="F6241">
        <v>5</v>
      </c>
      <c r="G6241" t="s">
        <v>14</v>
      </c>
      <c r="H6241" t="s">
        <v>13294</v>
      </c>
      <c r="I6241" t="s">
        <v>30540</v>
      </c>
    </row>
    <row r="6242" spans="1:9">
      <c r="A6242" s="1">
        <v>0.93250116093403257</v>
      </c>
      <c r="B6242" s="1"/>
      <c r="C6242">
        <v>12</v>
      </c>
      <c r="D6242" t="s">
        <v>13285</v>
      </c>
      <c r="E6242" t="s">
        <v>32752</v>
      </c>
      <c r="F6242">
        <v>4</v>
      </c>
      <c r="G6242" t="s">
        <v>14</v>
      </c>
      <c r="H6242" t="s">
        <v>13286</v>
      </c>
      <c r="I6242" t="s">
        <v>30540</v>
      </c>
    </row>
    <row r="6243" spans="1:9">
      <c r="A6243" s="1">
        <v>1.2806218752345666E-2</v>
      </c>
      <c r="B6243" s="1"/>
      <c r="C6243">
        <v>2</v>
      </c>
      <c r="D6243" t="s">
        <v>13277</v>
      </c>
      <c r="E6243" t="s">
        <v>32753</v>
      </c>
      <c r="F6243">
        <v>5</v>
      </c>
      <c r="G6243" t="s">
        <v>14</v>
      </c>
      <c r="H6243" t="s">
        <v>13278</v>
      </c>
      <c r="I6243" t="s">
        <v>30540</v>
      </c>
    </row>
    <row r="6244" spans="1:9">
      <c r="A6244" s="1">
        <v>0.32515821680516555</v>
      </c>
      <c r="B6244" s="1"/>
      <c r="C6244">
        <v>8</v>
      </c>
      <c r="D6244" t="s">
        <v>13279</v>
      </c>
      <c r="E6244" t="s">
        <v>32753</v>
      </c>
      <c r="F6244">
        <v>4</v>
      </c>
      <c r="G6244" t="s">
        <v>0</v>
      </c>
      <c r="H6244" t="s">
        <v>13280</v>
      </c>
      <c r="I6244" t="s">
        <v>30540</v>
      </c>
    </row>
    <row r="6245" spans="1:9">
      <c r="A6245" s="1">
        <v>0.58623902188262622</v>
      </c>
      <c r="B6245" s="1"/>
      <c r="C6245">
        <v>1</v>
      </c>
      <c r="D6245" t="s">
        <v>13275</v>
      </c>
      <c r="E6245" t="s">
        <v>32753</v>
      </c>
      <c r="F6245">
        <v>4</v>
      </c>
      <c r="G6245" t="s">
        <v>10</v>
      </c>
      <c r="H6245" t="s">
        <v>13276</v>
      </c>
      <c r="I6245" t="s">
        <v>30540</v>
      </c>
    </row>
    <row r="6246" spans="1:9">
      <c r="A6246" s="1">
        <v>0.20330224812116404</v>
      </c>
      <c r="B6246" s="1"/>
      <c r="C6246">
        <v>17</v>
      </c>
      <c r="D6246" t="s">
        <v>13271</v>
      </c>
      <c r="E6246" t="s">
        <v>32754</v>
      </c>
      <c r="F6246">
        <v>5</v>
      </c>
      <c r="G6246" t="s">
        <v>14</v>
      </c>
      <c r="H6246" t="s">
        <v>13272</v>
      </c>
      <c r="I6246" t="s">
        <v>30540</v>
      </c>
    </row>
    <row r="6247" spans="1:9">
      <c r="A6247" s="1">
        <v>0.20487792997265275</v>
      </c>
      <c r="B6247" s="1"/>
      <c r="C6247">
        <v>10</v>
      </c>
      <c r="D6247" t="s">
        <v>13265</v>
      </c>
      <c r="E6247" t="s">
        <v>32754</v>
      </c>
      <c r="F6247">
        <v>4</v>
      </c>
      <c r="G6247" t="s">
        <v>14</v>
      </c>
      <c r="H6247" t="s">
        <v>13266</v>
      </c>
      <c r="I6247" t="s">
        <v>30540</v>
      </c>
    </row>
    <row r="6248" spans="1:9">
      <c r="A6248" s="1">
        <v>0.19566311056596952</v>
      </c>
      <c r="B6248" s="1"/>
      <c r="C6248">
        <v>11</v>
      </c>
      <c r="D6248" t="s">
        <v>13267</v>
      </c>
      <c r="E6248" t="s">
        <v>32754</v>
      </c>
      <c r="F6248">
        <v>4</v>
      </c>
      <c r="G6248" t="s">
        <v>762</v>
      </c>
      <c r="H6248" t="s">
        <v>13268</v>
      </c>
      <c r="I6248" t="s">
        <v>30540</v>
      </c>
    </row>
    <row r="6249" spans="1:9">
      <c r="A6249" s="1">
        <v>0.93428370415628947</v>
      </c>
      <c r="B6249" s="1"/>
      <c r="C6249">
        <v>15</v>
      </c>
      <c r="D6249" t="s">
        <v>13269</v>
      </c>
      <c r="E6249" t="s">
        <v>32754</v>
      </c>
      <c r="F6249">
        <v>4</v>
      </c>
      <c r="G6249" t="s">
        <v>1426</v>
      </c>
      <c r="H6249" t="s">
        <v>13270</v>
      </c>
      <c r="I6249" t="s">
        <v>30540</v>
      </c>
    </row>
    <row r="6250" spans="1:9">
      <c r="A6250" s="1">
        <v>0.72391168660160021</v>
      </c>
      <c r="B6250" s="1"/>
      <c r="C6250">
        <v>7</v>
      </c>
      <c r="D6250" t="s">
        <v>13263</v>
      </c>
      <c r="E6250" t="s">
        <v>32754</v>
      </c>
      <c r="F6250">
        <v>4</v>
      </c>
      <c r="G6250" t="s">
        <v>1431</v>
      </c>
      <c r="H6250" t="s">
        <v>13264</v>
      </c>
      <c r="I6250" t="s">
        <v>30540</v>
      </c>
    </row>
    <row r="6251" spans="1:9">
      <c r="A6251" s="1">
        <v>0.5016443566088683</v>
      </c>
      <c r="B6251" s="1"/>
      <c r="C6251">
        <v>6</v>
      </c>
      <c r="D6251" t="s">
        <v>13261</v>
      </c>
      <c r="E6251" t="s">
        <v>32754</v>
      </c>
      <c r="F6251">
        <v>3</v>
      </c>
      <c r="G6251" t="s">
        <v>3732</v>
      </c>
      <c r="H6251" t="s">
        <v>13262</v>
      </c>
      <c r="I6251" t="s">
        <v>30540</v>
      </c>
    </row>
    <row r="6252" spans="1:9">
      <c r="A6252" s="1">
        <v>0.92372341016631854</v>
      </c>
      <c r="B6252" s="1"/>
      <c r="C6252">
        <v>19</v>
      </c>
      <c r="D6252" t="s">
        <v>13273</v>
      </c>
      <c r="E6252" t="s">
        <v>32754</v>
      </c>
      <c r="F6252">
        <v>3</v>
      </c>
      <c r="G6252" t="s">
        <v>775</v>
      </c>
      <c r="H6252" t="s">
        <v>13274</v>
      </c>
      <c r="I6252" t="s">
        <v>30540</v>
      </c>
    </row>
    <row r="6253" spans="1:9">
      <c r="A6253" s="1">
        <v>0.52079195450582128</v>
      </c>
      <c r="B6253" s="1"/>
      <c r="C6253">
        <v>11</v>
      </c>
      <c r="D6253" t="s">
        <v>13259</v>
      </c>
      <c r="E6253" t="s">
        <v>32755</v>
      </c>
      <c r="F6253">
        <v>5</v>
      </c>
      <c r="G6253" t="s">
        <v>9</v>
      </c>
      <c r="H6253" t="s">
        <v>13260</v>
      </c>
      <c r="I6253" t="s">
        <v>30540</v>
      </c>
    </row>
    <row r="6254" spans="1:9">
      <c r="A6254" s="1">
        <v>0.37617924444206174</v>
      </c>
      <c r="B6254" s="1"/>
      <c r="C6254">
        <v>9</v>
      </c>
      <c r="D6254" t="s">
        <v>13257</v>
      </c>
      <c r="E6254" t="s">
        <v>32755</v>
      </c>
      <c r="F6254">
        <v>4</v>
      </c>
      <c r="G6254" t="s">
        <v>2</v>
      </c>
      <c r="H6254" t="s">
        <v>13258</v>
      </c>
      <c r="I6254" t="s">
        <v>30540</v>
      </c>
    </row>
    <row r="6255" spans="1:9">
      <c r="A6255" s="1">
        <v>0.67031409847987111</v>
      </c>
      <c r="B6255" s="1"/>
      <c r="C6255">
        <v>4</v>
      </c>
      <c r="D6255" t="s">
        <v>13253</v>
      </c>
      <c r="E6255" t="s">
        <v>32755</v>
      </c>
      <c r="F6255">
        <v>4</v>
      </c>
      <c r="G6255" t="s">
        <v>14</v>
      </c>
      <c r="H6255" t="s">
        <v>13254</v>
      </c>
      <c r="I6255" t="s">
        <v>30540</v>
      </c>
    </row>
    <row r="6256" spans="1:9">
      <c r="A6256" s="1">
        <v>0.93433944814308167</v>
      </c>
      <c r="B6256" s="1"/>
      <c r="C6256">
        <v>6</v>
      </c>
      <c r="D6256" t="s">
        <v>13255</v>
      </c>
      <c r="E6256" t="s">
        <v>32755</v>
      </c>
      <c r="F6256">
        <v>4</v>
      </c>
      <c r="G6256" t="s">
        <v>14</v>
      </c>
      <c r="H6256" t="s">
        <v>13256</v>
      </c>
      <c r="I6256" t="s">
        <v>30540</v>
      </c>
    </row>
    <row r="6257" spans="1:9">
      <c r="A6257" s="1">
        <v>0.84489220658371134</v>
      </c>
      <c r="B6257" s="1"/>
      <c r="C6257">
        <v>3</v>
      </c>
      <c r="D6257" t="s">
        <v>13239</v>
      </c>
      <c r="E6257" t="s">
        <v>32756</v>
      </c>
      <c r="F6257">
        <v>5</v>
      </c>
      <c r="G6257" t="s">
        <v>10</v>
      </c>
      <c r="H6257" t="s">
        <v>13240</v>
      </c>
      <c r="I6257" t="s">
        <v>30540</v>
      </c>
    </row>
    <row r="6258" spans="1:9">
      <c r="A6258" s="1">
        <v>0.14354738291146329</v>
      </c>
      <c r="B6258" s="1"/>
      <c r="C6258">
        <v>16</v>
      </c>
      <c r="D6258" t="s">
        <v>13251</v>
      </c>
      <c r="E6258" t="s">
        <v>32756</v>
      </c>
      <c r="F6258">
        <v>4</v>
      </c>
      <c r="G6258" t="s">
        <v>0</v>
      </c>
      <c r="H6258" t="s">
        <v>13252</v>
      </c>
      <c r="I6258" t="s">
        <v>30540</v>
      </c>
    </row>
    <row r="6259" spans="1:9">
      <c r="A6259" s="1">
        <v>0.72257792200313375</v>
      </c>
      <c r="B6259" s="1"/>
      <c r="C6259">
        <v>8</v>
      </c>
      <c r="D6259" t="s">
        <v>13243</v>
      </c>
      <c r="E6259" t="s">
        <v>32756</v>
      </c>
      <c r="F6259">
        <v>4</v>
      </c>
      <c r="G6259" t="s">
        <v>14</v>
      </c>
      <c r="H6259" t="s">
        <v>13244</v>
      </c>
      <c r="I6259" t="s">
        <v>30540</v>
      </c>
    </row>
    <row r="6260" spans="1:9">
      <c r="A6260" s="1">
        <v>0.76713407673920919</v>
      </c>
      <c r="B6260" s="1"/>
      <c r="C6260">
        <v>1</v>
      </c>
      <c r="D6260" t="s">
        <v>13235</v>
      </c>
      <c r="E6260" t="s">
        <v>32757</v>
      </c>
      <c r="F6260">
        <v>4</v>
      </c>
      <c r="G6260" t="s">
        <v>15</v>
      </c>
      <c r="H6260" t="s">
        <v>13236</v>
      </c>
      <c r="I6260" t="s">
        <v>30540</v>
      </c>
    </row>
    <row r="6261" spans="1:9">
      <c r="A6261" s="1">
        <v>0.14189260586241237</v>
      </c>
      <c r="B6261" s="1"/>
      <c r="C6261">
        <v>1</v>
      </c>
      <c r="D6261" t="s">
        <v>13223</v>
      </c>
      <c r="E6261" t="s">
        <v>32758</v>
      </c>
      <c r="F6261">
        <v>4</v>
      </c>
      <c r="G6261" t="s">
        <v>10</v>
      </c>
      <c r="H6261" t="s">
        <v>13224</v>
      </c>
      <c r="I6261" t="s">
        <v>30540</v>
      </c>
    </row>
    <row r="6262" spans="1:9">
      <c r="A6262" s="1">
        <v>0.21670073034355497</v>
      </c>
      <c r="B6262" s="1"/>
      <c r="C6262">
        <v>15</v>
      </c>
      <c r="D6262" t="s">
        <v>13231</v>
      </c>
      <c r="E6262" t="s">
        <v>32758</v>
      </c>
      <c r="F6262">
        <v>4</v>
      </c>
      <c r="G6262" t="s">
        <v>14</v>
      </c>
      <c r="H6262" t="s">
        <v>13232</v>
      </c>
      <c r="I6262" t="s">
        <v>30540</v>
      </c>
    </row>
    <row r="6263" spans="1:9">
      <c r="A6263" s="1">
        <v>3.2036023129120572E-2</v>
      </c>
      <c r="B6263" s="1"/>
      <c r="C6263">
        <v>5</v>
      </c>
      <c r="D6263" t="s">
        <v>13227</v>
      </c>
      <c r="E6263" t="s">
        <v>32758</v>
      </c>
      <c r="F6263">
        <v>4</v>
      </c>
      <c r="G6263" t="s">
        <v>14</v>
      </c>
      <c r="H6263" t="s">
        <v>13228</v>
      </c>
      <c r="I6263" t="s">
        <v>30540</v>
      </c>
    </row>
    <row r="6264" spans="1:9">
      <c r="A6264" s="1">
        <v>0.12228674807452566</v>
      </c>
      <c r="B6264" s="1"/>
      <c r="C6264">
        <v>10</v>
      </c>
      <c r="D6264" t="s">
        <v>13229</v>
      </c>
      <c r="E6264" t="s">
        <v>32758</v>
      </c>
      <c r="F6264">
        <v>3</v>
      </c>
      <c r="G6264" t="s">
        <v>0</v>
      </c>
      <c r="H6264" t="s">
        <v>13230</v>
      </c>
      <c r="I6264" t="s">
        <v>30540</v>
      </c>
    </row>
    <row r="6265" spans="1:9">
      <c r="A6265" s="1">
        <v>0.38987627782719469</v>
      </c>
      <c r="B6265" s="1"/>
      <c r="C6265">
        <v>3</v>
      </c>
      <c r="D6265" t="s">
        <v>13225</v>
      </c>
      <c r="E6265" t="s">
        <v>32758</v>
      </c>
      <c r="F6265">
        <v>3</v>
      </c>
      <c r="G6265" t="s">
        <v>14</v>
      </c>
      <c r="H6265" t="s">
        <v>13226</v>
      </c>
      <c r="I6265" t="s">
        <v>30540</v>
      </c>
    </row>
    <row r="6266" spans="1:9">
      <c r="A6266" s="1">
        <v>0.72678225081507986</v>
      </c>
      <c r="B6266" s="1"/>
      <c r="C6266">
        <v>16</v>
      </c>
      <c r="D6266" t="s">
        <v>13217</v>
      </c>
      <c r="E6266" t="s">
        <v>32759</v>
      </c>
      <c r="F6266">
        <v>5</v>
      </c>
      <c r="G6266" t="s">
        <v>775</v>
      </c>
      <c r="H6266" t="s">
        <v>13218</v>
      </c>
      <c r="I6266" t="s">
        <v>30540</v>
      </c>
    </row>
    <row r="6267" spans="1:9">
      <c r="A6267" s="1">
        <v>0.8154839825382395</v>
      </c>
      <c r="B6267" s="1"/>
      <c r="C6267">
        <v>5</v>
      </c>
      <c r="D6267" t="s">
        <v>13215</v>
      </c>
      <c r="E6267" t="s">
        <v>32759</v>
      </c>
      <c r="F6267">
        <v>4</v>
      </c>
      <c r="G6267" t="s">
        <v>1</v>
      </c>
      <c r="H6267" t="s">
        <v>13216</v>
      </c>
      <c r="I6267" t="s">
        <v>30540</v>
      </c>
    </row>
    <row r="6268" spans="1:9">
      <c r="A6268" s="1">
        <v>0.4239394310102873</v>
      </c>
      <c r="B6268" s="1"/>
      <c r="C6268">
        <v>17</v>
      </c>
      <c r="D6268" t="s">
        <v>13219</v>
      </c>
      <c r="E6268" t="s">
        <v>32759</v>
      </c>
      <c r="F6268">
        <v>4</v>
      </c>
      <c r="G6268" t="s">
        <v>14</v>
      </c>
      <c r="H6268" t="s">
        <v>13220</v>
      </c>
      <c r="I6268" t="s">
        <v>30540</v>
      </c>
    </row>
    <row r="6269" spans="1:9">
      <c r="A6269" s="1">
        <v>0.54411863384385262</v>
      </c>
      <c r="B6269" s="1"/>
      <c r="C6269">
        <v>19</v>
      </c>
      <c r="D6269" t="s">
        <v>13221</v>
      </c>
      <c r="E6269" t="s">
        <v>32759</v>
      </c>
      <c r="F6269">
        <v>4</v>
      </c>
      <c r="G6269" t="s">
        <v>1426</v>
      </c>
      <c r="H6269" t="s">
        <v>13222</v>
      </c>
      <c r="I6269" t="s">
        <v>30540</v>
      </c>
    </row>
    <row r="6270" spans="1:9">
      <c r="A6270" s="1">
        <v>6.4244372354319901E-2</v>
      </c>
      <c r="B6270" s="1"/>
      <c r="C6270">
        <v>6</v>
      </c>
      <c r="D6270" t="s">
        <v>13207</v>
      </c>
      <c r="E6270" t="s">
        <v>32760</v>
      </c>
      <c r="F6270">
        <v>4</v>
      </c>
      <c r="G6270" t="s">
        <v>2</v>
      </c>
      <c r="H6270" t="s">
        <v>13208</v>
      </c>
      <c r="I6270" t="s">
        <v>30540</v>
      </c>
    </row>
    <row r="6271" spans="1:9">
      <c r="A6271" s="1">
        <v>0.51409084431628016</v>
      </c>
      <c r="B6271" s="1"/>
      <c r="C6271">
        <v>11</v>
      </c>
      <c r="D6271" t="s">
        <v>13211</v>
      </c>
      <c r="E6271" t="s">
        <v>32760</v>
      </c>
      <c r="F6271">
        <v>4</v>
      </c>
      <c r="G6271" t="s">
        <v>14</v>
      </c>
      <c r="H6271" t="s">
        <v>13212</v>
      </c>
      <c r="I6271" t="s">
        <v>30540</v>
      </c>
    </row>
    <row r="6272" spans="1:9">
      <c r="A6272" s="1">
        <v>0.42721819634577929</v>
      </c>
      <c r="B6272" s="1"/>
      <c r="C6272">
        <v>10</v>
      </c>
      <c r="D6272" t="s">
        <v>13209</v>
      </c>
      <c r="E6272" t="s">
        <v>32760</v>
      </c>
      <c r="F6272">
        <v>4</v>
      </c>
      <c r="G6272" t="s">
        <v>13</v>
      </c>
      <c r="H6272" t="s">
        <v>13210</v>
      </c>
      <c r="I6272" t="s">
        <v>30540</v>
      </c>
    </row>
    <row r="6273" spans="1:9">
      <c r="A6273" s="1">
        <v>0.21877032550504261</v>
      </c>
      <c r="B6273" s="1"/>
      <c r="C6273">
        <v>12</v>
      </c>
      <c r="D6273" t="s">
        <v>13213</v>
      </c>
      <c r="E6273" t="s">
        <v>32760</v>
      </c>
      <c r="F6273">
        <v>4</v>
      </c>
      <c r="G6273" t="s">
        <v>14</v>
      </c>
      <c r="H6273" t="s">
        <v>13214</v>
      </c>
      <c r="I6273" t="s">
        <v>30540</v>
      </c>
    </row>
    <row r="6274" spans="1:9">
      <c r="A6274" s="1">
        <v>4.6781265536205319E-2</v>
      </c>
      <c r="B6274" s="1"/>
      <c r="C6274">
        <v>6</v>
      </c>
      <c r="D6274" t="s">
        <v>13203</v>
      </c>
      <c r="E6274" t="s">
        <v>32761</v>
      </c>
      <c r="F6274">
        <v>4</v>
      </c>
      <c r="G6274" t="s">
        <v>10</v>
      </c>
      <c r="H6274" t="s">
        <v>13204</v>
      </c>
      <c r="I6274" t="s">
        <v>30540</v>
      </c>
    </row>
    <row r="6275" spans="1:9">
      <c r="A6275" s="1">
        <v>0.13587350370116558</v>
      </c>
      <c r="B6275" s="1"/>
      <c r="C6275">
        <v>2</v>
      </c>
      <c r="D6275" t="s">
        <v>13199</v>
      </c>
      <c r="E6275" t="s">
        <v>32761</v>
      </c>
      <c r="F6275">
        <v>4</v>
      </c>
      <c r="G6275" t="s">
        <v>9</v>
      </c>
      <c r="H6275" t="s">
        <v>13200</v>
      </c>
      <c r="I6275" t="s">
        <v>30540</v>
      </c>
    </row>
    <row r="6276" spans="1:9">
      <c r="A6276" s="1">
        <v>0.24516105633935603</v>
      </c>
      <c r="B6276" s="1"/>
      <c r="C6276">
        <v>4</v>
      </c>
      <c r="D6276" t="s">
        <v>13201</v>
      </c>
      <c r="E6276" t="s">
        <v>32761</v>
      </c>
      <c r="F6276">
        <v>3</v>
      </c>
      <c r="G6276" t="s">
        <v>14</v>
      </c>
      <c r="H6276" t="s">
        <v>13202</v>
      </c>
      <c r="I6276" t="s">
        <v>30540</v>
      </c>
    </row>
    <row r="6277" spans="1:9">
      <c r="A6277" s="1">
        <v>0.93441384594005727</v>
      </c>
      <c r="B6277" s="1"/>
      <c r="C6277">
        <v>10</v>
      </c>
      <c r="D6277" t="s">
        <v>13197</v>
      </c>
      <c r="E6277" t="s">
        <v>32762</v>
      </c>
      <c r="F6277">
        <v>3</v>
      </c>
      <c r="G6277" t="s">
        <v>14</v>
      </c>
      <c r="H6277" t="s">
        <v>13198</v>
      </c>
      <c r="I6277" t="s">
        <v>30540</v>
      </c>
    </row>
    <row r="6278" spans="1:9">
      <c r="A6278" s="1">
        <v>3.19169138843578E-2</v>
      </c>
      <c r="B6278" s="1"/>
      <c r="C6278">
        <v>4</v>
      </c>
      <c r="D6278" t="s">
        <v>13183</v>
      </c>
      <c r="E6278" t="s">
        <v>32763</v>
      </c>
      <c r="F6278">
        <v>4</v>
      </c>
      <c r="G6278" t="s">
        <v>15</v>
      </c>
      <c r="H6278" t="s">
        <v>13184</v>
      </c>
      <c r="I6278" t="s">
        <v>30540</v>
      </c>
    </row>
    <row r="6279" spans="1:9">
      <c r="A6279" s="1">
        <v>0.72978289315109202</v>
      </c>
      <c r="B6279" s="1"/>
      <c r="C6279">
        <v>10</v>
      </c>
      <c r="D6279" t="s">
        <v>13187</v>
      </c>
      <c r="E6279" t="s">
        <v>32763</v>
      </c>
      <c r="F6279">
        <v>4</v>
      </c>
      <c r="G6279" t="s">
        <v>0</v>
      </c>
      <c r="H6279" t="s">
        <v>13188</v>
      </c>
      <c r="I6279" t="s">
        <v>30540</v>
      </c>
    </row>
    <row r="6280" spans="1:9">
      <c r="A6280" s="1">
        <v>5.6260261809805145E-2</v>
      </c>
      <c r="B6280" s="1"/>
      <c r="C6280">
        <v>1</v>
      </c>
      <c r="D6280" t="s">
        <v>13181</v>
      </c>
      <c r="E6280" t="s">
        <v>32763</v>
      </c>
      <c r="F6280">
        <v>4</v>
      </c>
      <c r="G6280" t="s">
        <v>10</v>
      </c>
      <c r="H6280" t="s">
        <v>13182</v>
      </c>
      <c r="I6280" t="s">
        <v>30540</v>
      </c>
    </row>
    <row r="6281" spans="1:9">
      <c r="A6281" s="1">
        <v>0.32683153719350877</v>
      </c>
      <c r="B6281" s="1"/>
      <c r="C6281">
        <v>20</v>
      </c>
      <c r="D6281" t="s">
        <v>13193</v>
      </c>
      <c r="E6281" t="s">
        <v>32763</v>
      </c>
      <c r="F6281">
        <v>3</v>
      </c>
      <c r="G6281" t="s">
        <v>10</v>
      </c>
      <c r="H6281" t="s">
        <v>13194</v>
      </c>
      <c r="I6281" t="s">
        <v>30540</v>
      </c>
    </row>
    <row r="6282" spans="1:9">
      <c r="A6282" s="1">
        <v>0.95843179454587057</v>
      </c>
      <c r="B6282" s="1"/>
      <c r="C6282">
        <v>1</v>
      </c>
      <c r="D6282" t="s">
        <v>13169</v>
      </c>
      <c r="E6282" t="s">
        <v>32764</v>
      </c>
      <c r="F6282">
        <v>5</v>
      </c>
      <c r="G6282" t="s">
        <v>2</v>
      </c>
      <c r="H6282" t="s">
        <v>13170</v>
      </c>
      <c r="I6282" t="s">
        <v>30540</v>
      </c>
    </row>
    <row r="6283" spans="1:9">
      <c r="A6283" s="1">
        <v>0.9932905601293367</v>
      </c>
      <c r="B6283" s="1"/>
      <c r="C6283">
        <v>18</v>
      </c>
      <c r="D6283" t="s">
        <v>13177</v>
      </c>
      <c r="E6283" t="s">
        <v>32764</v>
      </c>
      <c r="F6283">
        <v>5</v>
      </c>
      <c r="G6283" t="s">
        <v>13</v>
      </c>
      <c r="H6283" t="s">
        <v>13178</v>
      </c>
      <c r="I6283" t="s">
        <v>30540</v>
      </c>
    </row>
    <row r="6284" spans="1:9">
      <c r="A6284" s="1">
        <v>0.81451791027994525</v>
      </c>
      <c r="B6284" s="1"/>
      <c r="C6284">
        <v>14</v>
      </c>
      <c r="D6284" t="s">
        <v>13175</v>
      </c>
      <c r="E6284" t="s">
        <v>32764</v>
      </c>
      <c r="F6284">
        <v>4</v>
      </c>
      <c r="G6284" t="s">
        <v>775</v>
      </c>
      <c r="H6284" t="s">
        <v>13176</v>
      </c>
      <c r="I6284" t="s">
        <v>30540</v>
      </c>
    </row>
    <row r="6285" spans="1:9">
      <c r="A6285" s="1">
        <v>3.6059583692448216E-3</v>
      </c>
      <c r="B6285" s="1"/>
      <c r="C6285">
        <v>12</v>
      </c>
      <c r="D6285" t="s">
        <v>13173</v>
      </c>
      <c r="E6285" t="s">
        <v>32764</v>
      </c>
      <c r="F6285">
        <v>4</v>
      </c>
      <c r="G6285" t="s">
        <v>15</v>
      </c>
      <c r="H6285" t="s">
        <v>13174</v>
      </c>
      <c r="I6285" t="s">
        <v>30540</v>
      </c>
    </row>
    <row r="6286" spans="1:9">
      <c r="A6286" s="1">
        <v>0.36500575370481281</v>
      </c>
      <c r="B6286" s="1"/>
      <c r="C6286">
        <v>11</v>
      </c>
      <c r="D6286" t="s">
        <v>13171</v>
      </c>
      <c r="E6286" t="s">
        <v>32764</v>
      </c>
      <c r="F6286">
        <v>4</v>
      </c>
      <c r="G6286" t="s">
        <v>0</v>
      </c>
      <c r="H6286" t="s">
        <v>13172</v>
      </c>
      <c r="I6286" t="s">
        <v>30540</v>
      </c>
    </row>
    <row r="6287" spans="1:9">
      <c r="A6287" s="1">
        <v>0.34421246233552938</v>
      </c>
      <c r="B6287" s="1"/>
      <c r="C6287">
        <v>20</v>
      </c>
      <c r="D6287" t="s">
        <v>13179</v>
      </c>
      <c r="E6287" t="s">
        <v>32764</v>
      </c>
      <c r="F6287">
        <v>4</v>
      </c>
      <c r="G6287" t="s">
        <v>1</v>
      </c>
      <c r="H6287" t="s">
        <v>13180</v>
      </c>
      <c r="I6287" t="s">
        <v>30540</v>
      </c>
    </row>
    <row r="6288" spans="1:9">
      <c r="A6288" s="1">
        <v>0.37127896139431082</v>
      </c>
      <c r="B6288" s="1"/>
      <c r="C6288">
        <v>14</v>
      </c>
      <c r="D6288" t="s">
        <v>13165</v>
      </c>
      <c r="E6288" t="s">
        <v>32765</v>
      </c>
      <c r="F6288">
        <v>5</v>
      </c>
      <c r="G6288" t="s">
        <v>1</v>
      </c>
      <c r="H6288" t="s">
        <v>13166</v>
      </c>
      <c r="I6288" t="s">
        <v>30540</v>
      </c>
    </row>
    <row r="6289" spans="1:9">
      <c r="A6289" s="1">
        <v>0.35564938615074893</v>
      </c>
      <c r="B6289" s="1"/>
      <c r="C6289">
        <v>1</v>
      </c>
      <c r="D6289" t="s">
        <v>13157</v>
      </c>
      <c r="E6289" t="s">
        <v>32765</v>
      </c>
      <c r="F6289">
        <v>4</v>
      </c>
      <c r="G6289" t="s">
        <v>9</v>
      </c>
      <c r="H6289" t="s">
        <v>13158</v>
      </c>
      <c r="I6289" t="s">
        <v>30540</v>
      </c>
    </row>
    <row r="6290" spans="1:9">
      <c r="A6290" s="1">
        <v>0.79697051858040291</v>
      </c>
      <c r="B6290" s="1"/>
      <c r="C6290">
        <v>15</v>
      </c>
      <c r="D6290" t="s">
        <v>13167</v>
      </c>
      <c r="E6290" t="s">
        <v>32765</v>
      </c>
      <c r="F6290">
        <v>4</v>
      </c>
      <c r="G6290" t="s">
        <v>0</v>
      </c>
      <c r="H6290" t="s">
        <v>13168</v>
      </c>
      <c r="I6290" t="s">
        <v>30540</v>
      </c>
    </row>
    <row r="6291" spans="1:9">
      <c r="A6291" s="1">
        <v>0.7974540822296402</v>
      </c>
      <c r="B6291" s="1"/>
      <c r="C6291">
        <v>10</v>
      </c>
      <c r="D6291" t="s">
        <v>13161</v>
      </c>
      <c r="E6291" t="s">
        <v>32765</v>
      </c>
      <c r="F6291">
        <v>4</v>
      </c>
      <c r="G6291" t="s">
        <v>14</v>
      </c>
      <c r="H6291" t="s">
        <v>13162</v>
      </c>
      <c r="I6291" t="s">
        <v>30540</v>
      </c>
    </row>
    <row r="6292" spans="1:9">
      <c r="A6292" s="1">
        <v>0.16931537839612332</v>
      </c>
      <c r="B6292" s="1"/>
      <c r="C6292">
        <v>13</v>
      </c>
      <c r="D6292" t="s">
        <v>13155</v>
      </c>
      <c r="E6292" t="s">
        <v>32766</v>
      </c>
      <c r="F6292">
        <v>4</v>
      </c>
      <c r="G6292" t="s">
        <v>14</v>
      </c>
      <c r="H6292" t="s">
        <v>13156</v>
      </c>
      <c r="I6292" t="s">
        <v>30540</v>
      </c>
    </row>
    <row r="6293" spans="1:9">
      <c r="A6293" s="1">
        <v>0.12540403244150722</v>
      </c>
      <c r="B6293" s="1"/>
      <c r="C6293">
        <v>3</v>
      </c>
      <c r="D6293" t="s">
        <v>13151</v>
      </c>
      <c r="E6293" t="s">
        <v>32766</v>
      </c>
      <c r="F6293">
        <v>4</v>
      </c>
      <c r="G6293" t="s">
        <v>10</v>
      </c>
      <c r="H6293" t="s">
        <v>13152</v>
      </c>
      <c r="I6293" t="s">
        <v>30540</v>
      </c>
    </row>
    <row r="6294" spans="1:9">
      <c r="A6294" s="1">
        <v>1.8014506512578521E-2</v>
      </c>
      <c r="B6294" s="1"/>
      <c r="C6294">
        <v>7</v>
      </c>
      <c r="D6294" t="s">
        <v>13147</v>
      </c>
      <c r="E6294" t="s">
        <v>32767</v>
      </c>
      <c r="F6294">
        <v>4</v>
      </c>
      <c r="G6294" t="s">
        <v>13</v>
      </c>
      <c r="H6294" t="s">
        <v>13148</v>
      </c>
      <c r="I6294" t="s">
        <v>30540</v>
      </c>
    </row>
    <row r="6295" spans="1:9">
      <c r="A6295" s="1">
        <v>0.95346379390094727</v>
      </c>
      <c r="B6295" s="1"/>
      <c r="C6295">
        <v>4</v>
      </c>
      <c r="D6295" t="s">
        <v>13145</v>
      </c>
      <c r="E6295" t="s">
        <v>32767</v>
      </c>
      <c r="F6295">
        <v>3</v>
      </c>
      <c r="G6295" t="s">
        <v>14</v>
      </c>
      <c r="H6295" t="s">
        <v>13146</v>
      </c>
      <c r="I6295" t="s">
        <v>30540</v>
      </c>
    </row>
    <row r="6296" spans="1:9">
      <c r="A6296" s="1">
        <v>0.92449512138774026</v>
      </c>
      <c r="B6296" s="1"/>
      <c r="C6296">
        <v>6</v>
      </c>
      <c r="D6296" t="s">
        <v>13139</v>
      </c>
      <c r="E6296" t="s">
        <v>32768</v>
      </c>
      <c r="F6296">
        <v>4</v>
      </c>
      <c r="G6296" t="s">
        <v>14</v>
      </c>
      <c r="H6296" t="s">
        <v>13140</v>
      </c>
      <c r="I6296" t="s">
        <v>30540</v>
      </c>
    </row>
    <row r="6297" spans="1:9">
      <c r="A6297" s="1">
        <v>0.68138264107214808</v>
      </c>
      <c r="B6297" s="1"/>
      <c r="C6297">
        <v>12</v>
      </c>
      <c r="D6297" t="s">
        <v>13143</v>
      </c>
      <c r="E6297" t="s">
        <v>32768</v>
      </c>
      <c r="F6297">
        <v>4</v>
      </c>
      <c r="G6297" t="s">
        <v>0</v>
      </c>
      <c r="H6297" t="s">
        <v>13144</v>
      </c>
      <c r="I6297" t="s">
        <v>30540</v>
      </c>
    </row>
    <row r="6298" spans="1:9">
      <c r="A6298" s="1">
        <v>0.73554343445323622</v>
      </c>
      <c r="B6298" s="1"/>
      <c r="C6298">
        <v>8</v>
      </c>
      <c r="D6298" t="s">
        <v>13141</v>
      </c>
      <c r="E6298" t="s">
        <v>32768</v>
      </c>
      <c r="F6298">
        <v>4</v>
      </c>
      <c r="G6298" t="s">
        <v>1</v>
      </c>
      <c r="H6298" t="s">
        <v>13142</v>
      </c>
      <c r="I6298" t="s">
        <v>30540</v>
      </c>
    </row>
    <row r="6299" spans="1:9">
      <c r="A6299" s="1">
        <v>0.53150428609025613</v>
      </c>
      <c r="B6299" s="1"/>
      <c r="C6299">
        <v>3</v>
      </c>
      <c r="D6299" t="s">
        <v>13137</v>
      </c>
      <c r="E6299" t="s">
        <v>32768</v>
      </c>
      <c r="F6299">
        <v>4</v>
      </c>
      <c r="G6299" t="s">
        <v>0</v>
      </c>
      <c r="H6299" t="s">
        <v>13138</v>
      </c>
      <c r="I6299" t="s">
        <v>30540</v>
      </c>
    </row>
    <row r="6300" spans="1:9">
      <c r="A6300" s="1">
        <v>7.2057165316709249E-2</v>
      </c>
      <c r="B6300" s="1"/>
      <c r="C6300">
        <v>13</v>
      </c>
      <c r="D6300" t="s">
        <v>13133</v>
      </c>
      <c r="E6300" t="s">
        <v>32769</v>
      </c>
      <c r="F6300">
        <v>5</v>
      </c>
      <c r="G6300" t="s">
        <v>775</v>
      </c>
      <c r="H6300" t="s">
        <v>13134</v>
      </c>
      <c r="I6300" t="s">
        <v>30540</v>
      </c>
    </row>
    <row r="6301" spans="1:9">
      <c r="A6301" s="1">
        <v>0.75542133683663637</v>
      </c>
      <c r="B6301" s="1"/>
      <c r="C6301">
        <v>4</v>
      </c>
      <c r="D6301" t="s">
        <v>13127</v>
      </c>
      <c r="E6301" t="s">
        <v>32769</v>
      </c>
      <c r="F6301">
        <v>5</v>
      </c>
      <c r="G6301" t="s">
        <v>2</v>
      </c>
      <c r="H6301" t="s">
        <v>13128</v>
      </c>
      <c r="I6301" t="s">
        <v>30540</v>
      </c>
    </row>
    <row r="6302" spans="1:9">
      <c r="A6302" s="1">
        <v>0.80886181617142783</v>
      </c>
      <c r="B6302" s="1"/>
      <c r="C6302">
        <v>2</v>
      </c>
      <c r="D6302" t="s">
        <v>13125</v>
      </c>
      <c r="E6302" t="s">
        <v>32769</v>
      </c>
      <c r="F6302">
        <v>4</v>
      </c>
      <c r="G6302" t="s">
        <v>775</v>
      </c>
      <c r="H6302" t="s">
        <v>13126</v>
      </c>
      <c r="I6302" t="s">
        <v>30540</v>
      </c>
    </row>
    <row r="6303" spans="1:9">
      <c r="A6303" s="1">
        <v>0.16478448864507866</v>
      </c>
      <c r="B6303" s="1"/>
      <c r="C6303">
        <v>18</v>
      </c>
      <c r="D6303" t="s">
        <v>13135</v>
      </c>
      <c r="E6303" t="s">
        <v>32769</v>
      </c>
      <c r="F6303">
        <v>4</v>
      </c>
      <c r="G6303" t="s">
        <v>15</v>
      </c>
      <c r="H6303" t="s">
        <v>13136</v>
      </c>
      <c r="I6303" t="s">
        <v>30540</v>
      </c>
    </row>
    <row r="6304" spans="1:9">
      <c r="A6304" s="1">
        <v>8.5781333851801422E-2</v>
      </c>
      <c r="B6304" s="1"/>
      <c r="C6304">
        <v>6</v>
      </c>
      <c r="D6304" t="s">
        <v>13129</v>
      </c>
      <c r="E6304" t="s">
        <v>32769</v>
      </c>
      <c r="F6304">
        <v>4</v>
      </c>
      <c r="G6304" t="s">
        <v>14</v>
      </c>
      <c r="H6304" t="s">
        <v>13130</v>
      </c>
      <c r="I6304" t="s">
        <v>30540</v>
      </c>
    </row>
    <row r="6305" spans="1:9">
      <c r="A6305" s="1">
        <v>3.4935430201329054E-2</v>
      </c>
      <c r="B6305" s="1"/>
      <c r="C6305">
        <v>12</v>
      </c>
      <c r="D6305" t="s">
        <v>13131</v>
      </c>
      <c r="E6305" t="s">
        <v>32769</v>
      </c>
      <c r="F6305">
        <v>4</v>
      </c>
      <c r="G6305" t="s">
        <v>2229</v>
      </c>
      <c r="H6305" t="s">
        <v>13132</v>
      </c>
      <c r="I6305" t="s">
        <v>30540</v>
      </c>
    </row>
    <row r="6306" spans="1:9">
      <c r="A6306" s="1">
        <v>0.9702142975811886</v>
      </c>
      <c r="B6306" s="1"/>
      <c r="C6306">
        <v>10</v>
      </c>
      <c r="D6306" t="s">
        <v>13123</v>
      </c>
      <c r="E6306" t="s">
        <v>32770</v>
      </c>
      <c r="F6306">
        <v>5</v>
      </c>
      <c r="G6306" t="s">
        <v>9</v>
      </c>
      <c r="H6306" t="s">
        <v>13124</v>
      </c>
      <c r="I6306" t="s">
        <v>30540</v>
      </c>
    </row>
    <row r="6307" spans="1:9">
      <c r="A6307" s="1">
        <v>0.96581147264424849</v>
      </c>
      <c r="B6307" s="1"/>
      <c r="C6307">
        <v>8</v>
      </c>
      <c r="D6307" t="s">
        <v>13121</v>
      </c>
      <c r="E6307" t="s">
        <v>32770</v>
      </c>
      <c r="F6307">
        <v>5</v>
      </c>
      <c r="G6307" t="s">
        <v>2</v>
      </c>
      <c r="H6307" t="s">
        <v>13122</v>
      </c>
      <c r="I6307" t="s">
        <v>30540</v>
      </c>
    </row>
    <row r="6308" spans="1:9">
      <c r="A6308" s="1">
        <v>0.28096194033380706</v>
      </c>
      <c r="B6308" s="1"/>
      <c r="C6308">
        <v>5</v>
      </c>
      <c r="D6308" t="s">
        <v>13119</v>
      </c>
      <c r="E6308" t="s">
        <v>32770</v>
      </c>
      <c r="F6308">
        <v>5</v>
      </c>
      <c r="G6308" t="s">
        <v>14</v>
      </c>
      <c r="H6308" t="s">
        <v>13120</v>
      </c>
      <c r="I6308" t="s">
        <v>30540</v>
      </c>
    </row>
    <row r="6309" spans="1:9">
      <c r="A6309" s="1">
        <v>0.25351847869177579</v>
      </c>
      <c r="B6309" s="1"/>
      <c r="C6309">
        <v>3</v>
      </c>
      <c r="D6309" t="s">
        <v>13107</v>
      </c>
      <c r="E6309" t="s">
        <v>32771</v>
      </c>
      <c r="F6309">
        <v>5</v>
      </c>
      <c r="G6309" t="s">
        <v>10</v>
      </c>
      <c r="H6309" t="s">
        <v>13108</v>
      </c>
      <c r="I6309" t="s">
        <v>30540</v>
      </c>
    </row>
    <row r="6310" spans="1:9">
      <c r="A6310" s="1">
        <v>0.72708978154449622</v>
      </c>
      <c r="B6310" s="1"/>
      <c r="C6310">
        <v>13</v>
      </c>
      <c r="D6310" t="s">
        <v>13113</v>
      </c>
      <c r="E6310" t="s">
        <v>32771</v>
      </c>
      <c r="F6310">
        <v>4</v>
      </c>
      <c r="G6310" t="s">
        <v>14</v>
      </c>
      <c r="H6310" t="s">
        <v>13114</v>
      </c>
      <c r="I6310" t="s">
        <v>30540</v>
      </c>
    </row>
    <row r="6311" spans="1:9">
      <c r="A6311" s="1">
        <v>0.6125306577058176</v>
      </c>
      <c r="B6311" s="1"/>
      <c r="C6311">
        <v>15</v>
      </c>
      <c r="D6311" t="s">
        <v>13117</v>
      </c>
      <c r="E6311" t="s">
        <v>32771</v>
      </c>
      <c r="F6311">
        <v>4</v>
      </c>
      <c r="G6311" t="s">
        <v>10</v>
      </c>
      <c r="H6311" t="s">
        <v>13118</v>
      </c>
      <c r="I6311" t="s">
        <v>30540</v>
      </c>
    </row>
    <row r="6312" spans="1:9">
      <c r="A6312" s="1">
        <v>4.4960683631204423E-3</v>
      </c>
      <c r="B6312" s="1"/>
      <c r="C6312">
        <v>11</v>
      </c>
      <c r="D6312" t="s">
        <v>13111</v>
      </c>
      <c r="E6312" t="s">
        <v>32771</v>
      </c>
      <c r="F6312">
        <v>4</v>
      </c>
      <c r="G6312" t="s">
        <v>10</v>
      </c>
      <c r="H6312" t="s">
        <v>13112</v>
      </c>
      <c r="I6312" t="s">
        <v>30540</v>
      </c>
    </row>
    <row r="6313" spans="1:9">
      <c r="A6313" s="1">
        <v>0.43872213346684774</v>
      </c>
      <c r="B6313" s="1"/>
      <c r="C6313">
        <v>14</v>
      </c>
      <c r="D6313" t="s">
        <v>13115</v>
      </c>
      <c r="E6313" t="s">
        <v>32771</v>
      </c>
      <c r="F6313">
        <v>4</v>
      </c>
      <c r="G6313" t="s">
        <v>10</v>
      </c>
      <c r="H6313" t="s">
        <v>13116</v>
      </c>
      <c r="I6313" t="s">
        <v>30540</v>
      </c>
    </row>
    <row r="6314" spans="1:9">
      <c r="A6314" s="1">
        <v>0.93387447405810575</v>
      </c>
      <c r="B6314" s="1"/>
      <c r="C6314">
        <v>8</v>
      </c>
      <c r="D6314" t="s">
        <v>13109</v>
      </c>
      <c r="E6314" t="s">
        <v>32771</v>
      </c>
      <c r="F6314">
        <v>3</v>
      </c>
      <c r="G6314" t="s">
        <v>14</v>
      </c>
      <c r="H6314" t="s">
        <v>13110</v>
      </c>
      <c r="I6314" t="s">
        <v>30540</v>
      </c>
    </row>
    <row r="6315" spans="1:9">
      <c r="A6315" s="1">
        <v>9.8811418105428261E-2</v>
      </c>
      <c r="B6315" s="1"/>
      <c r="C6315">
        <v>6</v>
      </c>
      <c r="D6315" t="s">
        <v>13103</v>
      </c>
      <c r="E6315" t="s">
        <v>32772</v>
      </c>
      <c r="F6315">
        <v>5</v>
      </c>
      <c r="G6315" t="s">
        <v>14</v>
      </c>
      <c r="H6315" t="s">
        <v>13104</v>
      </c>
      <c r="I6315" t="s">
        <v>30540</v>
      </c>
    </row>
    <row r="6316" spans="1:9">
      <c r="A6316" s="1">
        <v>0.71857136734159688</v>
      </c>
      <c r="B6316" s="1"/>
      <c r="C6316">
        <v>4</v>
      </c>
      <c r="D6316" t="s">
        <v>13101</v>
      </c>
      <c r="E6316" t="s">
        <v>32772</v>
      </c>
      <c r="F6316">
        <v>4</v>
      </c>
      <c r="G6316" t="s">
        <v>2</v>
      </c>
      <c r="H6316" t="s">
        <v>13102</v>
      </c>
      <c r="I6316" t="s">
        <v>30540</v>
      </c>
    </row>
    <row r="6317" spans="1:9">
      <c r="A6317" s="1">
        <v>0.13233804000515836</v>
      </c>
      <c r="B6317" s="1"/>
      <c r="C6317">
        <v>8</v>
      </c>
      <c r="D6317" t="s">
        <v>13105</v>
      </c>
      <c r="E6317" t="s">
        <v>32772</v>
      </c>
      <c r="F6317">
        <v>4</v>
      </c>
      <c r="G6317" t="s">
        <v>14</v>
      </c>
      <c r="H6317" t="s">
        <v>13106</v>
      </c>
      <c r="I6317" t="s">
        <v>30540</v>
      </c>
    </row>
    <row r="6318" spans="1:9">
      <c r="A6318" s="1">
        <v>0.26199497590378285</v>
      </c>
      <c r="B6318" s="1"/>
      <c r="C6318">
        <v>15</v>
      </c>
      <c r="D6318" t="s">
        <v>13099</v>
      </c>
      <c r="E6318" t="s">
        <v>32773</v>
      </c>
      <c r="F6318">
        <v>5</v>
      </c>
      <c r="G6318" t="s">
        <v>13</v>
      </c>
      <c r="H6318" t="s">
        <v>13100</v>
      </c>
      <c r="I6318" t="s">
        <v>30540</v>
      </c>
    </row>
    <row r="6319" spans="1:9">
      <c r="A6319" s="1">
        <v>0.94311829861658969</v>
      </c>
      <c r="B6319" s="1"/>
      <c r="C6319">
        <v>3</v>
      </c>
      <c r="D6319" t="s">
        <v>13097</v>
      </c>
      <c r="E6319" t="s">
        <v>32773</v>
      </c>
      <c r="F6319">
        <v>4</v>
      </c>
      <c r="G6319" t="s">
        <v>2</v>
      </c>
      <c r="H6319" t="s">
        <v>13098</v>
      </c>
      <c r="I6319" t="s">
        <v>30540</v>
      </c>
    </row>
    <row r="6320" spans="1:9">
      <c r="A6320" s="1">
        <v>0.63732137223066831</v>
      </c>
      <c r="B6320" s="1"/>
      <c r="C6320">
        <v>2</v>
      </c>
      <c r="D6320" t="s">
        <v>13095</v>
      </c>
      <c r="E6320" t="s">
        <v>32773</v>
      </c>
      <c r="F6320">
        <v>4</v>
      </c>
      <c r="G6320" t="s">
        <v>10</v>
      </c>
      <c r="H6320" t="s">
        <v>13096</v>
      </c>
      <c r="I6320" t="s">
        <v>30540</v>
      </c>
    </row>
    <row r="6321" spans="1:9">
      <c r="A6321" s="1">
        <v>0.5154419212032042</v>
      </c>
      <c r="B6321" s="1"/>
      <c r="C6321">
        <v>7</v>
      </c>
      <c r="D6321" t="s">
        <v>13091</v>
      </c>
      <c r="E6321" t="s">
        <v>32774</v>
      </c>
      <c r="F6321">
        <v>4</v>
      </c>
      <c r="G6321" t="s">
        <v>14</v>
      </c>
      <c r="H6321" t="s">
        <v>13092</v>
      </c>
      <c r="I6321" t="s">
        <v>30540</v>
      </c>
    </row>
    <row r="6322" spans="1:9">
      <c r="A6322" s="1">
        <v>0.79984621972280157</v>
      </c>
      <c r="B6322" s="1"/>
      <c r="C6322">
        <v>14</v>
      </c>
      <c r="D6322" t="s">
        <v>13093</v>
      </c>
      <c r="E6322" t="s">
        <v>32774</v>
      </c>
      <c r="F6322">
        <v>4</v>
      </c>
      <c r="G6322" t="s">
        <v>14</v>
      </c>
      <c r="H6322" t="s">
        <v>13094</v>
      </c>
      <c r="I6322" t="s">
        <v>30540</v>
      </c>
    </row>
    <row r="6323" spans="1:9">
      <c r="A6323" s="1">
        <v>0.50370738626411093</v>
      </c>
      <c r="B6323" s="1"/>
      <c r="C6323">
        <v>15</v>
      </c>
      <c r="D6323" t="s">
        <v>13087</v>
      </c>
      <c r="E6323" t="s">
        <v>32775</v>
      </c>
      <c r="F6323">
        <v>4</v>
      </c>
      <c r="G6323" t="s">
        <v>0</v>
      </c>
      <c r="H6323" t="s">
        <v>13088</v>
      </c>
      <c r="I6323" t="s">
        <v>30540</v>
      </c>
    </row>
    <row r="6324" spans="1:9">
      <c r="A6324" s="1">
        <v>1.6177877451021283E-3</v>
      </c>
      <c r="B6324" s="1"/>
      <c r="C6324">
        <v>14</v>
      </c>
      <c r="D6324" t="s">
        <v>13085</v>
      </c>
      <c r="E6324" t="s">
        <v>32775</v>
      </c>
      <c r="F6324">
        <v>4</v>
      </c>
      <c r="G6324" t="s">
        <v>1</v>
      </c>
      <c r="H6324" t="s">
        <v>13086</v>
      </c>
      <c r="I6324" t="s">
        <v>30540</v>
      </c>
    </row>
    <row r="6325" spans="1:9">
      <c r="A6325" s="1">
        <v>0.61345137780387715</v>
      </c>
      <c r="B6325" s="1"/>
      <c r="C6325">
        <v>13</v>
      </c>
      <c r="D6325" t="s">
        <v>13083</v>
      </c>
      <c r="E6325" t="s">
        <v>32775</v>
      </c>
      <c r="F6325">
        <v>4</v>
      </c>
      <c r="G6325" t="s">
        <v>2</v>
      </c>
      <c r="H6325" t="s">
        <v>13084</v>
      </c>
      <c r="I6325" t="s">
        <v>30540</v>
      </c>
    </row>
    <row r="6326" spans="1:9">
      <c r="A6326" s="1">
        <v>0.73567224635060657</v>
      </c>
      <c r="B6326" s="1"/>
      <c r="C6326">
        <v>12</v>
      </c>
      <c r="D6326" t="s">
        <v>13081</v>
      </c>
      <c r="E6326" t="s">
        <v>32776</v>
      </c>
      <c r="F6326">
        <v>4</v>
      </c>
      <c r="G6326" t="s">
        <v>3732</v>
      </c>
      <c r="H6326" t="s">
        <v>13082</v>
      </c>
      <c r="I6326" t="s">
        <v>30540</v>
      </c>
    </row>
    <row r="6327" spans="1:9">
      <c r="A6327" s="1">
        <v>0.28581513108530421</v>
      </c>
      <c r="B6327" s="1"/>
      <c r="C6327">
        <v>8</v>
      </c>
      <c r="D6327" t="s">
        <v>13079</v>
      </c>
      <c r="E6327" t="s">
        <v>32776</v>
      </c>
      <c r="F6327">
        <v>4</v>
      </c>
      <c r="G6327" t="s">
        <v>1431</v>
      </c>
      <c r="H6327" t="s">
        <v>13080</v>
      </c>
      <c r="I6327" t="s">
        <v>30540</v>
      </c>
    </row>
    <row r="6328" spans="1:9">
      <c r="A6328" s="1">
        <v>0.16504138841278049</v>
      </c>
      <c r="B6328" s="1"/>
      <c r="C6328">
        <v>3</v>
      </c>
      <c r="D6328" t="s">
        <v>13077</v>
      </c>
      <c r="E6328" t="s">
        <v>32776</v>
      </c>
      <c r="F6328">
        <v>4</v>
      </c>
      <c r="G6328" t="s">
        <v>14</v>
      </c>
      <c r="H6328" t="s">
        <v>13078</v>
      </c>
      <c r="I6328" t="s">
        <v>30540</v>
      </c>
    </row>
    <row r="6329" spans="1:9">
      <c r="A6329" s="1">
        <v>0.60282367353117283</v>
      </c>
      <c r="B6329" s="1"/>
      <c r="C6329">
        <v>12</v>
      </c>
      <c r="D6329" t="s">
        <v>13075</v>
      </c>
      <c r="E6329" t="s">
        <v>32777</v>
      </c>
      <c r="F6329">
        <v>4</v>
      </c>
      <c r="G6329" t="s">
        <v>14</v>
      </c>
      <c r="H6329" t="s">
        <v>13076</v>
      </c>
      <c r="I6329" t="s">
        <v>30540</v>
      </c>
    </row>
    <row r="6330" spans="1:9">
      <c r="A6330" s="1">
        <v>7.5220186120767196E-2</v>
      </c>
      <c r="B6330" s="1"/>
      <c r="C6330">
        <v>3</v>
      </c>
      <c r="D6330" t="s">
        <v>13069</v>
      </c>
      <c r="E6330" t="s">
        <v>32777</v>
      </c>
      <c r="F6330">
        <v>4</v>
      </c>
      <c r="G6330" t="s">
        <v>14</v>
      </c>
      <c r="H6330" t="s">
        <v>13070</v>
      </c>
      <c r="I6330" t="s">
        <v>30540</v>
      </c>
    </row>
    <row r="6331" spans="1:9">
      <c r="A6331" s="1">
        <v>0.22472730866771928</v>
      </c>
      <c r="B6331" s="1"/>
      <c r="C6331">
        <v>11</v>
      </c>
      <c r="D6331" t="s">
        <v>13073</v>
      </c>
      <c r="E6331" t="s">
        <v>32777</v>
      </c>
      <c r="F6331">
        <v>4</v>
      </c>
      <c r="G6331" t="s">
        <v>2</v>
      </c>
      <c r="H6331" t="s">
        <v>13074</v>
      </c>
      <c r="I6331" t="s">
        <v>30540</v>
      </c>
    </row>
    <row r="6332" spans="1:9">
      <c r="A6332" s="1">
        <v>0.81947288772855043</v>
      </c>
      <c r="B6332" s="1"/>
      <c r="C6332">
        <v>7</v>
      </c>
      <c r="D6332" t="s">
        <v>13063</v>
      </c>
      <c r="E6332" t="s">
        <v>32778</v>
      </c>
      <c r="F6332">
        <v>5</v>
      </c>
      <c r="G6332" t="s">
        <v>13</v>
      </c>
      <c r="H6332" t="s">
        <v>13064</v>
      </c>
      <c r="I6332" t="s">
        <v>30540</v>
      </c>
    </row>
    <row r="6333" spans="1:9">
      <c r="A6333" s="1">
        <v>0.58687772078356659</v>
      </c>
      <c r="B6333" s="1"/>
      <c r="C6333">
        <v>2</v>
      </c>
      <c r="D6333" t="s">
        <v>13059</v>
      </c>
      <c r="E6333" t="s">
        <v>32778</v>
      </c>
      <c r="F6333">
        <v>5</v>
      </c>
      <c r="G6333" t="s">
        <v>10</v>
      </c>
      <c r="H6333" t="s">
        <v>13060</v>
      </c>
      <c r="I6333" t="s">
        <v>30540</v>
      </c>
    </row>
    <row r="6334" spans="1:9">
      <c r="A6334" s="1">
        <v>0.18912333243941826</v>
      </c>
      <c r="B6334" s="1"/>
      <c r="C6334">
        <v>12</v>
      </c>
      <c r="D6334" t="s">
        <v>13067</v>
      </c>
      <c r="E6334" t="s">
        <v>32778</v>
      </c>
      <c r="F6334">
        <v>4</v>
      </c>
      <c r="G6334" t="s">
        <v>9</v>
      </c>
      <c r="H6334" t="s">
        <v>13068</v>
      </c>
      <c r="I6334" t="s">
        <v>30540</v>
      </c>
    </row>
    <row r="6335" spans="1:9">
      <c r="A6335" s="1">
        <v>0.80191286310397047</v>
      </c>
      <c r="B6335" s="1"/>
      <c r="C6335">
        <v>11</v>
      </c>
      <c r="D6335" t="s">
        <v>13065</v>
      </c>
      <c r="E6335" t="s">
        <v>32778</v>
      </c>
      <c r="F6335">
        <v>4</v>
      </c>
      <c r="G6335" t="s">
        <v>14</v>
      </c>
      <c r="H6335" t="s">
        <v>13066</v>
      </c>
      <c r="I6335" t="s">
        <v>30540</v>
      </c>
    </row>
    <row r="6336" spans="1:9">
      <c r="A6336" s="1">
        <v>0.61044851927652533</v>
      </c>
      <c r="B6336" s="1"/>
      <c r="C6336">
        <v>6</v>
      </c>
      <c r="D6336" t="s">
        <v>13061</v>
      </c>
      <c r="E6336" t="s">
        <v>32778</v>
      </c>
      <c r="F6336">
        <v>4</v>
      </c>
      <c r="G6336" t="s">
        <v>2</v>
      </c>
      <c r="H6336" t="s">
        <v>13062</v>
      </c>
      <c r="I6336" t="s">
        <v>30540</v>
      </c>
    </row>
    <row r="6337" spans="1:9">
      <c r="A6337" s="1">
        <v>1.136077340464281E-3</v>
      </c>
      <c r="B6337" s="1"/>
      <c r="C6337">
        <v>7</v>
      </c>
      <c r="D6337" t="s">
        <v>13057</v>
      </c>
      <c r="E6337" t="s">
        <v>32779</v>
      </c>
      <c r="F6337">
        <v>5</v>
      </c>
      <c r="G6337" t="s">
        <v>13</v>
      </c>
      <c r="H6337" t="s">
        <v>13058</v>
      </c>
      <c r="I6337" t="s">
        <v>30540</v>
      </c>
    </row>
    <row r="6338" spans="1:9">
      <c r="A6338" s="1">
        <v>0.14563307937585945</v>
      </c>
      <c r="B6338" s="1"/>
      <c r="C6338">
        <v>6</v>
      </c>
      <c r="D6338" t="s">
        <v>13055</v>
      </c>
      <c r="E6338" t="s">
        <v>32779</v>
      </c>
      <c r="F6338">
        <v>4</v>
      </c>
      <c r="G6338" t="s">
        <v>13</v>
      </c>
      <c r="H6338" t="s">
        <v>13056</v>
      </c>
      <c r="I6338" t="s">
        <v>30540</v>
      </c>
    </row>
    <row r="6339" spans="1:9">
      <c r="A6339" s="1">
        <v>0.70937947782342625</v>
      </c>
      <c r="B6339" s="1"/>
      <c r="C6339">
        <v>14</v>
      </c>
      <c r="D6339" t="s">
        <v>13051</v>
      </c>
      <c r="E6339" t="s">
        <v>32780</v>
      </c>
      <c r="F6339">
        <v>4</v>
      </c>
      <c r="G6339" t="s">
        <v>15</v>
      </c>
      <c r="H6339" t="s">
        <v>13052</v>
      </c>
      <c r="I6339" t="s">
        <v>30540</v>
      </c>
    </row>
    <row r="6340" spans="1:9">
      <c r="A6340" s="1">
        <v>0.87855114263899692</v>
      </c>
      <c r="B6340" s="1"/>
      <c r="C6340">
        <v>7</v>
      </c>
      <c r="D6340" t="s">
        <v>13049</v>
      </c>
      <c r="E6340" t="s">
        <v>32780</v>
      </c>
      <c r="F6340">
        <v>4</v>
      </c>
      <c r="G6340" t="s">
        <v>14</v>
      </c>
      <c r="H6340" t="s">
        <v>13050</v>
      </c>
      <c r="I6340" t="s">
        <v>30540</v>
      </c>
    </row>
    <row r="6341" spans="1:9">
      <c r="A6341" s="1">
        <v>0.22612084400093968</v>
      </c>
      <c r="B6341" s="1"/>
      <c r="C6341">
        <v>6</v>
      </c>
      <c r="D6341" t="s">
        <v>13047</v>
      </c>
      <c r="E6341" t="s">
        <v>32780</v>
      </c>
      <c r="F6341">
        <v>4</v>
      </c>
      <c r="G6341" t="s">
        <v>0</v>
      </c>
      <c r="H6341" t="s">
        <v>13048</v>
      </c>
      <c r="I6341" t="s">
        <v>30540</v>
      </c>
    </row>
    <row r="6342" spans="1:9">
      <c r="A6342" s="1">
        <v>0.60263857382296848</v>
      </c>
      <c r="B6342" s="1"/>
      <c r="C6342">
        <v>12</v>
      </c>
      <c r="D6342" t="s">
        <v>13043</v>
      </c>
      <c r="E6342" t="s">
        <v>32781</v>
      </c>
      <c r="F6342">
        <v>5</v>
      </c>
      <c r="G6342" t="s">
        <v>775</v>
      </c>
      <c r="H6342" t="s">
        <v>13044</v>
      </c>
      <c r="I6342" t="s">
        <v>30540</v>
      </c>
    </row>
    <row r="6343" spans="1:9">
      <c r="A6343" s="1">
        <v>0.58180984298353289</v>
      </c>
      <c r="B6343" s="1"/>
      <c r="C6343">
        <v>11</v>
      </c>
      <c r="D6343" t="s">
        <v>13041</v>
      </c>
      <c r="E6343" t="s">
        <v>32781</v>
      </c>
      <c r="F6343">
        <v>4</v>
      </c>
      <c r="G6343" t="s">
        <v>1426</v>
      </c>
      <c r="H6343" t="s">
        <v>13042</v>
      </c>
      <c r="I6343" t="s">
        <v>30540</v>
      </c>
    </row>
    <row r="6344" spans="1:9">
      <c r="A6344" s="1">
        <v>4.1343690620612938E-2</v>
      </c>
      <c r="B6344" s="1"/>
      <c r="C6344">
        <v>3</v>
      </c>
      <c r="D6344" t="s">
        <v>13039</v>
      </c>
      <c r="E6344" t="s">
        <v>32781</v>
      </c>
      <c r="F6344">
        <v>4</v>
      </c>
      <c r="G6344" t="s">
        <v>1431</v>
      </c>
      <c r="H6344" t="s">
        <v>13040</v>
      </c>
      <c r="I6344" t="s">
        <v>30540</v>
      </c>
    </row>
    <row r="6345" spans="1:9">
      <c r="A6345" s="1">
        <v>0.76975982469817883</v>
      </c>
      <c r="B6345" s="1"/>
      <c r="C6345">
        <v>13</v>
      </c>
      <c r="D6345" t="s">
        <v>13045</v>
      </c>
      <c r="E6345" t="s">
        <v>32781</v>
      </c>
      <c r="F6345">
        <v>4</v>
      </c>
      <c r="G6345" t="s">
        <v>14</v>
      </c>
      <c r="H6345" t="s">
        <v>13046</v>
      </c>
      <c r="I6345" t="s">
        <v>30540</v>
      </c>
    </row>
    <row r="6346" spans="1:9">
      <c r="A6346" s="1">
        <v>0.29414841535778413</v>
      </c>
      <c r="B6346" s="1"/>
      <c r="C6346">
        <v>14</v>
      </c>
      <c r="D6346" t="s">
        <v>13037</v>
      </c>
      <c r="E6346" t="s">
        <v>32782</v>
      </c>
      <c r="F6346">
        <v>4</v>
      </c>
      <c r="G6346" t="s">
        <v>2</v>
      </c>
      <c r="H6346" t="s">
        <v>13038</v>
      </c>
      <c r="I6346" t="s">
        <v>30540</v>
      </c>
    </row>
    <row r="6347" spans="1:9">
      <c r="A6347" s="1">
        <v>0.25265882145508878</v>
      </c>
      <c r="B6347" s="1"/>
      <c r="C6347">
        <v>6</v>
      </c>
      <c r="D6347" t="s">
        <v>13035</v>
      </c>
      <c r="E6347" t="s">
        <v>32782</v>
      </c>
      <c r="F6347">
        <v>4</v>
      </c>
      <c r="G6347" t="s">
        <v>14</v>
      </c>
      <c r="H6347" t="s">
        <v>13036</v>
      </c>
      <c r="I6347" t="s">
        <v>30540</v>
      </c>
    </row>
    <row r="6348" spans="1:9">
      <c r="A6348" s="1">
        <v>0.48194170128608016</v>
      </c>
      <c r="B6348" s="1"/>
      <c r="C6348">
        <v>8</v>
      </c>
      <c r="D6348" t="s">
        <v>13031</v>
      </c>
      <c r="E6348" t="s">
        <v>32783</v>
      </c>
      <c r="F6348">
        <v>4</v>
      </c>
      <c r="G6348" t="s">
        <v>14</v>
      </c>
      <c r="H6348" t="s">
        <v>13032</v>
      </c>
      <c r="I6348" t="s">
        <v>30540</v>
      </c>
    </row>
    <row r="6349" spans="1:9">
      <c r="A6349" s="1">
        <v>0.4551897269197851</v>
      </c>
      <c r="B6349" s="1"/>
      <c r="C6349">
        <v>11</v>
      </c>
      <c r="D6349" t="s">
        <v>13033</v>
      </c>
      <c r="E6349" t="s">
        <v>32783</v>
      </c>
      <c r="F6349">
        <v>4</v>
      </c>
      <c r="G6349" t="s">
        <v>0</v>
      </c>
      <c r="H6349" t="s">
        <v>13034</v>
      </c>
      <c r="I6349" t="s">
        <v>30540</v>
      </c>
    </row>
    <row r="6350" spans="1:9">
      <c r="A6350" s="1">
        <v>0.3865068967778178</v>
      </c>
      <c r="B6350" s="1"/>
      <c r="C6350">
        <v>2</v>
      </c>
      <c r="D6350" t="s">
        <v>13027</v>
      </c>
      <c r="E6350" t="s">
        <v>32783</v>
      </c>
      <c r="F6350">
        <v>4</v>
      </c>
      <c r="G6350" t="s">
        <v>10</v>
      </c>
      <c r="H6350" t="s">
        <v>13028</v>
      </c>
      <c r="I6350" t="s">
        <v>30540</v>
      </c>
    </row>
    <row r="6351" spans="1:9">
      <c r="A6351" s="1">
        <v>0.61233872543872991</v>
      </c>
      <c r="B6351" s="1"/>
      <c r="C6351">
        <v>12</v>
      </c>
      <c r="D6351" t="s">
        <v>13025</v>
      </c>
      <c r="E6351" t="s">
        <v>32784</v>
      </c>
      <c r="F6351">
        <v>4</v>
      </c>
      <c r="G6351" t="s">
        <v>14</v>
      </c>
      <c r="H6351" t="s">
        <v>13026</v>
      </c>
      <c r="I6351" t="s">
        <v>30540</v>
      </c>
    </row>
    <row r="6352" spans="1:9">
      <c r="A6352" s="1">
        <v>0.10154145559406202</v>
      </c>
      <c r="B6352" s="1"/>
      <c r="C6352">
        <v>13</v>
      </c>
      <c r="D6352" t="s">
        <v>13023</v>
      </c>
      <c r="E6352" t="s">
        <v>32785</v>
      </c>
      <c r="F6352">
        <v>4</v>
      </c>
      <c r="G6352" t="s">
        <v>0</v>
      </c>
      <c r="H6352" t="s">
        <v>13024</v>
      </c>
      <c r="I6352" t="s">
        <v>30540</v>
      </c>
    </row>
    <row r="6353" spans="1:9">
      <c r="A6353" s="1">
        <v>7.4558962369778103E-2</v>
      </c>
      <c r="B6353" s="1"/>
      <c r="C6353">
        <v>1</v>
      </c>
      <c r="D6353" t="s">
        <v>13009</v>
      </c>
      <c r="E6353" t="s">
        <v>32786</v>
      </c>
      <c r="F6353">
        <v>5</v>
      </c>
      <c r="G6353" t="s">
        <v>1431</v>
      </c>
      <c r="H6353" t="s">
        <v>13010</v>
      </c>
      <c r="I6353" t="s">
        <v>30540</v>
      </c>
    </row>
    <row r="6354" spans="1:9">
      <c r="A6354" s="1">
        <v>0.28043535663716213</v>
      </c>
      <c r="B6354" s="1"/>
      <c r="C6354">
        <v>10</v>
      </c>
      <c r="D6354" t="s">
        <v>13015</v>
      </c>
      <c r="E6354" t="s">
        <v>32786</v>
      </c>
      <c r="F6354">
        <v>4</v>
      </c>
      <c r="G6354" t="s">
        <v>775</v>
      </c>
      <c r="H6354" t="s">
        <v>13016</v>
      </c>
      <c r="I6354" t="s">
        <v>30540</v>
      </c>
    </row>
    <row r="6355" spans="1:9">
      <c r="A6355" s="1">
        <v>0.41372160843082828</v>
      </c>
      <c r="B6355" s="1"/>
      <c r="C6355">
        <v>13</v>
      </c>
      <c r="D6355" t="s">
        <v>13017</v>
      </c>
      <c r="E6355" t="s">
        <v>32786</v>
      </c>
      <c r="F6355">
        <v>4</v>
      </c>
      <c r="G6355" t="s">
        <v>14</v>
      </c>
      <c r="H6355" t="s">
        <v>13018</v>
      </c>
      <c r="I6355" t="s">
        <v>30540</v>
      </c>
    </row>
    <row r="6356" spans="1:9">
      <c r="A6356" s="1">
        <v>0.51089984481520268</v>
      </c>
      <c r="B6356" s="1"/>
      <c r="C6356">
        <v>6</v>
      </c>
      <c r="D6356" t="s">
        <v>13013</v>
      </c>
      <c r="E6356" t="s">
        <v>32786</v>
      </c>
      <c r="F6356">
        <v>4</v>
      </c>
      <c r="G6356" t="s">
        <v>2</v>
      </c>
      <c r="H6356" t="s">
        <v>13014</v>
      </c>
      <c r="I6356" t="s">
        <v>30540</v>
      </c>
    </row>
    <row r="6357" spans="1:9">
      <c r="A6357" s="1">
        <v>0.28484566019802837</v>
      </c>
      <c r="B6357" s="1"/>
      <c r="C6357">
        <v>4</v>
      </c>
      <c r="D6357" t="s">
        <v>13011</v>
      </c>
      <c r="E6357" t="s">
        <v>32786</v>
      </c>
      <c r="F6357">
        <v>4</v>
      </c>
      <c r="G6357" t="s">
        <v>766</v>
      </c>
      <c r="H6357" t="s">
        <v>13012</v>
      </c>
      <c r="I6357" t="s">
        <v>30540</v>
      </c>
    </row>
    <row r="6358" spans="1:9">
      <c r="A6358" s="1">
        <v>0.74509838670212181</v>
      </c>
      <c r="B6358" s="1"/>
      <c r="C6358">
        <v>10</v>
      </c>
      <c r="D6358" t="s">
        <v>13005</v>
      </c>
      <c r="E6358" t="s">
        <v>32787</v>
      </c>
      <c r="F6358">
        <v>5</v>
      </c>
      <c r="G6358" t="s">
        <v>14</v>
      </c>
      <c r="H6358" t="s">
        <v>13006</v>
      </c>
      <c r="I6358" t="s">
        <v>30540</v>
      </c>
    </row>
    <row r="6359" spans="1:9">
      <c r="A6359" s="1">
        <v>0.25459805012655057</v>
      </c>
      <c r="B6359" s="1"/>
      <c r="C6359">
        <v>4</v>
      </c>
      <c r="D6359" t="s">
        <v>13003</v>
      </c>
      <c r="E6359" t="s">
        <v>32787</v>
      </c>
      <c r="F6359">
        <v>4</v>
      </c>
      <c r="G6359" t="s">
        <v>14</v>
      </c>
      <c r="H6359" t="s">
        <v>13004</v>
      </c>
      <c r="I6359" t="s">
        <v>30540</v>
      </c>
    </row>
    <row r="6360" spans="1:9">
      <c r="A6360" s="1">
        <v>0.53561997651432292</v>
      </c>
      <c r="B6360" s="1"/>
      <c r="C6360">
        <v>14</v>
      </c>
      <c r="D6360" t="s">
        <v>13007</v>
      </c>
      <c r="E6360" t="s">
        <v>32787</v>
      </c>
      <c r="F6360">
        <v>4</v>
      </c>
      <c r="G6360" t="s">
        <v>14</v>
      </c>
      <c r="H6360" t="s">
        <v>13008</v>
      </c>
      <c r="I6360" t="s">
        <v>30540</v>
      </c>
    </row>
    <row r="6361" spans="1:9">
      <c r="A6361" s="1">
        <v>0.59796170786333014</v>
      </c>
      <c r="B6361" s="1"/>
      <c r="C6361">
        <v>1</v>
      </c>
      <c r="D6361" t="s">
        <v>13001</v>
      </c>
      <c r="E6361" t="s">
        <v>32787</v>
      </c>
      <c r="F6361">
        <v>3</v>
      </c>
      <c r="G6361" t="s">
        <v>10</v>
      </c>
      <c r="H6361" t="s">
        <v>13002</v>
      </c>
      <c r="I6361" t="s">
        <v>30540</v>
      </c>
    </row>
    <row r="6362" spans="1:9">
      <c r="A6362" s="1">
        <v>0.31719264084816645</v>
      </c>
      <c r="B6362" s="1"/>
      <c r="C6362">
        <v>12</v>
      </c>
      <c r="D6362" t="s">
        <v>12997</v>
      </c>
      <c r="E6362" t="s">
        <v>32788</v>
      </c>
      <c r="F6362">
        <v>4</v>
      </c>
      <c r="G6362" t="s">
        <v>10</v>
      </c>
      <c r="H6362" t="s">
        <v>12998</v>
      </c>
      <c r="I6362" t="s">
        <v>30540</v>
      </c>
    </row>
    <row r="6363" spans="1:9">
      <c r="A6363" s="1">
        <v>0.18846133104729423</v>
      </c>
      <c r="B6363" s="1"/>
      <c r="C6363">
        <v>14</v>
      </c>
      <c r="D6363" t="s">
        <v>12999</v>
      </c>
      <c r="E6363" t="s">
        <v>32788</v>
      </c>
      <c r="F6363">
        <v>4</v>
      </c>
      <c r="G6363" t="s">
        <v>14</v>
      </c>
      <c r="H6363" t="s">
        <v>13000</v>
      </c>
      <c r="I6363" t="s">
        <v>30540</v>
      </c>
    </row>
    <row r="6364" spans="1:9">
      <c r="A6364" s="1">
        <v>0.15898625172551684</v>
      </c>
      <c r="B6364" s="1"/>
      <c r="C6364">
        <v>3</v>
      </c>
      <c r="D6364" t="s">
        <v>12991</v>
      </c>
      <c r="E6364" t="s">
        <v>32788</v>
      </c>
      <c r="F6364">
        <v>4</v>
      </c>
      <c r="G6364" t="s">
        <v>0</v>
      </c>
      <c r="H6364" t="s">
        <v>12992</v>
      </c>
      <c r="I6364" t="s">
        <v>30540</v>
      </c>
    </row>
    <row r="6365" spans="1:9">
      <c r="A6365" s="1">
        <v>0.21650663195821851</v>
      </c>
      <c r="B6365" s="1"/>
      <c r="C6365">
        <v>5</v>
      </c>
      <c r="D6365" t="s">
        <v>12993</v>
      </c>
      <c r="E6365" t="s">
        <v>32788</v>
      </c>
      <c r="F6365">
        <v>4</v>
      </c>
      <c r="G6365" t="s">
        <v>14</v>
      </c>
      <c r="H6365" t="s">
        <v>12994</v>
      </c>
      <c r="I6365" t="s">
        <v>30540</v>
      </c>
    </row>
    <row r="6366" spans="1:9">
      <c r="A6366" s="1">
        <v>0.88320748644929126</v>
      </c>
      <c r="B6366" s="1"/>
      <c r="C6366">
        <v>8</v>
      </c>
      <c r="D6366" t="s">
        <v>12987</v>
      </c>
      <c r="E6366" t="s">
        <v>32789</v>
      </c>
      <c r="F6366">
        <v>4</v>
      </c>
      <c r="G6366" t="s">
        <v>14</v>
      </c>
      <c r="H6366" t="s">
        <v>12988</v>
      </c>
      <c r="I6366" t="s">
        <v>30540</v>
      </c>
    </row>
    <row r="6367" spans="1:9">
      <c r="A6367" s="1">
        <v>0.33895257747703134</v>
      </c>
      <c r="B6367" s="1"/>
      <c r="C6367">
        <v>12</v>
      </c>
      <c r="D6367" t="s">
        <v>12989</v>
      </c>
      <c r="E6367" t="s">
        <v>32789</v>
      </c>
      <c r="F6367">
        <v>4</v>
      </c>
      <c r="G6367" t="s">
        <v>14</v>
      </c>
      <c r="H6367" t="s">
        <v>12990</v>
      </c>
      <c r="I6367" t="s">
        <v>30540</v>
      </c>
    </row>
    <row r="6368" spans="1:9">
      <c r="A6368" s="1">
        <v>0.24135383959132639</v>
      </c>
      <c r="B6368" s="1"/>
      <c r="C6368">
        <v>5</v>
      </c>
      <c r="D6368" t="s">
        <v>12981</v>
      </c>
      <c r="E6368" t="s">
        <v>32790</v>
      </c>
      <c r="F6368">
        <v>5</v>
      </c>
      <c r="G6368" t="s">
        <v>10</v>
      </c>
      <c r="H6368" t="s">
        <v>12982</v>
      </c>
      <c r="I6368" t="s">
        <v>30540</v>
      </c>
    </row>
    <row r="6369" spans="1:9">
      <c r="A6369" s="1">
        <v>0.50325098591494533</v>
      </c>
      <c r="B6369" s="1"/>
      <c r="C6369">
        <v>3</v>
      </c>
      <c r="D6369" t="s">
        <v>12979</v>
      </c>
      <c r="E6369" t="s">
        <v>32790</v>
      </c>
      <c r="F6369">
        <v>4</v>
      </c>
      <c r="G6369" t="s">
        <v>13</v>
      </c>
      <c r="H6369" t="s">
        <v>12980</v>
      </c>
      <c r="I6369" t="s">
        <v>30540</v>
      </c>
    </row>
    <row r="6370" spans="1:9">
      <c r="A6370" s="1">
        <v>0.20877449390423219</v>
      </c>
      <c r="B6370" s="1"/>
      <c r="C6370">
        <v>2</v>
      </c>
      <c r="D6370" t="s">
        <v>12965</v>
      </c>
      <c r="E6370" t="s">
        <v>32791</v>
      </c>
      <c r="F6370">
        <v>5</v>
      </c>
      <c r="G6370" t="s">
        <v>10</v>
      </c>
      <c r="H6370" t="s">
        <v>12966</v>
      </c>
      <c r="I6370" t="s">
        <v>30540</v>
      </c>
    </row>
    <row r="6371" spans="1:9">
      <c r="A6371" s="1">
        <v>0.64549690864201936</v>
      </c>
      <c r="B6371" s="1"/>
      <c r="C6371">
        <v>10</v>
      </c>
      <c r="D6371" t="s">
        <v>12971</v>
      </c>
      <c r="E6371" t="s">
        <v>32791</v>
      </c>
      <c r="F6371">
        <v>5</v>
      </c>
      <c r="G6371" t="s">
        <v>3732</v>
      </c>
      <c r="H6371" t="s">
        <v>12972</v>
      </c>
      <c r="I6371" t="s">
        <v>30540</v>
      </c>
    </row>
    <row r="6372" spans="1:9">
      <c r="A6372" s="1">
        <v>0.99749115680571698</v>
      </c>
      <c r="B6372" s="1"/>
      <c r="C6372">
        <v>18</v>
      </c>
      <c r="D6372" t="s">
        <v>12975</v>
      </c>
      <c r="E6372" t="s">
        <v>32791</v>
      </c>
      <c r="F6372">
        <v>4</v>
      </c>
      <c r="G6372" t="s">
        <v>9</v>
      </c>
      <c r="H6372" t="s">
        <v>12976</v>
      </c>
      <c r="I6372" t="s">
        <v>30540</v>
      </c>
    </row>
    <row r="6373" spans="1:9">
      <c r="A6373" s="1">
        <v>0.93076749447078233</v>
      </c>
      <c r="B6373" s="1"/>
      <c r="C6373">
        <v>5</v>
      </c>
      <c r="D6373" t="s">
        <v>12969</v>
      </c>
      <c r="E6373" t="s">
        <v>32791</v>
      </c>
      <c r="F6373">
        <v>4</v>
      </c>
      <c r="G6373" t="s">
        <v>14</v>
      </c>
      <c r="H6373" t="s">
        <v>12970</v>
      </c>
      <c r="I6373" t="s">
        <v>30540</v>
      </c>
    </row>
    <row r="6374" spans="1:9">
      <c r="A6374" s="1">
        <v>0.80479036302754403</v>
      </c>
      <c r="B6374" s="1"/>
      <c r="C6374">
        <v>3</v>
      </c>
      <c r="D6374" t="s">
        <v>12967</v>
      </c>
      <c r="E6374" t="s">
        <v>32791</v>
      </c>
      <c r="F6374">
        <v>4</v>
      </c>
      <c r="G6374" t="s">
        <v>762</v>
      </c>
      <c r="H6374" t="s">
        <v>12968</v>
      </c>
      <c r="I6374" t="s">
        <v>30540</v>
      </c>
    </row>
    <row r="6375" spans="1:9">
      <c r="A6375" s="1">
        <v>8.5320041668948798E-2</v>
      </c>
      <c r="B6375" s="1"/>
      <c r="C6375">
        <v>13</v>
      </c>
      <c r="D6375" t="s">
        <v>12973</v>
      </c>
      <c r="E6375" t="s">
        <v>32791</v>
      </c>
      <c r="F6375">
        <v>4</v>
      </c>
      <c r="G6375" t="s">
        <v>14</v>
      </c>
      <c r="H6375" t="s">
        <v>12974</v>
      </c>
      <c r="I6375" t="s">
        <v>30540</v>
      </c>
    </row>
    <row r="6376" spans="1:9">
      <c r="A6376" s="1">
        <v>0.65699728065449525</v>
      </c>
      <c r="B6376" s="1"/>
      <c r="C6376">
        <v>19</v>
      </c>
      <c r="D6376" t="s">
        <v>12977</v>
      </c>
      <c r="E6376" t="s">
        <v>32791</v>
      </c>
      <c r="F6376">
        <v>3</v>
      </c>
      <c r="G6376" t="s">
        <v>14</v>
      </c>
      <c r="H6376" t="s">
        <v>12978</v>
      </c>
      <c r="I6376" t="s">
        <v>30540</v>
      </c>
    </row>
    <row r="6377" spans="1:9">
      <c r="A6377" s="1">
        <v>0.47442523136954129</v>
      </c>
      <c r="B6377" s="1"/>
      <c r="C6377">
        <v>10</v>
      </c>
      <c r="D6377" t="s">
        <v>12963</v>
      </c>
      <c r="E6377" t="s">
        <v>32792</v>
      </c>
      <c r="F6377">
        <v>4</v>
      </c>
      <c r="G6377" t="s">
        <v>14</v>
      </c>
      <c r="H6377" t="s">
        <v>12964</v>
      </c>
      <c r="I6377" t="s">
        <v>30540</v>
      </c>
    </row>
    <row r="6378" spans="1:9">
      <c r="A6378" s="1">
        <v>0.15668119728747487</v>
      </c>
      <c r="B6378" s="1"/>
      <c r="C6378">
        <v>9</v>
      </c>
      <c r="D6378" t="s">
        <v>12961</v>
      </c>
      <c r="E6378" t="s">
        <v>32792</v>
      </c>
      <c r="F6378">
        <v>4</v>
      </c>
      <c r="G6378" t="s">
        <v>14</v>
      </c>
      <c r="H6378" t="s">
        <v>12962</v>
      </c>
      <c r="I6378" t="s">
        <v>30540</v>
      </c>
    </row>
    <row r="6379" spans="1:9">
      <c r="A6379" s="1">
        <v>0.78130645773252194</v>
      </c>
      <c r="B6379" s="1"/>
      <c r="C6379">
        <v>2</v>
      </c>
      <c r="D6379" t="s">
        <v>12951</v>
      </c>
      <c r="E6379" t="s">
        <v>32793</v>
      </c>
      <c r="F6379">
        <v>4</v>
      </c>
      <c r="G6379" t="s">
        <v>10</v>
      </c>
      <c r="H6379" t="s">
        <v>12952</v>
      </c>
      <c r="I6379" t="s">
        <v>30540</v>
      </c>
    </row>
    <row r="6380" spans="1:9">
      <c r="A6380" s="1">
        <v>0.24278838719637741</v>
      </c>
      <c r="B6380" s="1"/>
      <c r="C6380">
        <v>9</v>
      </c>
      <c r="D6380" t="s">
        <v>12955</v>
      </c>
      <c r="E6380" t="s">
        <v>32793</v>
      </c>
      <c r="F6380">
        <v>4</v>
      </c>
      <c r="G6380" t="s">
        <v>14</v>
      </c>
      <c r="H6380" t="s">
        <v>12956</v>
      </c>
      <c r="I6380" t="s">
        <v>30540</v>
      </c>
    </row>
    <row r="6381" spans="1:9">
      <c r="A6381" s="1">
        <v>0.61637494061726616</v>
      </c>
      <c r="B6381" s="1"/>
      <c r="C6381">
        <v>15</v>
      </c>
      <c r="D6381" t="s">
        <v>12957</v>
      </c>
      <c r="E6381" t="s">
        <v>32793</v>
      </c>
      <c r="F6381">
        <v>3</v>
      </c>
      <c r="G6381" t="s">
        <v>14</v>
      </c>
      <c r="H6381" t="s">
        <v>12958</v>
      </c>
      <c r="I6381" t="s">
        <v>30540</v>
      </c>
    </row>
    <row r="6382" spans="1:9">
      <c r="A6382" s="1">
        <v>0.53895850246882449</v>
      </c>
      <c r="B6382" s="1"/>
      <c r="C6382">
        <v>16</v>
      </c>
      <c r="D6382" t="s">
        <v>12949</v>
      </c>
      <c r="E6382" t="s">
        <v>32794</v>
      </c>
      <c r="F6382">
        <v>5</v>
      </c>
      <c r="G6382" t="s">
        <v>14</v>
      </c>
      <c r="H6382" t="s">
        <v>12950</v>
      </c>
      <c r="I6382" t="s">
        <v>30540</v>
      </c>
    </row>
    <row r="6383" spans="1:9">
      <c r="A6383" s="1">
        <v>0.49414368400546205</v>
      </c>
      <c r="B6383" s="1"/>
      <c r="C6383">
        <v>15</v>
      </c>
      <c r="D6383" t="s">
        <v>12947</v>
      </c>
      <c r="E6383" t="s">
        <v>32794</v>
      </c>
      <c r="F6383">
        <v>4</v>
      </c>
      <c r="G6383" t="s">
        <v>14</v>
      </c>
      <c r="H6383" t="s">
        <v>12948</v>
      </c>
      <c r="I6383" t="s">
        <v>30540</v>
      </c>
    </row>
    <row r="6384" spans="1:9">
      <c r="A6384" s="1">
        <v>0.17012856575486224</v>
      </c>
      <c r="B6384" s="1"/>
      <c r="C6384">
        <v>8</v>
      </c>
      <c r="D6384" t="s">
        <v>12943</v>
      </c>
      <c r="E6384" t="s">
        <v>32794</v>
      </c>
      <c r="F6384">
        <v>4</v>
      </c>
      <c r="G6384" t="s">
        <v>14</v>
      </c>
      <c r="H6384" t="s">
        <v>12944</v>
      </c>
      <c r="I6384" t="s">
        <v>30540</v>
      </c>
    </row>
    <row r="6385" spans="1:9">
      <c r="A6385" s="1">
        <v>0.38625952463227164</v>
      </c>
      <c r="B6385" s="1"/>
      <c r="C6385">
        <v>11</v>
      </c>
      <c r="D6385" t="s">
        <v>12945</v>
      </c>
      <c r="E6385" t="s">
        <v>32794</v>
      </c>
      <c r="F6385">
        <v>4</v>
      </c>
      <c r="G6385" t="s">
        <v>14</v>
      </c>
      <c r="H6385" t="s">
        <v>12946</v>
      </c>
      <c r="I6385" t="s">
        <v>30540</v>
      </c>
    </row>
    <row r="6386" spans="1:9">
      <c r="A6386" s="1">
        <v>0.5642568502396057</v>
      </c>
      <c r="B6386" s="1"/>
      <c r="C6386">
        <v>4</v>
      </c>
      <c r="D6386" t="s">
        <v>12939</v>
      </c>
      <c r="E6386" t="s">
        <v>32795</v>
      </c>
      <c r="F6386">
        <v>4</v>
      </c>
      <c r="G6386" t="s">
        <v>13</v>
      </c>
      <c r="H6386" t="s">
        <v>12940</v>
      </c>
      <c r="I6386" t="s">
        <v>30540</v>
      </c>
    </row>
    <row r="6387" spans="1:9">
      <c r="A6387" s="1">
        <v>0.15566928348760201</v>
      </c>
      <c r="B6387" s="1"/>
      <c r="C6387">
        <v>6</v>
      </c>
      <c r="D6387" t="s">
        <v>12931</v>
      </c>
      <c r="E6387" t="s">
        <v>32796</v>
      </c>
      <c r="F6387">
        <v>5</v>
      </c>
      <c r="G6387" t="s">
        <v>10</v>
      </c>
      <c r="H6387" t="s">
        <v>12932</v>
      </c>
      <c r="I6387" t="s">
        <v>30540</v>
      </c>
    </row>
    <row r="6388" spans="1:9">
      <c r="A6388" s="1">
        <v>0.38321545533973589</v>
      </c>
      <c r="B6388" s="1"/>
      <c r="C6388">
        <v>3</v>
      </c>
      <c r="D6388" t="s">
        <v>12929</v>
      </c>
      <c r="E6388" t="s">
        <v>32796</v>
      </c>
      <c r="F6388">
        <v>4</v>
      </c>
      <c r="G6388" t="s">
        <v>766</v>
      </c>
      <c r="H6388" t="s">
        <v>12930</v>
      </c>
      <c r="I6388" t="s">
        <v>30540</v>
      </c>
    </row>
    <row r="6389" spans="1:9">
      <c r="A6389" s="1">
        <v>0.40524853710585051</v>
      </c>
      <c r="B6389" s="1"/>
      <c r="C6389">
        <v>19</v>
      </c>
      <c r="D6389" t="s">
        <v>12937</v>
      </c>
      <c r="E6389" t="s">
        <v>32796</v>
      </c>
      <c r="F6389">
        <v>4</v>
      </c>
      <c r="G6389" t="s">
        <v>1431</v>
      </c>
      <c r="H6389" t="s">
        <v>12938</v>
      </c>
      <c r="I6389" t="s">
        <v>30540</v>
      </c>
    </row>
    <row r="6390" spans="1:9">
      <c r="A6390" s="1">
        <v>0.79945569266733951</v>
      </c>
      <c r="B6390" s="1"/>
      <c r="C6390">
        <v>14</v>
      </c>
      <c r="D6390" t="s">
        <v>12933</v>
      </c>
      <c r="E6390" t="s">
        <v>32796</v>
      </c>
      <c r="F6390">
        <v>4</v>
      </c>
      <c r="G6390" t="s">
        <v>14</v>
      </c>
      <c r="H6390" t="s">
        <v>12934</v>
      </c>
      <c r="I6390" t="s">
        <v>30540</v>
      </c>
    </row>
    <row r="6391" spans="1:9">
      <c r="A6391" s="1">
        <v>7.84717242855415E-2</v>
      </c>
      <c r="B6391" s="1"/>
      <c r="C6391">
        <v>5</v>
      </c>
      <c r="D6391" t="s">
        <v>12925</v>
      </c>
      <c r="E6391" t="s">
        <v>32797</v>
      </c>
      <c r="F6391">
        <v>4</v>
      </c>
      <c r="G6391" t="s">
        <v>0</v>
      </c>
      <c r="H6391" t="s">
        <v>12926</v>
      </c>
      <c r="I6391" t="s">
        <v>30540</v>
      </c>
    </row>
    <row r="6392" spans="1:9">
      <c r="A6392" s="1">
        <v>0.28937358155957726</v>
      </c>
      <c r="B6392" s="1"/>
      <c r="C6392">
        <v>1</v>
      </c>
      <c r="D6392" t="s">
        <v>12913</v>
      </c>
      <c r="E6392" t="s">
        <v>32798</v>
      </c>
      <c r="F6392">
        <v>5</v>
      </c>
      <c r="G6392" t="s">
        <v>10</v>
      </c>
      <c r="H6392" t="s">
        <v>12914</v>
      </c>
      <c r="I6392" t="s">
        <v>30540</v>
      </c>
    </row>
    <row r="6393" spans="1:9">
      <c r="A6393" s="1">
        <v>0.3381506526669642</v>
      </c>
      <c r="B6393" s="1"/>
      <c r="C6393">
        <v>7</v>
      </c>
      <c r="D6393" t="s">
        <v>12917</v>
      </c>
      <c r="E6393" t="s">
        <v>32798</v>
      </c>
      <c r="F6393">
        <v>4</v>
      </c>
      <c r="G6393" t="s">
        <v>14</v>
      </c>
      <c r="H6393" t="s">
        <v>12918</v>
      </c>
      <c r="I6393" t="s">
        <v>30540</v>
      </c>
    </row>
    <row r="6394" spans="1:9">
      <c r="A6394" s="1">
        <v>0.93901252904687904</v>
      </c>
      <c r="B6394" s="1"/>
      <c r="C6394">
        <v>6</v>
      </c>
      <c r="D6394" t="s">
        <v>12915</v>
      </c>
      <c r="E6394" t="s">
        <v>32798</v>
      </c>
      <c r="F6394">
        <v>4</v>
      </c>
      <c r="G6394" t="s">
        <v>9</v>
      </c>
      <c r="H6394" t="s">
        <v>12916</v>
      </c>
      <c r="I6394" t="s">
        <v>30540</v>
      </c>
    </row>
    <row r="6395" spans="1:9">
      <c r="A6395" s="1">
        <v>0.57283437673165405</v>
      </c>
      <c r="B6395" s="1"/>
      <c r="C6395">
        <v>8</v>
      </c>
      <c r="D6395" t="s">
        <v>12919</v>
      </c>
      <c r="E6395" t="s">
        <v>32798</v>
      </c>
      <c r="F6395">
        <v>4</v>
      </c>
      <c r="G6395" t="s">
        <v>14</v>
      </c>
      <c r="H6395" t="s">
        <v>12920</v>
      </c>
      <c r="I6395" t="s">
        <v>30540</v>
      </c>
    </row>
    <row r="6396" spans="1:9">
      <c r="A6396" s="1">
        <v>0.98720942910736242</v>
      </c>
      <c r="B6396" s="1"/>
      <c r="C6396">
        <v>7</v>
      </c>
      <c r="D6396" t="s">
        <v>12909</v>
      </c>
      <c r="E6396" t="s">
        <v>32799</v>
      </c>
      <c r="F6396">
        <v>5</v>
      </c>
      <c r="G6396" t="s">
        <v>14</v>
      </c>
      <c r="H6396" t="s">
        <v>12910</v>
      </c>
      <c r="I6396" t="s">
        <v>30540</v>
      </c>
    </row>
    <row r="6397" spans="1:9">
      <c r="A6397" s="1">
        <v>0.22535644826683476</v>
      </c>
      <c r="B6397" s="1"/>
      <c r="C6397">
        <v>3</v>
      </c>
      <c r="D6397" t="s">
        <v>12907</v>
      </c>
      <c r="E6397" t="s">
        <v>32799</v>
      </c>
      <c r="F6397">
        <v>4</v>
      </c>
      <c r="G6397" t="s">
        <v>9</v>
      </c>
      <c r="H6397" t="s">
        <v>12908</v>
      </c>
      <c r="I6397" t="s">
        <v>30540</v>
      </c>
    </row>
    <row r="6398" spans="1:9">
      <c r="A6398" s="1">
        <v>0.60014902002714132</v>
      </c>
      <c r="B6398" s="1"/>
      <c r="C6398">
        <v>15</v>
      </c>
      <c r="D6398" t="s">
        <v>12901</v>
      </c>
      <c r="E6398" t="s">
        <v>32800</v>
      </c>
      <c r="F6398">
        <v>4</v>
      </c>
      <c r="G6398" t="s">
        <v>9</v>
      </c>
      <c r="H6398" t="s">
        <v>12902</v>
      </c>
      <c r="I6398" t="s">
        <v>30540</v>
      </c>
    </row>
    <row r="6399" spans="1:9">
      <c r="A6399" s="1">
        <v>0.46141839175781485</v>
      </c>
      <c r="B6399" s="1"/>
      <c r="C6399">
        <v>16</v>
      </c>
      <c r="D6399" t="s">
        <v>12903</v>
      </c>
      <c r="E6399" t="s">
        <v>32800</v>
      </c>
      <c r="F6399">
        <v>4</v>
      </c>
      <c r="G6399" t="s">
        <v>10</v>
      </c>
      <c r="H6399" t="s">
        <v>12904</v>
      </c>
      <c r="I6399" t="s">
        <v>30540</v>
      </c>
    </row>
    <row r="6400" spans="1:9">
      <c r="A6400" s="1">
        <v>0.46634195264033917</v>
      </c>
      <c r="B6400" s="1"/>
      <c r="C6400">
        <v>5</v>
      </c>
      <c r="D6400" t="s">
        <v>12893</v>
      </c>
      <c r="E6400" t="s">
        <v>32800</v>
      </c>
      <c r="F6400">
        <v>4</v>
      </c>
      <c r="G6400" t="s">
        <v>10</v>
      </c>
      <c r="H6400" t="s">
        <v>12894</v>
      </c>
      <c r="I6400" t="s">
        <v>30540</v>
      </c>
    </row>
    <row r="6401" spans="1:9">
      <c r="A6401" s="1">
        <v>3.9262713816854089E-2</v>
      </c>
      <c r="B6401" s="1"/>
      <c r="C6401">
        <v>13</v>
      </c>
      <c r="D6401" t="s">
        <v>12897</v>
      </c>
      <c r="E6401" t="s">
        <v>32800</v>
      </c>
      <c r="F6401">
        <v>4</v>
      </c>
      <c r="G6401" t="s">
        <v>10</v>
      </c>
      <c r="H6401" t="s">
        <v>12898</v>
      </c>
      <c r="I6401" t="s">
        <v>30540</v>
      </c>
    </row>
    <row r="6402" spans="1:9">
      <c r="A6402" s="1">
        <v>0.19031456323016893</v>
      </c>
      <c r="B6402" s="1"/>
      <c r="C6402">
        <v>14</v>
      </c>
      <c r="D6402" t="s">
        <v>12899</v>
      </c>
      <c r="E6402" t="s">
        <v>32800</v>
      </c>
      <c r="F6402">
        <v>4</v>
      </c>
      <c r="G6402" t="s">
        <v>0</v>
      </c>
      <c r="H6402" t="s">
        <v>12900</v>
      </c>
      <c r="I6402" t="s">
        <v>30540</v>
      </c>
    </row>
    <row r="6403" spans="1:9">
      <c r="A6403" s="1">
        <v>0.9899221807666716</v>
      </c>
      <c r="B6403" s="1"/>
      <c r="C6403">
        <v>7</v>
      </c>
      <c r="D6403" t="s">
        <v>12895</v>
      </c>
      <c r="E6403" t="s">
        <v>32800</v>
      </c>
      <c r="F6403">
        <v>4</v>
      </c>
      <c r="G6403" t="s">
        <v>10</v>
      </c>
      <c r="H6403" t="s">
        <v>12896</v>
      </c>
      <c r="I6403" t="s">
        <v>30540</v>
      </c>
    </row>
    <row r="6404" spans="1:9">
      <c r="A6404" s="1">
        <v>0.79497137414518815</v>
      </c>
      <c r="B6404" s="1"/>
      <c r="C6404">
        <v>11</v>
      </c>
      <c r="D6404" t="s">
        <v>12885</v>
      </c>
      <c r="E6404" t="s">
        <v>32801</v>
      </c>
      <c r="F6404">
        <v>4</v>
      </c>
      <c r="G6404" t="s">
        <v>14</v>
      </c>
      <c r="H6404" t="s">
        <v>12886</v>
      </c>
      <c r="I6404" t="s">
        <v>30540</v>
      </c>
    </row>
    <row r="6405" spans="1:9">
      <c r="A6405" s="1">
        <v>0.78785309491686339</v>
      </c>
      <c r="B6405" s="1"/>
      <c r="C6405">
        <v>14</v>
      </c>
      <c r="D6405" t="s">
        <v>12889</v>
      </c>
      <c r="E6405" t="s">
        <v>32801</v>
      </c>
      <c r="F6405">
        <v>4</v>
      </c>
      <c r="G6405" t="s">
        <v>14</v>
      </c>
      <c r="H6405" t="s">
        <v>12890</v>
      </c>
      <c r="I6405" t="s">
        <v>30540</v>
      </c>
    </row>
    <row r="6406" spans="1:9">
      <c r="A6406" s="1">
        <v>7.0300912217295619E-2</v>
      </c>
      <c r="B6406" s="1"/>
      <c r="C6406">
        <v>13</v>
      </c>
      <c r="D6406" t="s">
        <v>12887</v>
      </c>
      <c r="E6406" t="s">
        <v>32801</v>
      </c>
      <c r="F6406">
        <v>4</v>
      </c>
      <c r="G6406" t="s">
        <v>14</v>
      </c>
      <c r="H6406" t="s">
        <v>12888</v>
      </c>
      <c r="I6406" t="s">
        <v>30540</v>
      </c>
    </row>
    <row r="6407" spans="1:9">
      <c r="A6407" s="1">
        <v>0.5302361913935999</v>
      </c>
      <c r="B6407" s="1"/>
      <c r="C6407">
        <v>7</v>
      </c>
      <c r="D6407" t="s">
        <v>12883</v>
      </c>
      <c r="E6407" t="s">
        <v>32801</v>
      </c>
      <c r="F6407">
        <v>4</v>
      </c>
      <c r="G6407" t="s">
        <v>1431</v>
      </c>
      <c r="H6407" t="s">
        <v>12884</v>
      </c>
      <c r="I6407" t="s">
        <v>30540</v>
      </c>
    </row>
    <row r="6408" spans="1:9">
      <c r="A6408" s="1">
        <v>0.95796490576620952</v>
      </c>
      <c r="B6408" s="1"/>
      <c r="C6408">
        <v>15</v>
      </c>
      <c r="D6408" t="s">
        <v>12891</v>
      </c>
      <c r="E6408" t="s">
        <v>32801</v>
      </c>
      <c r="F6408">
        <v>3</v>
      </c>
      <c r="G6408" t="s">
        <v>775</v>
      </c>
      <c r="H6408" t="s">
        <v>12892</v>
      </c>
      <c r="I6408" t="s">
        <v>30540</v>
      </c>
    </row>
    <row r="6409" spans="1:9">
      <c r="A6409" s="1">
        <v>0.74873995259036152</v>
      </c>
      <c r="B6409" s="1"/>
      <c r="C6409">
        <v>15</v>
      </c>
      <c r="D6409" t="s">
        <v>12881</v>
      </c>
      <c r="E6409" t="s">
        <v>32802</v>
      </c>
      <c r="F6409">
        <v>5</v>
      </c>
      <c r="G6409" t="s">
        <v>14</v>
      </c>
      <c r="H6409" t="s">
        <v>12882</v>
      </c>
      <c r="I6409" t="s">
        <v>30540</v>
      </c>
    </row>
    <row r="6410" spans="1:9">
      <c r="A6410" s="1">
        <v>0.69712017988176866</v>
      </c>
      <c r="B6410" s="1"/>
      <c r="C6410">
        <v>10</v>
      </c>
      <c r="D6410" t="s">
        <v>12877</v>
      </c>
      <c r="E6410" t="s">
        <v>32802</v>
      </c>
      <c r="F6410">
        <v>5</v>
      </c>
      <c r="G6410" t="s">
        <v>1</v>
      </c>
      <c r="H6410" t="s">
        <v>12878</v>
      </c>
      <c r="I6410" t="s">
        <v>30540</v>
      </c>
    </row>
    <row r="6411" spans="1:9">
      <c r="A6411" s="1">
        <v>0.25824892236302099</v>
      </c>
      <c r="B6411" s="1"/>
      <c r="C6411">
        <v>14</v>
      </c>
      <c r="D6411" t="s">
        <v>12879</v>
      </c>
      <c r="E6411" t="s">
        <v>32802</v>
      </c>
      <c r="F6411">
        <v>5</v>
      </c>
      <c r="G6411" t="s">
        <v>14</v>
      </c>
      <c r="H6411" t="s">
        <v>12880</v>
      </c>
      <c r="I6411" t="s">
        <v>30540</v>
      </c>
    </row>
    <row r="6412" spans="1:9">
      <c r="A6412" s="1">
        <v>0.85873746188530076</v>
      </c>
      <c r="B6412" s="1"/>
      <c r="C6412">
        <v>3</v>
      </c>
      <c r="D6412" t="s">
        <v>12873</v>
      </c>
      <c r="E6412" t="s">
        <v>32802</v>
      </c>
      <c r="F6412">
        <v>4</v>
      </c>
      <c r="G6412" t="s">
        <v>10</v>
      </c>
      <c r="H6412" t="s">
        <v>12874</v>
      </c>
      <c r="I6412" t="s">
        <v>30540</v>
      </c>
    </row>
    <row r="6413" spans="1:9">
      <c r="A6413" s="1">
        <v>0.67946982469437767</v>
      </c>
      <c r="B6413" s="1"/>
      <c r="C6413">
        <v>6</v>
      </c>
      <c r="D6413" t="s">
        <v>12875</v>
      </c>
      <c r="E6413" t="s">
        <v>32802</v>
      </c>
      <c r="F6413">
        <v>3</v>
      </c>
      <c r="G6413" t="s">
        <v>10</v>
      </c>
      <c r="H6413" t="s">
        <v>12876</v>
      </c>
      <c r="I6413" t="s">
        <v>30540</v>
      </c>
    </row>
    <row r="6414" spans="1:9">
      <c r="A6414" s="1">
        <v>0.49593836186905005</v>
      </c>
      <c r="B6414" s="1"/>
      <c r="C6414">
        <v>16</v>
      </c>
      <c r="D6414" t="s">
        <v>12867</v>
      </c>
      <c r="E6414" t="s">
        <v>32803</v>
      </c>
      <c r="F6414">
        <v>5</v>
      </c>
      <c r="G6414" t="s">
        <v>14</v>
      </c>
      <c r="H6414" t="s">
        <v>12868</v>
      </c>
      <c r="I6414" t="s">
        <v>30540</v>
      </c>
    </row>
    <row r="6415" spans="1:9">
      <c r="A6415" s="1">
        <v>0.62979002970105136</v>
      </c>
      <c r="B6415" s="1"/>
      <c r="C6415">
        <v>3</v>
      </c>
      <c r="D6415" t="s">
        <v>12861</v>
      </c>
      <c r="E6415" t="s">
        <v>32803</v>
      </c>
      <c r="F6415">
        <v>5</v>
      </c>
      <c r="G6415" t="s">
        <v>14</v>
      </c>
      <c r="H6415" t="s">
        <v>12862</v>
      </c>
      <c r="I6415" t="s">
        <v>30540</v>
      </c>
    </row>
    <row r="6416" spans="1:9">
      <c r="A6416" s="1">
        <v>0.90725292371694943</v>
      </c>
      <c r="B6416" s="1"/>
      <c r="C6416">
        <v>14</v>
      </c>
      <c r="D6416" t="s">
        <v>12865</v>
      </c>
      <c r="E6416" t="s">
        <v>32803</v>
      </c>
      <c r="F6416">
        <v>4</v>
      </c>
      <c r="G6416" t="s">
        <v>13</v>
      </c>
      <c r="H6416" t="s">
        <v>12866</v>
      </c>
      <c r="I6416" t="s">
        <v>30540</v>
      </c>
    </row>
    <row r="6417" spans="1:9">
      <c r="A6417" s="1">
        <v>0.61288677050423346</v>
      </c>
      <c r="B6417" s="1"/>
      <c r="C6417">
        <v>18</v>
      </c>
      <c r="D6417" t="s">
        <v>12869</v>
      </c>
      <c r="E6417" t="s">
        <v>32803</v>
      </c>
      <c r="F6417">
        <v>4</v>
      </c>
      <c r="G6417" t="s">
        <v>14</v>
      </c>
      <c r="H6417" t="s">
        <v>12870</v>
      </c>
      <c r="I6417" t="s">
        <v>30540</v>
      </c>
    </row>
    <row r="6418" spans="1:9">
      <c r="A6418" s="1">
        <v>0.98656053473034944</v>
      </c>
      <c r="B6418" s="1"/>
      <c r="C6418">
        <v>19</v>
      </c>
      <c r="D6418" t="s">
        <v>12871</v>
      </c>
      <c r="E6418" t="s">
        <v>32803</v>
      </c>
      <c r="F6418">
        <v>4</v>
      </c>
      <c r="G6418" t="s">
        <v>14</v>
      </c>
      <c r="H6418" t="s">
        <v>12872</v>
      </c>
      <c r="I6418" t="s">
        <v>30540</v>
      </c>
    </row>
    <row r="6419" spans="1:9">
      <c r="A6419" s="1">
        <v>0.15567879894701786</v>
      </c>
      <c r="B6419" s="1"/>
      <c r="C6419">
        <v>13</v>
      </c>
      <c r="D6419" t="s">
        <v>12855</v>
      </c>
      <c r="E6419" t="s">
        <v>32804</v>
      </c>
      <c r="F6419">
        <v>4</v>
      </c>
      <c r="G6419" t="s">
        <v>14</v>
      </c>
      <c r="H6419" t="s">
        <v>12856</v>
      </c>
      <c r="I6419" t="s">
        <v>30540</v>
      </c>
    </row>
    <row r="6420" spans="1:9">
      <c r="A6420" s="1">
        <v>0.78953372530221111</v>
      </c>
      <c r="B6420" s="1"/>
      <c r="C6420">
        <v>10</v>
      </c>
      <c r="D6420" t="s">
        <v>12853</v>
      </c>
      <c r="E6420" t="s">
        <v>32804</v>
      </c>
      <c r="F6420">
        <v>4</v>
      </c>
      <c r="G6420" t="s">
        <v>14</v>
      </c>
      <c r="H6420" t="s">
        <v>12854</v>
      </c>
      <c r="I6420" t="s">
        <v>30540</v>
      </c>
    </row>
    <row r="6421" spans="1:9">
      <c r="A6421" s="1">
        <v>0.8397136296726041</v>
      </c>
      <c r="B6421" s="1"/>
      <c r="C6421">
        <v>16</v>
      </c>
      <c r="D6421" t="s">
        <v>12859</v>
      </c>
      <c r="E6421" t="s">
        <v>32804</v>
      </c>
      <c r="F6421">
        <v>4</v>
      </c>
      <c r="G6421" t="s">
        <v>14</v>
      </c>
      <c r="H6421" t="s">
        <v>12860</v>
      </c>
      <c r="I6421" t="s">
        <v>30540</v>
      </c>
    </row>
    <row r="6422" spans="1:9">
      <c r="A6422" s="1">
        <v>0.59868377255175342</v>
      </c>
      <c r="B6422" s="1"/>
      <c r="C6422">
        <v>2</v>
      </c>
      <c r="D6422" t="s">
        <v>12847</v>
      </c>
      <c r="E6422" t="s">
        <v>32805</v>
      </c>
      <c r="F6422">
        <v>5</v>
      </c>
      <c r="G6422" t="s">
        <v>10</v>
      </c>
      <c r="H6422" t="s">
        <v>12848</v>
      </c>
      <c r="I6422" t="s">
        <v>30540</v>
      </c>
    </row>
    <row r="6423" spans="1:9">
      <c r="A6423" s="1">
        <v>0.10086825742819583</v>
      </c>
      <c r="B6423" s="1"/>
      <c r="C6423">
        <v>9</v>
      </c>
      <c r="D6423" t="s">
        <v>12851</v>
      </c>
      <c r="E6423" t="s">
        <v>32805</v>
      </c>
      <c r="F6423">
        <v>4</v>
      </c>
      <c r="G6423" t="s">
        <v>10</v>
      </c>
      <c r="H6423" t="s">
        <v>12852</v>
      </c>
      <c r="I6423" t="s">
        <v>30540</v>
      </c>
    </row>
    <row r="6424" spans="1:9">
      <c r="A6424" s="1">
        <v>0.64856442322077179</v>
      </c>
      <c r="B6424" s="1"/>
      <c r="C6424">
        <v>1</v>
      </c>
      <c r="D6424" t="s">
        <v>12845</v>
      </c>
      <c r="E6424" t="s">
        <v>32805</v>
      </c>
      <c r="F6424">
        <v>4</v>
      </c>
      <c r="G6424" t="s">
        <v>10</v>
      </c>
      <c r="H6424" t="s">
        <v>12846</v>
      </c>
      <c r="I6424" t="s">
        <v>30540</v>
      </c>
    </row>
    <row r="6425" spans="1:9">
      <c r="A6425" s="1">
        <v>0.95143944356433285</v>
      </c>
      <c r="B6425" s="1"/>
      <c r="C6425">
        <v>7</v>
      </c>
      <c r="D6425" t="s">
        <v>12849</v>
      </c>
      <c r="E6425" t="s">
        <v>32805</v>
      </c>
      <c r="F6425">
        <v>4</v>
      </c>
      <c r="G6425" t="s">
        <v>0</v>
      </c>
      <c r="H6425" t="s">
        <v>12850</v>
      </c>
      <c r="I6425" t="s">
        <v>30540</v>
      </c>
    </row>
    <row r="6426" spans="1:9">
      <c r="A6426" s="1">
        <v>0.37426218961776481</v>
      </c>
      <c r="B6426" s="1"/>
      <c r="C6426">
        <v>5</v>
      </c>
      <c r="D6426" t="s">
        <v>12839</v>
      </c>
      <c r="E6426" t="s">
        <v>32806</v>
      </c>
      <c r="F6426">
        <v>5</v>
      </c>
      <c r="G6426" t="s">
        <v>1431</v>
      </c>
      <c r="H6426" t="s">
        <v>12840</v>
      </c>
      <c r="I6426" t="s">
        <v>30540</v>
      </c>
    </row>
    <row r="6427" spans="1:9">
      <c r="A6427" s="1">
        <v>0.51317167304918554</v>
      </c>
      <c r="B6427" s="1"/>
      <c r="C6427">
        <v>9</v>
      </c>
      <c r="D6427" t="s">
        <v>12841</v>
      </c>
      <c r="E6427" t="s">
        <v>32806</v>
      </c>
      <c r="F6427">
        <v>4</v>
      </c>
      <c r="G6427" t="s">
        <v>0</v>
      </c>
      <c r="H6427" t="s">
        <v>12842</v>
      </c>
      <c r="I6427" t="s">
        <v>30540</v>
      </c>
    </row>
    <row r="6428" spans="1:9">
      <c r="A6428" s="1">
        <v>5.9597086755747153E-4</v>
      </c>
      <c r="B6428" s="1"/>
      <c r="C6428">
        <v>4</v>
      </c>
      <c r="D6428" t="s">
        <v>12837</v>
      </c>
      <c r="E6428" t="s">
        <v>32806</v>
      </c>
      <c r="F6428">
        <v>4</v>
      </c>
      <c r="G6428" t="s">
        <v>10</v>
      </c>
      <c r="H6428" t="s">
        <v>12838</v>
      </c>
      <c r="I6428" t="s">
        <v>30540</v>
      </c>
    </row>
    <row r="6429" spans="1:9">
      <c r="A6429" s="1">
        <v>0.79572910005117092</v>
      </c>
      <c r="B6429" s="1"/>
      <c r="C6429">
        <v>20</v>
      </c>
      <c r="D6429" t="s">
        <v>12843</v>
      </c>
      <c r="E6429" t="s">
        <v>32806</v>
      </c>
      <c r="F6429">
        <v>3</v>
      </c>
      <c r="G6429" t="s">
        <v>1426</v>
      </c>
      <c r="H6429" t="s">
        <v>12844</v>
      </c>
      <c r="I6429" t="s">
        <v>30540</v>
      </c>
    </row>
    <row r="6430" spans="1:9">
      <c r="A6430" s="1">
        <v>0.35609976952604949</v>
      </c>
      <c r="B6430" s="1"/>
      <c r="C6430">
        <v>11</v>
      </c>
      <c r="D6430" t="s">
        <v>12835</v>
      </c>
      <c r="E6430" t="s">
        <v>32807</v>
      </c>
      <c r="F6430">
        <v>5</v>
      </c>
      <c r="G6430" t="s">
        <v>1</v>
      </c>
      <c r="H6430" t="s">
        <v>12836</v>
      </c>
      <c r="I6430" t="s">
        <v>30540</v>
      </c>
    </row>
    <row r="6431" spans="1:9">
      <c r="A6431" s="1">
        <v>0.28230414528769876</v>
      </c>
      <c r="B6431" s="1"/>
      <c r="C6431">
        <v>4</v>
      </c>
      <c r="D6431" t="s">
        <v>12829</v>
      </c>
      <c r="E6431" t="s">
        <v>32807</v>
      </c>
      <c r="F6431">
        <v>4</v>
      </c>
      <c r="G6431" t="s">
        <v>2</v>
      </c>
      <c r="H6431" t="s">
        <v>12830</v>
      </c>
      <c r="I6431" t="s">
        <v>30540</v>
      </c>
    </row>
    <row r="6432" spans="1:9">
      <c r="A6432" s="1">
        <v>0.44338460744716945</v>
      </c>
      <c r="B6432" s="1"/>
      <c r="C6432">
        <v>9</v>
      </c>
      <c r="D6432" t="s">
        <v>12833</v>
      </c>
      <c r="E6432" t="s">
        <v>32807</v>
      </c>
      <c r="F6432">
        <v>4</v>
      </c>
      <c r="G6432" t="s">
        <v>0</v>
      </c>
      <c r="H6432" t="s">
        <v>12834</v>
      </c>
      <c r="I6432" t="s">
        <v>30540</v>
      </c>
    </row>
    <row r="6433" spans="1:9">
      <c r="A6433" s="1">
        <v>0.98492833457939133</v>
      </c>
      <c r="B6433" s="1"/>
      <c r="C6433">
        <v>6</v>
      </c>
      <c r="D6433" t="s">
        <v>12831</v>
      </c>
      <c r="E6433" t="s">
        <v>32807</v>
      </c>
      <c r="F6433">
        <v>4</v>
      </c>
      <c r="G6433" t="s">
        <v>14</v>
      </c>
      <c r="H6433" t="s">
        <v>12832</v>
      </c>
      <c r="I6433" t="s">
        <v>30540</v>
      </c>
    </row>
    <row r="6434" spans="1:9">
      <c r="A6434" s="1">
        <v>0.86789639305746025</v>
      </c>
      <c r="B6434" s="1"/>
      <c r="C6434">
        <v>11</v>
      </c>
      <c r="D6434" t="s">
        <v>12823</v>
      </c>
      <c r="E6434" t="s">
        <v>32808</v>
      </c>
      <c r="F6434">
        <v>4</v>
      </c>
      <c r="G6434" t="s">
        <v>14</v>
      </c>
      <c r="H6434" t="s">
        <v>12824</v>
      </c>
      <c r="I6434" t="s">
        <v>30540</v>
      </c>
    </row>
    <row r="6435" spans="1:9">
      <c r="A6435" s="1">
        <v>0.7219458052534441</v>
      </c>
      <c r="B6435" s="1"/>
      <c r="C6435">
        <v>17</v>
      </c>
      <c r="D6435" t="s">
        <v>12825</v>
      </c>
      <c r="E6435" t="s">
        <v>32808</v>
      </c>
      <c r="F6435">
        <v>4</v>
      </c>
      <c r="G6435" t="s">
        <v>14</v>
      </c>
      <c r="H6435" t="s">
        <v>12826</v>
      </c>
      <c r="I6435" t="s">
        <v>30540</v>
      </c>
    </row>
    <row r="6436" spans="1:9">
      <c r="A6436" s="1">
        <v>0.20282613224572621</v>
      </c>
      <c r="B6436" s="1"/>
      <c r="C6436">
        <v>4</v>
      </c>
      <c r="D6436" t="s">
        <v>12821</v>
      </c>
      <c r="E6436" t="s">
        <v>32808</v>
      </c>
      <c r="F6436">
        <v>3</v>
      </c>
      <c r="G6436" t="s">
        <v>15</v>
      </c>
      <c r="H6436" t="s">
        <v>12822</v>
      </c>
      <c r="I6436" t="s">
        <v>30540</v>
      </c>
    </row>
    <row r="6437" spans="1:9">
      <c r="A6437" s="1">
        <v>0.21880835358498874</v>
      </c>
      <c r="B6437" s="1"/>
      <c r="C6437">
        <v>1</v>
      </c>
      <c r="D6437" t="s">
        <v>12811</v>
      </c>
      <c r="E6437" t="s">
        <v>32809</v>
      </c>
      <c r="F6437">
        <v>5</v>
      </c>
      <c r="G6437" t="s">
        <v>2</v>
      </c>
      <c r="H6437" t="s">
        <v>12812</v>
      </c>
      <c r="I6437" t="s">
        <v>30540</v>
      </c>
    </row>
    <row r="6438" spans="1:9">
      <c r="A6438" s="1">
        <v>0.96867607278933043</v>
      </c>
      <c r="B6438" s="1"/>
      <c r="C6438">
        <v>7</v>
      </c>
      <c r="D6438" t="s">
        <v>12813</v>
      </c>
      <c r="E6438" t="s">
        <v>32809</v>
      </c>
      <c r="F6438">
        <v>5</v>
      </c>
      <c r="G6438" t="s">
        <v>13</v>
      </c>
      <c r="H6438" t="s">
        <v>12814</v>
      </c>
      <c r="I6438" t="s">
        <v>30540</v>
      </c>
    </row>
    <row r="6439" spans="1:9">
      <c r="A6439" s="1">
        <v>0.52688335752947812</v>
      </c>
      <c r="B6439" s="1"/>
      <c r="C6439">
        <v>14</v>
      </c>
      <c r="D6439" t="s">
        <v>12817</v>
      </c>
      <c r="E6439" t="s">
        <v>32809</v>
      </c>
      <c r="F6439">
        <v>4</v>
      </c>
      <c r="G6439" t="s">
        <v>14</v>
      </c>
      <c r="H6439" t="s">
        <v>12818</v>
      </c>
      <c r="I6439" t="s">
        <v>30540</v>
      </c>
    </row>
    <row r="6440" spans="1:9">
      <c r="A6440" s="1">
        <v>0.35403732947516553</v>
      </c>
      <c r="B6440" s="1"/>
      <c r="C6440">
        <v>15</v>
      </c>
      <c r="D6440" t="s">
        <v>12819</v>
      </c>
      <c r="E6440" t="s">
        <v>32809</v>
      </c>
      <c r="F6440">
        <v>3</v>
      </c>
      <c r="G6440" t="s">
        <v>14</v>
      </c>
      <c r="H6440" t="s">
        <v>12820</v>
      </c>
      <c r="I6440" t="s">
        <v>30540</v>
      </c>
    </row>
    <row r="6441" spans="1:9">
      <c r="A6441" s="1">
        <v>0.10102130640436169</v>
      </c>
      <c r="B6441" s="1"/>
      <c r="C6441">
        <v>9</v>
      </c>
      <c r="D6441" t="s">
        <v>12815</v>
      </c>
      <c r="E6441" t="s">
        <v>32809</v>
      </c>
      <c r="F6441">
        <v>3</v>
      </c>
      <c r="G6441" t="s">
        <v>14</v>
      </c>
      <c r="H6441" t="s">
        <v>12816</v>
      </c>
      <c r="I6441" t="s">
        <v>30540</v>
      </c>
    </row>
    <row r="6442" spans="1:9">
      <c r="A6442" s="1">
        <v>0.75785671397134802</v>
      </c>
      <c r="B6442" s="1"/>
      <c r="C6442">
        <v>15</v>
      </c>
      <c r="D6442" t="s">
        <v>12809</v>
      </c>
      <c r="E6442" t="s">
        <v>32810</v>
      </c>
      <c r="F6442">
        <v>5</v>
      </c>
      <c r="G6442" t="s">
        <v>14</v>
      </c>
      <c r="H6442" t="s">
        <v>12810</v>
      </c>
      <c r="I6442" t="s">
        <v>30540</v>
      </c>
    </row>
    <row r="6443" spans="1:9">
      <c r="A6443" s="1">
        <v>0.46795526030396994</v>
      </c>
      <c r="B6443" s="1"/>
      <c r="C6443">
        <v>11</v>
      </c>
      <c r="D6443" t="s">
        <v>12807</v>
      </c>
      <c r="E6443" t="s">
        <v>32810</v>
      </c>
      <c r="F6443">
        <v>4</v>
      </c>
      <c r="G6443" t="s">
        <v>2</v>
      </c>
      <c r="H6443" t="s">
        <v>12808</v>
      </c>
      <c r="I6443" t="s">
        <v>30540</v>
      </c>
    </row>
    <row r="6444" spans="1:9">
      <c r="A6444" s="1">
        <v>0.28227846174397575</v>
      </c>
      <c r="B6444" s="1"/>
      <c r="C6444">
        <v>4</v>
      </c>
      <c r="D6444" t="s">
        <v>12803</v>
      </c>
      <c r="E6444" t="s">
        <v>32810</v>
      </c>
      <c r="F6444">
        <v>4</v>
      </c>
      <c r="G6444" t="s">
        <v>14</v>
      </c>
      <c r="H6444" t="s">
        <v>12804</v>
      </c>
      <c r="I6444" t="s">
        <v>30540</v>
      </c>
    </row>
    <row r="6445" spans="1:9">
      <c r="A6445" s="1">
        <v>6.5579895946980105E-2</v>
      </c>
      <c r="B6445" s="1"/>
      <c r="C6445">
        <v>15</v>
      </c>
      <c r="D6445" t="s">
        <v>12793</v>
      </c>
      <c r="E6445" t="s">
        <v>32811</v>
      </c>
      <c r="F6445">
        <v>4</v>
      </c>
      <c r="G6445" t="s">
        <v>1426</v>
      </c>
      <c r="H6445" t="s">
        <v>12794</v>
      </c>
      <c r="I6445" t="s">
        <v>30540</v>
      </c>
    </row>
    <row r="6446" spans="1:9">
      <c r="A6446" s="1">
        <v>0.35224526003412249</v>
      </c>
      <c r="B6446" s="1"/>
      <c r="C6446">
        <v>16</v>
      </c>
      <c r="D6446" t="s">
        <v>12795</v>
      </c>
      <c r="E6446" t="s">
        <v>32811</v>
      </c>
      <c r="F6446">
        <v>4</v>
      </c>
      <c r="G6446" t="s">
        <v>14</v>
      </c>
      <c r="H6446" t="s">
        <v>12796</v>
      </c>
      <c r="I6446" t="s">
        <v>30540</v>
      </c>
    </row>
    <row r="6447" spans="1:9">
      <c r="A6447" s="1">
        <v>0.44623675775579763</v>
      </c>
      <c r="B6447" s="1"/>
      <c r="C6447">
        <v>5</v>
      </c>
      <c r="D6447" t="s">
        <v>12791</v>
      </c>
      <c r="E6447" t="s">
        <v>32811</v>
      </c>
      <c r="F6447">
        <v>4</v>
      </c>
      <c r="G6447" t="s">
        <v>762</v>
      </c>
      <c r="H6447" t="s">
        <v>12792</v>
      </c>
      <c r="I6447" t="s">
        <v>30540</v>
      </c>
    </row>
    <row r="6448" spans="1:9">
      <c r="A6448" s="1">
        <v>0.49888769268690969</v>
      </c>
      <c r="B6448" s="1"/>
      <c r="C6448">
        <v>17</v>
      </c>
      <c r="D6448" t="s">
        <v>12797</v>
      </c>
      <c r="E6448" t="s">
        <v>32811</v>
      </c>
      <c r="F6448">
        <v>3</v>
      </c>
      <c r="G6448" t="s">
        <v>13</v>
      </c>
      <c r="H6448" t="s">
        <v>12798</v>
      </c>
      <c r="I6448" t="s">
        <v>30540</v>
      </c>
    </row>
    <row r="6449" spans="1:9">
      <c r="A6449" s="1">
        <v>0.57957323894967394</v>
      </c>
      <c r="B6449" s="1"/>
      <c r="C6449">
        <v>18</v>
      </c>
      <c r="D6449" t="s">
        <v>12799</v>
      </c>
      <c r="E6449" t="s">
        <v>32811</v>
      </c>
      <c r="F6449">
        <v>3</v>
      </c>
      <c r="G6449" t="s">
        <v>14</v>
      </c>
      <c r="H6449" t="s">
        <v>12800</v>
      </c>
      <c r="I6449" t="s">
        <v>30540</v>
      </c>
    </row>
    <row r="6450" spans="1:9">
      <c r="A6450" s="1">
        <v>0.55167470206793745</v>
      </c>
      <c r="B6450" s="1"/>
      <c r="C6450">
        <v>9</v>
      </c>
      <c r="D6450" t="s">
        <v>12785</v>
      </c>
      <c r="E6450" t="s">
        <v>32812</v>
      </c>
      <c r="F6450">
        <v>5</v>
      </c>
      <c r="G6450" t="s">
        <v>14</v>
      </c>
      <c r="H6450" t="s">
        <v>12786</v>
      </c>
      <c r="I6450" t="s">
        <v>30540</v>
      </c>
    </row>
    <row r="6451" spans="1:9">
      <c r="A6451" s="1">
        <v>8.79796596475243E-2</v>
      </c>
      <c r="B6451" s="1"/>
      <c r="C6451">
        <v>16</v>
      </c>
      <c r="D6451" t="s">
        <v>12789</v>
      </c>
      <c r="E6451" t="s">
        <v>32812</v>
      </c>
      <c r="F6451">
        <v>4</v>
      </c>
      <c r="G6451" t="s">
        <v>14</v>
      </c>
      <c r="H6451" t="s">
        <v>12790</v>
      </c>
      <c r="I6451" t="s">
        <v>30540</v>
      </c>
    </row>
    <row r="6452" spans="1:9">
      <c r="A6452" s="1">
        <v>0.99009841243372454</v>
      </c>
      <c r="B6452" s="1"/>
      <c r="C6452">
        <v>3</v>
      </c>
      <c r="D6452" t="s">
        <v>12783</v>
      </c>
      <c r="E6452" t="s">
        <v>32812</v>
      </c>
      <c r="F6452">
        <v>4</v>
      </c>
      <c r="G6452" t="s">
        <v>15</v>
      </c>
      <c r="H6452" t="s">
        <v>12784</v>
      </c>
      <c r="I6452" t="s">
        <v>30540</v>
      </c>
    </row>
    <row r="6453" spans="1:9">
      <c r="A6453" s="1">
        <v>0.66023184266729973</v>
      </c>
      <c r="B6453" s="1"/>
      <c r="C6453">
        <v>1</v>
      </c>
      <c r="D6453" t="s">
        <v>12781</v>
      </c>
      <c r="E6453" t="s">
        <v>32812</v>
      </c>
      <c r="F6453">
        <v>3</v>
      </c>
      <c r="G6453" t="s">
        <v>10</v>
      </c>
      <c r="H6453" t="s">
        <v>12782</v>
      </c>
      <c r="I6453" t="s">
        <v>30540</v>
      </c>
    </row>
    <row r="6454" spans="1:9">
      <c r="A6454" s="1">
        <v>0.49280443763888926</v>
      </c>
      <c r="B6454" s="1"/>
      <c r="C6454">
        <v>12</v>
      </c>
      <c r="D6454" t="s">
        <v>12777</v>
      </c>
      <c r="E6454" t="s">
        <v>32813</v>
      </c>
      <c r="F6454">
        <v>4</v>
      </c>
      <c r="G6454" t="s">
        <v>0</v>
      </c>
      <c r="H6454" t="s">
        <v>12778</v>
      </c>
      <c r="I6454" t="s">
        <v>30540</v>
      </c>
    </row>
    <row r="6455" spans="1:9">
      <c r="A6455" s="1">
        <v>0.47245976673889933</v>
      </c>
      <c r="B6455" s="1"/>
      <c r="C6455">
        <v>9</v>
      </c>
      <c r="D6455" t="s">
        <v>12775</v>
      </c>
      <c r="E6455" t="s">
        <v>32813</v>
      </c>
      <c r="F6455">
        <v>4</v>
      </c>
      <c r="G6455" t="s">
        <v>14</v>
      </c>
      <c r="H6455" t="s">
        <v>12776</v>
      </c>
      <c r="I6455" t="s">
        <v>30540</v>
      </c>
    </row>
    <row r="6456" spans="1:9">
      <c r="A6456" s="1">
        <v>0.41545164332021445</v>
      </c>
      <c r="B6456" s="1"/>
      <c r="C6456">
        <v>8</v>
      </c>
      <c r="D6456" t="s">
        <v>12767</v>
      </c>
      <c r="E6456" t="s">
        <v>32814</v>
      </c>
      <c r="F6456">
        <v>5</v>
      </c>
      <c r="G6456" t="s">
        <v>14</v>
      </c>
      <c r="H6456" t="s">
        <v>12768</v>
      </c>
      <c r="I6456" t="s">
        <v>30540</v>
      </c>
    </row>
    <row r="6457" spans="1:9">
      <c r="A6457" s="1">
        <v>0.12361868351220362</v>
      </c>
      <c r="B6457" s="1"/>
      <c r="C6457">
        <v>6</v>
      </c>
      <c r="D6457" t="s">
        <v>12765</v>
      </c>
      <c r="E6457" t="s">
        <v>32814</v>
      </c>
      <c r="F6457">
        <v>5</v>
      </c>
      <c r="G6457" t="s">
        <v>14</v>
      </c>
      <c r="H6457" t="s">
        <v>12766</v>
      </c>
      <c r="I6457" t="s">
        <v>30540</v>
      </c>
    </row>
    <row r="6458" spans="1:9">
      <c r="A6458" s="1">
        <v>0.19195494808135782</v>
      </c>
      <c r="B6458" s="1"/>
      <c r="C6458">
        <v>12</v>
      </c>
      <c r="D6458" t="s">
        <v>12769</v>
      </c>
      <c r="E6458" t="s">
        <v>32814</v>
      </c>
      <c r="F6458">
        <v>5</v>
      </c>
      <c r="G6458" t="s">
        <v>14</v>
      </c>
      <c r="H6458" t="s">
        <v>12770</v>
      </c>
      <c r="I6458" t="s">
        <v>30540</v>
      </c>
    </row>
    <row r="6459" spans="1:9">
      <c r="A6459" s="1">
        <v>0.32521812515788306</v>
      </c>
      <c r="B6459" s="1"/>
      <c r="C6459">
        <v>16</v>
      </c>
      <c r="D6459" t="s">
        <v>12771</v>
      </c>
      <c r="E6459" t="s">
        <v>32814</v>
      </c>
      <c r="F6459">
        <v>5</v>
      </c>
      <c r="G6459" t="s">
        <v>14</v>
      </c>
      <c r="H6459" t="s">
        <v>12772</v>
      </c>
      <c r="I6459" t="s">
        <v>30540</v>
      </c>
    </row>
    <row r="6460" spans="1:9">
      <c r="A6460" s="1">
        <v>0.9309971022059067</v>
      </c>
      <c r="B6460" s="1"/>
      <c r="C6460">
        <v>3</v>
      </c>
      <c r="D6460" t="s">
        <v>12759</v>
      </c>
      <c r="E6460" t="s">
        <v>32815</v>
      </c>
      <c r="F6460">
        <v>4</v>
      </c>
      <c r="G6460" t="s">
        <v>14</v>
      </c>
      <c r="H6460" t="s">
        <v>12760</v>
      </c>
      <c r="I6460" t="s">
        <v>30540</v>
      </c>
    </row>
    <row r="6461" spans="1:9">
      <c r="A6461" s="1">
        <v>3.5382637426829899E-2</v>
      </c>
      <c r="B6461" s="1"/>
      <c r="C6461">
        <v>7</v>
      </c>
      <c r="D6461" t="s">
        <v>12761</v>
      </c>
      <c r="E6461" t="s">
        <v>32815</v>
      </c>
      <c r="F6461">
        <v>3</v>
      </c>
      <c r="G6461" t="s">
        <v>2</v>
      </c>
      <c r="H6461" t="s">
        <v>12762</v>
      </c>
      <c r="I6461" t="s">
        <v>30540</v>
      </c>
    </row>
    <row r="6462" spans="1:9">
      <c r="A6462" s="1">
        <v>0.43451592450587684</v>
      </c>
      <c r="B6462" s="1"/>
      <c r="C6462">
        <v>1</v>
      </c>
      <c r="D6462" t="s">
        <v>12745</v>
      </c>
      <c r="E6462" t="s">
        <v>32816</v>
      </c>
      <c r="F6462">
        <v>5</v>
      </c>
      <c r="G6462" t="s">
        <v>1431</v>
      </c>
      <c r="H6462" t="s">
        <v>12746</v>
      </c>
      <c r="I6462" t="s">
        <v>30540</v>
      </c>
    </row>
    <row r="6463" spans="1:9">
      <c r="A6463" s="1">
        <v>0.72171427069650573</v>
      </c>
      <c r="B6463" s="1"/>
      <c r="C6463">
        <v>3</v>
      </c>
      <c r="D6463" t="s">
        <v>12747</v>
      </c>
      <c r="E6463" t="s">
        <v>32816</v>
      </c>
      <c r="F6463">
        <v>4</v>
      </c>
      <c r="G6463" t="s">
        <v>1431</v>
      </c>
      <c r="H6463" t="s">
        <v>12748</v>
      </c>
      <c r="I6463" t="s">
        <v>30540</v>
      </c>
    </row>
    <row r="6464" spans="1:9">
      <c r="A6464" s="1">
        <v>0.47498071198163372</v>
      </c>
      <c r="B6464" s="1"/>
      <c r="C6464">
        <v>10</v>
      </c>
      <c r="D6464" t="s">
        <v>12751</v>
      </c>
      <c r="E6464" t="s">
        <v>32816</v>
      </c>
      <c r="F6464">
        <v>4</v>
      </c>
      <c r="G6464" t="s">
        <v>10</v>
      </c>
      <c r="H6464" t="s">
        <v>12752</v>
      </c>
      <c r="I6464" t="s">
        <v>30540</v>
      </c>
    </row>
    <row r="6465" spans="1:9">
      <c r="A6465" s="1">
        <v>0.82307497903073279</v>
      </c>
      <c r="B6465" s="1"/>
      <c r="C6465">
        <v>16</v>
      </c>
      <c r="D6465" t="s">
        <v>12757</v>
      </c>
      <c r="E6465" t="s">
        <v>32816</v>
      </c>
      <c r="F6465">
        <v>4</v>
      </c>
      <c r="G6465" t="s">
        <v>775</v>
      </c>
      <c r="H6465" t="s">
        <v>12758</v>
      </c>
      <c r="I6465" t="s">
        <v>30540</v>
      </c>
    </row>
    <row r="6466" spans="1:9">
      <c r="A6466" s="1">
        <v>0.83353614710618706</v>
      </c>
      <c r="B6466" s="1"/>
      <c r="C6466">
        <v>5</v>
      </c>
      <c r="D6466" t="s">
        <v>12749</v>
      </c>
      <c r="E6466" t="s">
        <v>32816</v>
      </c>
      <c r="F6466">
        <v>4</v>
      </c>
      <c r="G6466" t="s">
        <v>775</v>
      </c>
      <c r="H6466" t="s">
        <v>12750</v>
      </c>
      <c r="I6466" t="s">
        <v>30540</v>
      </c>
    </row>
    <row r="6467" spans="1:9">
      <c r="A6467" s="1">
        <v>0.72782969648849516</v>
      </c>
      <c r="B6467" s="1"/>
      <c r="C6467">
        <v>15</v>
      </c>
      <c r="D6467" t="s">
        <v>12755</v>
      </c>
      <c r="E6467" t="s">
        <v>32816</v>
      </c>
      <c r="F6467">
        <v>4</v>
      </c>
      <c r="G6467" t="s">
        <v>14</v>
      </c>
      <c r="H6467" t="s">
        <v>12756</v>
      </c>
      <c r="I6467" t="s">
        <v>30540</v>
      </c>
    </row>
    <row r="6468" spans="1:9">
      <c r="A6468" s="1">
        <v>0.35765979316839147</v>
      </c>
      <c r="B6468" s="1"/>
      <c r="C6468">
        <v>6</v>
      </c>
      <c r="D6468" t="s">
        <v>12737</v>
      </c>
      <c r="E6468" t="s">
        <v>32817</v>
      </c>
      <c r="F6468">
        <v>5</v>
      </c>
      <c r="G6468" t="s">
        <v>0</v>
      </c>
      <c r="H6468" t="s">
        <v>12738</v>
      </c>
      <c r="I6468" t="s">
        <v>30540</v>
      </c>
    </row>
    <row r="6469" spans="1:9">
      <c r="A6469" s="1">
        <v>0.69787670007431946</v>
      </c>
      <c r="B6469" s="1"/>
      <c r="C6469">
        <v>11</v>
      </c>
      <c r="D6469" t="s">
        <v>12739</v>
      </c>
      <c r="E6469" t="s">
        <v>32817</v>
      </c>
      <c r="F6469">
        <v>5</v>
      </c>
      <c r="G6469" t="s">
        <v>14</v>
      </c>
      <c r="H6469" t="s">
        <v>12740</v>
      </c>
      <c r="I6469" t="s">
        <v>30540</v>
      </c>
    </row>
    <row r="6470" spans="1:9">
      <c r="A6470" s="1">
        <v>0.50582462630155978</v>
      </c>
      <c r="B6470" s="1"/>
      <c r="C6470">
        <v>16</v>
      </c>
      <c r="D6470" t="s">
        <v>12743</v>
      </c>
      <c r="E6470" t="s">
        <v>32817</v>
      </c>
      <c r="F6470">
        <v>4</v>
      </c>
      <c r="G6470" t="s">
        <v>15</v>
      </c>
      <c r="H6470" t="s">
        <v>12744</v>
      </c>
      <c r="I6470" t="s">
        <v>30540</v>
      </c>
    </row>
    <row r="6471" spans="1:9">
      <c r="A6471" s="1">
        <v>0.25514579801389448</v>
      </c>
      <c r="B6471" s="1"/>
      <c r="C6471">
        <v>14</v>
      </c>
      <c r="D6471" t="s">
        <v>12741</v>
      </c>
      <c r="E6471" t="s">
        <v>32817</v>
      </c>
      <c r="F6471">
        <v>4</v>
      </c>
      <c r="G6471" t="s">
        <v>9</v>
      </c>
      <c r="H6471" t="s">
        <v>12742</v>
      </c>
      <c r="I6471" t="s">
        <v>30540</v>
      </c>
    </row>
    <row r="6472" spans="1:9">
      <c r="A6472" s="1">
        <v>0.49741033102480336</v>
      </c>
      <c r="B6472" s="1"/>
      <c r="C6472">
        <v>13</v>
      </c>
      <c r="D6472" t="s">
        <v>12733</v>
      </c>
      <c r="E6472" t="s">
        <v>32818</v>
      </c>
      <c r="F6472">
        <v>4</v>
      </c>
      <c r="G6472" t="s">
        <v>0</v>
      </c>
      <c r="H6472" t="s">
        <v>12734</v>
      </c>
      <c r="I6472" t="s">
        <v>30540</v>
      </c>
    </row>
    <row r="6473" spans="1:9">
      <c r="A6473" s="1">
        <v>0.4686886450730624</v>
      </c>
      <c r="B6473" s="1"/>
      <c r="C6473">
        <v>14</v>
      </c>
      <c r="D6473" t="s">
        <v>12735</v>
      </c>
      <c r="E6473" t="s">
        <v>32818</v>
      </c>
      <c r="F6473">
        <v>4</v>
      </c>
      <c r="G6473" t="s">
        <v>14</v>
      </c>
      <c r="H6473" t="s">
        <v>12736</v>
      </c>
      <c r="I6473" t="s">
        <v>30540</v>
      </c>
    </row>
    <row r="6474" spans="1:9">
      <c r="A6474" s="1">
        <v>0.88066093523164268</v>
      </c>
      <c r="B6474" s="1"/>
      <c r="C6474">
        <v>1</v>
      </c>
      <c r="D6474" t="s">
        <v>12731</v>
      </c>
      <c r="E6474" t="s">
        <v>32818</v>
      </c>
      <c r="F6474">
        <v>4</v>
      </c>
      <c r="G6474" t="s">
        <v>10</v>
      </c>
      <c r="H6474" t="s">
        <v>12732</v>
      </c>
      <c r="I6474" t="s">
        <v>30540</v>
      </c>
    </row>
    <row r="6475" spans="1:9">
      <c r="A6475" s="1">
        <v>0.6138337364401949</v>
      </c>
      <c r="B6475" s="1"/>
      <c r="C6475">
        <v>1</v>
      </c>
      <c r="D6475" t="s">
        <v>12719</v>
      </c>
      <c r="E6475" t="s">
        <v>32819</v>
      </c>
      <c r="F6475">
        <v>4</v>
      </c>
      <c r="G6475" t="s">
        <v>13</v>
      </c>
      <c r="H6475" t="s">
        <v>12720</v>
      </c>
      <c r="I6475" t="s">
        <v>30540</v>
      </c>
    </row>
    <row r="6476" spans="1:9">
      <c r="A6476" s="1">
        <v>0.58704678746090444</v>
      </c>
      <c r="B6476" s="1"/>
      <c r="C6476">
        <v>7</v>
      </c>
      <c r="D6476" t="s">
        <v>12723</v>
      </c>
      <c r="E6476" t="s">
        <v>32819</v>
      </c>
      <c r="F6476">
        <v>4</v>
      </c>
      <c r="G6476" t="s">
        <v>14</v>
      </c>
      <c r="H6476" t="s">
        <v>12724</v>
      </c>
      <c r="I6476" t="s">
        <v>30540</v>
      </c>
    </row>
    <row r="6477" spans="1:9">
      <c r="A6477" s="1">
        <v>0.26848718940638328</v>
      </c>
      <c r="B6477" s="1"/>
      <c r="C6477">
        <v>10</v>
      </c>
      <c r="D6477" t="s">
        <v>12727</v>
      </c>
      <c r="E6477" t="s">
        <v>32819</v>
      </c>
      <c r="F6477">
        <v>4</v>
      </c>
      <c r="G6477" t="s">
        <v>14</v>
      </c>
      <c r="H6477" t="s">
        <v>12728</v>
      </c>
      <c r="I6477" t="s">
        <v>30540</v>
      </c>
    </row>
    <row r="6478" spans="1:9">
      <c r="A6478" s="1">
        <v>9.5463799619784684E-2</v>
      </c>
      <c r="B6478" s="1"/>
      <c r="C6478">
        <v>8</v>
      </c>
      <c r="D6478" t="s">
        <v>12725</v>
      </c>
      <c r="E6478" t="s">
        <v>32819</v>
      </c>
      <c r="F6478">
        <v>4</v>
      </c>
      <c r="G6478" t="s">
        <v>14</v>
      </c>
      <c r="H6478" t="s">
        <v>12726</v>
      </c>
      <c r="I6478" t="s">
        <v>30540</v>
      </c>
    </row>
    <row r="6479" spans="1:9">
      <c r="A6479" s="1">
        <v>0.22885755215495829</v>
      </c>
      <c r="B6479" s="1"/>
      <c r="C6479">
        <v>12</v>
      </c>
      <c r="D6479" t="s">
        <v>12729</v>
      </c>
      <c r="E6479" t="s">
        <v>32819</v>
      </c>
      <c r="F6479">
        <v>4</v>
      </c>
      <c r="G6479" t="s">
        <v>14</v>
      </c>
      <c r="H6479" t="s">
        <v>12730</v>
      </c>
      <c r="I6479" t="s">
        <v>30540</v>
      </c>
    </row>
    <row r="6480" spans="1:9">
      <c r="A6480" s="1">
        <v>0.82378513003048925</v>
      </c>
      <c r="B6480" s="1"/>
      <c r="C6480">
        <v>2</v>
      </c>
      <c r="D6480" t="s">
        <v>12721</v>
      </c>
      <c r="E6480" t="s">
        <v>32819</v>
      </c>
      <c r="F6480">
        <v>3</v>
      </c>
      <c r="G6480" t="s">
        <v>10</v>
      </c>
      <c r="H6480" t="s">
        <v>12722</v>
      </c>
      <c r="I6480" t="s">
        <v>30540</v>
      </c>
    </row>
    <row r="6481" spans="1:9">
      <c r="A6481" s="1">
        <v>0.15064038448443062</v>
      </c>
      <c r="B6481" s="1"/>
      <c r="C6481">
        <v>12</v>
      </c>
      <c r="D6481" t="s">
        <v>12715</v>
      </c>
      <c r="E6481" t="s">
        <v>32820</v>
      </c>
      <c r="F6481">
        <v>5</v>
      </c>
      <c r="G6481" t="s">
        <v>15</v>
      </c>
      <c r="H6481" t="s">
        <v>12716</v>
      </c>
      <c r="I6481" t="s">
        <v>30540</v>
      </c>
    </row>
    <row r="6482" spans="1:9">
      <c r="A6482" s="1">
        <v>0.2501330200825117</v>
      </c>
      <c r="B6482" s="1"/>
      <c r="C6482">
        <v>6</v>
      </c>
      <c r="D6482" t="s">
        <v>12711</v>
      </c>
      <c r="E6482" t="s">
        <v>32820</v>
      </c>
      <c r="F6482">
        <v>5</v>
      </c>
      <c r="G6482" t="s">
        <v>10</v>
      </c>
      <c r="H6482" t="s">
        <v>12712</v>
      </c>
      <c r="I6482" t="s">
        <v>30540</v>
      </c>
    </row>
    <row r="6483" spans="1:9">
      <c r="A6483" s="1">
        <v>0.632084500139802</v>
      </c>
      <c r="B6483" s="1"/>
      <c r="C6483">
        <v>13</v>
      </c>
      <c r="D6483" t="s">
        <v>12717</v>
      </c>
      <c r="E6483" t="s">
        <v>32820</v>
      </c>
      <c r="F6483">
        <v>4</v>
      </c>
      <c r="G6483" t="s">
        <v>10</v>
      </c>
      <c r="H6483" t="s">
        <v>12718</v>
      </c>
      <c r="I6483" t="s">
        <v>30540</v>
      </c>
    </row>
    <row r="6484" spans="1:9">
      <c r="A6484" s="1">
        <v>0.8077004660376077</v>
      </c>
      <c r="B6484" s="1"/>
      <c r="C6484">
        <v>3</v>
      </c>
      <c r="D6484" t="s">
        <v>12709</v>
      </c>
      <c r="E6484" t="s">
        <v>32820</v>
      </c>
      <c r="F6484">
        <v>4</v>
      </c>
      <c r="G6484" t="s">
        <v>10</v>
      </c>
      <c r="H6484" t="s">
        <v>12710</v>
      </c>
      <c r="I6484" t="s">
        <v>30540</v>
      </c>
    </row>
    <row r="6485" spans="1:9">
      <c r="A6485" s="1">
        <v>0.5519595948606365</v>
      </c>
      <c r="B6485" s="1"/>
      <c r="C6485">
        <v>9</v>
      </c>
      <c r="D6485" t="s">
        <v>12713</v>
      </c>
      <c r="E6485" t="s">
        <v>32820</v>
      </c>
      <c r="F6485">
        <v>3</v>
      </c>
      <c r="G6485" t="s">
        <v>10</v>
      </c>
      <c r="H6485" t="s">
        <v>12714</v>
      </c>
      <c r="I6485" t="s">
        <v>30540</v>
      </c>
    </row>
    <row r="6486" spans="1:9">
      <c r="A6486" s="1">
        <v>0.57276211434601032</v>
      </c>
      <c r="B6486" s="1"/>
      <c r="C6486">
        <v>8</v>
      </c>
      <c r="D6486" t="s">
        <v>12703</v>
      </c>
      <c r="E6486" t="s">
        <v>32821</v>
      </c>
      <c r="F6486">
        <v>4</v>
      </c>
      <c r="G6486" t="s">
        <v>0</v>
      </c>
      <c r="H6486" t="s">
        <v>12704</v>
      </c>
      <c r="I6486" t="s">
        <v>30540</v>
      </c>
    </row>
    <row r="6487" spans="1:9">
      <c r="A6487" s="1">
        <v>0.69596958036501655</v>
      </c>
      <c r="B6487" s="1"/>
      <c r="C6487">
        <v>19</v>
      </c>
      <c r="D6487" t="s">
        <v>12707</v>
      </c>
      <c r="E6487" t="s">
        <v>32821</v>
      </c>
      <c r="F6487">
        <v>4</v>
      </c>
      <c r="G6487" t="s">
        <v>14</v>
      </c>
      <c r="H6487" t="s">
        <v>12708</v>
      </c>
      <c r="I6487" t="s">
        <v>30540</v>
      </c>
    </row>
    <row r="6488" spans="1:9">
      <c r="A6488" s="1">
        <v>0.92499334405650269</v>
      </c>
      <c r="B6488" s="1"/>
      <c r="C6488">
        <v>15</v>
      </c>
      <c r="D6488" t="s">
        <v>12705</v>
      </c>
      <c r="E6488" t="s">
        <v>32821</v>
      </c>
      <c r="F6488">
        <v>3</v>
      </c>
      <c r="G6488" t="s">
        <v>766</v>
      </c>
      <c r="H6488" t="s">
        <v>12706</v>
      </c>
      <c r="I6488" t="s">
        <v>30540</v>
      </c>
    </row>
    <row r="6489" spans="1:9">
      <c r="A6489" s="1">
        <v>0.22314911669860438</v>
      </c>
      <c r="B6489" s="1"/>
      <c r="C6489">
        <v>6</v>
      </c>
      <c r="D6489" t="s">
        <v>12701</v>
      </c>
      <c r="E6489" t="s">
        <v>32822</v>
      </c>
      <c r="F6489">
        <v>4</v>
      </c>
      <c r="G6489" t="s">
        <v>9</v>
      </c>
      <c r="H6489" t="s">
        <v>12702</v>
      </c>
      <c r="I6489" t="s">
        <v>30540</v>
      </c>
    </row>
    <row r="6490" spans="1:9">
      <c r="A6490" s="1">
        <v>0.21886510840075668</v>
      </c>
      <c r="B6490" s="1"/>
      <c r="C6490">
        <v>4</v>
      </c>
      <c r="D6490" t="s">
        <v>12693</v>
      </c>
      <c r="E6490" t="s">
        <v>32823</v>
      </c>
      <c r="F6490">
        <v>4</v>
      </c>
      <c r="G6490" t="s">
        <v>14</v>
      </c>
      <c r="H6490" t="s">
        <v>12694</v>
      </c>
      <c r="I6490" t="s">
        <v>30540</v>
      </c>
    </row>
    <row r="6491" spans="1:9">
      <c r="A6491" s="1">
        <v>0.61704387633638536</v>
      </c>
      <c r="B6491" s="1"/>
      <c r="C6491">
        <v>11</v>
      </c>
      <c r="D6491" t="s">
        <v>12699</v>
      </c>
      <c r="E6491" t="s">
        <v>32823</v>
      </c>
      <c r="F6491">
        <v>4</v>
      </c>
      <c r="G6491" t="s">
        <v>14</v>
      </c>
      <c r="H6491" t="s">
        <v>12700</v>
      </c>
      <c r="I6491" t="s">
        <v>30540</v>
      </c>
    </row>
    <row r="6492" spans="1:9">
      <c r="A6492" s="1">
        <v>0.36628161426752526</v>
      </c>
      <c r="B6492" s="1"/>
      <c r="C6492">
        <v>5</v>
      </c>
      <c r="D6492" t="s">
        <v>12695</v>
      </c>
      <c r="E6492" t="s">
        <v>32823</v>
      </c>
      <c r="F6492">
        <v>4</v>
      </c>
      <c r="G6492" t="s">
        <v>14</v>
      </c>
      <c r="H6492" t="s">
        <v>12696</v>
      </c>
      <c r="I6492" t="s">
        <v>30540</v>
      </c>
    </row>
    <row r="6493" spans="1:9">
      <c r="A6493" s="1">
        <v>5.3879014882523002E-2</v>
      </c>
      <c r="B6493" s="1"/>
      <c r="C6493">
        <v>8</v>
      </c>
      <c r="D6493" t="s">
        <v>12697</v>
      </c>
      <c r="E6493" t="s">
        <v>32823</v>
      </c>
      <c r="F6493">
        <v>4</v>
      </c>
      <c r="G6493" t="s">
        <v>9</v>
      </c>
      <c r="H6493" t="s">
        <v>12698</v>
      </c>
      <c r="I6493" t="s">
        <v>30540</v>
      </c>
    </row>
    <row r="6494" spans="1:9">
      <c r="A6494" s="1">
        <v>0.37107832919734252</v>
      </c>
      <c r="B6494" s="1"/>
      <c r="C6494">
        <v>14</v>
      </c>
      <c r="D6494" t="s">
        <v>12691</v>
      </c>
      <c r="E6494" t="s">
        <v>32824</v>
      </c>
      <c r="F6494">
        <v>4</v>
      </c>
      <c r="G6494" t="s">
        <v>14</v>
      </c>
      <c r="H6494" t="s">
        <v>12692</v>
      </c>
      <c r="I6494" t="s">
        <v>30540</v>
      </c>
    </row>
    <row r="6495" spans="1:9">
      <c r="A6495" s="1">
        <v>0.25370935178319343</v>
      </c>
      <c r="B6495" s="1"/>
      <c r="C6495">
        <v>3</v>
      </c>
      <c r="D6495" t="s">
        <v>12685</v>
      </c>
      <c r="E6495" t="s">
        <v>32824</v>
      </c>
      <c r="F6495">
        <v>4</v>
      </c>
      <c r="G6495" t="s">
        <v>14</v>
      </c>
      <c r="H6495" t="s">
        <v>12686</v>
      </c>
      <c r="I6495" t="s">
        <v>30540</v>
      </c>
    </row>
    <row r="6496" spans="1:9">
      <c r="A6496" s="1">
        <v>0.31089158371017644</v>
      </c>
      <c r="B6496" s="1"/>
      <c r="C6496">
        <v>5</v>
      </c>
      <c r="D6496" t="s">
        <v>12687</v>
      </c>
      <c r="E6496" t="s">
        <v>32824</v>
      </c>
      <c r="F6496">
        <v>3</v>
      </c>
      <c r="G6496" t="s">
        <v>10</v>
      </c>
      <c r="H6496" t="s">
        <v>12688</v>
      </c>
      <c r="I6496" t="s">
        <v>30540</v>
      </c>
    </row>
    <row r="6497" spans="1:9">
      <c r="A6497" s="1">
        <v>0.90866649303413649</v>
      </c>
      <c r="B6497" s="1"/>
      <c r="C6497">
        <v>12</v>
      </c>
      <c r="D6497" t="s">
        <v>12689</v>
      </c>
      <c r="E6497" t="s">
        <v>32824</v>
      </c>
      <c r="F6497">
        <v>3</v>
      </c>
      <c r="G6497" t="s">
        <v>14</v>
      </c>
      <c r="H6497" t="s">
        <v>12690</v>
      </c>
      <c r="I6497" t="s">
        <v>30540</v>
      </c>
    </row>
    <row r="6498" spans="1:9">
      <c r="A6498" s="1">
        <v>0.75893547326349831</v>
      </c>
      <c r="B6498" s="1"/>
      <c r="C6498">
        <v>10</v>
      </c>
      <c r="D6498" t="s">
        <v>12683</v>
      </c>
      <c r="E6498" t="s">
        <v>32825</v>
      </c>
      <c r="F6498">
        <v>4</v>
      </c>
      <c r="G6498" t="s">
        <v>14</v>
      </c>
      <c r="H6498" t="s">
        <v>12684</v>
      </c>
      <c r="I6498" t="s">
        <v>30540</v>
      </c>
    </row>
    <row r="6499" spans="1:9">
      <c r="A6499" s="1">
        <v>0.97258509993090381</v>
      </c>
      <c r="B6499" s="1"/>
      <c r="C6499">
        <v>2</v>
      </c>
      <c r="D6499" t="s">
        <v>12677</v>
      </c>
      <c r="E6499" t="s">
        <v>32825</v>
      </c>
      <c r="F6499">
        <v>4</v>
      </c>
      <c r="G6499" t="s">
        <v>2</v>
      </c>
      <c r="H6499" t="s">
        <v>12678</v>
      </c>
      <c r="I6499" t="s">
        <v>30540</v>
      </c>
    </row>
    <row r="6500" spans="1:9">
      <c r="A6500" s="1">
        <v>0.60231499149680756</v>
      </c>
      <c r="B6500" s="1"/>
      <c r="C6500">
        <v>7</v>
      </c>
      <c r="D6500" t="s">
        <v>12681</v>
      </c>
      <c r="E6500" t="s">
        <v>32825</v>
      </c>
      <c r="F6500">
        <v>3</v>
      </c>
      <c r="G6500" t="s">
        <v>14</v>
      </c>
      <c r="H6500" t="s">
        <v>12682</v>
      </c>
      <c r="I6500" t="s">
        <v>30540</v>
      </c>
    </row>
    <row r="6501" spans="1:9">
      <c r="A6501" s="1">
        <v>0.52576181658196119</v>
      </c>
      <c r="B6501" s="1"/>
      <c r="C6501">
        <v>11</v>
      </c>
      <c r="D6501" t="s">
        <v>12669</v>
      </c>
      <c r="E6501" t="s">
        <v>32826</v>
      </c>
      <c r="F6501">
        <v>5</v>
      </c>
      <c r="G6501" t="s">
        <v>0</v>
      </c>
      <c r="H6501" t="s">
        <v>12670</v>
      </c>
      <c r="I6501" t="s">
        <v>30540</v>
      </c>
    </row>
    <row r="6502" spans="1:9">
      <c r="A6502" s="1">
        <v>0.93290783525025289</v>
      </c>
      <c r="B6502" s="1"/>
      <c r="C6502">
        <v>9</v>
      </c>
      <c r="D6502" t="s">
        <v>12665</v>
      </c>
      <c r="E6502" t="s">
        <v>32826</v>
      </c>
      <c r="F6502">
        <v>4</v>
      </c>
      <c r="G6502" t="s">
        <v>762</v>
      </c>
      <c r="H6502" t="s">
        <v>12666</v>
      </c>
      <c r="I6502" t="s">
        <v>30540</v>
      </c>
    </row>
    <row r="6503" spans="1:9">
      <c r="A6503" s="1">
        <v>0.92952639096164436</v>
      </c>
      <c r="B6503" s="1"/>
      <c r="C6503">
        <v>19</v>
      </c>
      <c r="D6503" t="s">
        <v>12675</v>
      </c>
      <c r="E6503" t="s">
        <v>32826</v>
      </c>
      <c r="F6503">
        <v>4</v>
      </c>
      <c r="G6503" t="s">
        <v>1426</v>
      </c>
      <c r="H6503" t="s">
        <v>12676</v>
      </c>
      <c r="I6503" t="s">
        <v>30540</v>
      </c>
    </row>
    <row r="6504" spans="1:9">
      <c r="A6504" s="1">
        <v>9.8277600247717145E-2</v>
      </c>
      <c r="B6504" s="1"/>
      <c r="C6504">
        <v>14</v>
      </c>
      <c r="D6504" t="s">
        <v>12671</v>
      </c>
      <c r="E6504" t="s">
        <v>32826</v>
      </c>
      <c r="F6504">
        <v>4</v>
      </c>
      <c r="G6504" t="s">
        <v>14</v>
      </c>
      <c r="H6504" t="s">
        <v>12672</v>
      </c>
      <c r="I6504" t="s">
        <v>30540</v>
      </c>
    </row>
    <row r="6505" spans="1:9">
      <c r="A6505" s="1">
        <v>0.31513791003463099</v>
      </c>
      <c r="B6505" s="1"/>
      <c r="C6505">
        <v>10</v>
      </c>
      <c r="D6505" t="s">
        <v>12667</v>
      </c>
      <c r="E6505" t="s">
        <v>32826</v>
      </c>
      <c r="F6505">
        <v>4</v>
      </c>
      <c r="G6505" t="s">
        <v>1426</v>
      </c>
      <c r="H6505" t="s">
        <v>12668</v>
      </c>
      <c r="I6505" t="s">
        <v>30540</v>
      </c>
    </row>
    <row r="6506" spans="1:9">
      <c r="A6506" s="1">
        <v>0.36278902820490178</v>
      </c>
      <c r="B6506" s="1"/>
      <c r="C6506">
        <v>8</v>
      </c>
      <c r="D6506" t="s">
        <v>12663</v>
      </c>
      <c r="E6506" t="s">
        <v>32826</v>
      </c>
      <c r="F6506">
        <v>3</v>
      </c>
      <c r="G6506" t="s">
        <v>3732</v>
      </c>
      <c r="H6506" t="s">
        <v>12664</v>
      </c>
      <c r="I6506" t="s">
        <v>30540</v>
      </c>
    </row>
    <row r="6507" spans="1:9">
      <c r="A6507" s="1">
        <v>0.88922608282371973</v>
      </c>
      <c r="B6507" s="1"/>
      <c r="C6507">
        <v>11</v>
      </c>
      <c r="D6507" t="s">
        <v>12661</v>
      </c>
      <c r="E6507" t="s">
        <v>32827</v>
      </c>
      <c r="F6507">
        <v>4</v>
      </c>
      <c r="G6507" t="s">
        <v>14</v>
      </c>
      <c r="H6507" t="s">
        <v>12662</v>
      </c>
      <c r="I6507" t="s">
        <v>30540</v>
      </c>
    </row>
    <row r="6508" spans="1:9">
      <c r="A6508" s="1">
        <v>0.88972689802855243</v>
      </c>
      <c r="B6508" s="1"/>
      <c r="C6508">
        <v>11</v>
      </c>
      <c r="D6508" t="s">
        <v>12655</v>
      </c>
      <c r="E6508" t="s">
        <v>32828</v>
      </c>
      <c r="F6508">
        <v>5</v>
      </c>
      <c r="G6508" t="s">
        <v>14</v>
      </c>
      <c r="H6508" t="s">
        <v>12656</v>
      </c>
      <c r="I6508" t="s">
        <v>30540</v>
      </c>
    </row>
    <row r="6509" spans="1:9">
      <c r="A6509" s="1">
        <v>0.24845313688661386</v>
      </c>
      <c r="B6509" s="1"/>
      <c r="C6509">
        <v>2</v>
      </c>
      <c r="D6509" t="s">
        <v>12651</v>
      </c>
      <c r="E6509" t="s">
        <v>32828</v>
      </c>
      <c r="F6509">
        <v>4</v>
      </c>
      <c r="G6509" t="s">
        <v>2</v>
      </c>
      <c r="H6509" t="s">
        <v>12652</v>
      </c>
      <c r="I6509" t="s">
        <v>30540</v>
      </c>
    </row>
    <row r="6510" spans="1:9">
      <c r="A6510" s="1">
        <v>7.3315490213640144E-2</v>
      </c>
      <c r="B6510" s="1"/>
      <c r="C6510">
        <v>1</v>
      </c>
      <c r="D6510" t="s">
        <v>12649</v>
      </c>
      <c r="E6510" t="s">
        <v>32828</v>
      </c>
      <c r="F6510">
        <v>4</v>
      </c>
      <c r="G6510" t="s">
        <v>9</v>
      </c>
      <c r="H6510" t="s">
        <v>12650</v>
      </c>
      <c r="I6510" t="s">
        <v>30540</v>
      </c>
    </row>
    <row r="6511" spans="1:9">
      <c r="A6511" s="1">
        <v>0.70027422432463349</v>
      </c>
      <c r="B6511" s="1"/>
      <c r="C6511">
        <v>13</v>
      </c>
      <c r="D6511" t="s">
        <v>12659</v>
      </c>
      <c r="E6511" t="s">
        <v>32828</v>
      </c>
      <c r="F6511">
        <v>4</v>
      </c>
      <c r="G6511" t="s">
        <v>14</v>
      </c>
      <c r="H6511" t="s">
        <v>12660</v>
      </c>
      <c r="I6511" t="s">
        <v>30540</v>
      </c>
    </row>
    <row r="6512" spans="1:9">
      <c r="A6512" s="1">
        <v>0.87174935537101494</v>
      </c>
      <c r="B6512" s="1"/>
      <c r="C6512">
        <v>4</v>
      </c>
      <c r="D6512" t="s">
        <v>12653</v>
      </c>
      <c r="E6512" t="s">
        <v>32828</v>
      </c>
      <c r="F6512">
        <v>4</v>
      </c>
      <c r="G6512" t="s">
        <v>15</v>
      </c>
      <c r="H6512" t="s">
        <v>12654</v>
      </c>
      <c r="I6512" t="s">
        <v>30540</v>
      </c>
    </row>
    <row r="6513" spans="1:9">
      <c r="A6513" s="1">
        <v>0.69391617392428939</v>
      </c>
      <c r="B6513" s="1"/>
      <c r="C6513">
        <v>12</v>
      </c>
      <c r="D6513" t="s">
        <v>12645</v>
      </c>
      <c r="E6513" t="s">
        <v>32829</v>
      </c>
      <c r="F6513">
        <v>5</v>
      </c>
      <c r="G6513" t="s">
        <v>15</v>
      </c>
      <c r="H6513" t="s">
        <v>12646</v>
      </c>
      <c r="I6513" t="s">
        <v>30540</v>
      </c>
    </row>
    <row r="6514" spans="1:9">
      <c r="A6514" s="1">
        <v>0.45853240100278214</v>
      </c>
      <c r="B6514" s="1"/>
      <c r="C6514">
        <v>3</v>
      </c>
      <c r="D6514" t="s">
        <v>12641</v>
      </c>
      <c r="E6514" t="s">
        <v>32829</v>
      </c>
      <c r="F6514">
        <v>4</v>
      </c>
      <c r="G6514" t="s">
        <v>14</v>
      </c>
      <c r="H6514" t="s">
        <v>12642</v>
      </c>
      <c r="I6514" t="s">
        <v>30540</v>
      </c>
    </row>
    <row r="6515" spans="1:9">
      <c r="A6515" s="1">
        <v>0.45731872701084542</v>
      </c>
      <c r="B6515" s="1"/>
      <c r="C6515">
        <v>13</v>
      </c>
      <c r="D6515" t="s">
        <v>12647</v>
      </c>
      <c r="E6515" t="s">
        <v>32829</v>
      </c>
      <c r="F6515">
        <v>4</v>
      </c>
      <c r="G6515" t="s">
        <v>14</v>
      </c>
      <c r="H6515" t="s">
        <v>12648</v>
      </c>
      <c r="I6515" t="s">
        <v>30540</v>
      </c>
    </row>
    <row r="6516" spans="1:9">
      <c r="A6516" s="1">
        <v>0.42744611418353051</v>
      </c>
      <c r="B6516" s="1"/>
      <c r="C6516">
        <v>10</v>
      </c>
      <c r="D6516" t="s">
        <v>12643</v>
      </c>
      <c r="E6516" t="s">
        <v>32829</v>
      </c>
      <c r="F6516">
        <v>4</v>
      </c>
      <c r="G6516" t="s">
        <v>14</v>
      </c>
      <c r="H6516" t="s">
        <v>12644</v>
      </c>
      <c r="I6516" t="s">
        <v>30540</v>
      </c>
    </row>
    <row r="6517" spans="1:9">
      <c r="A6517" s="1">
        <v>0.75744996016201072</v>
      </c>
      <c r="B6517" s="1"/>
      <c r="C6517">
        <v>5</v>
      </c>
      <c r="D6517" t="s">
        <v>12635</v>
      </c>
      <c r="E6517" t="s">
        <v>32830</v>
      </c>
      <c r="F6517">
        <v>5</v>
      </c>
      <c r="G6517" t="s">
        <v>13</v>
      </c>
      <c r="H6517" t="s">
        <v>12636</v>
      </c>
      <c r="I6517" t="s">
        <v>30540</v>
      </c>
    </row>
    <row r="6518" spans="1:9">
      <c r="A6518" s="1">
        <v>0.30668864746439017</v>
      </c>
      <c r="B6518" s="1"/>
      <c r="C6518">
        <v>11</v>
      </c>
      <c r="D6518" t="s">
        <v>12637</v>
      </c>
      <c r="E6518" t="s">
        <v>32830</v>
      </c>
      <c r="F6518">
        <v>4</v>
      </c>
      <c r="G6518" t="s">
        <v>14</v>
      </c>
      <c r="H6518" t="s">
        <v>12638</v>
      </c>
      <c r="I6518" t="s">
        <v>30540</v>
      </c>
    </row>
    <row r="6519" spans="1:9">
      <c r="A6519" s="1">
        <v>0.90782063682139302</v>
      </c>
      <c r="B6519" s="1"/>
      <c r="C6519">
        <v>12</v>
      </c>
      <c r="D6519" t="s">
        <v>12639</v>
      </c>
      <c r="E6519" t="s">
        <v>32830</v>
      </c>
      <c r="F6519">
        <v>4</v>
      </c>
      <c r="G6519" t="s">
        <v>14</v>
      </c>
      <c r="H6519" t="s">
        <v>12640</v>
      </c>
      <c r="I6519" t="s">
        <v>30540</v>
      </c>
    </row>
    <row r="6520" spans="1:9">
      <c r="A6520" s="1">
        <v>0.35597092272966901</v>
      </c>
      <c r="B6520" s="1"/>
      <c r="C6520">
        <v>20</v>
      </c>
      <c r="D6520" t="s">
        <v>12633</v>
      </c>
      <c r="E6520" t="s">
        <v>32831</v>
      </c>
      <c r="F6520">
        <v>5</v>
      </c>
      <c r="G6520" t="s">
        <v>14</v>
      </c>
      <c r="H6520" t="s">
        <v>12634</v>
      </c>
      <c r="I6520" t="s">
        <v>30540</v>
      </c>
    </row>
    <row r="6521" spans="1:9">
      <c r="A6521" s="1">
        <v>0.36676406896854596</v>
      </c>
      <c r="B6521" s="1"/>
      <c r="C6521">
        <v>10</v>
      </c>
      <c r="D6521" t="s">
        <v>12623</v>
      </c>
      <c r="E6521" t="s">
        <v>32831</v>
      </c>
      <c r="F6521">
        <v>5</v>
      </c>
      <c r="G6521" t="s">
        <v>14</v>
      </c>
      <c r="H6521" t="s">
        <v>12624</v>
      </c>
      <c r="I6521" t="s">
        <v>30540</v>
      </c>
    </row>
    <row r="6522" spans="1:9">
      <c r="A6522" s="1">
        <v>0.40427001187233558</v>
      </c>
      <c r="B6522" s="1"/>
      <c r="C6522">
        <v>4</v>
      </c>
      <c r="D6522" t="s">
        <v>12619</v>
      </c>
      <c r="E6522" t="s">
        <v>32831</v>
      </c>
      <c r="F6522">
        <v>5</v>
      </c>
      <c r="G6522" t="s">
        <v>2</v>
      </c>
      <c r="H6522" t="s">
        <v>12620</v>
      </c>
      <c r="I6522" t="s">
        <v>30540</v>
      </c>
    </row>
    <row r="6523" spans="1:9">
      <c r="A6523" s="1">
        <v>0.2264041462108094</v>
      </c>
      <c r="B6523" s="1"/>
      <c r="C6523">
        <v>19</v>
      </c>
      <c r="D6523" t="s">
        <v>12631</v>
      </c>
      <c r="E6523" t="s">
        <v>32831</v>
      </c>
      <c r="F6523">
        <v>5</v>
      </c>
      <c r="G6523" t="s">
        <v>14</v>
      </c>
      <c r="H6523" t="s">
        <v>12632</v>
      </c>
      <c r="I6523" t="s">
        <v>30540</v>
      </c>
    </row>
    <row r="6524" spans="1:9">
      <c r="A6524" s="1">
        <v>0.57188595864655156</v>
      </c>
      <c r="B6524" s="1"/>
      <c r="C6524">
        <v>18</v>
      </c>
      <c r="D6524" t="s">
        <v>12629</v>
      </c>
      <c r="E6524" t="s">
        <v>32831</v>
      </c>
      <c r="F6524">
        <v>4</v>
      </c>
      <c r="G6524" t="s">
        <v>14</v>
      </c>
      <c r="H6524" t="s">
        <v>12630</v>
      </c>
      <c r="I6524" t="s">
        <v>30540</v>
      </c>
    </row>
    <row r="6525" spans="1:9">
      <c r="A6525" s="1">
        <v>6.0193556563419515E-2</v>
      </c>
      <c r="B6525" s="1"/>
      <c r="C6525">
        <v>8</v>
      </c>
      <c r="D6525" t="s">
        <v>12621</v>
      </c>
      <c r="E6525" t="s">
        <v>32831</v>
      </c>
      <c r="F6525">
        <v>4</v>
      </c>
      <c r="G6525" t="s">
        <v>775</v>
      </c>
      <c r="H6525" t="s">
        <v>12622</v>
      </c>
      <c r="I6525" t="s">
        <v>30540</v>
      </c>
    </row>
    <row r="6526" spans="1:9">
      <c r="A6526" s="1">
        <v>0.99358708558049424</v>
      </c>
      <c r="B6526" s="1"/>
      <c r="C6526">
        <v>15</v>
      </c>
      <c r="D6526" t="s">
        <v>12625</v>
      </c>
      <c r="E6526" t="s">
        <v>32831</v>
      </c>
      <c r="F6526">
        <v>4</v>
      </c>
      <c r="G6526" t="s">
        <v>14</v>
      </c>
      <c r="H6526" t="s">
        <v>12626</v>
      </c>
      <c r="I6526" t="s">
        <v>30540</v>
      </c>
    </row>
    <row r="6527" spans="1:9">
      <c r="A6527" s="1">
        <v>0.76943124411674979</v>
      </c>
      <c r="B6527" s="1"/>
      <c r="C6527">
        <v>14</v>
      </c>
      <c r="D6527" t="s">
        <v>12617</v>
      </c>
      <c r="E6527" t="s">
        <v>32832</v>
      </c>
      <c r="F6527">
        <v>5</v>
      </c>
      <c r="G6527" t="s">
        <v>14</v>
      </c>
      <c r="H6527" t="s">
        <v>12618</v>
      </c>
      <c r="I6527" t="s">
        <v>30540</v>
      </c>
    </row>
    <row r="6528" spans="1:9">
      <c r="A6528" s="1">
        <v>0.85576219825014521</v>
      </c>
      <c r="B6528" s="1"/>
      <c r="C6528">
        <v>3</v>
      </c>
      <c r="D6528" t="s">
        <v>12615</v>
      </c>
      <c r="E6528" t="s">
        <v>32832</v>
      </c>
      <c r="F6528">
        <v>4</v>
      </c>
      <c r="G6528" t="s">
        <v>15</v>
      </c>
      <c r="H6528" t="s">
        <v>12616</v>
      </c>
      <c r="I6528" t="s">
        <v>30540</v>
      </c>
    </row>
    <row r="6529" spans="1:9">
      <c r="A6529" s="1">
        <v>0.14011121076776467</v>
      </c>
      <c r="B6529" s="1"/>
      <c r="C6529">
        <v>12</v>
      </c>
      <c r="D6529" t="s">
        <v>12613</v>
      </c>
      <c r="E6529" t="s">
        <v>32833</v>
      </c>
      <c r="F6529">
        <v>4</v>
      </c>
      <c r="G6529" t="s">
        <v>14</v>
      </c>
      <c r="H6529" t="s">
        <v>12614</v>
      </c>
      <c r="I6529" t="s">
        <v>30540</v>
      </c>
    </row>
    <row r="6530" spans="1:9">
      <c r="A6530" s="1">
        <v>0.34492355954756637</v>
      </c>
      <c r="B6530" s="1"/>
      <c r="C6530">
        <v>11</v>
      </c>
      <c r="D6530" t="s">
        <v>12611</v>
      </c>
      <c r="E6530" t="s">
        <v>32833</v>
      </c>
      <c r="F6530">
        <v>4</v>
      </c>
      <c r="G6530" t="s">
        <v>14</v>
      </c>
      <c r="H6530" t="s">
        <v>12612</v>
      </c>
      <c r="I6530" t="s">
        <v>30540</v>
      </c>
    </row>
    <row r="6531" spans="1:9">
      <c r="A6531" s="1">
        <v>0.39299586447653456</v>
      </c>
      <c r="B6531" s="1"/>
      <c r="C6531">
        <v>4</v>
      </c>
      <c r="D6531" t="s">
        <v>12609</v>
      </c>
      <c r="E6531" t="s">
        <v>32834</v>
      </c>
      <c r="F6531">
        <v>5</v>
      </c>
      <c r="G6531" t="s">
        <v>14</v>
      </c>
      <c r="H6531" t="s">
        <v>12610</v>
      </c>
      <c r="I6531" t="s">
        <v>30540</v>
      </c>
    </row>
    <row r="6532" spans="1:9">
      <c r="A6532" s="1">
        <v>0.76070935874350187</v>
      </c>
      <c r="B6532" s="1"/>
      <c r="C6532">
        <v>1</v>
      </c>
      <c r="D6532" t="s">
        <v>12607</v>
      </c>
      <c r="E6532" t="s">
        <v>32834</v>
      </c>
      <c r="F6532">
        <v>4</v>
      </c>
      <c r="G6532" t="s">
        <v>9</v>
      </c>
      <c r="H6532" t="s">
        <v>12608</v>
      </c>
      <c r="I6532" t="s">
        <v>30540</v>
      </c>
    </row>
    <row r="6533" spans="1:9">
      <c r="A6533" s="1">
        <v>0.55802417819738159</v>
      </c>
      <c r="B6533" s="1"/>
      <c r="C6533">
        <v>11</v>
      </c>
      <c r="D6533" t="s">
        <v>12601</v>
      </c>
      <c r="E6533" t="s">
        <v>32835</v>
      </c>
      <c r="F6533">
        <v>5</v>
      </c>
      <c r="G6533" t="s">
        <v>14</v>
      </c>
      <c r="H6533" t="s">
        <v>12602</v>
      </c>
      <c r="I6533" t="s">
        <v>30540</v>
      </c>
    </row>
    <row r="6534" spans="1:9">
      <c r="A6534" s="1">
        <v>0.35053255438891584</v>
      </c>
      <c r="B6534" s="1"/>
      <c r="C6534">
        <v>13</v>
      </c>
      <c r="D6534" t="s">
        <v>12605</v>
      </c>
      <c r="E6534" t="s">
        <v>32835</v>
      </c>
      <c r="F6534">
        <v>5</v>
      </c>
      <c r="G6534" t="s">
        <v>14</v>
      </c>
      <c r="H6534" t="s">
        <v>12606</v>
      </c>
      <c r="I6534" t="s">
        <v>30540</v>
      </c>
    </row>
    <row r="6535" spans="1:9">
      <c r="A6535" s="1">
        <v>0.17901965018264532</v>
      </c>
      <c r="B6535" s="1"/>
      <c r="C6535">
        <v>12</v>
      </c>
      <c r="D6535" t="s">
        <v>12603</v>
      </c>
      <c r="E6535" t="s">
        <v>32835</v>
      </c>
      <c r="F6535">
        <v>4</v>
      </c>
      <c r="G6535" t="s">
        <v>14</v>
      </c>
      <c r="H6535" t="s">
        <v>12604</v>
      </c>
      <c r="I6535" t="s">
        <v>30540</v>
      </c>
    </row>
    <row r="6536" spans="1:9">
      <c r="A6536" s="1">
        <v>0.56564591899384387</v>
      </c>
      <c r="B6536" s="1"/>
      <c r="C6536">
        <v>1</v>
      </c>
      <c r="D6536" t="s">
        <v>12599</v>
      </c>
      <c r="E6536" t="s">
        <v>32835</v>
      </c>
      <c r="F6536">
        <v>4</v>
      </c>
      <c r="G6536" t="s">
        <v>2</v>
      </c>
      <c r="H6536" t="s">
        <v>12600</v>
      </c>
      <c r="I6536" t="s">
        <v>30540</v>
      </c>
    </row>
    <row r="6537" spans="1:9">
      <c r="A6537" s="1">
        <v>0.80172826387374208</v>
      </c>
      <c r="B6537" s="1"/>
      <c r="C6537">
        <v>13</v>
      </c>
      <c r="D6537" t="s">
        <v>12595</v>
      </c>
      <c r="E6537" t="s">
        <v>32836</v>
      </c>
      <c r="F6537">
        <v>5</v>
      </c>
      <c r="G6537" t="s">
        <v>775</v>
      </c>
      <c r="H6537" t="s">
        <v>12596</v>
      </c>
      <c r="I6537" t="s">
        <v>30540</v>
      </c>
    </row>
    <row r="6538" spans="1:9">
      <c r="A6538" s="1">
        <v>0.54117961136745119</v>
      </c>
      <c r="B6538" s="1"/>
      <c r="C6538">
        <v>15</v>
      </c>
      <c r="D6538" t="s">
        <v>12597</v>
      </c>
      <c r="E6538" t="s">
        <v>32836</v>
      </c>
      <c r="F6538">
        <v>5</v>
      </c>
      <c r="G6538" t="s">
        <v>14</v>
      </c>
      <c r="H6538" t="s">
        <v>12598</v>
      </c>
      <c r="I6538" t="s">
        <v>30540</v>
      </c>
    </row>
    <row r="6539" spans="1:9">
      <c r="A6539" s="1">
        <v>0.29526576909732583</v>
      </c>
      <c r="B6539" s="1"/>
      <c r="C6539">
        <v>2</v>
      </c>
      <c r="D6539" t="s">
        <v>12591</v>
      </c>
      <c r="E6539" t="s">
        <v>32836</v>
      </c>
      <c r="F6539">
        <v>4</v>
      </c>
      <c r="G6539" t="s">
        <v>13</v>
      </c>
      <c r="H6539" t="s">
        <v>12592</v>
      </c>
      <c r="I6539" t="s">
        <v>30540</v>
      </c>
    </row>
    <row r="6540" spans="1:9">
      <c r="A6540" s="1">
        <v>0.98567694637336156</v>
      </c>
      <c r="B6540" s="1"/>
      <c r="C6540">
        <v>9</v>
      </c>
      <c r="D6540" t="s">
        <v>17108</v>
      </c>
      <c r="E6540" t="s">
        <v>32837</v>
      </c>
      <c r="F6540">
        <v>5</v>
      </c>
      <c r="G6540" t="s">
        <v>15</v>
      </c>
      <c r="H6540" t="s">
        <v>17109</v>
      </c>
      <c r="I6540" t="s">
        <v>30540</v>
      </c>
    </row>
    <row r="6541" spans="1:9">
      <c r="A6541" s="1">
        <v>0.71804594550478018</v>
      </c>
      <c r="B6541" s="1"/>
      <c r="C6541">
        <v>8</v>
      </c>
      <c r="D6541" t="s">
        <v>17106</v>
      </c>
      <c r="E6541" t="s">
        <v>32837</v>
      </c>
      <c r="F6541">
        <v>5</v>
      </c>
      <c r="G6541" t="s">
        <v>14</v>
      </c>
      <c r="H6541" t="s">
        <v>17107</v>
      </c>
      <c r="I6541" t="s">
        <v>30540</v>
      </c>
    </row>
    <row r="6542" spans="1:9">
      <c r="A6542" s="1">
        <v>0.60348274696702287</v>
      </c>
      <c r="B6542" s="1"/>
      <c r="C6542">
        <v>1</v>
      </c>
      <c r="D6542" t="s">
        <v>17104</v>
      </c>
      <c r="E6542" t="s">
        <v>32837</v>
      </c>
      <c r="F6542">
        <v>4</v>
      </c>
      <c r="G6542" t="s">
        <v>0</v>
      </c>
      <c r="H6542" t="s">
        <v>17105</v>
      </c>
      <c r="I6542" t="s">
        <v>30540</v>
      </c>
    </row>
    <row r="6543" spans="1:9">
      <c r="A6543" s="1">
        <v>0.49303123622836309</v>
      </c>
      <c r="B6543" s="1"/>
      <c r="C6543">
        <v>13</v>
      </c>
      <c r="D6543" t="s">
        <v>17110</v>
      </c>
      <c r="E6543" t="s">
        <v>32837</v>
      </c>
      <c r="F6543">
        <v>4</v>
      </c>
      <c r="G6543" t="s">
        <v>15</v>
      </c>
      <c r="H6543" t="s">
        <v>17111</v>
      </c>
      <c r="I6543" t="s">
        <v>30540</v>
      </c>
    </row>
    <row r="6544" spans="1:9">
      <c r="A6544" s="1">
        <v>0.90915224161901897</v>
      </c>
      <c r="B6544" s="1"/>
      <c r="C6544">
        <v>11</v>
      </c>
      <c r="D6544" t="s">
        <v>17102</v>
      </c>
      <c r="E6544" t="s">
        <v>32838</v>
      </c>
      <c r="F6544">
        <v>5</v>
      </c>
      <c r="G6544" t="s">
        <v>14</v>
      </c>
      <c r="H6544" t="s">
        <v>17103</v>
      </c>
      <c r="I6544" t="s">
        <v>30540</v>
      </c>
    </row>
    <row r="6545" spans="1:9">
      <c r="A6545" s="1">
        <v>0.95452568576854491</v>
      </c>
      <c r="B6545" s="1"/>
      <c r="C6545">
        <v>3</v>
      </c>
      <c r="D6545" t="s">
        <v>17094</v>
      </c>
      <c r="E6545" t="s">
        <v>32838</v>
      </c>
      <c r="F6545">
        <v>4</v>
      </c>
      <c r="G6545" t="s">
        <v>14</v>
      </c>
      <c r="H6545" t="s">
        <v>17095</v>
      </c>
      <c r="I6545" t="s">
        <v>30540</v>
      </c>
    </row>
    <row r="6546" spans="1:9">
      <c r="A6546" s="1">
        <v>0.14424208144354045</v>
      </c>
      <c r="B6546" s="1"/>
      <c r="C6546">
        <v>7</v>
      </c>
      <c r="D6546" t="s">
        <v>17098</v>
      </c>
      <c r="E6546" t="s">
        <v>32838</v>
      </c>
      <c r="F6546">
        <v>3</v>
      </c>
      <c r="G6546" t="s">
        <v>14</v>
      </c>
      <c r="H6546" t="s">
        <v>17099</v>
      </c>
      <c r="I6546" t="s">
        <v>30540</v>
      </c>
    </row>
    <row r="6547" spans="1:9">
      <c r="A6547" s="1">
        <v>1.9036447695920389E-2</v>
      </c>
      <c r="B6547" s="1"/>
      <c r="C6547">
        <v>8</v>
      </c>
      <c r="D6547" t="s">
        <v>17100</v>
      </c>
      <c r="E6547" t="s">
        <v>32838</v>
      </c>
      <c r="F6547">
        <v>3</v>
      </c>
      <c r="G6547" t="s">
        <v>2</v>
      </c>
      <c r="H6547" t="s">
        <v>17101</v>
      </c>
      <c r="I6547" t="s">
        <v>30540</v>
      </c>
    </row>
    <row r="6548" spans="1:9">
      <c r="A6548" s="1">
        <v>0.27132635195030508</v>
      </c>
      <c r="B6548" s="1"/>
      <c r="C6548">
        <v>5</v>
      </c>
      <c r="D6548" t="s">
        <v>17096</v>
      </c>
      <c r="E6548" t="s">
        <v>32838</v>
      </c>
      <c r="F6548">
        <v>3</v>
      </c>
      <c r="G6548" t="s">
        <v>14</v>
      </c>
      <c r="H6548" t="s">
        <v>17097</v>
      </c>
      <c r="I6548" t="s">
        <v>30540</v>
      </c>
    </row>
    <row r="6549" spans="1:9">
      <c r="A6549" s="1">
        <v>0.75671703904306209</v>
      </c>
      <c r="B6549" s="1"/>
      <c r="C6549">
        <v>15</v>
      </c>
      <c r="D6549" t="s">
        <v>17088</v>
      </c>
      <c r="E6549" t="s">
        <v>32839</v>
      </c>
      <c r="F6549">
        <v>4</v>
      </c>
      <c r="G6549" t="s">
        <v>14</v>
      </c>
      <c r="H6549" t="s">
        <v>17089</v>
      </c>
      <c r="I6549" t="s">
        <v>30540</v>
      </c>
    </row>
    <row r="6550" spans="1:9">
      <c r="A6550" s="1">
        <v>0.44015253847789992</v>
      </c>
      <c r="B6550" s="1"/>
      <c r="C6550">
        <v>17</v>
      </c>
      <c r="D6550" t="s">
        <v>17090</v>
      </c>
      <c r="E6550" t="s">
        <v>32839</v>
      </c>
      <c r="F6550">
        <v>4</v>
      </c>
      <c r="G6550" t="s">
        <v>14</v>
      </c>
      <c r="H6550" t="s">
        <v>17091</v>
      </c>
      <c r="I6550" t="s">
        <v>30540</v>
      </c>
    </row>
    <row r="6551" spans="1:9">
      <c r="A6551" s="1">
        <v>0.79858800619719528</v>
      </c>
      <c r="B6551" s="1"/>
      <c r="C6551">
        <v>4</v>
      </c>
      <c r="D6551" t="s">
        <v>17082</v>
      </c>
      <c r="E6551" t="s">
        <v>32839</v>
      </c>
      <c r="F6551">
        <v>4</v>
      </c>
      <c r="G6551" t="s">
        <v>14</v>
      </c>
      <c r="H6551" t="s">
        <v>17083</v>
      </c>
      <c r="I6551" t="s">
        <v>30540</v>
      </c>
    </row>
    <row r="6552" spans="1:9">
      <c r="A6552" s="1">
        <v>0.77341675136476862</v>
      </c>
      <c r="B6552" s="1"/>
      <c r="C6552">
        <v>1</v>
      </c>
      <c r="D6552" t="s">
        <v>17078</v>
      </c>
      <c r="E6552" t="s">
        <v>32839</v>
      </c>
      <c r="F6552">
        <v>4</v>
      </c>
      <c r="G6552" t="s">
        <v>10</v>
      </c>
      <c r="H6552" t="s">
        <v>17079</v>
      </c>
      <c r="I6552" t="s">
        <v>30540</v>
      </c>
    </row>
    <row r="6553" spans="1:9">
      <c r="A6553" s="1">
        <v>0.15355609194752617</v>
      </c>
      <c r="B6553" s="1"/>
      <c r="C6553">
        <v>3</v>
      </c>
      <c r="D6553" t="s">
        <v>17080</v>
      </c>
      <c r="E6553" t="s">
        <v>32839</v>
      </c>
      <c r="F6553">
        <v>4</v>
      </c>
      <c r="G6553" t="s">
        <v>14</v>
      </c>
      <c r="H6553" t="s">
        <v>17081</v>
      </c>
      <c r="I6553" t="s">
        <v>30540</v>
      </c>
    </row>
    <row r="6554" spans="1:9">
      <c r="A6554" s="1">
        <v>0.23241556183432854</v>
      </c>
      <c r="B6554" s="1"/>
      <c r="C6554">
        <v>14</v>
      </c>
      <c r="D6554" t="s">
        <v>17086</v>
      </c>
      <c r="E6554" t="s">
        <v>32839</v>
      </c>
      <c r="F6554">
        <v>3</v>
      </c>
      <c r="G6554" t="s">
        <v>14</v>
      </c>
      <c r="H6554" t="s">
        <v>17087</v>
      </c>
      <c r="I6554" t="s">
        <v>30540</v>
      </c>
    </row>
    <row r="6555" spans="1:9">
      <c r="A6555" s="1">
        <v>0.79773940828109224</v>
      </c>
      <c r="B6555" s="1"/>
      <c r="C6555">
        <v>12</v>
      </c>
      <c r="D6555" t="s">
        <v>17068</v>
      </c>
      <c r="E6555" t="s">
        <v>32840</v>
      </c>
      <c r="F6555">
        <v>5</v>
      </c>
      <c r="G6555" t="s">
        <v>775</v>
      </c>
      <c r="H6555" t="s">
        <v>17069</v>
      </c>
      <c r="I6555" t="s">
        <v>30540</v>
      </c>
    </row>
    <row r="6556" spans="1:9">
      <c r="A6556" s="1">
        <v>0.22159527896501985</v>
      </c>
      <c r="B6556" s="1"/>
      <c r="C6556">
        <v>2</v>
      </c>
      <c r="D6556" t="s">
        <v>17064</v>
      </c>
      <c r="E6556" t="s">
        <v>32840</v>
      </c>
      <c r="F6556">
        <v>4</v>
      </c>
      <c r="G6556" t="s">
        <v>775</v>
      </c>
      <c r="H6556" t="s">
        <v>17065</v>
      </c>
      <c r="I6556" t="s">
        <v>30540</v>
      </c>
    </row>
    <row r="6557" spans="1:9">
      <c r="A6557" s="1">
        <v>0.80356845622204132</v>
      </c>
      <c r="B6557" s="1"/>
      <c r="C6557">
        <v>5</v>
      </c>
      <c r="D6557" t="s">
        <v>17066</v>
      </c>
      <c r="E6557" t="s">
        <v>32840</v>
      </c>
      <c r="F6557">
        <v>4</v>
      </c>
      <c r="G6557" t="s">
        <v>3732</v>
      </c>
      <c r="H6557" t="s">
        <v>17067</v>
      </c>
      <c r="I6557" t="s">
        <v>30540</v>
      </c>
    </row>
    <row r="6558" spans="1:9">
      <c r="A6558" s="1">
        <v>0.88902977001299355</v>
      </c>
      <c r="B6558" s="1"/>
      <c r="C6558">
        <v>18</v>
      </c>
      <c r="D6558" t="s">
        <v>17074</v>
      </c>
      <c r="E6558" t="s">
        <v>32840</v>
      </c>
      <c r="F6558">
        <v>3</v>
      </c>
      <c r="G6558" t="s">
        <v>775</v>
      </c>
      <c r="H6558" t="s">
        <v>17075</v>
      </c>
      <c r="I6558" t="s">
        <v>30540</v>
      </c>
    </row>
    <row r="6559" spans="1:9">
      <c r="A6559" s="1">
        <v>0.68336846049025568</v>
      </c>
      <c r="B6559" s="1"/>
      <c r="C6559">
        <v>1</v>
      </c>
      <c r="D6559" t="s">
        <v>17062</v>
      </c>
      <c r="E6559" t="s">
        <v>32840</v>
      </c>
      <c r="F6559">
        <v>3</v>
      </c>
      <c r="G6559" t="s">
        <v>2</v>
      </c>
      <c r="H6559" t="s">
        <v>17063</v>
      </c>
      <c r="I6559" t="s">
        <v>30540</v>
      </c>
    </row>
    <row r="6560" spans="1:9">
      <c r="A6560" s="1">
        <v>0.97167417384911048</v>
      </c>
      <c r="B6560" s="1"/>
      <c r="C6560">
        <v>19</v>
      </c>
      <c r="D6560" t="s">
        <v>17076</v>
      </c>
      <c r="E6560" t="s">
        <v>32840</v>
      </c>
      <c r="F6560">
        <v>3</v>
      </c>
      <c r="G6560" t="s">
        <v>3732</v>
      </c>
      <c r="H6560" t="s">
        <v>17077</v>
      </c>
      <c r="I6560" t="s">
        <v>30540</v>
      </c>
    </row>
    <row r="6561" spans="1:9">
      <c r="A6561" s="1">
        <v>0.21144985923074211</v>
      </c>
      <c r="B6561" s="1"/>
      <c r="C6561">
        <v>3</v>
      </c>
      <c r="D6561" t="s">
        <v>17054</v>
      </c>
      <c r="E6561" t="s">
        <v>32841</v>
      </c>
      <c r="F6561">
        <v>5</v>
      </c>
      <c r="G6561" t="s">
        <v>13</v>
      </c>
      <c r="H6561" t="s">
        <v>17055</v>
      </c>
      <c r="I6561" t="s">
        <v>30540</v>
      </c>
    </row>
    <row r="6562" spans="1:9">
      <c r="A6562" s="1">
        <v>0.68993274408947436</v>
      </c>
      <c r="B6562" s="1"/>
      <c r="C6562">
        <v>5</v>
      </c>
      <c r="D6562" t="s">
        <v>17056</v>
      </c>
      <c r="E6562" t="s">
        <v>32841</v>
      </c>
      <c r="F6562">
        <v>4</v>
      </c>
      <c r="G6562" t="s">
        <v>10</v>
      </c>
      <c r="H6562" t="s">
        <v>17057</v>
      </c>
      <c r="I6562" t="s">
        <v>30540</v>
      </c>
    </row>
    <row r="6563" spans="1:9">
      <c r="A6563" s="1">
        <v>0.59294982462302148</v>
      </c>
      <c r="B6563" s="1"/>
      <c r="C6563">
        <v>11</v>
      </c>
      <c r="D6563" t="s">
        <v>17060</v>
      </c>
      <c r="E6563" t="s">
        <v>32841</v>
      </c>
      <c r="F6563">
        <v>4</v>
      </c>
      <c r="G6563" t="s">
        <v>10</v>
      </c>
      <c r="H6563" t="s">
        <v>17061</v>
      </c>
      <c r="I6563" t="s">
        <v>30540</v>
      </c>
    </row>
    <row r="6564" spans="1:9">
      <c r="A6564" s="1">
        <v>0.93309407223784457</v>
      </c>
      <c r="B6564" s="1"/>
      <c r="C6564">
        <v>8</v>
      </c>
      <c r="D6564" t="s">
        <v>17058</v>
      </c>
      <c r="E6564" t="s">
        <v>32841</v>
      </c>
      <c r="F6564">
        <v>4</v>
      </c>
      <c r="G6564" t="s">
        <v>0</v>
      </c>
      <c r="H6564" t="s">
        <v>17059</v>
      </c>
      <c r="I6564" t="s">
        <v>30540</v>
      </c>
    </row>
    <row r="6565" spans="1:9">
      <c r="A6565" s="1">
        <v>0.65927225067986239</v>
      </c>
      <c r="B6565" s="1"/>
      <c r="C6565">
        <v>9</v>
      </c>
      <c r="D6565" t="s">
        <v>17048</v>
      </c>
      <c r="E6565" t="s">
        <v>32842</v>
      </c>
      <c r="F6565">
        <v>5</v>
      </c>
      <c r="G6565" t="s">
        <v>14</v>
      </c>
      <c r="H6565" t="s">
        <v>17049</v>
      </c>
      <c r="I6565" t="s">
        <v>30540</v>
      </c>
    </row>
    <row r="6566" spans="1:9">
      <c r="A6566" s="1">
        <v>0.37939045307764097</v>
      </c>
      <c r="B6566" s="1"/>
      <c r="C6566">
        <v>10</v>
      </c>
      <c r="D6566" t="s">
        <v>17050</v>
      </c>
      <c r="E6566" t="s">
        <v>32842</v>
      </c>
      <c r="F6566">
        <v>4</v>
      </c>
      <c r="G6566" t="s">
        <v>9</v>
      </c>
      <c r="H6566" t="s">
        <v>17051</v>
      </c>
      <c r="I6566" t="s">
        <v>30540</v>
      </c>
    </row>
    <row r="6567" spans="1:9">
      <c r="A6567" s="1">
        <v>0.76741766361410946</v>
      </c>
      <c r="B6567" s="1"/>
      <c r="C6567">
        <v>4</v>
      </c>
      <c r="D6567" t="s">
        <v>17044</v>
      </c>
      <c r="E6567" t="s">
        <v>32842</v>
      </c>
      <c r="F6567">
        <v>4</v>
      </c>
      <c r="G6567" t="s">
        <v>10</v>
      </c>
      <c r="H6567" t="s">
        <v>17045</v>
      </c>
      <c r="I6567" t="s">
        <v>30540</v>
      </c>
    </row>
    <row r="6568" spans="1:9">
      <c r="A6568" s="1">
        <v>0.97108340538574978</v>
      </c>
      <c r="B6568" s="1"/>
      <c r="C6568">
        <v>11</v>
      </c>
      <c r="D6568" t="s">
        <v>17052</v>
      </c>
      <c r="E6568" t="s">
        <v>32842</v>
      </c>
      <c r="F6568">
        <v>4</v>
      </c>
      <c r="G6568" t="s">
        <v>14</v>
      </c>
      <c r="H6568" t="s">
        <v>17053</v>
      </c>
      <c r="I6568" t="s">
        <v>30540</v>
      </c>
    </row>
    <row r="6569" spans="1:9">
      <c r="A6569" s="1">
        <v>0.70451024897718184</v>
      </c>
      <c r="B6569" s="1"/>
      <c r="C6569">
        <v>7</v>
      </c>
      <c r="D6569" t="s">
        <v>17046</v>
      </c>
      <c r="E6569" t="s">
        <v>32842</v>
      </c>
      <c r="F6569">
        <v>4</v>
      </c>
      <c r="G6569" t="s">
        <v>9</v>
      </c>
      <c r="H6569" t="s">
        <v>17047</v>
      </c>
      <c r="I6569" t="s">
        <v>30540</v>
      </c>
    </row>
    <row r="6570" spans="1:9">
      <c r="A6570" s="1">
        <v>0.3230408485798858</v>
      </c>
      <c r="B6570" s="1"/>
      <c r="C6570">
        <v>3</v>
      </c>
      <c r="D6570" t="s">
        <v>17038</v>
      </c>
      <c r="E6570" t="s">
        <v>32843</v>
      </c>
      <c r="F6570">
        <v>5</v>
      </c>
      <c r="G6570" t="s">
        <v>2</v>
      </c>
      <c r="H6570" t="s">
        <v>17039</v>
      </c>
      <c r="I6570" t="s">
        <v>30540</v>
      </c>
    </row>
    <row r="6571" spans="1:9">
      <c r="A6571" s="1">
        <v>0.25400060579140182</v>
      </c>
      <c r="B6571" s="1"/>
      <c r="C6571">
        <v>5</v>
      </c>
      <c r="D6571" t="s">
        <v>17040</v>
      </c>
      <c r="E6571" t="s">
        <v>32843</v>
      </c>
      <c r="F6571">
        <v>5</v>
      </c>
      <c r="G6571" t="s">
        <v>14</v>
      </c>
      <c r="H6571" t="s">
        <v>17041</v>
      </c>
      <c r="I6571" t="s">
        <v>30540</v>
      </c>
    </row>
    <row r="6572" spans="1:9">
      <c r="A6572" s="1">
        <v>0.40026081918774425</v>
      </c>
      <c r="B6572" s="1"/>
      <c r="C6572">
        <v>8</v>
      </c>
      <c r="D6572" t="s">
        <v>17042</v>
      </c>
      <c r="E6572" t="s">
        <v>32843</v>
      </c>
      <c r="F6572">
        <v>4</v>
      </c>
      <c r="G6572" t="s">
        <v>14</v>
      </c>
      <c r="H6572" t="s">
        <v>17043</v>
      </c>
      <c r="I6572" t="s">
        <v>30540</v>
      </c>
    </row>
    <row r="6573" spans="1:9">
      <c r="A6573" s="1">
        <v>0.4850558373913646</v>
      </c>
      <c r="B6573" s="1"/>
      <c r="C6573">
        <v>8</v>
      </c>
      <c r="D6573" t="s">
        <v>17036</v>
      </c>
      <c r="E6573" t="s">
        <v>32844</v>
      </c>
      <c r="F6573">
        <v>5</v>
      </c>
      <c r="G6573" t="s">
        <v>14</v>
      </c>
      <c r="H6573" t="s">
        <v>17037</v>
      </c>
      <c r="I6573" t="s">
        <v>30540</v>
      </c>
    </row>
    <row r="6574" spans="1:9">
      <c r="A6574" s="1">
        <v>0.3087018159848598</v>
      </c>
      <c r="B6574" s="1"/>
      <c r="C6574">
        <v>15</v>
      </c>
      <c r="D6574" t="s">
        <v>17028</v>
      </c>
      <c r="E6574" t="s">
        <v>32845</v>
      </c>
      <c r="F6574">
        <v>5</v>
      </c>
      <c r="G6574" t="s">
        <v>762</v>
      </c>
      <c r="H6574" t="s">
        <v>17029</v>
      </c>
      <c r="I6574" t="s">
        <v>30540</v>
      </c>
    </row>
    <row r="6575" spans="1:9">
      <c r="A6575" s="1">
        <v>0.82691861705990799</v>
      </c>
      <c r="B6575" s="1"/>
      <c r="C6575">
        <v>10</v>
      </c>
      <c r="D6575" t="s">
        <v>17022</v>
      </c>
      <c r="E6575" t="s">
        <v>32845</v>
      </c>
      <c r="F6575">
        <v>4</v>
      </c>
      <c r="G6575" t="s">
        <v>775</v>
      </c>
      <c r="H6575" t="s">
        <v>17023</v>
      </c>
      <c r="I6575" t="s">
        <v>30540</v>
      </c>
    </row>
    <row r="6576" spans="1:9">
      <c r="A6576" s="1">
        <v>0.37311910045301022</v>
      </c>
      <c r="B6576" s="1"/>
      <c r="C6576">
        <v>1</v>
      </c>
      <c r="D6576" t="s">
        <v>17020</v>
      </c>
      <c r="E6576" t="s">
        <v>32845</v>
      </c>
      <c r="F6576">
        <v>4</v>
      </c>
      <c r="G6576" t="s">
        <v>14</v>
      </c>
      <c r="H6576" t="s">
        <v>17021</v>
      </c>
      <c r="I6576" t="s">
        <v>30540</v>
      </c>
    </row>
    <row r="6577" spans="1:9">
      <c r="A6577" s="1">
        <v>0.82355759630121828</v>
      </c>
      <c r="B6577" s="1"/>
      <c r="C6577">
        <v>19</v>
      </c>
      <c r="D6577" t="s">
        <v>17032</v>
      </c>
      <c r="E6577" t="s">
        <v>32845</v>
      </c>
      <c r="F6577">
        <v>4</v>
      </c>
      <c r="G6577" t="s">
        <v>1426</v>
      </c>
      <c r="H6577" t="s">
        <v>17033</v>
      </c>
      <c r="I6577" t="s">
        <v>30540</v>
      </c>
    </row>
    <row r="6578" spans="1:9">
      <c r="A6578" s="1">
        <v>0.9454558922519295</v>
      </c>
      <c r="B6578" s="1"/>
      <c r="C6578">
        <v>17</v>
      </c>
      <c r="D6578" t="s">
        <v>17030</v>
      </c>
      <c r="E6578" t="s">
        <v>32845</v>
      </c>
      <c r="F6578">
        <v>4</v>
      </c>
      <c r="G6578" t="s">
        <v>1431</v>
      </c>
      <c r="H6578" t="s">
        <v>17031</v>
      </c>
      <c r="I6578" t="s">
        <v>30540</v>
      </c>
    </row>
    <row r="6579" spans="1:9">
      <c r="A6579" s="1">
        <v>0.94277329538189836</v>
      </c>
      <c r="B6579" s="1"/>
      <c r="C6579">
        <v>20</v>
      </c>
      <c r="D6579" t="s">
        <v>17034</v>
      </c>
      <c r="E6579" t="s">
        <v>32845</v>
      </c>
      <c r="F6579">
        <v>4</v>
      </c>
      <c r="G6579" t="s">
        <v>0</v>
      </c>
      <c r="H6579" t="s">
        <v>17035</v>
      </c>
      <c r="I6579" t="s">
        <v>30540</v>
      </c>
    </row>
    <row r="6580" spans="1:9">
      <c r="A6580" s="1">
        <v>0.47209697794433469</v>
      </c>
      <c r="B6580" s="1"/>
      <c r="C6580">
        <v>7</v>
      </c>
      <c r="D6580" t="s">
        <v>17018</v>
      </c>
      <c r="E6580" t="s">
        <v>32846</v>
      </c>
      <c r="F6580">
        <v>4</v>
      </c>
      <c r="G6580" t="s">
        <v>14</v>
      </c>
      <c r="H6580" t="s">
        <v>17019</v>
      </c>
      <c r="I6580" t="s">
        <v>30540</v>
      </c>
    </row>
    <row r="6581" spans="1:9">
      <c r="A6581" s="1">
        <v>0.70367912979187719</v>
      </c>
      <c r="B6581" s="1"/>
      <c r="C6581">
        <v>8</v>
      </c>
      <c r="D6581" t="s">
        <v>17016</v>
      </c>
      <c r="E6581" t="s">
        <v>32847</v>
      </c>
      <c r="F6581">
        <v>3</v>
      </c>
      <c r="G6581" t="s">
        <v>0</v>
      </c>
      <c r="H6581" t="s">
        <v>17017</v>
      </c>
      <c r="I6581" t="s">
        <v>30540</v>
      </c>
    </row>
    <row r="6582" spans="1:9">
      <c r="A6582" s="1">
        <v>0.23736045679266182</v>
      </c>
      <c r="B6582" s="1"/>
      <c r="C6582">
        <v>16</v>
      </c>
      <c r="D6582" t="s">
        <v>17014</v>
      </c>
      <c r="E6582" t="s">
        <v>32848</v>
      </c>
      <c r="F6582">
        <v>5</v>
      </c>
      <c r="G6582" t="s">
        <v>14</v>
      </c>
      <c r="H6582" t="s">
        <v>17015</v>
      </c>
      <c r="I6582" t="s">
        <v>30540</v>
      </c>
    </row>
    <row r="6583" spans="1:9">
      <c r="A6583" s="1">
        <v>0.38689501190081876</v>
      </c>
      <c r="B6583" s="1"/>
      <c r="C6583">
        <v>8</v>
      </c>
      <c r="D6583" t="s">
        <v>17008</v>
      </c>
      <c r="E6583" t="s">
        <v>32848</v>
      </c>
      <c r="F6583">
        <v>4</v>
      </c>
      <c r="G6583" t="s">
        <v>14</v>
      </c>
      <c r="H6583" t="s">
        <v>17009</v>
      </c>
      <c r="I6583" t="s">
        <v>30540</v>
      </c>
    </row>
    <row r="6584" spans="1:9">
      <c r="A6584" s="1">
        <v>0.65182004305492613</v>
      </c>
      <c r="B6584" s="1"/>
      <c r="C6584">
        <v>5</v>
      </c>
      <c r="D6584" t="s">
        <v>17006</v>
      </c>
      <c r="E6584" t="s">
        <v>32848</v>
      </c>
      <c r="F6584">
        <v>3</v>
      </c>
      <c r="G6584" t="s">
        <v>14</v>
      </c>
      <c r="H6584" t="s">
        <v>17007</v>
      </c>
      <c r="I6584" t="s">
        <v>30540</v>
      </c>
    </row>
    <row r="6585" spans="1:9">
      <c r="A6585" s="1">
        <v>0.84456770007134974</v>
      </c>
      <c r="B6585" s="1"/>
      <c r="C6585">
        <v>13</v>
      </c>
      <c r="D6585" t="s">
        <v>16998</v>
      </c>
      <c r="E6585" t="s">
        <v>32849</v>
      </c>
      <c r="F6585">
        <v>5</v>
      </c>
      <c r="G6585" t="s">
        <v>14</v>
      </c>
      <c r="H6585" t="s">
        <v>16999</v>
      </c>
      <c r="I6585" t="s">
        <v>30540</v>
      </c>
    </row>
    <row r="6586" spans="1:9">
      <c r="A6586" s="1">
        <v>0.9331848426769408</v>
      </c>
      <c r="B6586" s="1"/>
      <c r="C6586">
        <v>14</v>
      </c>
      <c r="D6586" t="s">
        <v>17000</v>
      </c>
      <c r="E6586" t="s">
        <v>32849</v>
      </c>
      <c r="F6586">
        <v>5</v>
      </c>
      <c r="G6586" t="s">
        <v>14</v>
      </c>
      <c r="H6586" t="s">
        <v>17001</v>
      </c>
      <c r="I6586" t="s">
        <v>30540</v>
      </c>
    </row>
    <row r="6587" spans="1:9">
      <c r="A6587" s="1">
        <v>0.36656128453263181</v>
      </c>
      <c r="B6587" s="1"/>
      <c r="C6587">
        <v>6</v>
      </c>
      <c r="D6587" t="s">
        <v>16996</v>
      </c>
      <c r="E6587" t="s">
        <v>32849</v>
      </c>
      <c r="F6587">
        <v>5</v>
      </c>
      <c r="G6587" t="s">
        <v>2</v>
      </c>
      <c r="H6587" t="s">
        <v>16997</v>
      </c>
      <c r="I6587" t="s">
        <v>30540</v>
      </c>
    </row>
    <row r="6588" spans="1:9">
      <c r="A6588" s="1">
        <v>0.27655774993482618</v>
      </c>
      <c r="B6588" s="1"/>
      <c r="C6588">
        <v>4</v>
      </c>
      <c r="D6588" t="s">
        <v>16994</v>
      </c>
      <c r="E6588" t="s">
        <v>32849</v>
      </c>
      <c r="F6588">
        <v>4</v>
      </c>
      <c r="G6588" t="s">
        <v>0</v>
      </c>
      <c r="H6588" t="s">
        <v>16995</v>
      </c>
      <c r="I6588" t="s">
        <v>30540</v>
      </c>
    </row>
    <row r="6589" spans="1:9">
      <c r="A6589" s="1">
        <v>0.25720317725723196</v>
      </c>
      <c r="B6589" s="1"/>
      <c r="C6589">
        <v>15</v>
      </c>
      <c r="D6589" t="s">
        <v>17002</v>
      </c>
      <c r="E6589" t="s">
        <v>32849</v>
      </c>
      <c r="F6589">
        <v>4</v>
      </c>
      <c r="G6589" t="s">
        <v>14</v>
      </c>
      <c r="H6589" t="s">
        <v>17003</v>
      </c>
      <c r="I6589" t="s">
        <v>30540</v>
      </c>
    </row>
    <row r="6590" spans="1:9">
      <c r="A6590" s="1">
        <v>2.1190950419530785E-2</v>
      </c>
      <c r="B6590" s="1"/>
      <c r="C6590">
        <v>16</v>
      </c>
      <c r="D6590" t="s">
        <v>17004</v>
      </c>
      <c r="E6590" t="s">
        <v>32849</v>
      </c>
      <c r="F6590">
        <v>4</v>
      </c>
      <c r="G6590" t="s">
        <v>9</v>
      </c>
      <c r="H6590" t="s">
        <v>17005</v>
      </c>
      <c r="I6590" t="s">
        <v>30540</v>
      </c>
    </row>
    <row r="6591" spans="1:9">
      <c r="A6591" s="1">
        <v>0.38095273675760377</v>
      </c>
      <c r="B6591" s="1"/>
      <c r="C6591">
        <v>13</v>
      </c>
      <c r="D6591" t="s">
        <v>16986</v>
      </c>
      <c r="E6591" t="s">
        <v>32850</v>
      </c>
      <c r="F6591">
        <v>4</v>
      </c>
      <c r="G6591" t="s">
        <v>766</v>
      </c>
      <c r="H6591" t="s">
        <v>16987</v>
      </c>
      <c r="I6591" t="s">
        <v>30540</v>
      </c>
    </row>
    <row r="6592" spans="1:9">
      <c r="A6592" s="1">
        <v>0.96406872177591552</v>
      </c>
      <c r="B6592" s="1"/>
      <c r="C6592">
        <v>19</v>
      </c>
      <c r="D6592" t="s">
        <v>16992</v>
      </c>
      <c r="E6592" t="s">
        <v>32850</v>
      </c>
      <c r="F6592">
        <v>4</v>
      </c>
      <c r="G6592" t="s">
        <v>14</v>
      </c>
      <c r="H6592" t="s">
        <v>16993</v>
      </c>
      <c r="I6592" t="s">
        <v>30540</v>
      </c>
    </row>
    <row r="6593" spans="1:9">
      <c r="A6593" s="1">
        <v>0.82532182726033287</v>
      </c>
      <c r="B6593" s="1"/>
      <c r="C6593">
        <v>15</v>
      </c>
      <c r="D6593" t="s">
        <v>16988</v>
      </c>
      <c r="E6593" t="s">
        <v>32850</v>
      </c>
      <c r="F6593">
        <v>4</v>
      </c>
      <c r="G6593" t="s">
        <v>771</v>
      </c>
      <c r="H6593" t="s">
        <v>16989</v>
      </c>
      <c r="I6593" t="s">
        <v>30540</v>
      </c>
    </row>
    <row r="6594" spans="1:9">
      <c r="A6594" s="1">
        <v>0.57150909028162966</v>
      </c>
      <c r="B6594" s="1"/>
      <c r="C6594">
        <v>16</v>
      </c>
      <c r="D6594" t="s">
        <v>16990</v>
      </c>
      <c r="E6594" t="s">
        <v>32850</v>
      </c>
      <c r="F6594">
        <v>3</v>
      </c>
      <c r="G6594" t="s">
        <v>770</v>
      </c>
      <c r="H6594" t="s">
        <v>16991</v>
      </c>
      <c r="I6594" t="s">
        <v>30540</v>
      </c>
    </row>
    <row r="6595" spans="1:9">
      <c r="A6595" s="1">
        <v>0.93542703671487004</v>
      </c>
      <c r="B6595" s="1"/>
      <c r="C6595">
        <v>11</v>
      </c>
      <c r="D6595" t="s">
        <v>16984</v>
      </c>
      <c r="E6595" t="s">
        <v>32851</v>
      </c>
      <c r="F6595">
        <v>5</v>
      </c>
      <c r="G6595" t="s">
        <v>14</v>
      </c>
      <c r="H6595" t="s">
        <v>16985</v>
      </c>
      <c r="I6595" t="s">
        <v>30540</v>
      </c>
    </row>
    <row r="6596" spans="1:9">
      <c r="A6596" s="1">
        <v>0.86787035259622314</v>
      </c>
      <c r="B6596" s="1"/>
      <c r="C6596">
        <v>5</v>
      </c>
      <c r="D6596" t="s">
        <v>16982</v>
      </c>
      <c r="E6596" t="s">
        <v>32851</v>
      </c>
      <c r="F6596">
        <v>4</v>
      </c>
      <c r="G6596" t="s">
        <v>14</v>
      </c>
      <c r="H6596" t="s">
        <v>16983</v>
      </c>
      <c r="I6596" t="s">
        <v>30540</v>
      </c>
    </row>
    <row r="6597" spans="1:9">
      <c r="A6597" s="1">
        <v>8.3512879133661455E-3</v>
      </c>
      <c r="B6597" s="1"/>
      <c r="C6597">
        <v>7</v>
      </c>
      <c r="D6597" t="s">
        <v>16970</v>
      </c>
      <c r="E6597" t="s">
        <v>32852</v>
      </c>
      <c r="F6597">
        <v>5</v>
      </c>
      <c r="G6597" t="s">
        <v>14</v>
      </c>
      <c r="H6597" t="s">
        <v>16971</v>
      </c>
      <c r="I6597" t="s">
        <v>30540</v>
      </c>
    </row>
    <row r="6598" spans="1:9">
      <c r="A6598" s="1">
        <v>0.67729041409905044</v>
      </c>
      <c r="B6598" s="1"/>
      <c r="C6598">
        <v>5</v>
      </c>
      <c r="D6598" t="s">
        <v>16968</v>
      </c>
      <c r="E6598" t="s">
        <v>32852</v>
      </c>
      <c r="F6598">
        <v>4</v>
      </c>
      <c r="G6598" t="s">
        <v>2</v>
      </c>
      <c r="H6598" t="s">
        <v>16969</v>
      </c>
      <c r="I6598" t="s">
        <v>30540</v>
      </c>
    </row>
    <row r="6599" spans="1:9">
      <c r="A6599" s="1">
        <v>0.86807674263889778</v>
      </c>
      <c r="B6599" s="1"/>
      <c r="C6599">
        <v>18</v>
      </c>
      <c r="D6599" t="s">
        <v>16980</v>
      </c>
      <c r="E6599" t="s">
        <v>32852</v>
      </c>
      <c r="F6599">
        <v>4</v>
      </c>
      <c r="G6599" t="s">
        <v>14</v>
      </c>
      <c r="H6599" t="s">
        <v>16981</v>
      </c>
      <c r="I6599" t="s">
        <v>30540</v>
      </c>
    </row>
    <row r="6600" spans="1:9">
      <c r="A6600" s="1">
        <v>8.595932205822221E-2</v>
      </c>
      <c r="B6600" s="1"/>
      <c r="C6600">
        <v>8</v>
      </c>
      <c r="D6600" t="s">
        <v>16972</v>
      </c>
      <c r="E6600" t="s">
        <v>32852</v>
      </c>
      <c r="F6600">
        <v>4</v>
      </c>
      <c r="G6600" t="s">
        <v>13</v>
      </c>
      <c r="H6600" t="s">
        <v>16973</v>
      </c>
      <c r="I6600" t="s">
        <v>30540</v>
      </c>
    </row>
    <row r="6601" spans="1:9">
      <c r="A6601" s="1">
        <v>0.99345277190557069</v>
      </c>
      <c r="B6601" s="1"/>
      <c r="C6601">
        <v>14</v>
      </c>
      <c r="D6601" t="s">
        <v>16978</v>
      </c>
      <c r="E6601" t="s">
        <v>32852</v>
      </c>
      <c r="F6601">
        <v>4</v>
      </c>
      <c r="G6601" t="s">
        <v>14</v>
      </c>
      <c r="H6601" t="s">
        <v>16979</v>
      </c>
      <c r="I6601" t="s">
        <v>30540</v>
      </c>
    </row>
    <row r="6602" spans="1:9">
      <c r="A6602" s="1">
        <v>0.98478679417699555</v>
      </c>
      <c r="B6602" s="1"/>
      <c r="C6602">
        <v>10</v>
      </c>
      <c r="D6602" t="s">
        <v>16974</v>
      </c>
      <c r="E6602" t="s">
        <v>32852</v>
      </c>
      <c r="F6602">
        <v>4</v>
      </c>
      <c r="G6602" t="s">
        <v>14</v>
      </c>
      <c r="H6602" t="s">
        <v>16975</v>
      </c>
      <c r="I6602" t="s">
        <v>30540</v>
      </c>
    </row>
    <row r="6603" spans="1:9">
      <c r="A6603" s="1">
        <v>0.59021967579740409</v>
      </c>
      <c r="B6603" s="1"/>
      <c r="C6603">
        <v>10</v>
      </c>
      <c r="D6603" t="s">
        <v>16962</v>
      </c>
      <c r="E6603" t="s">
        <v>32853</v>
      </c>
      <c r="F6603">
        <v>5</v>
      </c>
      <c r="G6603" t="s">
        <v>14</v>
      </c>
      <c r="H6603" t="s">
        <v>16963</v>
      </c>
      <c r="I6603" t="s">
        <v>30540</v>
      </c>
    </row>
    <row r="6604" spans="1:9">
      <c r="A6604" s="1">
        <v>0.70630293038674896</v>
      </c>
      <c r="B6604" s="1"/>
      <c r="C6604">
        <v>2</v>
      </c>
      <c r="D6604" t="s">
        <v>16960</v>
      </c>
      <c r="E6604" t="s">
        <v>32853</v>
      </c>
      <c r="F6604">
        <v>5</v>
      </c>
      <c r="G6604" t="s">
        <v>0</v>
      </c>
      <c r="H6604" t="s">
        <v>16961</v>
      </c>
      <c r="I6604" t="s">
        <v>30540</v>
      </c>
    </row>
    <row r="6605" spans="1:9">
      <c r="A6605" s="1">
        <v>0.27890330038465727</v>
      </c>
      <c r="B6605" s="1"/>
      <c r="C6605">
        <v>13</v>
      </c>
      <c r="D6605" t="s">
        <v>16964</v>
      </c>
      <c r="E6605" t="s">
        <v>32853</v>
      </c>
      <c r="F6605">
        <v>4</v>
      </c>
      <c r="G6605" t="s">
        <v>14</v>
      </c>
      <c r="H6605" t="s">
        <v>16965</v>
      </c>
      <c r="I6605" t="s">
        <v>30540</v>
      </c>
    </row>
    <row r="6606" spans="1:9">
      <c r="A6606" s="1">
        <v>0.54324874436591464</v>
      </c>
      <c r="B6606" s="1"/>
      <c r="C6606">
        <v>15</v>
      </c>
      <c r="D6606" t="s">
        <v>16966</v>
      </c>
      <c r="E6606" t="s">
        <v>32853</v>
      </c>
      <c r="F6606">
        <v>4</v>
      </c>
      <c r="G6606" t="s">
        <v>14</v>
      </c>
      <c r="H6606" t="s">
        <v>16967</v>
      </c>
      <c r="I6606" t="s">
        <v>30540</v>
      </c>
    </row>
    <row r="6607" spans="1:9">
      <c r="A6607" s="1">
        <v>8.1338716966919633E-2</v>
      </c>
      <c r="B6607" s="1"/>
      <c r="C6607">
        <v>2</v>
      </c>
      <c r="D6607" t="s">
        <v>16952</v>
      </c>
      <c r="E6607" t="s">
        <v>32854</v>
      </c>
      <c r="F6607">
        <v>5</v>
      </c>
      <c r="G6607" t="s">
        <v>14</v>
      </c>
      <c r="H6607" t="s">
        <v>16953</v>
      </c>
      <c r="I6607" t="s">
        <v>30540</v>
      </c>
    </row>
    <row r="6608" spans="1:9">
      <c r="A6608" s="1">
        <v>0.5201145195154705</v>
      </c>
      <c r="B6608" s="1"/>
      <c r="C6608">
        <v>16</v>
      </c>
      <c r="D6608" t="s">
        <v>16958</v>
      </c>
      <c r="E6608" t="s">
        <v>32854</v>
      </c>
      <c r="F6608">
        <v>4</v>
      </c>
      <c r="G6608" t="s">
        <v>14</v>
      </c>
      <c r="H6608" t="s">
        <v>16959</v>
      </c>
      <c r="I6608" t="s">
        <v>30540</v>
      </c>
    </row>
    <row r="6609" spans="1:9">
      <c r="A6609" s="1">
        <v>0.26776962102557311</v>
      </c>
      <c r="B6609" s="1"/>
      <c r="C6609">
        <v>9</v>
      </c>
      <c r="D6609" t="s">
        <v>16956</v>
      </c>
      <c r="E6609" t="s">
        <v>32854</v>
      </c>
      <c r="F6609">
        <v>4</v>
      </c>
      <c r="G6609" t="s">
        <v>0</v>
      </c>
      <c r="H6609" t="s">
        <v>16957</v>
      </c>
      <c r="I6609" t="s">
        <v>30540</v>
      </c>
    </row>
    <row r="6610" spans="1:9">
      <c r="A6610" s="1">
        <v>0.81193264198415105</v>
      </c>
      <c r="B6610" s="1"/>
      <c r="C6610">
        <v>5</v>
      </c>
      <c r="D6610" t="s">
        <v>16954</v>
      </c>
      <c r="E6610" t="s">
        <v>32854</v>
      </c>
      <c r="F6610">
        <v>4</v>
      </c>
      <c r="G6610" t="s">
        <v>14</v>
      </c>
      <c r="H6610" t="s">
        <v>16955</v>
      </c>
      <c r="I6610" t="s">
        <v>30540</v>
      </c>
    </row>
    <row r="6611" spans="1:9">
      <c r="A6611" s="1">
        <v>2.8647198852479239E-2</v>
      </c>
      <c r="B6611" s="1"/>
      <c r="C6611">
        <v>20</v>
      </c>
      <c r="D6611" t="s">
        <v>16950</v>
      </c>
      <c r="E6611" t="s">
        <v>32855</v>
      </c>
      <c r="F6611">
        <v>5</v>
      </c>
      <c r="G6611" t="s">
        <v>14</v>
      </c>
      <c r="H6611" t="s">
        <v>16951</v>
      </c>
      <c r="I6611" t="s">
        <v>30540</v>
      </c>
    </row>
    <row r="6612" spans="1:9">
      <c r="A6612" s="1">
        <v>0.98928281327834711</v>
      </c>
      <c r="B6612" s="1"/>
      <c r="C6612">
        <v>5</v>
      </c>
      <c r="D6612" t="s">
        <v>16938</v>
      </c>
      <c r="E6612" t="s">
        <v>32855</v>
      </c>
      <c r="F6612">
        <v>5</v>
      </c>
      <c r="G6612" t="s">
        <v>1431</v>
      </c>
      <c r="H6612" t="s">
        <v>16939</v>
      </c>
      <c r="I6612" t="s">
        <v>30540</v>
      </c>
    </row>
    <row r="6613" spans="1:9">
      <c r="A6613" s="1">
        <v>0.65768275723351621</v>
      </c>
      <c r="B6613" s="1"/>
      <c r="C6613">
        <v>13</v>
      </c>
      <c r="D6613" t="s">
        <v>16942</v>
      </c>
      <c r="E6613" t="s">
        <v>32855</v>
      </c>
      <c r="F6613">
        <v>5</v>
      </c>
      <c r="G6613" t="s">
        <v>14</v>
      </c>
      <c r="H6613" t="s">
        <v>16943</v>
      </c>
      <c r="I6613" t="s">
        <v>30540</v>
      </c>
    </row>
    <row r="6614" spans="1:9">
      <c r="A6614" s="1">
        <v>0.38789301265775722</v>
      </c>
      <c r="B6614" s="1"/>
      <c r="C6614">
        <v>7</v>
      </c>
      <c r="D6614" t="s">
        <v>16940</v>
      </c>
      <c r="E6614" t="s">
        <v>32855</v>
      </c>
      <c r="F6614">
        <v>4</v>
      </c>
      <c r="G6614" t="s">
        <v>2738</v>
      </c>
      <c r="H6614" t="s">
        <v>16941</v>
      </c>
      <c r="I6614" t="s">
        <v>30540</v>
      </c>
    </row>
    <row r="6615" spans="1:9">
      <c r="A6615" s="1">
        <v>0.71975055736174176</v>
      </c>
      <c r="B6615" s="1"/>
      <c r="C6615">
        <v>4</v>
      </c>
      <c r="D6615" t="s">
        <v>16936</v>
      </c>
      <c r="E6615" t="s">
        <v>32855</v>
      </c>
      <c r="F6615">
        <v>4</v>
      </c>
      <c r="G6615" t="s">
        <v>0</v>
      </c>
      <c r="H6615" t="s">
        <v>16937</v>
      </c>
      <c r="I6615" t="s">
        <v>30540</v>
      </c>
    </row>
    <row r="6616" spans="1:9">
      <c r="A6616" s="1">
        <v>0.77222984592158683</v>
      </c>
      <c r="B6616" s="1"/>
      <c r="C6616">
        <v>16</v>
      </c>
      <c r="D6616" t="s">
        <v>16946</v>
      </c>
      <c r="E6616" t="s">
        <v>32855</v>
      </c>
      <c r="F6616">
        <v>4</v>
      </c>
      <c r="G6616" t="s">
        <v>14</v>
      </c>
      <c r="H6616" t="s">
        <v>16947</v>
      </c>
      <c r="I6616" t="s">
        <v>30540</v>
      </c>
    </row>
    <row r="6617" spans="1:9">
      <c r="A6617" s="1">
        <v>0.83684773673020652</v>
      </c>
      <c r="B6617" s="1"/>
      <c r="C6617">
        <v>15</v>
      </c>
      <c r="D6617" t="s">
        <v>16944</v>
      </c>
      <c r="E6617" t="s">
        <v>32855</v>
      </c>
      <c r="F6617">
        <v>3</v>
      </c>
      <c r="G6617" t="s">
        <v>775</v>
      </c>
      <c r="H6617" t="s">
        <v>16945</v>
      </c>
      <c r="I6617" t="s">
        <v>30540</v>
      </c>
    </row>
    <row r="6618" spans="1:9">
      <c r="A6618" s="1">
        <v>0.56237450795567512</v>
      </c>
      <c r="B6618" s="1"/>
      <c r="C6618">
        <v>12</v>
      </c>
      <c r="D6618" t="s">
        <v>16934</v>
      </c>
      <c r="E6618" t="s">
        <v>32856</v>
      </c>
      <c r="F6618">
        <v>4</v>
      </c>
      <c r="G6618" t="s">
        <v>14</v>
      </c>
      <c r="H6618" t="s">
        <v>16935</v>
      </c>
      <c r="I6618" t="s">
        <v>30540</v>
      </c>
    </row>
    <row r="6619" spans="1:9">
      <c r="A6619" s="1">
        <v>0.21617855442423428</v>
      </c>
      <c r="B6619" s="1"/>
      <c r="C6619">
        <v>10</v>
      </c>
      <c r="D6619" t="s">
        <v>16932</v>
      </c>
      <c r="E6619" t="s">
        <v>32856</v>
      </c>
      <c r="F6619">
        <v>3</v>
      </c>
      <c r="G6619" t="s">
        <v>14</v>
      </c>
      <c r="H6619" t="s">
        <v>16933</v>
      </c>
      <c r="I6619" t="s">
        <v>30540</v>
      </c>
    </row>
    <row r="6620" spans="1:9">
      <c r="A6620" s="1">
        <v>5.4518154026939381E-2</v>
      </c>
      <c r="B6620" s="1"/>
      <c r="C6620">
        <v>19</v>
      </c>
      <c r="D6620" t="s">
        <v>16930</v>
      </c>
      <c r="E6620" t="s">
        <v>32857</v>
      </c>
      <c r="F6620">
        <v>5</v>
      </c>
      <c r="G6620" t="s">
        <v>14</v>
      </c>
      <c r="H6620" t="s">
        <v>16931</v>
      </c>
      <c r="I6620" t="s">
        <v>30540</v>
      </c>
    </row>
    <row r="6621" spans="1:9">
      <c r="A6621" s="1">
        <v>0.51265790461498828</v>
      </c>
      <c r="B6621" s="1"/>
      <c r="C6621">
        <v>12</v>
      </c>
      <c r="D6621" t="s">
        <v>16926</v>
      </c>
      <c r="E6621" t="s">
        <v>32857</v>
      </c>
      <c r="F6621">
        <v>4</v>
      </c>
      <c r="G6621" t="s">
        <v>13</v>
      </c>
      <c r="H6621" t="s">
        <v>16927</v>
      </c>
      <c r="I6621" t="s">
        <v>30540</v>
      </c>
    </row>
    <row r="6622" spans="1:9">
      <c r="A6622" s="1">
        <v>0.30918836780521897</v>
      </c>
      <c r="B6622" s="1"/>
      <c r="C6622">
        <v>6</v>
      </c>
      <c r="D6622" t="s">
        <v>16920</v>
      </c>
      <c r="E6622" t="s">
        <v>32857</v>
      </c>
      <c r="F6622">
        <v>4</v>
      </c>
      <c r="G6622" t="s">
        <v>14</v>
      </c>
      <c r="H6622" t="s">
        <v>16921</v>
      </c>
      <c r="I6622" t="s">
        <v>30540</v>
      </c>
    </row>
    <row r="6623" spans="1:9">
      <c r="A6623" s="1">
        <v>0.89295843539277464</v>
      </c>
      <c r="B6623" s="1"/>
      <c r="C6623">
        <v>8</v>
      </c>
      <c r="D6623" t="s">
        <v>16922</v>
      </c>
      <c r="E6623" t="s">
        <v>32857</v>
      </c>
      <c r="F6623">
        <v>4</v>
      </c>
      <c r="G6623" t="s">
        <v>14</v>
      </c>
      <c r="H6623" t="s">
        <v>16923</v>
      </c>
      <c r="I6623" t="s">
        <v>30540</v>
      </c>
    </row>
    <row r="6624" spans="1:9">
      <c r="A6624" s="1">
        <v>0.53879836940674786</v>
      </c>
      <c r="B6624" s="1"/>
      <c r="C6624">
        <v>16</v>
      </c>
      <c r="D6624" t="s">
        <v>16928</v>
      </c>
      <c r="E6624" t="s">
        <v>32857</v>
      </c>
      <c r="F6624">
        <v>4</v>
      </c>
      <c r="G6624" t="s">
        <v>0</v>
      </c>
      <c r="H6624" t="s">
        <v>16929</v>
      </c>
      <c r="I6624" t="s">
        <v>30540</v>
      </c>
    </row>
    <row r="6625" spans="1:9">
      <c r="A6625" s="1">
        <v>6.0970415895538199E-3</v>
      </c>
      <c r="B6625" s="1"/>
      <c r="C6625">
        <v>4</v>
      </c>
      <c r="D6625" t="s">
        <v>16918</v>
      </c>
      <c r="E6625" t="s">
        <v>32857</v>
      </c>
      <c r="F6625">
        <v>4</v>
      </c>
      <c r="G6625" t="s">
        <v>10</v>
      </c>
      <c r="H6625" t="s">
        <v>16919</v>
      </c>
      <c r="I6625" t="s">
        <v>30540</v>
      </c>
    </row>
    <row r="6626" spans="1:9">
      <c r="A6626" s="1">
        <v>0.97401468694466542</v>
      </c>
      <c r="B6626" s="1"/>
      <c r="C6626">
        <v>9</v>
      </c>
      <c r="D6626" t="s">
        <v>16924</v>
      </c>
      <c r="E6626" t="s">
        <v>32857</v>
      </c>
      <c r="F6626">
        <v>4</v>
      </c>
      <c r="G6626" t="s">
        <v>9</v>
      </c>
      <c r="H6626" t="s">
        <v>16925</v>
      </c>
      <c r="I6626" t="s">
        <v>30540</v>
      </c>
    </row>
    <row r="6627" spans="1:9">
      <c r="A6627" s="1">
        <v>0.91061652575703389</v>
      </c>
      <c r="B6627" s="1"/>
      <c r="C6627">
        <v>8</v>
      </c>
      <c r="D6627" t="s">
        <v>16914</v>
      </c>
      <c r="E6627" t="s">
        <v>32858</v>
      </c>
      <c r="F6627">
        <v>5</v>
      </c>
      <c r="G6627" t="s">
        <v>14</v>
      </c>
      <c r="H6627" t="s">
        <v>16915</v>
      </c>
      <c r="I6627" t="s">
        <v>30540</v>
      </c>
    </row>
    <row r="6628" spans="1:9">
      <c r="A6628" s="1">
        <v>0.91159514226383476</v>
      </c>
      <c r="B6628" s="1"/>
      <c r="C6628">
        <v>7</v>
      </c>
      <c r="D6628" t="s">
        <v>16912</v>
      </c>
      <c r="E6628" t="s">
        <v>32858</v>
      </c>
      <c r="F6628">
        <v>5</v>
      </c>
      <c r="G6628" t="s">
        <v>14</v>
      </c>
      <c r="H6628" t="s">
        <v>16913</v>
      </c>
      <c r="I6628" t="s">
        <v>30540</v>
      </c>
    </row>
    <row r="6629" spans="1:9">
      <c r="A6629" s="1">
        <v>0.79568345749721914</v>
      </c>
      <c r="B6629" s="1"/>
      <c r="C6629">
        <v>13</v>
      </c>
      <c r="D6629" t="s">
        <v>16916</v>
      </c>
      <c r="E6629" t="s">
        <v>32858</v>
      </c>
      <c r="F6629">
        <v>4</v>
      </c>
      <c r="G6629" t="s">
        <v>14</v>
      </c>
      <c r="H6629" t="s">
        <v>16917</v>
      </c>
      <c r="I6629" t="s">
        <v>30540</v>
      </c>
    </row>
    <row r="6630" spans="1:9">
      <c r="A6630" s="1">
        <v>0.84872811948718963</v>
      </c>
      <c r="B6630" s="1"/>
      <c r="C6630">
        <v>6</v>
      </c>
      <c r="D6630" t="s">
        <v>16910</v>
      </c>
      <c r="E6630" t="s">
        <v>32858</v>
      </c>
      <c r="F6630">
        <v>4</v>
      </c>
      <c r="G6630" t="s">
        <v>0</v>
      </c>
      <c r="H6630" t="s">
        <v>16911</v>
      </c>
      <c r="I6630" t="s">
        <v>30540</v>
      </c>
    </row>
    <row r="6631" spans="1:9">
      <c r="A6631" s="1">
        <v>0.34066009657312146</v>
      </c>
      <c r="B6631" s="1"/>
      <c r="C6631">
        <v>2</v>
      </c>
      <c r="D6631" t="s">
        <v>16906</v>
      </c>
      <c r="E6631" t="s">
        <v>32858</v>
      </c>
      <c r="F6631">
        <v>4</v>
      </c>
      <c r="G6631" t="s">
        <v>13</v>
      </c>
      <c r="H6631" t="s">
        <v>16907</v>
      </c>
      <c r="I6631" t="s">
        <v>30540</v>
      </c>
    </row>
    <row r="6632" spans="1:9">
      <c r="A6632" s="1">
        <v>0.67310838665300909</v>
      </c>
      <c r="B6632" s="1"/>
      <c r="C6632">
        <v>1</v>
      </c>
      <c r="D6632" t="s">
        <v>16898</v>
      </c>
      <c r="E6632" t="s">
        <v>32859</v>
      </c>
      <c r="F6632">
        <v>5</v>
      </c>
      <c r="G6632" t="s">
        <v>10</v>
      </c>
      <c r="H6632" t="s">
        <v>16899</v>
      </c>
      <c r="I6632" t="s">
        <v>30540</v>
      </c>
    </row>
    <row r="6633" spans="1:9">
      <c r="A6633" s="1">
        <v>0.92736679628395102</v>
      </c>
      <c r="B6633" s="1"/>
      <c r="C6633">
        <v>11</v>
      </c>
      <c r="D6633" t="s">
        <v>16902</v>
      </c>
      <c r="E6633" t="s">
        <v>32859</v>
      </c>
      <c r="F6633">
        <v>4</v>
      </c>
      <c r="G6633" t="s">
        <v>14</v>
      </c>
      <c r="H6633" t="s">
        <v>16903</v>
      </c>
      <c r="I6633" t="s">
        <v>30540</v>
      </c>
    </row>
    <row r="6634" spans="1:9">
      <c r="A6634" s="1">
        <v>0.59388138759763032</v>
      </c>
      <c r="B6634" s="1"/>
      <c r="C6634">
        <v>5</v>
      </c>
      <c r="D6634" t="s">
        <v>16900</v>
      </c>
      <c r="E6634" t="s">
        <v>32859</v>
      </c>
      <c r="F6634">
        <v>4</v>
      </c>
      <c r="G6634" t="s">
        <v>14</v>
      </c>
      <c r="H6634" t="s">
        <v>16901</v>
      </c>
      <c r="I6634" t="s">
        <v>30540</v>
      </c>
    </row>
    <row r="6635" spans="1:9">
      <c r="A6635" s="1">
        <v>0.51419218593097527</v>
      </c>
      <c r="B6635" s="1"/>
      <c r="C6635">
        <v>14</v>
      </c>
      <c r="D6635" t="s">
        <v>16904</v>
      </c>
      <c r="E6635" t="s">
        <v>32859</v>
      </c>
      <c r="F6635">
        <v>4</v>
      </c>
      <c r="G6635" t="s">
        <v>14</v>
      </c>
      <c r="H6635" t="s">
        <v>16905</v>
      </c>
      <c r="I6635" t="s">
        <v>30540</v>
      </c>
    </row>
    <row r="6636" spans="1:9">
      <c r="A6636" s="1">
        <v>0.98265899146559099</v>
      </c>
      <c r="B6636" s="1"/>
      <c r="C6636">
        <v>9</v>
      </c>
      <c r="D6636" t="s">
        <v>16894</v>
      </c>
      <c r="E6636" t="s">
        <v>32860</v>
      </c>
      <c r="F6636">
        <v>5</v>
      </c>
      <c r="G6636" t="s">
        <v>775</v>
      </c>
      <c r="H6636" t="s">
        <v>16895</v>
      </c>
      <c r="I6636" t="s">
        <v>30540</v>
      </c>
    </row>
    <row r="6637" spans="1:9">
      <c r="A6637" s="1">
        <v>0.82006555668602832</v>
      </c>
      <c r="B6637" s="1"/>
      <c r="C6637">
        <v>3</v>
      </c>
      <c r="D6637" t="s">
        <v>16886</v>
      </c>
      <c r="E6637" t="s">
        <v>32860</v>
      </c>
      <c r="F6637">
        <v>5</v>
      </c>
      <c r="G6637" t="s">
        <v>1426</v>
      </c>
      <c r="H6637" t="s">
        <v>16887</v>
      </c>
      <c r="I6637" t="s">
        <v>30540</v>
      </c>
    </row>
    <row r="6638" spans="1:9">
      <c r="A6638" s="1">
        <v>0.39475908401249604</v>
      </c>
      <c r="B6638" s="1"/>
      <c r="C6638">
        <v>5</v>
      </c>
      <c r="D6638" t="s">
        <v>16888</v>
      </c>
      <c r="E6638" t="s">
        <v>32860</v>
      </c>
      <c r="F6638">
        <v>4</v>
      </c>
      <c r="G6638" t="s">
        <v>3732</v>
      </c>
      <c r="H6638" t="s">
        <v>16889</v>
      </c>
      <c r="I6638" t="s">
        <v>30540</v>
      </c>
    </row>
    <row r="6639" spans="1:9">
      <c r="A6639" s="1">
        <v>0.3439677279446034</v>
      </c>
      <c r="B6639" s="1"/>
      <c r="C6639">
        <v>18</v>
      </c>
      <c r="D6639" t="s">
        <v>16896</v>
      </c>
      <c r="E6639" t="s">
        <v>32860</v>
      </c>
      <c r="F6639">
        <v>4</v>
      </c>
      <c r="G6639" t="s">
        <v>14</v>
      </c>
      <c r="H6639" t="s">
        <v>16897</v>
      </c>
      <c r="I6639" t="s">
        <v>30540</v>
      </c>
    </row>
    <row r="6640" spans="1:9">
      <c r="A6640" s="1">
        <v>0.10426838629179558</v>
      </c>
      <c r="B6640" s="1"/>
      <c r="C6640">
        <v>1</v>
      </c>
      <c r="D6640" t="s">
        <v>16884</v>
      </c>
      <c r="E6640" t="s">
        <v>32860</v>
      </c>
      <c r="F6640">
        <v>4</v>
      </c>
      <c r="G6640" t="s">
        <v>2</v>
      </c>
      <c r="H6640" t="s">
        <v>16885</v>
      </c>
      <c r="I6640" t="s">
        <v>30540</v>
      </c>
    </row>
    <row r="6641" spans="1:9">
      <c r="A6641" s="1">
        <v>0.59339637332812278</v>
      </c>
      <c r="B6641" s="1"/>
      <c r="C6641">
        <v>7</v>
      </c>
      <c r="D6641" t="s">
        <v>16890</v>
      </c>
      <c r="E6641" t="s">
        <v>32860</v>
      </c>
      <c r="F6641">
        <v>3</v>
      </c>
      <c r="G6641" t="s">
        <v>1431</v>
      </c>
      <c r="H6641" t="s">
        <v>16891</v>
      </c>
      <c r="I6641" t="s">
        <v>30540</v>
      </c>
    </row>
    <row r="6642" spans="1:9">
      <c r="A6642" s="1">
        <v>0.72388923556191342</v>
      </c>
      <c r="B6642" s="1"/>
      <c r="C6642">
        <v>1</v>
      </c>
      <c r="D6642" t="s">
        <v>16874</v>
      </c>
      <c r="E6642" t="s">
        <v>32861</v>
      </c>
      <c r="F6642">
        <v>4</v>
      </c>
      <c r="G6642" t="s">
        <v>0</v>
      </c>
      <c r="H6642" t="s">
        <v>16875</v>
      </c>
      <c r="I6642" t="s">
        <v>30540</v>
      </c>
    </row>
    <row r="6643" spans="1:9">
      <c r="A6643" s="1">
        <v>0.8169546407360222</v>
      </c>
      <c r="B6643" s="1"/>
      <c r="C6643">
        <v>12</v>
      </c>
      <c r="D6643" t="s">
        <v>16882</v>
      </c>
      <c r="E6643" t="s">
        <v>32861</v>
      </c>
      <c r="F6643">
        <v>4</v>
      </c>
      <c r="G6643" t="s">
        <v>10</v>
      </c>
      <c r="H6643" t="s">
        <v>16883</v>
      </c>
      <c r="I6643" t="s">
        <v>30540</v>
      </c>
    </row>
    <row r="6644" spans="1:9">
      <c r="A6644" s="1">
        <v>0.51473159351993514</v>
      </c>
      <c r="B6644" s="1"/>
      <c r="C6644">
        <v>7</v>
      </c>
      <c r="D6644" t="s">
        <v>16878</v>
      </c>
      <c r="E6644" t="s">
        <v>32861</v>
      </c>
      <c r="F6644">
        <v>4</v>
      </c>
      <c r="G6644" t="s">
        <v>1</v>
      </c>
      <c r="H6644" t="s">
        <v>16879</v>
      </c>
      <c r="I6644" t="s">
        <v>30540</v>
      </c>
    </row>
    <row r="6645" spans="1:9">
      <c r="A6645" s="1">
        <v>0.70461247305780517</v>
      </c>
      <c r="B6645" s="1"/>
      <c r="C6645">
        <v>9</v>
      </c>
      <c r="D6645" t="s">
        <v>16880</v>
      </c>
      <c r="E6645" t="s">
        <v>32861</v>
      </c>
      <c r="F6645">
        <v>3</v>
      </c>
      <c r="G6645" t="s">
        <v>15</v>
      </c>
      <c r="H6645" t="s">
        <v>16881</v>
      </c>
      <c r="I6645" t="s">
        <v>30540</v>
      </c>
    </row>
    <row r="6646" spans="1:9">
      <c r="A6646" s="1">
        <v>0.68869243269643632</v>
      </c>
      <c r="B6646" s="1"/>
      <c r="C6646">
        <v>5</v>
      </c>
      <c r="D6646" t="s">
        <v>16876</v>
      </c>
      <c r="E6646" t="s">
        <v>32861</v>
      </c>
      <c r="F6646">
        <v>3</v>
      </c>
      <c r="G6646" t="s">
        <v>10</v>
      </c>
      <c r="H6646" t="s">
        <v>16877</v>
      </c>
      <c r="I6646" t="s">
        <v>30540</v>
      </c>
    </row>
    <row r="6647" spans="1:9">
      <c r="A6647" s="1">
        <v>2.9742677186765265E-2</v>
      </c>
      <c r="B6647" s="1"/>
      <c r="C6647">
        <v>8</v>
      </c>
      <c r="D6647" t="s">
        <v>16868</v>
      </c>
      <c r="E6647" t="s">
        <v>32862</v>
      </c>
      <c r="F6647">
        <v>5</v>
      </c>
      <c r="G6647" t="s">
        <v>14</v>
      </c>
      <c r="H6647" t="s">
        <v>16869</v>
      </c>
      <c r="I6647" t="s">
        <v>30540</v>
      </c>
    </row>
    <row r="6648" spans="1:9">
      <c r="A6648" s="1">
        <v>4.7177361618480407E-2</v>
      </c>
      <c r="B6648" s="1"/>
      <c r="C6648">
        <v>9</v>
      </c>
      <c r="D6648" t="s">
        <v>16870</v>
      </c>
      <c r="E6648" t="s">
        <v>32862</v>
      </c>
      <c r="F6648">
        <v>4</v>
      </c>
      <c r="G6648" t="s">
        <v>14</v>
      </c>
      <c r="H6648" t="s">
        <v>16871</v>
      </c>
      <c r="I6648" t="s">
        <v>30540</v>
      </c>
    </row>
    <row r="6649" spans="1:9">
      <c r="A6649" s="1">
        <v>0.52472825993361283</v>
      </c>
      <c r="B6649" s="1"/>
      <c r="C6649">
        <v>4</v>
      </c>
      <c r="D6649" t="s">
        <v>16864</v>
      </c>
      <c r="E6649" t="s">
        <v>32862</v>
      </c>
      <c r="F6649">
        <v>4</v>
      </c>
      <c r="G6649" t="s">
        <v>10</v>
      </c>
      <c r="H6649" t="s">
        <v>16865</v>
      </c>
      <c r="I6649" t="s">
        <v>30540</v>
      </c>
    </row>
    <row r="6650" spans="1:9">
      <c r="A6650" s="1">
        <v>1.5798680268379273E-2</v>
      </c>
      <c r="B6650" s="1"/>
      <c r="C6650">
        <v>12</v>
      </c>
      <c r="D6650" t="s">
        <v>16872</v>
      </c>
      <c r="E6650" t="s">
        <v>32862</v>
      </c>
      <c r="F6650">
        <v>4</v>
      </c>
      <c r="G6650" t="s">
        <v>1</v>
      </c>
      <c r="H6650" t="s">
        <v>16873</v>
      </c>
      <c r="I6650" t="s">
        <v>30540</v>
      </c>
    </row>
    <row r="6651" spans="1:9">
      <c r="A6651" s="1">
        <v>0.57080814194663765</v>
      </c>
      <c r="B6651" s="1"/>
      <c r="C6651">
        <v>7</v>
      </c>
      <c r="D6651" t="s">
        <v>16854</v>
      </c>
      <c r="E6651" t="s">
        <v>32863</v>
      </c>
      <c r="F6651">
        <v>4</v>
      </c>
      <c r="G6651" t="s">
        <v>0</v>
      </c>
      <c r="H6651" t="s">
        <v>16855</v>
      </c>
      <c r="I6651" t="s">
        <v>30540</v>
      </c>
    </row>
    <row r="6652" spans="1:9">
      <c r="A6652" s="1">
        <v>5.5407648776087393E-2</v>
      </c>
      <c r="B6652" s="1"/>
      <c r="C6652">
        <v>8</v>
      </c>
      <c r="D6652" t="s">
        <v>16856</v>
      </c>
      <c r="E6652" t="s">
        <v>32863</v>
      </c>
      <c r="F6652">
        <v>4</v>
      </c>
      <c r="G6652" t="s">
        <v>0</v>
      </c>
      <c r="H6652" t="s">
        <v>16857</v>
      </c>
      <c r="I6652" t="s">
        <v>30540</v>
      </c>
    </row>
    <row r="6653" spans="1:9">
      <c r="A6653" s="1">
        <v>0.97635999501194015</v>
      </c>
      <c r="B6653" s="1"/>
      <c r="C6653">
        <v>11</v>
      </c>
      <c r="D6653" t="s">
        <v>16862</v>
      </c>
      <c r="E6653" t="s">
        <v>32863</v>
      </c>
      <c r="F6653">
        <v>4</v>
      </c>
      <c r="G6653" t="s">
        <v>14</v>
      </c>
      <c r="H6653" t="s">
        <v>16863</v>
      </c>
      <c r="I6653" t="s">
        <v>30540</v>
      </c>
    </row>
    <row r="6654" spans="1:9">
      <c r="A6654" s="1">
        <v>0.46019105658678205</v>
      </c>
      <c r="B6654" s="1"/>
      <c r="C6654">
        <v>9</v>
      </c>
      <c r="D6654" t="s">
        <v>16858</v>
      </c>
      <c r="E6654" t="s">
        <v>32863</v>
      </c>
      <c r="F6654">
        <v>4</v>
      </c>
      <c r="G6654" t="s">
        <v>14</v>
      </c>
      <c r="H6654" t="s">
        <v>16859</v>
      </c>
      <c r="I6654" t="s">
        <v>30540</v>
      </c>
    </row>
    <row r="6655" spans="1:9">
      <c r="A6655" s="1">
        <v>0.35457919583947195</v>
      </c>
      <c r="B6655" s="1"/>
      <c r="C6655">
        <v>10</v>
      </c>
      <c r="D6655" t="s">
        <v>16860</v>
      </c>
      <c r="E6655" t="s">
        <v>32863</v>
      </c>
      <c r="F6655">
        <v>4</v>
      </c>
      <c r="G6655" t="s">
        <v>14</v>
      </c>
      <c r="H6655" t="s">
        <v>16861</v>
      </c>
      <c r="I6655" t="s">
        <v>30540</v>
      </c>
    </row>
    <row r="6656" spans="1:9">
      <c r="A6656" s="1">
        <v>0.40135583855787349</v>
      </c>
      <c r="B6656" s="1"/>
      <c r="C6656">
        <v>11</v>
      </c>
      <c r="D6656" t="s">
        <v>16850</v>
      </c>
      <c r="E6656" t="s">
        <v>32864</v>
      </c>
      <c r="F6656">
        <v>4</v>
      </c>
      <c r="G6656" t="s">
        <v>14</v>
      </c>
      <c r="H6656" t="s">
        <v>16851</v>
      </c>
      <c r="I6656" t="s">
        <v>30540</v>
      </c>
    </row>
    <row r="6657" spans="1:9">
      <c r="A6657" s="1">
        <v>0.68124356227148319</v>
      </c>
      <c r="B6657" s="1"/>
      <c r="C6657">
        <v>10</v>
      </c>
      <c r="D6657" t="s">
        <v>16848</v>
      </c>
      <c r="E6657" t="s">
        <v>32864</v>
      </c>
      <c r="F6657">
        <v>4</v>
      </c>
      <c r="G6657" t="s">
        <v>15</v>
      </c>
      <c r="H6657" t="s">
        <v>16849</v>
      </c>
      <c r="I6657" t="s">
        <v>30540</v>
      </c>
    </row>
    <row r="6658" spans="1:9">
      <c r="A6658" s="1">
        <v>0.83027512013760008</v>
      </c>
      <c r="B6658" s="1"/>
      <c r="C6658">
        <v>9</v>
      </c>
      <c r="D6658" t="s">
        <v>16846</v>
      </c>
      <c r="E6658" t="s">
        <v>32864</v>
      </c>
      <c r="F6658">
        <v>4</v>
      </c>
      <c r="G6658" t="s">
        <v>10</v>
      </c>
      <c r="H6658" t="s">
        <v>16847</v>
      </c>
      <c r="I6658" t="s">
        <v>30540</v>
      </c>
    </row>
    <row r="6659" spans="1:9">
      <c r="A6659" s="1">
        <v>0.732910824507083</v>
      </c>
      <c r="B6659" s="1"/>
      <c r="C6659">
        <v>8</v>
      </c>
      <c r="D6659" t="s">
        <v>16844</v>
      </c>
      <c r="E6659" t="s">
        <v>32864</v>
      </c>
      <c r="F6659">
        <v>4</v>
      </c>
      <c r="G6659" t="s">
        <v>14</v>
      </c>
      <c r="H6659" t="s">
        <v>16845</v>
      </c>
      <c r="I6659" t="s">
        <v>30540</v>
      </c>
    </row>
    <row r="6660" spans="1:9">
      <c r="A6660" s="1">
        <v>0.63162545078778431</v>
      </c>
      <c r="B6660" s="1"/>
      <c r="C6660">
        <v>16</v>
      </c>
      <c r="D6660" t="s">
        <v>16852</v>
      </c>
      <c r="E6660" t="s">
        <v>32864</v>
      </c>
      <c r="F6660">
        <v>4</v>
      </c>
      <c r="G6660" t="s">
        <v>14</v>
      </c>
      <c r="H6660" t="s">
        <v>16853</v>
      </c>
      <c r="I6660" t="s">
        <v>30540</v>
      </c>
    </row>
    <row r="6661" spans="1:9">
      <c r="A6661" s="1">
        <v>0.39571263642446741</v>
      </c>
      <c r="B6661" s="1"/>
      <c r="C6661">
        <v>8</v>
      </c>
      <c r="D6661" t="s">
        <v>16832</v>
      </c>
      <c r="E6661" t="s">
        <v>32865</v>
      </c>
      <c r="F6661">
        <v>5</v>
      </c>
      <c r="G6661" t="s">
        <v>14</v>
      </c>
      <c r="H6661" t="s">
        <v>16833</v>
      </c>
      <c r="I6661" t="s">
        <v>30540</v>
      </c>
    </row>
    <row r="6662" spans="1:9">
      <c r="A6662" s="1">
        <v>0.54579502127227597</v>
      </c>
      <c r="B6662" s="1"/>
      <c r="C6662">
        <v>3</v>
      </c>
      <c r="D6662" t="s">
        <v>16830</v>
      </c>
      <c r="E6662" t="s">
        <v>32865</v>
      </c>
      <c r="F6662">
        <v>4</v>
      </c>
      <c r="G6662" t="s">
        <v>1431</v>
      </c>
      <c r="H6662" t="s">
        <v>16831</v>
      </c>
      <c r="I6662" t="s">
        <v>30540</v>
      </c>
    </row>
    <row r="6663" spans="1:9">
      <c r="A6663" s="1">
        <v>0.83162650158329188</v>
      </c>
      <c r="B6663" s="1"/>
      <c r="C6663">
        <v>12</v>
      </c>
      <c r="D6663" t="s">
        <v>16836</v>
      </c>
      <c r="E6663" t="s">
        <v>32865</v>
      </c>
      <c r="F6663">
        <v>4</v>
      </c>
      <c r="G6663" t="s">
        <v>762</v>
      </c>
      <c r="H6663" t="s">
        <v>16837</v>
      </c>
      <c r="I6663" t="s">
        <v>30540</v>
      </c>
    </row>
    <row r="6664" spans="1:9">
      <c r="A6664" s="1">
        <v>8.3107060730344129E-3</v>
      </c>
      <c r="B6664" s="1"/>
      <c r="C6664">
        <v>17</v>
      </c>
      <c r="D6664" t="s">
        <v>16838</v>
      </c>
      <c r="E6664" t="s">
        <v>32865</v>
      </c>
      <c r="F6664">
        <v>4</v>
      </c>
      <c r="G6664" t="s">
        <v>14</v>
      </c>
      <c r="H6664" t="s">
        <v>16839</v>
      </c>
      <c r="I6664" t="s">
        <v>30540</v>
      </c>
    </row>
    <row r="6665" spans="1:9">
      <c r="A6665" s="1">
        <v>0.17156743079252812</v>
      </c>
      <c r="B6665" s="1"/>
      <c r="C6665">
        <v>10</v>
      </c>
      <c r="D6665" t="s">
        <v>16834</v>
      </c>
      <c r="E6665" t="s">
        <v>32865</v>
      </c>
      <c r="F6665">
        <v>4</v>
      </c>
      <c r="G6665" t="s">
        <v>3732</v>
      </c>
      <c r="H6665" t="s">
        <v>16835</v>
      </c>
      <c r="I6665" t="s">
        <v>30540</v>
      </c>
    </row>
    <row r="6666" spans="1:9">
      <c r="A6666" s="1">
        <v>0.35986190357427805</v>
      </c>
      <c r="B6666" s="1"/>
      <c r="C6666">
        <v>18</v>
      </c>
      <c r="D6666" t="s">
        <v>16840</v>
      </c>
      <c r="E6666" t="s">
        <v>32865</v>
      </c>
      <c r="F6666">
        <v>4</v>
      </c>
      <c r="G6666" t="s">
        <v>13</v>
      </c>
      <c r="H6666" t="s">
        <v>16841</v>
      </c>
      <c r="I6666" t="s">
        <v>30540</v>
      </c>
    </row>
    <row r="6667" spans="1:9">
      <c r="A6667" s="1">
        <v>0.13949709895041063</v>
      </c>
      <c r="B6667" s="1"/>
      <c r="C6667">
        <v>7</v>
      </c>
      <c r="D6667" t="s">
        <v>16822</v>
      </c>
      <c r="E6667" t="s">
        <v>32866</v>
      </c>
      <c r="F6667">
        <v>5</v>
      </c>
      <c r="G6667" t="s">
        <v>14</v>
      </c>
      <c r="H6667" t="s">
        <v>16823</v>
      </c>
      <c r="I6667" t="s">
        <v>30540</v>
      </c>
    </row>
    <row r="6668" spans="1:9">
      <c r="A6668" s="1">
        <v>0.33311692765137346</v>
      </c>
      <c r="B6668" s="1"/>
      <c r="C6668">
        <v>12</v>
      </c>
      <c r="D6668" t="s">
        <v>16828</v>
      </c>
      <c r="E6668" t="s">
        <v>32866</v>
      </c>
      <c r="F6668">
        <v>4</v>
      </c>
      <c r="G6668" t="s">
        <v>9</v>
      </c>
      <c r="H6668" t="s">
        <v>16829</v>
      </c>
      <c r="I6668" t="s">
        <v>30540</v>
      </c>
    </row>
    <row r="6669" spans="1:9">
      <c r="A6669" s="1">
        <v>0.68394782354923311</v>
      </c>
      <c r="B6669" s="1"/>
      <c r="C6669">
        <v>4</v>
      </c>
      <c r="D6669" t="s">
        <v>16818</v>
      </c>
      <c r="E6669" t="s">
        <v>32866</v>
      </c>
      <c r="F6669">
        <v>4</v>
      </c>
      <c r="G6669" t="s">
        <v>0</v>
      </c>
      <c r="H6669" t="s">
        <v>16819</v>
      </c>
      <c r="I6669" t="s">
        <v>30540</v>
      </c>
    </row>
    <row r="6670" spans="1:9">
      <c r="A6670" s="1">
        <v>0.13574218170932384</v>
      </c>
      <c r="B6670" s="1"/>
      <c r="C6670">
        <v>6</v>
      </c>
      <c r="D6670" t="s">
        <v>16820</v>
      </c>
      <c r="E6670" t="s">
        <v>32866</v>
      </c>
      <c r="F6670">
        <v>4</v>
      </c>
      <c r="G6670" t="s">
        <v>15</v>
      </c>
      <c r="H6670" t="s">
        <v>16821</v>
      </c>
      <c r="I6670" t="s">
        <v>30540</v>
      </c>
    </row>
    <row r="6671" spans="1:9">
      <c r="A6671" s="1">
        <v>0.38286663123350617</v>
      </c>
      <c r="B6671" s="1"/>
      <c r="C6671">
        <v>8</v>
      </c>
      <c r="D6671" t="s">
        <v>16824</v>
      </c>
      <c r="E6671" t="s">
        <v>32866</v>
      </c>
      <c r="F6671">
        <v>3</v>
      </c>
      <c r="G6671" t="s">
        <v>14</v>
      </c>
      <c r="H6671" t="s">
        <v>16825</v>
      </c>
      <c r="I6671" t="s">
        <v>30540</v>
      </c>
    </row>
    <row r="6672" spans="1:9">
      <c r="A6672" s="1">
        <v>0.28133519949857544</v>
      </c>
      <c r="B6672" s="1"/>
      <c r="C6672">
        <v>2</v>
      </c>
      <c r="D6672" t="s">
        <v>16806</v>
      </c>
      <c r="E6672" t="s">
        <v>32867</v>
      </c>
      <c r="F6672">
        <v>5</v>
      </c>
      <c r="G6672" t="s">
        <v>14</v>
      </c>
      <c r="H6672" t="s">
        <v>16807</v>
      </c>
      <c r="I6672" t="s">
        <v>30540</v>
      </c>
    </row>
    <row r="6673" spans="1:9">
      <c r="A6673" s="1">
        <v>4.5024314856153991E-2</v>
      </c>
      <c r="B6673" s="1"/>
      <c r="C6673">
        <v>16</v>
      </c>
      <c r="D6673" t="s">
        <v>16812</v>
      </c>
      <c r="E6673" t="s">
        <v>32867</v>
      </c>
      <c r="F6673">
        <v>4</v>
      </c>
      <c r="G6673" t="s">
        <v>9</v>
      </c>
      <c r="H6673" t="s">
        <v>16813</v>
      </c>
      <c r="I6673" t="s">
        <v>30540</v>
      </c>
    </row>
    <row r="6674" spans="1:9">
      <c r="A6674" s="1">
        <v>0.94005016112872331</v>
      </c>
      <c r="B6674" s="1"/>
      <c r="C6674">
        <v>1</v>
      </c>
      <c r="D6674" t="s">
        <v>16804</v>
      </c>
      <c r="E6674" t="s">
        <v>32867</v>
      </c>
      <c r="F6674">
        <v>4</v>
      </c>
      <c r="G6674" t="s">
        <v>10</v>
      </c>
      <c r="H6674" t="s">
        <v>16805</v>
      </c>
      <c r="I6674" t="s">
        <v>30540</v>
      </c>
    </row>
    <row r="6675" spans="1:9">
      <c r="A6675" s="1">
        <v>0.90338402798515938</v>
      </c>
      <c r="B6675" s="1"/>
      <c r="C6675">
        <v>17</v>
      </c>
      <c r="D6675" t="s">
        <v>16814</v>
      </c>
      <c r="E6675" t="s">
        <v>32867</v>
      </c>
      <c r="F6675">
        <v>4</v>
      </c>
      <c r="G6675" t="s">
        <v>0</v>
      </c>
      <c r="H6675" t="s">
        <v>16815</v>
      </c>
      <c r="I6675" t="s">
        <v>30540</v>
      </c>
    </row>
    <row r="6676" spans="1:9">
      <c r="A6676" s="1">
        <v>0.64392129526109221</v>
      </c>
      <c r="B6676" s="1"/>
      <c r="C6676">
        <v>11</v>
      </c>
      <c r="D6676" t="s">
        <v>16810</v>
      </c>
      <c r="E6676" t="s">
        <v>32867</v>
      </c>
      <c r="F6676">
        <v>4</v>
      </c>
      <c r="G6676" t="s">
        <v>10</v>
      </c>
      <c r="H6676" t="s">
        <v>16811</v>
      </c>
      <c r="I6676" t="s">
        <v>30540</v>
      </c>
    </row>
    <row r="6677" spans="1:9">
      <c r="A6677" s="1">
        <v>0.3665144047641361</v>
      </c>
      <c r="B6677" s="1"/>
      <c r="C6677">
        <v>16</v>
      </c>
      <c r="D6677" t="s">
        <v>16800</v>
      </c>
      <c r="E6677" t="s">
        <v>32868</v>
      </c>
      <c r="F6677">
        <v>5</v>
      </c>
      <c r="G6677" t="s">
        <v>14</v>
      </c>
      <c r="H6677" t="s">
        <v>16801</v>
      </c>
      <c r="I6677" t="s">
        <v>30540</v>
      </c>
    </row>
    <row r="6678" spans="1:9">
      <c r="A6678" s="1">
        <v>0.18342293624438277</v>
      </c>
      <c r="B6678" s="1"/>
      <c r="C6678">
        <v>11</v>
      </c>
      <c r="D6678" t="s">
        <v>16796</v>
      </c>
      <c r="E6678" t="s">
        <v>32868</v>
      </c>
      <c r="F6678">
        <v>4</v>
      </c>
      <c r="G6678" t="s">
        <v>14</v>
      </c>
      <c r="H6678" t="s">
        <v>16797</v>
      </c>
      <c r="I6678" t="s">
        <v>30540</v>
      </c>
    </row>
    <row r="6679" spans="1:9">
      <c r="A6679" s="1">
        <v>0.7865612042472605</v>
      </c>
      <c r="B6679" s="1"/>
      <c r="C6679">
        <v>9</v>
      </c>
      <c r="D6679" t="s">
        <v>16794</v>
      </c>
      <c r="E6679" t="s">
        <v>32868</v>
      </c>
      <c r="F6679">
        <v>4</v>
      </c>
      <c r="G6679" t="s">
        <v>2</v>
      </c>
      <c r="H6679" t="s">
        <v>16795</v>
      </c>
      <c r="I6679" t="s">
        <v>30540</v>
      </c>
    </row>
    <row r="6680" spans="1:9">
      <c r="A6680" s="1">
        <v>0.15332610970934457</v>
      </c>
      <c r="B6680" s="1"/>
      <c r="C6680">
        <v>18</v>
      </c>
      <c r="D6680" t="s">
        <v>16802</v>
      </c>
      <c r="E6680" t="s">
        <v>32868</v>
      </c>
      <c r="F6680">
        <v>3</v>
      </c>
      <c r="G6680" t="s">
        <v>14</v>
      </c>
      <c r="H6680" t="s">
        <v>16803</v>
      </c>
      <c r="I6680" t="s">
        <v>30540</v>
      </c>
    </row>
    <row r="6681" spans="1:9">
      <c r="A6681" s="1">
        <v>3.763863199851003E-3</v>
      </c>
      <c r="B6681" s="1"/>
      <c r="C6681">
        <v>15</v>
      </c>
      <c r="D6681" t="s">
        <v>16798</v>
      </c>
      <c r="E6681" t="s">
        <v>32868</v>
      </c>
      <c r="F6681">
        <v>3</v>
      </c>
      <c r="G6681" t="s">
        <v>2</v>
      </c>
      <c r="H6681" t="s">
        <v>16799</v>
      </c>
      <c r="I6681" t="s">
        <v>30540</v>
      </c>
    </row>
    <row r="6682" spans="1:9">
      <c r="A6682" s="1">
        <v>0.48264103360388755</v>
      </c>
      <c r="B6682" s="1"/>
      <c r="C6682">
        <v>16</v>
      </c>
      <c r="D6682" t="s">
        <v>16788</v>
      </c>
      <c r="E6682" t="s">
        <v>32869</v>
      </c>
      <c r="F6682">
        <v>5</v>
      </c>
      <c r="G6682" t="s">
        <v>10</v>
      </c>
      <c r="H6682" t="s">
        <v>16789</v>
      </c>
      <c r="I6682" t="s">
        <v>30540</v>
      </c>
    </row>
    <row r="6683" spans="1:9">
      <c r="A6683" s="1">
        <v>0.4913056691189861</v>
      </c>
      <c r="B6683" s="1"/>
      <c r="C6683">
        <v>3</v>
      </c>
      <c r="D6683" t="s">
        <v>16782</v>
      </c>
      <c r="E6683" t="s">
        <v>32869</v>
      </c>
      <c r="F6683">
        <v>4</v>
      </c>
      <c r="G6683" t="s">
        <v>10</v>
      </c>
      <c r="H6683" t="s">
        <v>16783</v>
      </c>
      <c r="I6683" t="s">
        <v>30540</v>
      </c>
    </row>
    <row r="6684" spans="1:9">
      <c r="A6684" s="1">
        <v>0.32241330960897641</v>
      </c>
      <c r="B6684" s="1"/>
      <c r="C6684">
        <v>18</v>
      </c>
      <c r="D6684" t="s">
        <v>16792</v>
      </c>
      <c r="E6684" t="s">
        <v>32869</v>
      </c>
      <c r="F6684">
        <v>4</v>
      </c>
      <c r="G6684" t="s">
        <v>14</v>
      </c>
      <c r="H6684" t="s">
        <v>16793</v>
      </c>
      <c r="I6684" t="s">
        <v>30540</v>
      </c>
    </row>
    <row r="6685" spans="1:9">
      <c r="A6685" s="1">
        <v>0.10383756812154843</v>
      </c>
      <c r="B6685" s="1"/>
      <c r="C6685">
        <v>14</v>
      </c>
      <c r="D6685" t="s">
        <v>16786</v>
      </c>
      <c r="E6685" t="s">
        <v>32869</v>
      </c>
      <c r="F6685">
        <v>4</v>
      </c>
      <c r="G6685" t="s">
        <v>14</v>
      </c>
      <c r="H6685" t="s">
        <v>16787</v>
      </c>
      <c r="I6685" t="s">
        <v>30540</v>
      </c>
    </row>
    <row r="6686" spans="1:9">
      <c r="A6686" s="1">
        <v>0.57704264603020827</v>
      </c>
      <c r="B6686" s="1"/>
      <c r="C6686">
        <v>17</v>
      </c>
      <c r="D6686" t="s">
        <v>16790</v>
      </c>
      <c r="E6686" t="s">
        <v>32869</v>
      </c>
      <c r="F6686">
        <v>4</v>
      </c>
      <c r="G6686" t="s">
        <v>1</v>
      </c>
      <c r="H6686" t="s">
        <v>16791</v>
      </c>
      <c r="I6686" t="s">
        <v>30540</v>
      </c>
    </row>
    <row r="6687" spans="1:9">
      <c r="A6687" s="1">
        <v>0.44773137320369694</v>
      </c>
      <c r="B6687" s="1"/>
      <c r="C6687">
        <v>11</v>
      </c>
      <c r="D6687" t="s">
        <v>16780</v>
      </c>
      <c r="E6687" t="s">
        <v>32870</v>
      </c>
      <c r="F6687">
        <v>5</v>
      </c>
      <c r="G6687" t="s">
        <v>14</v>
      </c>
      <c r="H6687" t="s">
        <v>16781</v>
      </c>
      <c r="I6687" t="s">
        <v>30540</v>
      </c>
    </row>
    <row r="6688" spans="1:9">
      <c r="A6688" s="1">
        <v>0.26947850598851131</v>
      </c>
      <c r="B6688" s="1"/>
      <c r="C6688">
        <v>9</v>
      </c>
      <c r="D6688" t="s">
        <v>16778</v>
      </c>
      <c r="E6688" t="s">
        <v>32870</v>
      </c>
      <c r="F6688">
        <v>4</v>
      </c>
      <c r="G6688" t="s">
        <v>3107</v>
      </c>
      <c r="H6688" t="s">
        <v>16779</v>
      </c>
      <c r="I6688" t="s">
        <v>30540</v>
      </c>
    </row>
    <row r="6689" spans="1:9">
      <c r="A6689" s="1">
        <v>0.65652692725053863</v>
      </c>
      <c r="B6689" s="1"/>
      <c r="C6689">
        <v>2</v>
      </c>
      <c r="D6689" t="s">
        <v>16772</v>
      </c>
      <c r="E6689" t="s">
        <v>32870</v>
      </c>
      <c r="F6689">
        <v>4</v>
      </c>
      <c r="G6689" t="s">
        <v>1431</v>
      </c>
      <c r="H6689" t="s">
        <v>16773</v>
      </c>
      <c r="I6689" t="s">
        <v>30540</v>
      </c>
    </row>
    <row r="6690" spans="1:9">
      <c r="A6690" s="1">
        <v>0.72470290463281084</v>
      </c>
      <c r="B6690" s="1"/>
      <c r="C6690">
        <v>13</v>
      </c>
      <c r="D6690" t="s">
        <v>16770</v>
      </c>
      <c r="E6690" t="s">
        <v>32871</v>
      </c>
      <c r="F6690">
        <v>5</v>
      </c>
      <c r="G6690" t="s">
        <v>9</v>
      </c>
      <c r="H6690" t="s">
        <v>16771</v>
      </c>
      <c r="I6690" t="s">
        <v>30540</v>
      </c>
    </row>
    <row r="6691" spans="1:9">
      <c r="A6691" s="1">
        <v>0.58665568924137346</v>
      </c>
      <c r="B6691" s="1"/>
      <c r="C6691">
        <v>11</v>
      </c>
      <c r="D6691" t="s">
        <v>16768</v>
      </c>
      <c r="E6691" t="s">
        <v>32871</v>
      </c>
      <c r="F6691">
        <v>4</v>
      </c>
      <c r="G6691" t="s">
        <v>9</v>
      </c>
      <c r="H6691" t="s">
        <v>16769</v>
      </c>
      <c r="I6691" t="s">
        <v>30540</v>
      </c>
    </row>
    <row r="6692" spans="1:9">
      <c r="A6692" s="1">
        <v>0.18029255107036579</v>
      </c>
      <c r="B6692" s="1"/>
      <c r="C6692">
        <v>1</v>
      </c>
      <c r="D6692" t="s">
        <v>16764</v>
      </c>
      <c r="E6692" t="s">
        <v>32871</v>
      </c>
      <c r="F6692">
        <v>4</v>
      </c>
      <c r="G6692" t="s">
        <v>2</v>
      </c>
      <c r="H6692" t="s">
        <v>16765</v>
      </c>
      <c r="I6692" t="s">
        <v>30540</v>
      </c>
    </row>
    <row r="6693" spans="1:9">
      <c r="A6693" s="1">
        <v>0.10601266861893022</v>
      </c>
      <c r="B6693" s="1"/>
      <c r="C6693">
        <v>4</v>
      </c>
      <c r="D6693" t="s">
        <v>16766</v>
      </c>
      <c r="E6693" t="s">
        <v>32871</v>
      </c>
      <c r="F6693">
        <v>4</v>
      </c>
      <c r="G6693" t="s">
        <v>0</v>
      </c>
      <c r="H6693" t="s">
        <v>16767</v>
      </c>
      <c r="I6693" t="s">
        <v>30540</v>
      </c>
    </row>
    <row r="6694" spans="1:9">
      <c r="A6694" s="1">
        <v>0.15849072700916422</v>
      </c>
      <c r="B6694" s="1"/>
      <c r="C6694">
        <v>15</v>
      </c>
      <c r="D6694" t="s">
        <v>16758</v>
      </c>
      <c r="E6694" t="s">
        <v>32872</v>
      </c>
      <c r="F6694">
        <v>5</v>
      </c>
      <c r="G6694" t="s">
        <v>9</v>
      </c>
      <c r="H6694" t="s">
        <v>16759</v>
      </c>
      <c r="I6694" t="s">
        <v>30540</v>
      </c>
    </row>
    <row r="6695" spans="1:9">
      <c r="A6695" s="1">
        <v>0.10916296608108378</v>
      </c>
      <c r="B6695" s="1"/>
      <c r="C6695">
        <v>17</v>
      </c>
      <c r="D6695" t="s">
        <v>16760</v>
      </c>
      <c r="E6695" t="s">
        <v>32872</v>
      </c>
      <c r="F6695">
        <v>4</v>
      </c>
      <c r="G6695" t="s">
        <v>9</v>
      </c>
      <c r="H6695" t="s">
        <v>16761</v>
      </c>
      <c r="I6695" t="s">
        <v>30540</v>
      </c>
    </row>
    <row r="6696" spans="1:9">
      <c r="A6696" s="1">
        <v>9.1905689813375213E-2</v>
      </c>
      <c r="B6696" s="1"/>
      <c r="C6696">
        <v>13</v>
      </c>
      <c r="D6696" t="s">
        <v>16754</v>
      </c>
      <c r="E6696" t="s">
        <v>32872</v>
      </c>
      <c r="F6696">
        <v>4</v>
      </c>
      <c r="G6696" t="s">
        <v>13</v>
      </c>
      <c r="H6696" t="s">
        <v>16755</v>
      </c>
      <c r="I6696" t="s">
        <v>30540</v>
      </c>
    </row>
    <row r="6697" spans="1:9">
      <c r="A6697" s="1">
        <v>0.80846409086692206</v>
      </c>
      <c r="B6697" s="1"/>
      <c r="C6697">
        <v>11</v>
      </c>
      <c r="D6697" t="s">
        <v>16752</v>
      </c>
      <c r="E6697" t="s">
        <v>32872</v>
      </c>
      <c r="F6697">
        <v>4</v>
      </c>
      <c r="G6697" t="s">
        <v>10</v>
      </c>
      <c r="H6697" t="s">
        <v>16753</v>
      </c>
      <c r="I6697" t="s">
        <v>30540</v>
      </c>
    </row>
    <row r="6698" spans="1:9">
      <c r="A6698" s="1">
        <v>0.8078375994880409</v>
      </c>
      <c r="B6698" s="1"/>
      <c r="C6698">
        <v>4</v>
      </c>
      <c r="D6698" t="s">
        <v>16748</v>
      </c>
      <c r="E6698" t="s">
        <v>32872</v>
      </c>
      <c r="F6698">
        <v>4</v>
      </c>
      <c r="G6698" t="s">
        <v>14</v>
      </c>
      <c r="H6698" t="s">
        <v>16749</v>
      </c>
      <c r="I6698" t="s">
        <v>30540</v>
      </c>
    </row>
    <row r="6699" spans="1:9">
      <c r="A6699" s="1">
        <v>0.15409500563878531</v>
      </c>
      <c r="B6699" s="1"/>
      <c r="C6699">
        <v>14</v>
      </c>
      <c r="D6699" t="s">
        <v>16756</v>
      </c>
      <c r="E6699" t="s">
        <v>32872</v>
      </c>
      <c r="F6699">
        <v>4</v>
      </c>
      <c r="G6699" t="s">
        <v>10</v>
      </c>
      <c r="H6699" t="s">
        <v>16757</v>
      </c>
      <c r="I6699" t="s">
        <v>30540</v>
      </c>
    </row>
    <row r="6700" spans="1:9">
      <c r="A6700" s="1">
        <v>0.68246252147277797</v>
      </c>
      <c r="B6700" s="1"/>
      <c r="C6700">
        <v>18</v>
      </c>
      <c r="D6700" t="s">
        <v>16762</v>
      </c>
      <c r="E6700" t="s">
        <v>32872</v>
      </c>
      <c r="F6700">
        <v>4</v>
      </c>
      <c r="G6700" t="s">
        <v>14</v>
      </c>
      <c r="H6700" t="s">
        <v>16763</v>
      </c>
      <c r="I6700" t="s">
        <v>30540</v>
      </c>
    </row>
    <row r="6701" spans="1:9">
      <c r="A6701" s="1">
        <v>0.84611006835754565</v>
      </c>
      <c r="B6701" s="1"/>
      <c r="C6701">
        <v>14</v>
      </c>
      <c r="D6701" t="s">
        <v>16744</v>
      </c>
      <c r="E6701" t="s">
        <v>32873</v>
      </c>
      <c r="F6701">
        <v>5</v>
      </c>
      <c r="G6701" t="s">
        <v>9</v>
      </c>
      <c r="H6701" t="s">
        <v>16745</v>
      </c>
      <c r="I6701" t="s">
        <v>30540</v>
      </c>
    </row>
    <row r="6702" spans="1:9">
      <c r="A6702" s="1">
        <v>0.97430214219621281</v>
      </c>
      <c r="B6702" s="1"/>
      <c r="C6702">
        <v>9</v>
      </c>
      <c r="D6702" t="s">
        <v>16738</v>
      </c>
      <c r="E6702" t="s">
        <v>32873</v>
      </c>
      <c r="F6702">
        <v>4</v>
      </c>
      <c r="G6702" t="s">
        <v>0</v>
      </c>
      <c r="H6702" t="s">
        <v>16739</v>
      </c>
      <c r="I6702" t="s">
        <v>30540</v>
      </c>
    </row>
    <row r="6703" spans="1:9">
      <c r="A6703" s="1">
        <v>0.80983336529511007</v>
      </c>
      <c r="B6703" s="1"/>
      <c r="C6703">
        <v>15</v>
      </c>
      <c r="D6703" t="s">
        <v>16746</v>
      </c>
      <c r="E6703" t="s">
        <v>32873</v>
      </c>
      <c r="F6703">
        <v>4</v>
      </c>
      <c r="G6703" t="s">
        <v>14</v>
      </c>
      <c r="H6703" t="s">
        <v>16747</v>
      </c>
      <c r="I6703" t="s">
        <v>30540</v>
      </c>
    </row>
    <row r="6704" spans="1:9">
      <c r="A6704" s="1">
        <v>0.24866628990155992</v>
      </c>
      <c r="B6704" s="1"/>
      <c r="C6704">
        <v>1</v>
      </c>
      <c r="D6704" t="s">
        <v>16732</v>
      </c>
      <c r="E6704" t="s">
        <v>32873</v>
      </c>
      <c r="F6704">
        <v>4</v>
      </c>
      <c r="G6704" t="s">
        <v>2</v>
      </c>
      <c r="H6704" t="s">
        <v>16733</v>
      </c>
      <c r="I6704" t="s">
        <v>30540</v>
      </c>
    </row>
    <row r="6705" spans="1:9">
      <c r="A6705" s="1">
        <v>0.91481649643995866</v>
      </c>
      <c r="B6705" s="1"/>
      <c r="C6705">
        <v>10</v>
      </c>
      <c r="D6705" t="s">
        <v>16740</v>
      </c>
      <c r="E6705" t="s">
        <v>32873</v>
      </c>
      <c r="F6705">
        <v>4</v>
      </c>
      <c r="G6705" t="s">
        <v>14</v>
      </c>
      <c r="H6705" t="s">
        <v>16741</v>
      </c>
      <c r="I6705" t="s">
        <v>30540</v>
      </c>
    </row>
    <row r="6706" spans="1:9">
      <c r="A6706" s="1">
        <v>0.9546078723378133</v>
      </c>
      <c r="B6706" s="1"/>
      <c r="C6706">
        <v>7</v>
      </c>
      <c r="D6706" t="s">
        <v>16736</v>
      </c>
      <c r="E6706" t="s">
        <v>32873</v>
      </c>
      <c r="F6706">
        <v>4</v>
      </c>
      <c r="G6706" t="s">
        <v>14</v>
      </c>
      <c r="H6706" t="s">
        <v>16737</v>
      </c>
      <c r="I6706" t="s">
        <v>30540</v>
      </c>
    </row>
    <row r="6707" spans="1:9">
      <c r="A6707" s="1">
        <v>0.61940991243701804</v>
      </c>
      <c r="B6707" s="1"/>
      <c r="C6707">
        <v>9</v>
      </c>
      <c r="D6707" t="s">
        <v>16726</v>
      </c>
      <c r="E6707" t="s">
        <v>32874</v>
      </c>
      <c r="F6707">
        <v>4</v>
      </c>
      <c r="G6707" t="s">
        <v>2</v>
      </c>
      <c r="H6707" t="s">
        <v>16727</v>
      </c>
      <c r="I6707" t="s">
        <v>30540</v>
      </c>
    </row>
    <row r="6708" spans="1:9">
      <c r="A6708" s="1">
        <v>0.81591442067028552</v>
      </c>
      <c r="B6708" s="1"/>
      <c r="C6708">
        <v>12</v>
      </c>
      <c r="D6708" t="s">
        <v>16728</v>
      </c>
      <c r="E6708" t="s">
        <v>32874</v>
      </c>
      <c r="F6708">
        <v>4</v>
      </c>
      <c r="G6708" t="s">
        <v>9</v>
      </c>
      <c r="H6708" t="s">
        <v>16729</v>
      </c>
      <c r="I6708" t="s">
        <v>30540</v>
      </c>
    </row>
    <row r="6709" spans="1:9">
      <c r="A6709" s="1">
        <v>0.35987701628455415</v>
      </c>
      <c r="B6709" s="1"/>
      <c r="C6709">
        <v>3</v>
      </c>
      <c r="D6709" t="s">
        <v>16724</v>
      </c>
      <c r="E6709" t="s">
        <v>32874</v>
      </c>
      <c r="F6709">
        <v>3</v>
      </c>
      <c r="G6709" t="s">
        <v>9</v>
      </c>
      <c r="H6709" t="s">
        <v>16725</v>
      </c>
      <c r="I6709" t="s">
        <v>30540</v>
      </c>
    </row>
    <row r="6710" spans="1:9">
      <c r="A6710" s="1">
        <v>0.7739994632876781</v>
      </c>
      <c r="B6710" s="1"/>
      <c r="C6710">
        <v>17</v>
      </c>
      <c r="D6710" t="s">
        <v>16720</v>
      </c>
      <c r="E6710" t="s">
        <v>32875</v>
      </c>
      <c r="F6710">
        <v>4</v>
      </c>
      <c r="G6710" t="s">
        <v>1431</v>
      </c>
      <c r="H6710" t="s">
        <v>16721</v>
      </c>
      <c r="I6710" t="s">
        <v>30540</v>
      </c>
    </row>
    <row r="6711" spans="1:9">
      <c r="A6711" s="1">
        <v>0.55502375624273026</v>
      </c>
      <c r="B6711" s="1"/>
      <c r="C6711">
        <v>3</v>
      </c>
      <c r="D6711" t="s">
        <v>16712</v>
      </c>
      <c r="E6711" t="s">
        <v>32875</v>
      </c>
      <c r="F6711">
        <v>4</v>
      </c>
      <c r="G6711" t="s">
        <v>762</v>
      </c>
      <c r="H6711" t="s">
        <v>16713</v>
      </c>
      <c r="I6711" t="s">
        <v>30540</v>
      </c>
    </row>
    <row r="6712" spans="1:9">
      <c r="A6712" s="1">
        <v>0.89266402391017186</v>
      </c>
      <c r="B6712" s="1"/>
      <c r="C6712">
        <v>18</v>
      </c>
      <c r="D6712" t="s">
        <v>16722</v>
      </c>
      <c r="E6712" t="s">
        <v>32875</v>
      </c>
      <c r="F6712">
        <v>4</v>
      </c>
      <c r="G6712" t="s">
        <v>775</v>
      </c>
      <c r="H6712" t="s">
        <v>16723</v>
      </c>
      <c r="I6712" t="s">
        <v>30540</v>
      </c>
    </row>
    <row r="6713" spans="1:9">
      <c r="A6713" s="1">
        <v>0.381945158282885</v>
      </c>
      <c r="B6713" s="1"/>
      <c r="C6713">
        <v>6</v>
      </c>
      <c r="D6713" t="s">
        <v>16714</v>
      </c>
      <c r="E6713" t="s">
        <v>32875</v>
      </c>
      <c r="F6713">
        <v>4</v>
      </c>
      <c r="G6713" t="s">
        <v>2229</v>
      </c>
      <c r="H6713" t="s">
        <v>16715</v>
      </c>
      <c r="I6713" t="s">
        <v>30540</v>
      </c>
    </row>
    <row r="6714" spans="1:9">
      <c r="A6714" s="1">
        <v>0.37406579340517232</v>
      </c>
      <c r="B6714" s="1"/>
      <c r="C6714">
        <v>16</v>
      </c>
      <c r="D6714" t="s">
        <v>16718</v>
      </c>
      <c r="E6714" t="s">
        <v>32875</v>
      </c>
      <c r="F6714">
        <v>4</v>
      </c>
      <c r="G6714" t="s">
        <v>1431</v>
      </c>
      <c r="H6714" t="s">
        <v>16719</v>
      </c>
      <c r="I6714" t="s">
        <v>30540</v>
      </c>
    </row>
    <row r="6715" spans="1:9">
      <c r="A6715" s="1">
        <v>5.1733979125684115E-2</v>
      </c>
      <c r="B6715" s="1"/>
      <c r="C6715">
        <v>14</v>
      </c>
      <c r="D6715" t="s">
        <v>16716</v>
      </c>
      <c r="E6715" t="s">
        <v>32875</v>
      </c>
      <c r="F6715">
        <v>3</v>
      </c>
      <c r="G6715" t="s">
        <v>775</v>
      </c>
      <c r="H6715" t="s">
        <v>16717</v>
      </c>
      <c r="I6715" t="s">
        <v>30540</v>
      </c>
    </row>
    <row r="6716" spans="1:9">
      <c r="A6716" s="1">
        <v>0.81077015118171891</v>
      </c>
      <c r="B6716" s="1"/>
      <c r="C6716">
        <v>8</v>
      </c>
      <c r="D6716" t="s">
        <v>16710</v>
      </c>
      <c r="E6716" t="s">
        <v>32876</v>
      </c>
      <c r="F6716">
        <v>4</v>
      </c>
      <c r="G6716" t="s">
        <v>15</v>
      </c>
      <c r="H6716" t="s">
        <v>16711</v>
      </c>
      <c r="I6716" t="s">
        <v>30540</v>
      </c>
    </row>
    <row r="6717" spans="1:9">
      <c r="A6717" s="1">
        <v>0.98038506275080928</v>
      </c>
      <c r="B6717" s="1"/>
      <c r="C6717">
        <v>3</v>
      </c>
      <c r="D6717" t="s">
        <v>16694</v>
      </c>
      <c r="E6717" t="s">
        <v>32877</v>
      </c>
      <c r="F6717">
        <v>4</v>
      </c>
      <c r="G6717" t="s">
        <v>15</v>
      </c>
      <c r="H6717" t="s">
        <v>16695</v>
      </c>
      <c r="I6717" t="s">
        <v>30540</v>
      </c>
    </row>
    <row r="6718" spans="1:9">
      <c r="A6718" s="1">
        <v>0.2762276042848294</v>
      </c>
      <c r="B6718" s="1"/>
      <c r="C6718">
        <v>7</v>
      </c>
      <c r="D6718" t="s">
        <v>16700</v>
      </c>
      <c r="E6718" t="s">
        <v>32877</v>
      </c>
      <c r="F6718">
        <v>4</v>
      </c>
      <c r="G6718" t="s">
        <v>9</v>
      </c>
      <c r="H6718" t="s">
        <v>16701</v>
      </c>
      <c r="I6718" t="s">
        <v>30540</v>
      </c>
    </row>
    <row r="6719" spans="1:9">
      <c r="A6719" s="1">
        <v>1.5235151202240282E-2</v>
      </c>
      <c r="B6719" s="1"/>
      <c r="C6719">
        <v>6</v>
      </c>
      <c r="D6719" t="s">
        <v>16698</v>
      </c>
      <c r="E6719" t="s">
        <v>32877</v>
      </c>
      <c r="F6719">
        <v>4</v>
      </c>
      <c r="G6719" t="s">
        <v>9</v>
      </c>
      <c r="H6719" t="s">
        <v>16699</v>
      </c>
      <c r="I6719" t="s">
        <v>30540</v>
      </c>
    </row>
    <row r="6720" spans="1:9">
      <c r="A6720" s="1">
        <v>0.54809256136114493</v>
      </c>
      <c r="B6720" s="1"/>
      <c r="C6720">
        <v>18</v>
      </c>
      <c r="D6720" t="s">
        <v>16704</v>
      </c>
      <c r="E6720" t="s">
        <v>32877</v>
      </c>
      <c r="F6720">
        <v>4</v>
      </c>
      <c r="G6720" t="s">
        <v>15</v>
      </c>
      <c r="H6720" t="s">
        <v>16705</v>
      </c>
      <c r="I6720" t="s">
        <v>30540</v>
      </c>
    </row>
    <row r="6721" spans="1:9">
      <c r="A6721" s="1">
        <v>8.0816690706465799E-2</v>
      </c>
      <c r="B6721" s="1"/>
      <c r="C6721">
        <v>12</v>
      </c>
      <c r="D6721" t="s">
        <v>16702</v>
      </c>
      <c r="E6721" t="s">
        <v>32877</v>
      </c>
      <c r="F6721">
        <v>4</v>
      </c>
      <c r="G6721" t="s">
        <v>10</v>
      </c>
      <c r="H6721" t="s">
        <v>16703</v>
      </c>
      <c r="I6721" t="s">
        <v>30540</v>
      </c>
    </row>
    <row r="6722" spans="1:9">
      <c r="A6722" s="1">
        <v>2.2572150396515389E-2</v>
      </c>
      <c r="B6722" s="1"/>
      <c r="C6722">
        <v>20</v>
      </c>
      <c r="D6722" t="s">
        <v>16706</v>
      </c>
      <c r="E6722" t="s">
        <v>32877</v>
      </c>
      <c r="F6722">
        <v>3</v>
      </c>
      <c r="G6722" t="s">
        <v>9</v>
      </c>
      <c r="H6722" t="s">
        <v>16707</v>
      </c>
      <c r="I6722" t="s">
        <v>30540</v>
      </c>
    </row>
    <row r="6723" spans="1:9">
      <c r="A6723" s="1">
        <v>0.90972113022059009</v>
      </c>
      <c r="B6723" s="1"/>
      <c r="C6723">
        <v>13</v>
      </c>
      <c r="D6723" t="s">
        <v>16690</v>
      </c>
      <c r="E6723" t="s">
        <v>32878</v>
      </c>
      <c r="F6723">
        <v>4</v>
      </c>
      <c r="G6723" t="s">
        <v>15</v>
      </c>
      <c r="H6723" t="s">
        <v>16691</v>
      </c>
      <c r="I6723" t="s">
        <v>30540</v>
      </c>
    </row>
    <row r="6724" spans="1:9">
      <c r="A6724" s="1">
        <v>0.43979011831220582</v>
      </c>
      <c r="B6724" s="1"/>
      <c r="C6724">
        <v>16</v>
      </c>
      <c r="D6724" t="s">
        <v>16692</v>
      </c>
      <c r="E6724" t="s">
        <v>32878</v>
      </c>
      <c r="F6724">
        <v>3</v>
      </c>
      <c r="G6724" t="s">
        <v>15</v>
      </c>
      <c r="H6724" t="s">
        <v>16693</v>
      </c>
      <c r="I6724" t="s">
        <v>30540</v>
      </c>
    </row>
    <row r="6725" spans="1:9">
      <c r="A6725" s="1">
        <v>0.786813555590544</v>
      </c>
      <c r="B6725" s="1"/>
      <c r="C6725">
        <v>3</v>
      </c>
      <c r="D6725" t="s">
        <v>16686</v>
      </c>
      <c r="E6725" t="s">
        <v>32879</v>
      </c>
      <c r="F6725">
        <v>5</v>
      </c>
      <c r="G6725" t="s">
        <v>9</v>
      </c>
      <c r="H6725" t="s">
        <v>16687</v>
      </c>
      <c r="I6725" t="s">
        <v>30540</v>
      </c>
    </row>
    <row r="6726" spans="1:9">
      <c r="A6726" s="1">
        <v>0.86784071088352366</v>
      </c>
      <c r="B6726" s="1"/>
      <c r="C6726">
        <v>7</v>
      </c>
      <c r="D6726" t="s">
        <v>16688</v>
      </c>
      <c r="E6726" t="s">
        <v>32879</v>
      </c>
      <c r="F6726">
        <v>4</v>
      </c>
      <c r="G6726" t="s">
        <v>0</v>
      </c>
      <c r="H6726" t="s">
        <v>16689</v>
      </c>
      <c r="I6726" t="s">
        <v>30540</v>
      </c>
    </row>
    <row r="6727" spans="1:9">
      <c r="A6727" s="1">
        <v>0.57516267818559053</v>
      </c>
      <c r="B6727" s="1"/>
      <c r="C6727">
        <v>2</v>
      </c>
      <c r="D6727" t="s">
        <v>16684</v>
      </c>
      <c r="E6727" t="s">
        <v>32879</v>
      </c>
      <c r="F6727">
        <v>3</v>
      </c>
      <c r="G6727" t="s">
        <v>9</v>
      </c>
      <c r="H6727" t="s">
        <v>16685</v>
      </c>
      <c r="I6727" t="s">
        <v>30540</v>
      </c>
    </row>
    <row r="6728" spans="1:9">
      <c r="A6728" s="1">
        <v>7.3891536306759154E-2</v>
      </c>
      <c r="B6728" s="1"/>
      <c r="C6728">
        <v>12</v>
      </c>
      <c r="D6728" t="s">
        <v>16682</v>
      </c>
      <c r="E6728" t="s">
        <v>32880</v>
      </c>
      <c r="F6728">
        <v>5</v>
      </c>
      <c r="G6728" t="s">
        <v>9</v>
      </c>
      <c r="H6728" t="s">
        <v>16683</v>
      </c>
      <c r="I6728" t="s">
        <v>30540</v>
      </c>
    </row>
    <row r="6729" spans="1:9">
      <c r="A6729" s="1">
        <v>0.78864950502130504</v>
      </c>
      <c r="B6729" s="1"/>
      <c r="C6729">
        <v>10</v>
      </c>
      <c r="D6729" t="s">
        <v>16680</v>
      </c>
      <c r="E6729" t="s">
        <v>32880</v>
      </c>
      <c r="F6729">
        <v>4</v>
      </c>
      <c r="G6729" t="s">
        <v>10</v>
      </c>
      <c r="H6729" t="s">
        <v>16681</v>
      </c>
      <c r="I6729" t="s">
        <v>30540</v>
      </c>
    </row>
    <row r="6730" spans="1:9">
      <c r="A6730" s="1">
        <v>0.36826783336313929</v>
      </c>
      <c r="B6730" s="1"/>
      <c r="C6730">
        <v>6</v>
      </c>
      <c r="D6730" t="s">
        <v>16676</v>
      </c>
      <c r="E6730" t="s">
        <v>32881</v>
      </c>
      <c r="F6730">
        <v>5</v>
      </c>
      <c r="G6730" t="s">
        <v>15</v>
      </c>
      <c r="H6730" t="s">
        <v>16677</v>
      </c>
      <c r="I6730" t="s">
        <v>30540</v>
      </c>
    </row>
    <row r="6731" spans="1:9">
      <c r="A6731" s="1">
        <v>0.71894847153491481</v>
      </c>
      <c r="B6731" s="1"/>
      <c r="C6731">
        <v>2</v>
      </c>
      <c r="D6731" t="s">
        <v>16672</v>
      </c>
      <c r="E6731" t="s">
        <v>32881</v>
      </c>
      <c r="F6731">
        <v>3</v>
      </c>
      <c r="G6731" t="s">
        <v>14</v>
      </c>
      <c r="H6731" t="s">
        <v>16673</v>
      </c>
      <c r="I6731" t="s">
        <v>30540</v>
      </c>
    </row>
    <row r="6732" spans="1:9">
      <c r="A6732" s="1">
        <v>0.39103156609079781</v>
      </c>
      <c r="B6732" s="1"/>
      <c r="C6732">
        <v>5</v>
      </c>
      <c r="D6732" t="s">
        <v>16668</v>
      </c>
      <c r="E6732" t="s">
        <v>32882</v>
      </c>
      <c r="F6732">
        <v>5</v>
      </c>
      <c r="G6732" t="s">
        <v>766</v>
      </c>
      <c r="H6732" t="s">
        <v>16669</v>
      </c>
      <c r="I6732" t="s">
        <v>30540</v>
      </c>
    </row>
    <row r="6733" spans="1:9">
      <c r="A6733" s="1">
        <v>0.93030946830201056</v>
      </c>
      <c r="B6733" s="1"/>
      <c r="C6733">
        <v>2</v>
      </c>
      <c r="D6733" t="s">
        <v>16648</v>
      </c>
      <c r="E6733" t="s">
        <v>32883</v>
      </c>
      <c r="F6733">
        <v>5</v>
      </c>
      <c r="G6733" t="s">
        <v>2</v>
      </c>
      <c r="H6733" t="s">
        <v>16649</v>
      </c>
      <c r="I6733" t="s">
        <v>30540</v>
      </c>
    </row>
    <row r="6734" spans="1:9">
      <c r="A6734" s="1">
        <v>2.4664434193632068E-2</v>
      </c>
      <c r="B6734" s="1"/>
      <c r="C6734">
        <v>17</v>
      </c>
      <c r="D6734" t="s">
        <v>16662</v>
      </c>
      <c r="E6734" t="s">
        <v>32883</v>
      </c>
      <c r="F6734">
        <v>5</v>
      </c>
      <c r="G6734" t="s">
        <v>13</v>
      </c>
      <c r="H6734" t="s">
        <v>16663</v>
      </c>
      <c r="I6734" t="s">
        <v>30540</v>
      </c>
    </row>
    <row r="6735" spans="1:9">
      <c r="A6735" s="1">
        <v>0.87257390152914072</v>
      </c>
      <c r="B6735" s="1"/>
      <c r="C6735">
        <v>13</v>
      </c>
      <c r="D6735" t="s">
        <v>16658</v>
      </c>
      <c r="E6735" t="s">
        <v>32883</v>
      </c>
      <c r="F6735">
        <v>4</v>
      </c>
      <c r="G6735" t="s">
        <v>9</v>
      </c>
      <c r="H6735" t="s">
        <v>16659</v>
      </c>
      <c r="I6735" t="s">
        <v>30540</v>
      </c>
    </row>
    <row r="6736" spans="1:9">
      <c r="A6736" s="1">
        <v>0.91311682849606612</v>
      </c>
      <c r="B6736" s="1"/>
      <c r="C6736">
        <v>11</v>
      </c>
      <c r="D6736" t="s">
        <v>16656</v>
      </c>
      <c r="E6736" t="s">
        <v>32883</v>
      </c>
      <c r="F6736">
        <v>4</v>
      </c>
      <c r="G6736" t="s">
        <v>14</v>
      </c>
      <c r="H6736" t="s">
        <v>16657</v>
      </c>
      <c r="I6736" t="s">
        <v>30540</v>
      </c>
    </row>
    <row r="6737" spans="1:9">
      <c r="A6737" s="1">
        <v>0.66638373884057844</v>
      </c>
      <c r="B6737" s="1"/>
      <c r="C6737">
        <v>7</v>
      </c>
      <c r="D6737" t="s">
        <v>16654</v>
      </c>
      <c r="E6737" t="s">
        <v>32883</v>
      </c>
      <c r="F6737">
        <v>4</v>
      </c>
      <c r="G6737" t="s">
        <v>9</v>
      </c>
      <c r="H6737" t="s">
        <v>16655</v>
      </c>
      <c r="I6737" t="s">
        <v>30540</v>
      </c>
    </row>
    <row r="6738" spans="1:9">
      <c r="A6738" s="1">
        <v>0.30123465945998917</v>
      </c>
      <c r="B6738" s="1"/>
      <c r="C6738">
        <v>15</v>
      </c>
      <c r="D6738" t="s">
        <v>16660</v>
      </c>
      <c r="E6738" t="s">
        <v>32883</v>
      </c>
      <c r="F6738">
        <v>4</v>
      </c>
      <c r="G6738" t="s">
        <v>14</v>
      </c>
      <c r="H6738" t="s">
        <v>16661</v>
      </c>
      <c r="I6738" t="s">
        <v>30540</v>
      </c>
    </row>
    <row r="6739" spans="1:9">
      <c r="A6739" s="1">
        <v>0.45006834015930419</v>
      </c>
      <c r="B6739" s="1"/>
      <c r="C6739">
        <v>18</v>
      </c>
      <c r="D6739" t="s">
        <v>16664</v>
      </c>
      <c r="E6739" t="s">
        <v>32883</v>
      </c>
      <c r="F6739">
        <v>4</v>
      </c>
      <c r="G6739" t="s">
        <v>0</v>
      </c>
      <c r="H6739" t="s">
        <v>16665</v>
      </c>
      <c r="I6739" t="s">
        <v>30540</v>
      </c>
    </row>
    <row r="6740" spans="1:9">
      <c r="A6740" s="1">
        <v>0.36512474915619342</v>
      </c>
      <c r="B6740" s="1"/>
      <c r="C6740">
        <v>3</v>
      </c>
      <c r="D6740" t="s">
        <v>16650</v>
      </c>
      <c r="E6740" t="s">
        <v>32883</v>
      </c>
      <c r="F6740">
        <v>4</v>
      </c>
      <c r="G6740" t="s">
        <v>10</v>
      </c>
      <c r="H6740" t="s">
        <v>16651</v>
      </c>
      <c r="I6740" t="s">
        <v>30540</v>
      </c>
    </row>
    <row r="6741" spans="1:9">
      <c r="A6741" s="1">
        <v>0.87081970701447087</v>
      </c>
      <c r="B6741" s="1"/>
      <c r="C6741">
        <v>5</v>
      </c>
      <c r="D6741" t="s">
        <v>16644</v>
      </c>
      <c r="E6741" t="s">
        <v>32884</v>
      </c>
      <c r="F6741">
        <v>5</v>
      </c>
      <c r="G6741" t="s">
        <v>14</v>
      </c>
      <c r="H6741" t="s">
        <v>16645</v>
      </c>
      <c r="I6741" t="s">
        <v>30540</v>
      </c>
    </row>
    <row r="6742" spans="1:9">
      <c r="A6742" s="1">
        <v>0.68215332170774146</v>
      </c>
      <c r="B6742" s="1"/>
      <c r="C6742">
        <v>3</v>
      </c>
      <c r="D6742" t="s">
        <v>16642</v>
      </c>
      <c r="E6742" t="s">
        <v>32884</v>
      </c>
      <c r="F6742">
        <v>3</v>
      </c>
      <c r="G6742" t="s">
        <v>0</v>
      </c>
      <c r="H6742" t="s">
        <v>16643</v>
      </c>
      <c r="I6742" t="s">
        <v>30540</v>
      </c>
    </row>
    <row r="6743" spans="1:9">
      <c r="A6743" s="1">
        <v>0.52480931057872338</v>
      </c>
      <c r="B6743" s="1"/>
      <c r="C6743">
        <v>7</v>
      </c>
      <c r="D6743" t="s">
        <v>16646</v>
      </c>
      <c r="E6743" t="s">
        <v>32884</v>
      </c>
      <c r="F6743">
        <v>3</v>
      </c>
      <c r="G6743" t="s">
        <v>14</v>
      </c>
      <c r="H6743" t="s">
        <v>16647</v>
      </c>
      <c r="I6743" t="s">
        <v>30540</v>
      </c>
    </row>
    <row r="6744" spans="1:9">
      <c r="A6744" s="1">
        <v>0.46008817642123789</v>
      </c>
      <c r="B6744" s="1"/>
      <c r="C6744">
        <v>14</v>
      </c>
      <c r="D6744" t="s">
        <v>16636</v>
      </c>
      <c r="E6744" t="s">
        <v>32885</v>
      </c>
      <c r="F6744">
        <v>4</v>
      </c>
      <c r="G6744" t="s">
        <v>14</v>
      </c>
      <c r="H6744" t="s">
        <v>16637</v>
      </c>
      <c r="I6744" t="s">
        <v>30540</v>
      </c>
    </row>
    <row r="6745" spans="1:9">
      <c r="A6745" s="1">
        <v>0.33647323114624994</v>
      </c>
      <c r="B6745" s="1"/>
      <c r="C6745">
        <v>16</v>
      </c>
      <c r="D6745" t="s">
        <v>16638</v>
      </c>
      <c r="E6745" t="s">
        <v>32885</v>
      </c>
      <c r="F6745">
        <v>4</v>
      </c>
      <c r="G6745" t="s">
        <v>14</v>
      </c>
      <c r="H6745" t="s">
        <v>16639</v>
      </c>
      <c r="I6745" t="s">
        <v>30540</v>
      </c>
    </row>
    <row r="6746" spans="1:9">
      <c r="A6746" s="1">
        <v>0.35746550950908951</v>
      </c>
      <c r="B6746" s="1"/>
      <c r="C6746">
        <v>6</v>
      </c>
      <c r="D6746" t="s">
        <v>16630</v>
      </c>
      <c r="E6746" t="s">
        <v>32885</v>
      </c>
      <c r="F6746">
        <v>4</v>
      </c>
      <c r="G6746" t="s">
        <v>14</v>
      </c>
      <c r="H6746" t="s">
        <v>16631</v>
      </c>
      <c r="I6746" t="s">
        <v>30540</v>
      </c>
    </row>
    <row r="6747" spans="1:9">
      <c r="A6747" s="1">
        <v>0.20575880586190798</v>
      </c>
      <c r="B6747" s="1"/>
      <c r="C6747">
        <v>9</v>
      </c>
      <c r="D6747" t="s">
        <v>16634</v>
      </c>
      <c r="E6747" t="s">
        <v>32885</v>
      </c>
      <c r="F6747">
        <v>4</v>
      </c>
      <c r="G6747" t="s">
        <v>0</v>
      </c>
      <c r="H6747" t="s">
        <v>16635</v>
      </c>
      <c r="I6747" t="s">
        <v>30540</v>
      </c>
    </row>
    <row r="6748" spans="1:9">
      <c r="A6748" s="1">
        <v>0.34729477230962125</v>
      </c>
      <c r="B6748" s="1"/>
      <c r="C6748">
        <v>3</v>
      </c>
      <c r="D6748" t="s">
        <v>16628</v>
      </c>
      <c r="E6748" t="s">
        <v>32885</v>
      </c>
      <c r="F6748">
        <v>4</v>
      </c>
      <c r="G6748" t="s">
        <v>2</v>
      </c>
      <c r="H6748" t="s">
        <v>16629</v>
      </c>
      <c r="I6748" t="s">
        <v>30540</v>
      </c>
    </row>
    <row r="6749" spans="1:9">
      <c r="A6749" s="1">
        <v>0.59543491354575784</v>
      </c>
      <c r="B6749" s="1"/>
      <c r="C6749">
        <v>8</v>
      </c>
      <c r="D6749" t="s">
        <v>16620</v>
      </c>
      <c r="E6749" t="s">
        <v>32886</v>
      </c>
      <c r="F6749">
        <v>4</v>
      </c>
      <c r="G6749" t="s">
        <v>14</v>
      </c>
      <c r="H6749" t="s">
        <v>16621</v>
      </c>
      <c r="I6749" t="s">
        <v>30540</v>
      </c>
    </row>
    <row r="6750" spans="1:9">
      <c r="A6750" s="1">
        <v>0.89516805995219784</v>
      </c>
      <c r="B6750" s="1"/>
      <c r="C6750">
        <v>6</v>
      </c>
      <c r="D6750" t="s">
        <v>16618</v>
      </c>
      <c r="E6750" t="s">
        <v>32886</v>
      </c>
      <c r="F6750">
        <v>4</v>
      </c>
      <c r="G6750" t="s">
        <v>13</v>
      </c>
      <c r="H6750" t="s">
        <v>16619</v>
      </c>
      <c r="I6750" t="s">
        <v>30540</v>
      </c>
    </row>
    <row r="6751" spans="1:9">
      <c r="A6751" s="1">
        <v>0.42551016273672582</v>
      </c>
      <c r="B6751" s="1"/>
      <c r="C6751">
        <v>10</v>
      </c>
      <c r="D6751" t="s">
        <v>16622</v>
      </c>
      <c r="E6751" t="s">
        <v>32886</v>
      </c>
      <c r="F6751">
        <v>4</v>
      </c>
      <c r="G6751" t="s">
        <v>14</v>
      </c>
      <c r="H6751" t="s">
        <v>16623</v>
      </c>
      <c r="I6751" t="s">
        <v>30540</v>
      </c>
    </row>
    <row r="6752" spans="1:9">
      <c r="A6752" s="1">
        <v>4.7159110125799542E-3</v>
      </c>
      <c r="B6752" s="1"/>
      <c r="C6752">
        <v>13</v>
      </c>
      <c r="D6752" t="s">
        <v>16624</v>
      </c>
      <c r="E6752" t="s">
        <v>32886</v>
      </c>
      <c r="F6752">
        <v>4</v>
      </c>
      <c r="G6752" t="s">
        <v>10</v>
      </c>
      <c r="H6752" t="s">
        <v>16625</v>
      </c>
      <c r="I6752" t="s">
        <v>30540</v>
      </c>
    </row>
    <row r="6753" spans="1:9">
      <c r="A6753" s="1">
        <v>0.37431457665388645</v>
      </c>
      <c r="B6753" s="1"/>
      <c r="C6753">
        <v>18</v>
      </c>
      <c r="D6753" t="s">
        <v>16626</v>
      </c>
      <c r="E6753" t="s">
        <v>32886</v>
      </c>
      <c r="F6753">
        <v>4</v>
      </c>
      <c r="G6753" t="s">
        <v>10</v>
      </c>
      <c r="H6753" t="s">
        <v>16627</v>
      </c>
      <c r="I6753" t="s">
        <v>30540</v>
      </c>
    </row>
    <row r="6754" spans="1:9">
      <c r="A6754" s="1">
        <v>3.9691518807957737E-2</v>
      </c>
      <c r="B6754" s="1"/>
      <c r="C6754">
        <v>2</v>
      </c>
      <c r="D6754" t="s">
        <v>16616</v>
      </c>
      <c r="E6754" t="s">
        <v>32886</v>
      </c>
      <c r="F6754">
        <v>4</v>
      </c>
      <c r="G6754" t="s">
        <v>10</v>
      </c>
      <c r="H6754" t="s">
        <v>16617</v>
      </c>
      <c r="I6754" t="s">
        <v>30540</v>
      </c>
    </row>
    <row r="6755" spans="1:9">
      <c r="A6755" s="1">
        <v>5.8706350809681007E-2</v>
      </c>
      <c r="B6755" s="1"/>
      <c r="C6755">
        <v>18</v>
      </c>
      <c r="D6755" t="s">
        <v>16614</v>
      </c>
      <c r="E6755" t="s">
        <v>32887</v>
      </c>
      <c r="F6755">
        <v>4</v>
      </c>
      <c r="G6755" t="s">
        <v>775</v>
      </c>
      <c r="H6755" t="s">
        <v>16615</v>
      </c>
      <c r="I6755" t="s">
        <v>30540</v>
      </c>
    </row>
    <row r="6756" spans="1:9">
      <c r="A6756" s="1">
        <v>0.50214205355606067</v>
      </c>
      <c r="B6756" s="1"/>
      <c r="C6756">
        <v>15</v>
      </c>
      <c r="D6756" t="s">
        <v>16612</v>
      </c>
      <c r="E6756" t="s">
        <v>32887</v>
      </c>
      <c r="F6756">
        <v>4</v>
      </c>
      <c r="G6756" t="s">
        <v>1295</v>
      </c>
      <c r="H6756" t="s">
        <v>16613</v>
      </c>
      <c r="I6756" t="s">
        <v>30540</v>
      </c>
    </row>
    <row r="6757" spans="1:9">
      <c r="A6757" s="1">
        <v>0.98052020977890941</v>
      </c>
      <c r="B6757" s="1"/>
      <c r="C6757">
        <v>6</v>
      </c>
      <c r="D6757" t="s">
        <v>16610</v>
      </c>
      <c r="E6757" t="s">
        <v>32887</v>
      </c>
      <c r="F6757">
        <v>4</v>
      </c>
      <c r="G6757" t="s">
        <v>14</v>
      </c>
      <c r="H6757" t="s">
        <v>16611</v>
      </c>
      <c r="I6757" t="s">
        <v>30540</v>
      </c>
    </row>
    <row r="6758" spans="1:9">
      <c r="A6758" s="1">
        <v>0.99172091144632424</v>
      </c>
      <c r="B6758" s="1"/>
      <c r="C6758">
        <v>8</v>
      </c>
      <c r="D6758" t="s">
        <v>16602</v>
      </c>
      <c r="E6758" t="s">
        <v>32888</v>
      </c>
      <c r="F6758">
        <v>4</v>
      </c>
      <c r="G6758" t="s">
        <v>14</v>
      </c>
      <c r="H6758" t="s">
        <v>16603</v>
      </c>
      <c r="I6758" t="s">
        <v>30540</v>
      </c>
    </row>
    <row r="6759" spans="1:9">
      <c r="A6759" s="1">
        <v>0.46941499694244104</v>
      </c>
      <c r="B6759" s="1"/>
      <c r="C6759">
        <v>9</v>
      </c>
      <c r="D6759" t="s">
        <v>16604</v>
      </c>
      <c r="E6759" t="s">
        <v>32888</v>
      </c>
      <c r="F6759">
        <v>4</v>
      </c>
      <c r="G6759" t="s">
        <v>14</v>
      </c>
      <c r="H6759" t="s">
        <v>16605</v>
      </c>
      <c r="I6759" t="s">
        <v>30540</v>
      </c>
    </row>
    <row r="6760" spans="1:9">
      <c r="A6760" s="1">
        <v>0.11886575732876803</v>
      </c>
      <c r="B6760" s="1"/>
      <c r="C6760">
        <v>10</v>
      </c>
      <c r="D6760" t="s">
        <v>16606</v>
      </c>
      <c r="E6760" t="s">
        <v>32888</v>
      </c>
      <c r="F6760">
        <v>4</v>
      </c>
      <c r="G6760" t="s">
        <v>13</v>
      </c>
      <c r="H6760" t="s">
        <v>16607</v>
      </c>
      <c r="I6760" t="s">
        <v>30540</v>
      </c>
    </row>
    <row r="6761" spans="1:9">
      <c r="A6761" s="1">
        <v>0.10316842353998978</v>
      </c>
      <c r="B6761" s="1"/>
      <c r="C6761">
        <v>1</v>
      </c>
      <c r="D6761" t="s">
        <v>16598</v>
      </c>
      <c r="E6761" t="s">
        <v>32888</v>
      </c>
      <c r="F6761">
        <v>4</v>
      </c>
      <c r="G6761" t="s">
        <v>14</v>
      </c>
      <c r="H6761" t="s">
        <v>16599</v>
      </c>
      <c r="I6761" t="s">
        <v>30540</v>
      </c>
    </row>
    <row r="6762" spans="1:9">
      <c r="A6762" s="1">
        <v>0.66668258356665244</v>
      </c>
      <c r="B6762" s="1"/>
      <c r="C6762">
        <v>7</v>
      </c>
      <c r="D6762" t="s">
        <v>16600</v>
      </c>
      <c r="E6762" t="s">
        <v>32888</v>
      </c>
      <c r="F6762">
        <v>4</v>
      </c>
      <c r="G6762" t="s">
        <v>2</v>
      </c>
      <c r="H6762" t="s">
        <v>16601</v>
      </c>
      <c r="I6762" t="s">
        <v>30540</v>
      </c>
    </row>
    <row r="6763" spans="1:9">
      <c r="A6763" s="1">
        <v>0.16659893809194937</v>
      </c>
      <c r="B6763" s="1"/>
      <c r="C6763">
        <v>11</v>
      </c>
      <c r="D6763" t="s">
        <v>16596</v>
      </c>
      <c r="E6763" t="s">
        <v>32889</v>
      </c>
      <c r="F6763">
        <v>4</v>
      </c>
      <c r="G6763" t="s">
        <v>0</v>
      </c>
      <c r="H6763" t="s">
        <v>16597</v>
      </c>
      <c r="I6763" t="s">
        <v>30540</v>
      </c>
    </row>
    <row r="6764" spans="1:9">
      <c r="A6764" s="1">
        <v>0.42644862292204722</v>
      </c>
      <c r="B6764" s="1"/>
      <c r="C6764">
        <v>1</v>
      </c>
      <c r="D6764" t="s">
        <v>16588</v>
      </c>
      <c r="E6764" t="s">
        <v>32889</v>
      </c>
      <c r="F6764">
        <v>4</v>
      </c>
      <c r="G6764" t="s">
        <v>10</v>
      </c>
      <c r="H6764" t="s">
        <v>16589</v>
      </c>
      <c r="I6764" t="s">
        <v>30540</v>
      </c>
    </row>
    <row r="6765" spans="1:9">
      <c r="A6765" s="1">
        <v>0.27903725953573677</v>
      </c>
      <c r="B6765" s="1"/>
      <c r="C6765">
        <v>5</v>
      </c>
      <c r="D6765" t="s">
        <v>16592</v>
      </c>
      <c r="E6765" t="s">
        <v>32889</v>
      </c>
      <c r="F6765">
        <v>4</v>
      </c>
      <c r="G6765" t="s">
        <v>14</v>
      </c>
      <c r="H6765" t="s">
        <v>16593</v>
      </c>
      <c r="I6765" t="s">
        <v>30540</v>
      </c>
    </row>
    <row r="6766" spans="1:9">
      <c r="A6766" s="1">
        <v>0.58109153461504159</v>
      </c>
      <c r="B6766" s="1"/>
      <c r="C6766">
        <v>7</v>
      </c>
      <c r="D6766" t="s">
        <v>16594</v>
      </c>
      <c r="E6766" t="s">
        <v>32889</v>
      </c>
      <c r="F6766">
        <v>4</v>
      </c>
      <c r="G6766" t="s">
        <v>14</v>
      </c>
      <c r="H6766" t="s">
        <v>16595</v>
      </c>
      <c r="I6766" t="s">
        <v>30540</v>
      </c>
    </row>
    <row r="6767" spans="1:9">
      <c r="A6767" s="1">
        <v>0.97398109699229907</v>
      </c>
      <c r="B6767" s="1"/>
      <c r="C6767">
        <v>3</v>
      </c>
      <c r="D6767" t="s">
        <v>16590</v>
      </c>
      <c r="E6767" t="s">
        <v>32889</v>
      </c>
      <c r="F6767">
        <v>4</v>
      </c>
      <c r="G6767" t="s">
        <v>2</v>
      </c>
      <c r="H6767" t="s">
        <v>16591</v>
      </c>
      <c r="I6767" t="s">
        <v>30540</v>
      </c>
    </row>
    <row r="6768" spans="1:9">
      <c r="A6768" s="1">
        <v>0.90691071263337275</v>
      </c>
      <c r="B6768" s="1"/>
      <c r="C6768">
        <v>3</v>
      </c>
      <c r="D6768" t="s">
        <v>16584</v>
      </c>
      <c r="E6768" t="s">
        <v>32890</v>
      </c>
      <c r="F6768">
        <v>4</v>
      </c>
      <c r="G6768" t="s">
        <v>14</v>
      </c>
      <c r="H6768" t="s">
        <v>16585</v>
      </c>
      <c r="I6768" t="s">
        <v>30540</v>
      </c>
    </row>
    <row r="6769" spans="1:9">
      <c r="A6769" s="1">
        <v>0.42334875280842221</v>
      </c>
      <c r="B6769" s="1"/>
      <c r="C6769">
        <v>16</v>
      </c>
      <c r="D6769" t="s">
        <v>16586</v>
      </c>
      <c r="E6769" t="s">
        <v>32890</v>
      </c>
      <c r="F6769">
        <v>4</v>
      </c>
      <c r="G6769" t="s">
        <v>14</v>
      </c>
      <c r="H6769" t="s">
        <v>16587</v>
      </c>
      <c r="I6769" t="s">
        <v>30540</v>
      </c>
    </row>
    <row r="6770" spans="1:9">
      <c r="A6770" s="1">
        <v>0.76269379577703722</v>
      </c>
      <c r="B6770" s="1"/>
      <c r="C6770">
        <v>20</v>
      </c>
      <c r="D6770" t="s">
        <v>16582</v>
      </c>
      <c r="E6770" t="s">
        <v>32891</v>
      </c>
      <c r="F6770">
        <v>4</v>
      </c>
      <c r="G6770" t="s">
        <v>0</v>
      </c>
      <c r="H6770" t="s">
        <v>16583</v>
      </c>
      <c r="I6770" t="s">
        <v>30540</v>
      </c>
    </row>
    <row r="6771" spans="1:9">
      <c r="A6771" s="1">
        <v>0.93386760374589972</v>
      </c>
      <c r="B6771" s="1"/>
      <c r="C6771">
        <v>13</v>
      </c>
      <c r="D6771" t="s">
        <v>16580</v>
      </c>
      <c r="E6771" t="s">
        <v>32891</v>
      </c>
      <c r="F6771">
        <v>3</v>
      </c>
      <c r="G6771" t="s">
        <v>10</v>
      </c>
      <c r="H6771" t="s">
        <v>16581</v>
      </c>
      <c r="I6771" t="s">
        <v>30540</v>
      </c>
    </row>
    <row r="6772" spans="1:9">
      <c r="A6772" s="1">
        <v>0.20578526018118615</v>
      </c>
      <c r="B6772" s="1"/>
      <c r="C6772">
        <v>4</v>
      </c>
      <c r="D6772" t="s">
        <v>16568</v>
      </c>
      <c r="E6772" t="s">
        <v>32892</v>
      </c>
      <c r="F6772">
        <v>4</v>
      </c>
      <c r="G6772" t="s">
        <v>770</v>
      </c>
      <c r="H6772" t="s">
        <v>16569</v>
      </c>
      <c r="I6772" t="s">
        <v>30540</v>
      </c>
    </row>
    <row r="6773" spans="1:9">
      <c r="A6773" s="1">
        <v>0.12301333508857293</v>
      </c>
      <c r="B6773" s="1"/>
      <c r="C6773">
        <v>5</v>
      </c>
      <c r="D6773" t="s">
        <v>16570</v>
      </c>
      <c r="E6773" t="s">
        <v>32892</v>
      </c>
      <c r="F6773">
        <v>4</v>
      </c>
      <c r="G6773" t="s">
        <v>1431</v>
      </c>
      <c r="H6773" t="s">
        <v>16571</v>
      </c>
      <c r="I6773" t="s">
        <v>30540</v>
      </c>
    </row>
    <row r="6774" spans="1:9">
      <c r="A6774" s="1">
        <v>0.96466129767767128</v>
      </c>
      <c r="B6774" s="1"/>
      <c r="C6774">
        <v>19</v>
      </c>
      <c r="D6774" t="s">
        <v>16576</v>
      </c>
      <c r="E6774" t="s">
        <v>32892</v>
      </c>
      <c r="F6774">
        <v>4</v>
      </c>
      <c r="G6774" t="s">
        <v>14</v>
      </c>
      <c r="H6774" t="s">
        <v>16577</v>
      </c>
      <c r="I6774" t="s">
        <v>30540</v>
      </c>
    </row>
    <row r="6775" spans="1:9">
      <c r="A6775" s="1">
        <v>0.68019258588942011</v>
      </c>
      <c r="B6775" s="1"/>
      <c r="C6775">
        <v>11</v>
      </c>
      <c r="D6775" t="s">
        <v>16572</v>
      </c>
      <c r="E6775" t="s">
        <v>32892</v>
      </c>
      <c r="F6775">
        <v>4</v>
      </c>
      <c r="G6775" t="s">
        <v>775</v>
      </c>
      <c r="H6775" t="s">
        <v>16573</v>
      </c>
      <c r="I6775" t="s">
        <v>30540</v>
      </c>
    </row>
    <row r="6776" spans="1:9">
      <c r="A6776" s="1">
        <v>0.21302247313860234</v>
      </c>
      <c r="B6776" s="1"/>
      <c r="C6776">
        <v>15</v>
      </c>
      <c r="D6776" t="s">
        <v>16574</v>
      </c>
      <c r="E6776" t="s">
        <v>32892</v>
      </c>
      <c r="F6776">
        <v>4</v>
      </c>
      <c r="G6776" t="s">
        <v>3732</v>
      </c>
      <c r="H6776" t="s">
        <v>16575</v>
      </c>
      <c r="I6776" t="s">
        <v>30540</v>
      </c>
    </row>
    <row r="6777" spans="1:9">
      <c r="A6777" s="1">
        <v>0.11502663519841849</v>
      </c>
      <c r="B6777" s="1"/>
      <c r="C6777">
        <v>5</v>
      </c>
      <c r="D6777" t="s">
        <v>16556</v>
      </c>
      <c r="E6777" t="s">
        <v>32893</v>
      </c>
      <c r="F6777">
        <v>4</v>
      </c>
      <c r="G6777" t="s">
        <v>15</v>
      </c>
      <c r="H6777" t="s">
        <v>16557</v>
      </c>
      <c r="I6777" t="s">
        <v>30540</v>
      </c>
    </row>
    <row r="6778" spans="1:9">
      <c r="A6778" s="1">
        <v>0.82259344931594935</v>
      </c>
      <c r="B6778" s="1"/>
      <c r="C6778">
        <v>10</v>
      </c>
      <c r="D6778" t="s">
        <v>16562</v>
      </c>
      <c r="E6778" t="s">
        <v>32893</v>
      </c>
      <c r="F6778">
        <v>4</v>
      </c>
      <c r="G6778" t="s">
        <v>14</v>
      </c>
      <c r="H6778" t="s">
        <v>16563</v>
      </c>
      <c r="I6778" t="s">
        <v>30540</v>
      </c>
    </row>
    <row r="6779" spans="1:9">
      <c r="A6779" s="1">
        <v>0.46538836985056153</v>
      </c>
      <c r="B6779" s="1"/>
      <c r="C6779">
        <v>9</v>
      </c>
      <c r="D6779" t="s">
        <v>16560</v>
      </c>
      <c r="E6779" t="s">
        <v>32893</v>
      </c>
      <c r="F6779">
        <v>4</v>
      </c>
      <c r="G6779" t="s">
        <v>14</v>
      </c>
      <c r="H6779" t="s">
        <v>16561</v>
      </c>
      <c r="I6779" t="s">
        <v>30540</v>
      </c>
    </row>
    <row r="6780" spans="1:9">
      <c r="A6780" s="1">
        <v>0.34552223711341901</v>
      </c>
      <c r="B6780" s="1"/>
      <c r="C6780">
        <v>6</v>
      </c>
      <c r="D6780" t="s">
        <v>16558</v>
      </c>
      <c r="E6780" t="s">
        <v>32893</v>
      </c>
      <c r="F6780">
        <v>4</v>
      </c>
      <c r="G6780" t="s">
        <v>13</v>
      </c>
      <c r="H6780" t="s">
        <v>16559</v>
      </c>
      <c r="I6780" t="s">
        <v>30540</v>
      </c>
    </row>
    <row r="6781" spans="1:9">
      <c r="A6781" s="1">
        <v>0.62337439035697206</v>
      </c>
      <c r="B6781" s="1"/>
      <c r="C6781">
        <v>14</v>
      </c>
      <c r="D6781" t="s">
        <v>16566</v>
      </c>
      <c r="E6781" t="s">
        <v>32893</v>
      </c>
      <c r="F6781">
        <v>4</v>
      </c>
      <c r="G6781" t="s">
        <v>14</v>
      </c>
      <c r="H6781" t="s">
        <v>16567</v>
      </c>
      <c r="I6781" t="s">
        <v>30540</v>
      </c>
    </row>
    <row r="6782" spans="1:9">
      <c r="A6782" s="1">
        <v>0.39190229483785821</v>
      </c>
      <c r="B6782" s="1"/>
      <c r="C6782">
        <v>3</v>
      </c>
      <c r="D6782" t="s">
        <v>16554</v>
      </c>
      <c r="E6782" t="s">
        <v>32893</v>
      </c>
      <c r="F6782">
        <v>3</v>
      </c>
      <c r="G6782" t="s">
        <v>9</v>
      </c>
      <c r="H6782" t="s">
        <v>16555</v>
      </c>
      <c r="I6782" t="s">
        <v>30540</v>
      </c>
    </row>
    <row r="6783" spans="1:9">
      <c r="A6783" s="1">
        <v>0.26544553172008045</v>
      </c>
      <c r="B6783" s="1"/>
      <c r="C6783">
        <v>9</v>
      </c>
      <c r="D6783" t="s">
        <v>16544</v>
      </c>
      <c r="E6783" t="s">
        <v>32894</v>
      </c>
      <c r="F6783">
        <v>5</v>
      </c>
      <c r="G6783" t="s">
        <v>13</v>
      </c>
      <c r="H6783" t="s">
        <v>16545</v>
      </c>
      <c r="I6783" t="s">
        <v>30540</v>
      </c>
    </row>
    <row r="6784" spans="1:9">
      <c r="A6784" s="1">
        <v>0.83358972860189573</v>
      </c>
      <c r="B6784" s="1"/>
      <c r="C6784">
        <v>16</v>
      </c>
      <c r="D6784" t="s">
        <v>16550</v>
      </c>
      <c r="E6784" t="s">
        <v>32894</v>
      </c>
      <c r="F6784">
        <v>4</v>
      </c>
      <c r="G6784" t="s">
        <v>10</v>
      </c>
      <c r="H6784" t="s">
        <v>16551</v>
      </c>
      <c r="I6784" t="s">
        <v>30540</v>
      </c>
    </row>
    <row r="6785" spans="1:9">
      <c r="A6785" s="1">
        <v>0.99950226873950687</v>
      </c>
      <c r="B6785" s="1"/>
      <c r="C6785">
        <v>18</v>
      </c>
      <c r="D6785" t="s">
        <v>16552</v>
      </c>
      <c r="E6785" t="s">
        <v>32894</v>
      </c>
      <c r="F6785">
        <v>4</v>
      </c>
      <c r="G6785" t="s">
        <v>14</v>
      </c>
      <c r="H6785" t="s">
        <v>16553</v>
      </c>
      <c r="I6785" t="s">
        <v>30540</v>
      </c>
    </row>
    <row r="6786" spans="1:9">
      <c r="A6786" s="1">
        <v>0.22151001048319852</v>
      </c>
      <c r="B6786" s="1"/>
      <c r="C6786">
        <v>15</v>
      </c>
      <c r="D6786" t="s">
        <v>16548</v>
      </c>
      <c r="E6786" t="s">
        <v>32894</v>
      </c>
      <c r="F6786">
        <v>4</v>
      </c>
      <c r="G6786" t="s">
        <v>0</v>
      </c>
      <c r="H6786" t="s">
        <v>16549</v>
      </c>
      <c r="I6786" t="s">
        <v>30540</v>
      </c>
    </row>
    <row r="6787" spans="1:9">
      <c r="A6787" s="1">
        <v>0.79903711319477444</v>
      </c>
      <c r="B6787" s="1"/>
      <c r="C6787">
        <v>10</v>
      </c>
      <c r="D6787" t="s">
        <v>16546</v>
      </c>
      <c r="E6787" t="s">
        <v>32894</v>
      </c>
      <c r="F6787">
        <v>4</v>
      </c>
      <c r="G6787" t="s">
        <v>14</v>
      </c>
      <c r="H6787" t="s">
        <v>16547</v>
      </c>
      <c r="I6787" t="s">
        <v>30540</v>
      </c>
    </row>
    <row r="6788" spans="1:9">
      <c r="A6788" s="1">
        <v>0.17203717949760922</v>
      </c>
      <c r="B6788" s="1"/>
      <c r="C6788">
        <v>16</v>
      </c>
      <c r="D6788" t="s">
        <v>16542</v>
      </c>
      <c r="E6788" t="s">
        <v>32895</v>
      </c>
      <c r="F6788">
        <v>5</v>
      </c>
      <c r="G6788" t="s">
        <v>14</v>
      </c>
      <c r="H6788" t="s">
        <v>16543</v>
      </c>
      <c r="I6788" t="s">
        <v>30540</v>
      </c>
    </row>
    <row r="6789" spans="1:9">
      <c r="A6789" s="1">
        <v>0.53643361687933144</v>
      </c>
      <c r="B6789" s="1"/>
      <c r="C6789">
        <v>5</v>
      </c>
      <c r="D6789" t="s">
        <v>16536</v>
      </c>
      <c r="E6789" t="s">
        <v>32895</v>
      </c>
      <c r="F6789">
        <v>4</v>
      </c>
      <c r="G6789" t="s">
        <v>2</v>
      </c>
      <c r="H6789" t="s">
        <v>16537</v>
      </c>
      <c r="I6789" t="s">
        <v>30540</v>
      </c>
    </row>
    <row r="6790" spans="1:9">
      <c r="A6790" s="1">
        <v>0.36411573222301785</v>
      </c>
      <c r="B6790" s="1"/>
      <c r="C6790">
        <v>10</v>
      </c>
      <c r="D6790" t="s">
        <v>16540</v>
      </c>
      <c r="E6790" t="s">
        <v>32895</v>
      </c>
      <c r="F6790">
        <v>4</v>
      </c>
      <c r="G6790" t="s">
        <v>14</v>
      </c>
      <c r="H6790" t="s">
        <v>16541</v>
      </c>
      <c r="I6790" t="s">
        <v>30540</v>
      </c>
    </row>
    <row r="6791" spans="1:9">
      <c r="A6791" s="1">
        <v>0.68675162761518049</v>
      </c>
      <c r="B6791" s="1"/>
      <c r="C6791">
        <v>9</v>
      </c>
      <c r="D6791" t="s">
        <v>16538</v>
      </c>
      <c r="E6791" t="s">
        <v>32895</v>
      </c>
      <c r="F6791">
        <v>4</v>
      </c>
      <c r="G6791" t="s">
        <v>14</v>
      </c>
      <c r="H6791" t="s">
        <v>16539</v>
      </c>
      <c r="I6791" t="s">
        <v>30540</v>
      </c>
    </row>
    <row r="6792" spans="1:9">
      <c r="A6792" s="1">
        <v>2.3927928039443325E-3</v>
      </c>
      <c r="B6792" s="1"/>
      <c r="C6792">
        <v>17</v>
      </c>
      <c r="D6792" t="s">
        <v>16534</v>
      </c>
      <c r="E6792" t="s">
        <v>32896</v>
      </c>
      <c r="F6792">
        <v>4</v>
      </c>
      <c r="G6792" t="s">
        <v>13</v>
      </c>
      <c r="H6792" t="s">
        <v>16535</v>
      </c>
      <c r="I6792" t="s">
        <v>30540</v>
      </c>
    </row>
    <row r="6793" spans="1:9">
      <c r="A6793" s="1">
        <v>0.84265848512380304</v>
      </c>
      <c r="B6793" s="1"/>
      <c r="C6793">
        <v>16</v>
      </c>
      <c r="D6793" t="s">
        <v>16532</v>
      </c>
      <c r="E6793" t="s">
        <v>32896</v>
      </c>
      <c r="F6793">
        <v>4</v>
      </c>
      <c r="G6793" t="s">
        <v>14</v>
      </c>
      <c r="H6793" t="s">
        <v>16533</v>
      </c>
      <c r="I6793" t="s">
        <v>30540</v>
      </c>
    </row>
    <row r="6794" spans="1:9">
      <c r="A6794" s="1">
        <v>0.79310183221503894</v>
      </c>
      <c r="B6794" s="1"/>
      <c r="C6794">
        <v>4</v>
      </c>
      <c r="D6794" t="s">
        <v>16528</v>
      </c>
      <c r="E6794" t="s">
        <v>32896</v>
      </c>
      <c r="F6794">
        <v>4</v>
      </c>
      <c r="G6794" t="s">
        <v>14</v>
      </c>
      <c r="H6794" t="s">
        <v>16529</v>
      </c>
      <c r="I6794" t="s">
        <v>30540</v>
      </c>
    </row>
    <row r="6795" spans="1:9">
      <c r="A6795" s="1">
        <v>0.61483498373004031</v>
      </c>
      <c r="B6795" s="1"/>
      <c r="C6795">
        <v>7</v>
      </c>
      <c r="D6795" t="s">
        <v>16522</v>
      </c>
      <c r="E6795" t="s">
        <v>32897</v>
      </c>
      <c r="F6795">
        <v>5</v>
      </c>
      <c r="G6795" t="s">
        <v>9</v>
      </c>
      <c r="H6795" t="s">
        <v>16523</v>
      </c>
      <c r="I6795" t="s">
        <v>30540</v>
      </c>
    </row>
    <row r="6796" spans="1:9">
      <c r="A6796" s="1">
        <v>0.92242907505398197</v>
      </c>
      <c r="B6796" s="1"/>
      <c r="C6796">
        <v>1</v>
      </c>
      <c r="D6796" t="s">
        <v>16518</v>
      </c>
      <c r="E6796" t="s">
        <v>32897</v>
      </c>
      <c r="F6796">
        <v>4</v>
      </c>
      <c r="G6796" t="s">
        <v>0</v>
      </c>
      <c r="H6796" t="s">
        <v>16519</v>
      </c>
      <c r="I6796" t="s">
        <v>30540</v>
      </c>
    </row>
    <row r="6797" spans="1:9">
      <c r="A6797" s="1">
        <v>0.62890526055306917</v>
      </c>
      <c r="B6797" s="1"/>
      <c r="C6797">
        <v>4</v>
      </c>
      <c r="D6797" t="s">
        <v>16520</v>
      </c>
      <c r="E6797" t="s">
        <v>32897</v>
      </c>
      <c r="F6797">
        <v>4</v>
      </c>
      <c r="G6797" t="s">
        <v>14</v>
      </c>
      <c r="H6797" t="s">
        <v>16521</v>
      </c>
      <c r="I6797" t="s">
        <v>30540</v>
      </c>
    </row>
    <row r="6798" spans="1:9">
      <c r="A6798" s="1">
        <v>0.87572155952810915</v>
      </c>
      <c r="B6798" s="1"/>
      <c r="C6798">
        <v>12</v>
      </c>
      <c r="D6798" t="s">
        <v>16514</v>
      </c>
      <c r="E6798" t="s">
        <v>32898</v>
      </c>
      <c r="F6798">
        <v>5</v>
      </c>
      <c r="G6798" t="s">
        <v>1</v>
      </c>
      <c r="H6798" t="s">
        <v>16515</v>
      </c>
      <c r="I6798" t="s">
        <v>30540</v>
      </c>
    </row>
    <row r="6799" spans="1:9">
      <c r="A6799" s="1">
        <v>0.83589818734282928</v>
      </c>
      <c r="B6799" s="1"/>
      <c r="C6799">
        <v>3</v>
      </c>
      <c r="D6799" t="s">
        <v>16508</v>
      </c>
      <c r="E6799" t="s">
        <v>32898</v>
      </c>
      <c r="F6799">
        <v>5</v>
      </c>
      <c r="G6799" t="s">
        <v>14</v>
      </c>
      <c r="H6799" t="s">
        <v>16509</v>
      </c>
      <c r="I6799" t="s">
        <v>30540</v>
      </c>
    </row>
    <row r="6800" spans="1:9">
      <c r="A6800" s="1">
        <v>0.44086927519025743</v>
      </c>
      <c r="B6800" s="1"/>
      <c r="C6800">
        <v>6</v>
      </c>
      <c r="D6800" t="s">
        <v>16510</v>
      </c>
      <c r="E6800" t="s">
        <v>32898</v>
      </c>
      <c r="F6800">
        <v>4</v>
      </c>
      <c r="G6800" t="s">
        <v>0</v>
      </c>
      <c r="H6800" t="s">
        <v>16511</v>
      </c>
      <c r="I6800" t="s">
        <v>30540</v>
      </c>
    </row>
    <row r="6801" spans="1:9">
      <c r="A6801" s="1">
        <v>0.70094110747568972</v>
      </c>
      <c r="B6801" s="1"/>
      <c r="C6801">
        <v>8</v>
      </c>
      <c r="D6801" t="s">
        <v>16512</v>
      </c>
      <c r="E6801" t="s">
        <v>32898</v>
      </c>
      <c r="F6801">
        <v>4</v>
      </c>
      <c r="G6801" t="s">
        <v>9</v>
      </c>
      <c r="H6801" t="s">
        <v>16513</v>
      </c>
      <c r="I6801" t="s">
        <v>30540</v>
      </c>
    </row>
    <row r="6802" spans="1:9">
      <c r="A6802" s="1">
        <v>0.43562621572160076</v>
      </c>
      <c r="B6802" s="1"/>
      <c r="C6802">
        <v>2</v>
      </c>
      <c r="D6802" t="s">
        <v>16506</v>
      </c>
      <c r="E6802" t="s">
        <v>32898</v>
      </c>
      <c r="F6802">
        <v>4</v>
      </c>
      <c r="G6802" t="s">
        <v>13</v>
      </c>
      <c r="H6802" t="s">
        <v>16507</v>
      </c>
      <c r="I6802" t="s">
        <v>30540</v>
      </c>
    </row>
    <row r="6803" spans="1:9">
      <c r="A6803" s="1">
        <v>0.95213904145028738</v>
      </c>
      <c r="B6803" s="1"/>
      <c r="C6803">
        <v>1</v>
      </c>
      <c r="D6803" t="s">
        <v>16504</v>
      </c>
      <c r="E6803" t="s">
        <v>32898</v>
      </c>
      <c r="F6803">
        <v>4</v>
      </c>
      <c r="G6803" t="s">
        <v>10</v>
      </c>
      <c r="H6803" t="s">
        <v>16505</v>
      </c>
      <c r="I6803" t="s">
        <v>30540</v>
      </c>
    </row>
    <row r="6804" spans="1:9">
      <c r="A6804" s="1">
        <v>0.53515365335737375</v>
      </c>
      <c r="B6804" s="1"/>
      <c r="C6804">
        <v>7</v>
      </c>
      <c r="D6804" t="s">
        <v>16494</v>
      </c>
      <c r="E6804" t="s">
        <v>32899</v>
      </c>
      <c r="F6804">
        <v>4</v>
      </c>
      <c r="G6804" t="s">
        <v>1295</v>
      </c>
      <c r="H6804" t="s">
        <v>16495</v>
      </c>
      <c r="I6804" t="s">
        <v>30540</v>
      </c>
    </row>
    <row r="6805" spans="1:9">
      <c r="A6805" s="1">
        <v>5.617562046685376E-2</v>
      </c>
      <c r="B6805" s="1"/>
      <c r="C6805">
        <v>17</v>
      </c>
      <c r="D6805" t="s">
        <v>16502</v>
      </c>
      <c r="E6805" t="s">
        <v>32899</v>
      </c>
      <c r="F6805">
        <v>4</v>
      </c>
      <c r="G6805" t="s">
        <v>1295</v>
      </c>
      <c r="H6805" t="s">
        <v>16503</v>
      </c>
      <c r="I6805" t="s">
        <v>30540</v>
      </c>
    </row>
    <row r="6806" spans="1:9">
      <c r="A6806" s="1">
        <v>0.10503027451106794</v>
      </c>
      <c r="B6806" s="1"/>
      <c r="C6806">
        <v>1</v>
      </c>
      <c r="D6806" t="s">
        <v>16492</v>
      </c>
      <c r="E6806" t="s">
        <v>32899</v>
      </c>
      <c r="F6806">
        <v>4</v>
      </c>
      <c r="G6806" t="s">
        <v>2</v>
      </c>
      <c r="H6806" t="s">
        <v>16493</v>
      </c>
      <c r="I6806" t="s">
        <v>30540</v>
      </c>
    </row>
    <row r="6807" spans="1:9">
      <c r="A6807" s="1">
        <v>0.70438647487729289</v>
      </c>
      <c r="B6807" s="1"/>
      <c r="C6807">
        <v>8</v>
      </c>
      <c r="D6807" t="s">
        <v>16496</v>
      </c>
      <c r="E6807" t="s">
        <v>32899</v>
      </c>
      <c r="F6807">
        <v>3</v>
      </c>
      <c r="G6807" t="s">
        <v>1431</v>
      </c>
      <c r="H6807" t="s">
        <v>16497</v>
      </c>
      <c r="I6807" t="s">
        <v>30540</v>
      </c>
    </row>
    <row r="6808" spans="1:9">
      <c r="A6808" s="1">
        <v>0.17584583407332788</v>
      </c>
      <c r="B6808" s="1"/>
      <c r="C6808">
        <v>2</v>
      </c>
      <c r="D6808" t="s">
        <v>16480</v>
      </c>
      <c r="E6808" t="s">
        <v>32900</v>
      </c>
      <c r="F6808">
        <v>5</v>
      </c>
      <c r="G6808" t="s">
        <v>2</v>
      </c>
      <c r="H6808" t="s">
        <v>16481</v>
      </c>
      <c r="I6808" t="s">
        <v>30540</v>
      </c>
    </row>
    <row r="6809" spans="1:9">
      <c r="A6809" s="1">
        <v>6.6292290963673062E-2</v>
      </c>
      <c r="B6809" s="1"/>
      <c r="C6809">
        <v>5</v>
      </c>
      <c r="D6809" t="s">
        <v>16484</v>
      </c>
      <c r="E6809" t="s">
        <v>32900</v>
      </c>
      <c r="F6809">
        <v>5</v>
      </c>
      <c r="G6809" t="s">
        <v>10</v>
      </c>
      <c r="H6809" t="s">
        <v>16485</v>
      </c>
      <c r="I6809" t="s">
        <v>30540</v>
      </c>
    </row>
    <row r="6810" spans="1:9">
      <c r="A6810" s="1">
        <v>0.41755624713064721</v>
      </c>
      <c r="B6810" s="1"/>
      <c r="C6810">
        <v>12</v>
      </c>
      <c r="D6810" t="s">
        <v>16488</v>
      </c>
      <c r="E6810" t="s">
        <v>32900</v>
      </c>
      <c r="F6810">
        <v>4</v>
      </c>
      <c r="G6810" t="s">
        <v>0</v>
      </c>
      <c r="H6810" t="s">
        <v>16489</v>
      </c>
      <c r="I6810" t="s">
        <v>30540</v>
      </c>
    </row>
    <row r="6811" spans="1:9">
      <c r="A6811" s="1">
        <v>0.54177890042005972</v>
      </c>
      <c r="B6811" s="1"/>
      <c r="C6811">
        <v>9</v>
      </c>
      <c r="D6811" t="s">
        <v>16486</v>
      </c>
      <c r="E6811" t="s">
        <v>32900</v>
      </c>
      <c r="F6811">
        <v>4</v>
      </c>
      <c r="G6811" t="s">
        <v>10</v>
      </c>
      <c r="H6811" t="s">
        <v>16487</v>
      </c>
      <c r="I6811" t="s">
        <v>30540</v>
      </c>
    </row>
    <row r="6812" spans="1:9">
      <c r="A6812" s="1">
        <v>0.89110164697034444</v>
      </c>
      <c r="B6812" s="1"/>
      <c r="C6812">
        <v>14</v>
      </c>
      <c r="D6812" t="s">
        <v>16490</v>
      </c>
      <c r="E6812" t="s">
        <v>32900</v>
      </c>
      <c r="F6812">
        <v>4</v>
      </c>
      <c r="G6812" t="s">
        <v>13</v>
      </c>
      <c r="H6812" t="s">
        <v>16491</v>
      </c>
      <c r="I6812" t="s">
        <v>30540</v>
      </c>
    </row>
    <row r="6813" spans="1:9">
      <c r="A6813" s="1">
        <v>0.25621659631936078</v>
      </c>
      <c r="B6813" s="1"/>
      <c r="C6813">
        <v>4</v>
      </c>
      <c r="D6813" t="s">
        <v>16482</v>
      </c>
      <c r="E6813" t="s">
        <v>32900</v>
      </c>
      <c r="F6813">
        <v>3</v>
      </c>
      <c r="G6813" t="s">
        <v>0</v>
      </c>
      <c r="H6813" t="s">
        <v>16483</v>
      </c>
      <c r="I6813" t="s">
        <v>30540</v>
      </c>
    </row>
    <row r="6814" spans="1:9">
      <c r="A6814" s="1">
        <v>0.83281090758555931</v>
      </c>
      <c r="B6814" s="1"/>
      <c r="C6814">
        <v>1</v>
      </c>
      <c r="D6814" t="s">
        <v>16470</v>
      </c>
      <c r="E6814" t="s">
        <v>32901</v>
      </c>
      <c r="F6814">
        <v>4</v>
      </c>
      <c r="G6814" t="s">
        <v>10</v>
      </c>
      <c r="H6814" t="s">
        <v>16471</v>
      </c>
      <c r="I6814" t="s">
        <v>30540</v>
      </c>
    </row>
    <row r="6815" spans="1:9">
      <c r="A6815" s="1">
        <v>0.74300232285754186</v>
      </c>
      <c r="B6815" s="1"/>
      <c r="C6815">
        <v>13</v>
      </c>
      <c r="D6815" t="s">
        <v>16476</v>
      </c>
      <c r="E6815" t="s">
        <v>32901</v>
      </c>
      <c r="F6815">
        <v>4</v>
      </c>
      <c r="G6815" t="s">
        <v>14</v>
      </c>
      <c r="H6815" t="s">
        <v>16477</v>
      </c>
      <c r="I6815" t="s">
        <v>30540</v>
      </c>
    </row>
    <row r="6816" spans="1:9">
      <c r="A6816" s="1">
        <v>0.27656516935852182</v>
      </c>
      <c r="B6816" s="1"/>
      <c r="C6816">
        <v>7</v>
      </c>
      <c r="D6816" t="s">
        <v>16472</v>
      </c>
      <c r="E6816" t="s">
        <v>32901</v>
      </c>
      <c r="F6816">
        <v>4</v>
      </c>
      <c r="G6816" t="s">
        <v>14</v>
      </c>
      <c r="H6816" t="s">
        <v>16473</v>
      </c>
      <c r="I6816" t="s">
        <v>30540</v>
      </c>
    </row>
    <row r="6817" spans="1:9">
      <c r="A6817" s="1">
        <v>0.85014763286450523</v>
      </c>
      <c r="B6817" s="1"/>
      <c r="C6817">
        <v>18</v>
      </c>
      <c r="D6817" t="s">
        <v>16478</v>
      </c>
      <c r="E6817" t="s">
        <v>32901</v>
      </c>
      <c r="F6817">
        <v>3</v>
      </c>
      <c r="G6817" t="s">
        <v>14</v>
      </c>
      <c r="H6817" t="s">
        <v>16479</v>
      </c>
      <c r="I6817" t="s">
        <v>30540</v>
      </c>
    </row>
    <row r="6818" spans="1:9">
      <c r="A6818" s="1">
        <v>0.47984277914905682</v>
      </c>
      <c r="B6818" s="1"/>
      <c r="C6818">
        <v>6</v>
      </c>
      <c r="D6818" t="s">
        <v>16464</v>
      </c>
      <c r="E6818" t="s">
        <v>32902</v>
      </c>
      <c r="F6818">
        <v>5</v>
      </c>
      <c r="G6818" t="s">
        <v>13</v>
      </c>
      <c r="H6818" t="s">
        <v>16465</v>
      </c>
      <c r="I6818" t="s">
        <v>30540</v>
      </c>
    </row>
    <row r="6819" spans="1:9">
      <c r="A6819" s="1">
        <v>0.92594721035293581</v>
      </c>
      <c r="B6819" s="1"/>
      <c r="C6819">
        <v>9</v>
      </c>
      <c r="D6819" t="s">
        <v>16460</v>
      </c>
      <c r="E6819" t="s">
        <v>32903</v>
      </c>
      <c r="F6819">
        <v>4</v>
      </c>
      <c r="G6819" t="s">
        <v>14</v>
      </c>
      <c r="H6819" t="s">
        <v>16461</v>
      </c>
      <c r="I6819" t="s">
        <v>30540</v>
      </c>
    </row>
    <row r="6820" spans="1:9">
      <c r="A6820" s="1">
        <v>0.69949261300886278</v>
      </c>
      <c r="B6820" s="1"/>
      <c r="C6820">
        <v>10</v>
      </c>
      <c r="D6820" t="s">
        <v>16462</v>
      </c>
      <c r="E6820" t="s">
        <v>32903</v>
      </c>
      <c r="F6820">
        <v>4</v>
      </c>
      <c r="G6820" t="s">
        <v>10</v>
      </c>
      <c r="H6820" t="s">
        <v>16463</v>
      </c>
      <c r="I6820" t="s">
        <v>30540</v>
      </c>
    </row>
    <row r="6821" spans="1:9">
      <c r="A6821" s="1">
        <v>0.64445317047054729</v>
      </c>
      <c r="B6821" s="1"/>
      <c r="C6821">
        <v>8</v>
      </c>
      <c r="D6821" t="s">
        <v>16458</v>
      </c>
      <c r="E6821" t="s">
        <v>32903</v>
      </c>
      <c r="F6821">
        <v>3</v>
      </c>
      <c r="G6821" t="s">
        <v>10</v>
      </c>
      <c r="H6821" t="s">
        <v>16459</v>
      </c>
      <c r="I6821" t="s">
        <v>30540</v>
      </c>
    </row>
    <row r="6822" spans="1:9">
      <c r="A6822" s="1">
        <v>7.1190765612254681E-2</v>
      </c>
      <c r="B6822" s="1"/>
      <c r="C6822">
        <v>18</v>
      </c>
      <c r="D6822" t="s">
        <v>16454</v>
      </c>
      <c r="E6822" t="s">
        <v>32904</v>
      </c>
      <c r="F6822">
        <v>4</v>
      </c>
      <c r="G6822" t="s">
        <v>765</v>
      </c>
      <c r="H6822" t="s">
        <v>16455</v>
      </c>
      <c r="I6822" t="s">
        <v>30540</v>
      </c>
    </row>
    <row r="6823" spans="1:9">
      <c r="A6823" s="1">
        <v>0.41932942018929542</v>
      </c>
      <c r="B6823" s="1"/>
      <c r="C6823">
        <v>1</v>
      </c>
      <c r="D6823" t="s">
        <v>16449</v>
      </c>
      <c r="E6823" t="s">
        <v>32904</v>
      </c>
      <c r="F6823">
        <v>4</v>
      </c>
      <c r="G6823" t="s">
        <v>16450</v>
      </c>
      <c r="H6823" t="s">
        <v>16451</v>
      </c>
      <c r="I6823" t="s">
        <v>30540</v>
      </c>
    </row>
    <row r="6824" spans="1:9">
      <c r="A6824" s="1">
        <v>0.81525672878571875</v>
      </c>
      <c r="B6824" s="1"/>
      <c r="C6824">
        <v>14</v>
      </c>
      <c r="D6824" t="s">
        <v>16452</v>
      </c>
      <c r="E6824" t="s">
        <v>32904</v>
      </c>
      <c r="F6824">
        <v>4</v>
      </c>
      <c r="G6824" t="s">
        <v>16025</v>
      </c>
      <c r="H6824" t="s">
        <v>16453</v>
      </c>
      <c r="I6824" t="s">
        <v>30540</v>
      </c>
    </row>
    <row r="6825" spans="1:9">
      <c r="A6825" s="1">
        <v>8.0772158775205272E-2</v>
      </c>
      <c r="B6825" s="1"/>
      <c r="C6825">
        <v>13</v>
      </c>
      <c r="D6825" t="s">
        <v>16441</v>
      </c>
      <c r="E6825" t="s">
        <v>32905</v>
      </c>
      <c r="F6825">
        <v>5</v>
      </c>
      <c r="G6825" t="s">
        <v>14</v>
      </c>
      <c r="H6825" t="s">
        <v>16442</v>
      </c>
      <c r="I6825" t="s">
        <v>30540</v>
      </c>
    </row>
    <row r="6826" spans="1:9">
      <c r="A6826" s="1">
        <v>0.69771332168001443</v>
      </c>
      <c r="B6826" s="1"/>
      <c r="C6826">
        <v>15</v>
      </c>
      <c r="D6826" t="s">
        <v>16443</v>
      </c>
      <c r="E6826" t="s">
        <v>32905</v>
      </c>
      <c r="F6826">
        <v>4</v>
      </c>
      <c r="G6826" t="s">
        <v>14</v>
      </c>
      <c r="H6826" t="s">
        <v>16444</v>
      </c>
      <c r="I6826" t="s">
        <v>30540</v>
      </c>
    </row>
    <row r="6827" spans="1:9">
      <c r="A6827" s="1">
        <v>0.1964429036643881</v>
      </c>
      <c r="B6827" s="1"/>
      <c r="C6827">
        <v>16</v>
      </c>
      <c r="D6827" t="s">
        <v>16445</v>
      </c>
      <c r="E6827" t="s">
        <v>32905</v>
      </c>
      <c r="F6827">
        <v>4</v>
      </c>
      <c r="G6827" t="s">
        <v>13</v>
      </c>
      <c r="H6827" t="s">
        <v>16446</v>
      </c>
      <c r="I6827" t="s">
        <v>30540</v>
      </c>
    </row>
    <row r="6828" spans="1:9">
      <c r="A6828" s="1">
        <v>0.62214331991150185</v>
      </c>
      <c r="B6828" s="1"/>
      <c r="C6828">
        <v>10</v>
      </c>
      <c r="D6828" t="s">
        <v>16439</v>
      </c>
      <c r="E6828" t="s">
        <v>32905</v>
      </c>
      <c r="F6828">
        <v>4</v>
      </c>
      <c r="G6828" t="s">
        <v>14</v>
      </c>
      <c r="H6828" t="s">
        <v>16440</v>
      </c>
      <c r="I6828" t="s">
        <v>30540</v>
      </c>
    </row>
    <row r="6829" spans="1:9">
      <c r="A6829" s="1">
        <v>0.1493755756732269</v>
      </c>
      <c r="B6829" s="1"/>
      <c r="C6829">
        <v>17</v>
      </c>
      <c r="D6829" t="s">
        <v>16447</v>
      </c>
      <c r="E6829" t="s">
        <v>32905</v>
      </c>
      <c r="F6829">
        <v>4</v>
      </c>
      <c r="G6829" t="s">
        <v>9</v>
      </c>
      <c r="H6829" t="s">
        <v>16448</v>
      </c>
      <c r="I6829" t="s">
        <v>30540</v>
      </c>
    </row>
    <row r="6830" spans="1:9">
      <c r="A6830" s="1">
        <v>0.96617943800786876</v>
      </c>
      <c r="B6830" s="1"/>
      <c r="C6830">
        <v>3</v>
      </c>
      <c r="D6830" t="s">
        <v>16435</v>
      </c>
      <c r="E6830" t="s">
        <v>32906</v>
      </c>
      <c r="F6830">
        <v>5</v>
      </c>
      <c r="G6830" t="s">
        <v>10</v>
      </c>
      <c r="H6830" t="s">
        <v>16436</v>
      </c>
      <c r="I6830" t="s">
        <v>30540</v>
      </c>
    </row>
    <row r="6831" spans="1:9">
      <c r="A6831" s="1">
        <v>0.14882453257504968</v>
      </c>
      <c r="B6831" s="1"/>
      <c r="C6831">
        <v>6</v>
      </c>
      <c r="D6831" t="s">
        <v>16437</v>
      </c>
      <c r="E6831" t="s">
        <v>32906</v>
      </c>
      <c r="F6831">
        <v>4</v>
      </c>
      <c r="G6831" t="s">
        <v>14</v>
      </c>
      <c r="H6831" t="s">
        <v>16438</v>
      </c>
      <c r="I6831" t="s">
        <v>30540</v>
      </c>
    </row>
    <row r="6832" spans="1:9">
      <c r="A6832" s="1">
        <v>0.21759985348641686</v>
      </c>
      <c r="B6832" s="1"/>
      <c r="C6832">
        <v>5</v>
      </c>
      <c r="D6832" t="s">
        <v>16433</v>
      </c>
      <c r="E6832" t="s">
        <v>32907</v>
      </c>
      <c r="F6832">
        <v>3</v>
      </c>
      <c r="G6832" t="s">
        <v>13</v>
      </c>
      <c r="H6832" t="s">
        <v>16434</v>
      </c>
      <c r="I6832" t="s">
        <v>30540</v>
      </c>
    </row>
    <row r="6833" spans="1:9">
      <c r="A6833" s="1">
        <v>2.0796833589757924E-3</v>
      </c>
      <c r="B6833" s="1"/>
      <c r="C6833">
        <v>1</v>
      </c>
      <c r="D6833" t="s">
        <v>16427</v>
      </c>
      <c r="E6833" t="s">
        <v>32908</v>
      </c>
      <c r="F6833">
        <v>4</v>
      </c>
      <c r="G6833" t="s">
        <v>10</v>
      </c>
      <c r="H6833" t="s">
        <v>16428</v>
      </c>
      <c r="I6833" t="s">
        <v>30540</v>
      </c>
    </row>
    <row r="6834" spans="1:9">
      <c r="A6834" s="1">
        <v>0.78675219771989158</v>
      </c>
      <c r="B6834" s="1"/>
      <c r="C6834">
        <v>10</v>
      </c>
      <c r="D6834" t="s">
        <v>16429</v>
      </c>
      <c r="E6834" t="s">
        <v>32908</v>
      </c>
      <c r="F6834">
        <v>4</v>
      </c>
      <c r="G6834" t="s">
        <v>14</v>
      </c>
      <c r="H6834" t="s">
        <v>16430</v>
      </c>
      <c r="I6834" t="s">
        <v>30540</v>
      </c>
    </row>
    <row r="6835" spans="1:9">
      <c r="A6835" s="1">
        <v>7.0401762113572408E-2</v>
      </c>
      <c r="B6835" s="1"/>
      <c r="C6835">
        <v>11</v>
      </c>
      <c r="D6835" t="s">
        <v>16423</v>
      </c>
      <c r="E6835" t="s">
        <v>32909</v>
      </c>
      <c r="F6835">
        <v>4</v>
      </c>
      <c r="G6835" t="s">
        <v>2</v>
      </c>
      <c r="H6835" t="s">
        <v>16424</v>
      </c>
      <c r="I6835" t="s">
        <v>30540</v>
      </c>
    </row>
    <row r="6836" spans="1:9">
      <c r="A6836" s="1">
        <v>5.0310245513097596E-2</v>
      </c>
      <c r="B6836" s="1"/>
      <c r="C6836">
        <v>8</v>
      </c>
      <c r="D6836" t="s">
        <v>16421</v>
      </c>
      <c r="E6836" t="s">
        <v>32909</v>
      </c>
      <c r="F6836">
        <v>4</v>
      </c>
      <c r="G6836" t="s">
        <v>13</v>
      </c>
      <c r="H6836" t="s">
        <v>16422</v>
      </c>
      <c r="I6836" t="s">
        <v>30540</v>
      </c>
    </row>
    <row r="6837" spans="1:9">
      <c r="A6837" s="1">
        <v>0.9357337613834954</v>
      </c>
      <c r="B6837" s="1"/>
      <c r="C6837">
        <v>4</v>
      </c>
      <c r="D6837" t="s">
        <v>16415</v>
      </c>
      <c r="E6837" t="s">
        <v>32909</v>
      </c>
      <c r="F6837">
        <v>4</v>
      </c>
      <c r="G6837" t="s">
        <v>1431</v>
      </c>
      <c r="H6837" t="s">
        <v>16416</v>
      </c>
      <c r="I6837" t="s">
        <v>30540</v>
      </c>
    </row>
    <row r="6838" spans="1:9">
      <c r="A6838" s="1">
        <v>0.11323566783637917</v>
      </c>
      <c r="B6838" s="1"/>
      <c r="C6838">
        <v>13</v>
      </c>
      <c r="D6838" t="s">
        <v>16425</v>
      </c>
      <c r="E6838" t="s">
        <v>32909</v>
      </c>
      <c r="F6838">
        <v>4</v>
      </c>
      <c r="G6838" t="s">
        <v>0</v>
      </c>
      <c r="H6838" t="s">
        <v>16426</v>
      </c>
      <c r="I6838" t="s">
        <v>30540</v>
      </c>
    </row>
    <row r="6839" spans="1:9">
      <c r="A6839" s="1">
        <v>0.61214861478809257</v>
      </c>
      <c r="B6839" s="1"/>
      <c r="C6839">
        <v>5</v>
      </c>
      <c r="D6839" t="s">
        <v>16417</v>
      </c>
      <c r="E6839" t="s">
        <v>32909</v>
      </c>
      <c r="F6839">
        <v>3</v>
      </c>
      <c r="G6839" t="s">
        <v>2</v>
      </c>
      <c r="H6839" t="s">
        <v>16418</v>
      </c>
      <c r="I6839" t="s">
        <v>30540</v>
      </c>
    </row>
    <row r="6840" spans="1:9">
      <c r="A6840" s="1">
        <v>0.75013429646363949</v>
      </c>
      <c r="B6840" s="1"/>
      <c r="C6840">
        <v>13</v>
      </c>
      <c r="D6840" t="s">
        <v>16411</v>
      </c>
      <c r="E6840" t="s">
        <v>32910</v>
      </c>
      <c r="F6840">
        <v>5</v>
      </c>
      <c r="G6840" t="s">
        <v>14</v>
      </c>
      <c r="H6840" t="s">
        <v>16412</v>
      </c>
      <c r="I6840" t="s">
        <v>30540</v>
      </c>
    </row>
    <row r="6841" spans="1:9">
      <c r="A6841" s="1">
        <v>0.71200367430256517</v>
      </c>
      <c r="B6841" s="1"/>
      <c r="C6841">
        <v>11</v>
      </c>
      <c r="D6841" t="s">
        <v>16409</v>
      </c>
      <c r="E6841" t="s">
        <v>32910</v>
      </c>
      <c r="F6841">
        <v>3</v>
      </c>
      <c r="G6841" t="s">
        <v>14</v>
      </c>
      <c r="H6841" t="s">
        <v>16410</v>
      </c>
      <c r="I6841" t="s">
        <v>30540</v>
      </c>
    </row>
    <row r="6842" spans="1:9">
      <c r="A6842" s="1">
        <v>6.5561651087113204E-2</v>
      </c>
      <c r="B6842" s="1"/>
      <c r="C6842">
        <v>5</v>
      </c>
      <c r="D6842" t="s">
        <v>16401</v>
      </c>
      <c r="E6842" t="s">
        <v>32911</v>
      </c>
      <c r="F6842">
        <v>5</v>
      </c>
      <c r="G6842" t="s">
        <v>0</v>
      </c>
      <c r="H6842" t="s">
        <v>16402</v>
      </c>
      <c r="I6842" t="s">
        <v>30540</v>
      </c>
    </row>
    <row r="6843" spans="1:9">
      <c r="A6843" s="1">
        <v>0.44174323114470571</v>
      </c>
      <c r="B6843" s="1"/>
      <c r="C6843">
        <v>2</v>
      </c>
      <c r="D6843" t="s">
        <v>16397</v>
      </c>
      <c r="E6843" t="s">
        <v>32911</v>
      </c>
      <c r="F6843">
        <v>4</v>
      </c>
      <c r="G6843" t="s">
        <v>9</v>
      </c>
      <c r="H6843" t="s">
        <v>16398</v>
      </c>
      <c r="I6843" t="s">
        <v>30540</v>
      </c>
    </row>
    <row r="6844" spans="1:9">
      <c r="A6844" s="1">
        <v>0.58527866630615299</v>
      </c>
      <c r="B6844" s="1"/>
      <c r="C6844">
        <v>7</v>
      </c>
      <c r="D6844" t="s">
        <v>16403</v>
      </c>
      <c r="E6844" t="s">
        <v>32911</v>
      </c>
      <c r="F6844">
        <v>3</v>
      </c>
      <c r="G6844" t="s">
        <v>14</v>
      </c>
      <c r="H6844" t="s">
        <v>16404</v>
      </c>
      <c r="I6844" t="s">
        <v>30540</v>
      </c>
    </row>
    <row r="6845" spans="1:9">
      <c r="A6845" s="1">
        <v>0.32073644164540305</v>
      </c>
      <c r="B6845" s="1"/>
      <c r="C6845">
        <v>9</v>
      </c>
      <c r="D6845" t="s">
        <v>16393</v>
      </c>
      <c r="E6845" t="s">
        <v>32912</v>
      </c>
      <c r="F6845">
        <v>4</v>
      </c>
      <c r="G6845" t="s">
        <v>14</v>
      </c>
      <c r="H6845" t="s">
        <v>16394</v>
      </c>
      <c r="I6845" t="s">
        <v>30540</v>
      </c>
    </row>
    <row r="6846" spans="1:9">
      <c r="A6846" s="1">
        <v>0.14824946459300259</v>
      </c>
      <c r="B6846" s="1"/>
      <c r="C6846">
        <v>16</v>
      </c>
      <c r="D6846" t="s">
        <v>16387</v>
      </c>
      <c r="E6846" t="s">
        <v>32913</v>
      </c>
      <c r="F6846">
        <v>4</v>
      </c>
      <c r="G6846" t="s">
        <v>13</v>
      </c>
      <c r="H6846" t="s">
        <v>16388</v>
      </c>
      <c r="I6846" t="s">
        <v>30540</v>
      </c>
    </row>
    <row r="6847" spans="1:9">
      <c r="A6847" s="1">
        <v>0.25635037975568831</v>
      </c>
      <c r="B6847" s="1"/>
      <c r="C6847">
        <v>13</v>
      </c>
      <c r="D6847" t="s">
        <v>16383</v>
      </c>
      <c r="E6847" t="s">
        <v>32913</v>
      </c>
      <c r="F6847">
        <v>4</v>
      </c>
      <c r="G6847" t="s">
        <v>14</v>
      </c>
      <c r="H6847" t="s">
        <v>16384</v>
      </c>
      <c r="I6847" t="s">
        <v>30540</v>
      </c>
    </row>
    <row r="6848" spans="1:9">
      <c r="A6848" s="1">
        <v>0.14490110540457446</v>
      </c>
      <c r="B6848" s="1"/>
      <c r="C6848">
        <v>11</v>
      </c>
      <c r="D6848" t="s">
        <v>16381</v>
      </c>
      <c r="E6848" t="s">
        <v>32914</v>
      </c>
      <c r="F6848">
        <v>4</v>
      </c>
      <c r="G6848" t="s">
        <v>14</v>
      </c>
      <c r="H6848" t="s">
        <v>16382</v>
      </c>
      <c r="I6848" t="s">
        <v>30540</v>
      </c>
    </row>
    <row r="6849" spans="1:9">
      <c r="A6849" s="1">
        <v>0.93706198552279774</v>
      </c>
      <c r="B6849" s="1"/>
      <c r="C6849">
        <v>3</v>
      </c>
      <c r="D6849" t="s">
        <v>16375</v>
      </c>
      <c r="E6849" t="s">
        <v>32914</v>
      </c>
      <c r="F6849">
        <v>3</v>
      </c>
      <c r="G6849" t="s">
        <v>13</v>
      </c>
      <c r="H6849" t="s">
        <v>16376</v>
      </c>
      <c r="I6849" t="s">
        <v>30540</v>
      </c>
    </row>
    <row r="6850" spans="1:9">
      <c r="A6850" s="1">
        <v>9.0632987155934708E-2</v>
      </c>
      <c r="B6850" s="1"/>
      <c r="C6850">
        <v>4</v>
      </c>
      <c r="D6850" t="s">
        <v>16377</v>
      </c>
      <c r="E6850" t="s">
        <v>32914</v>
      </c>
      <c r="F6850">
        <v>3</v>
      </c>
      <c r="G6850" t="s">
        <v>9</v>
      </c>
      <c r="H6850" t="s">
        <v>16378</v>
      </c>
      <c r="I6850" t="s">
        <v>30540</v>
      </c>
    </row>
    <row r="6851" spans="1:9">
      <c r="A6851" s="1">
        <v>0.29583766001200351</v>
      </c>
      <c r="B6851" s="1"/>
      <c r="C6851">
        <v>10</v>
      </c>
      <c r="D6851" t="s">
        <v>16379</v>
      </c>
      <c r="E6851" t="s">
        <v>32914</v>
      </c>
      <c r="F6851">
        <v>3</v>
      </c>
      <c r="G6851" t="s">
        <v>13</v>
      </c>
      <c r="H6851" t="s">
        <v>16380</v>
      </c>
      <c r="I6851" t="s">
        <v>30540</v>
      </c>
    </row>
    <row r="6852" spans="1:9">
      <c r="A6852" s="1">
        <v>0.53526575741974824</v>
      </c>
      <c r="B6852" s="1"/>
      <c r="C6852">
        <v>10</v>
      </c>
      <c r="D6852" t="s">
        <v>16371</v>
      </c>
      <c r="E6852" t="s">
        <v>32915</v>
      </c>
      <c r="F6852">
        <v>5</v>
      </c>
      <c r="G6852" t="s">
        <v>9</v>
      </c>
      <c r="H6852" t="s">
        <v>16372</v>
      </c>
      <c r="I6852" t="s">
        <v>30540</v>
      </c>
    </row>
    <row r="6853" spans="1:9">
      <c r="A6853" s="1">
        <v>0.83826121958428446</v>
      </c>
      <c r="B6853" s="1"/>
      <c r="C6853">
        <v>17</v>
      </c>
      <c r="D6853" t="s">
        <v>16373</v>
      </c>
      <c r="E6853" t="s">
        <v>32915</v>
      </c>
      <c r="F6853">
        <v>4</v>
      </c>
      <c r="G6853" t="s">
        <v>14</v>
      </c>
      <c r="H6853" t="s">
        <v>16374</v>
      </c>
      <c r="I6853" t="s">
        <v>30540</v>
      </c>
    </row>
    <row r="6854" spans="1:9">
      <c r="A6854" s="1">
        <v>0.828941193716629</v>
      </c>
      <c r="B6854" s="1"/>
      <c r="C6854">
        <v>4</v>
      </c>
      <c r="D6854" t="s">
        <v>16367</v>
      </c>
      <c r="E6854" t="s">
        <v>32916</v>
      </c>
      <c r="F6854">
        <v>5</v>
      </c>
      <c r="G6854" t="s">
        <v>14</v>
      </c>
      <c r="H6854" t="s">
        <v>16368</v>
      </c>
      <c r="I6854" t="s">
        <v>30540</v>
      </c>
    </row>
    <row r="6855" spans="1:9">
      <c r="A6855" s="1">
        <v>0.35855662745159078</v>
      </c>
      <c r="B6855" s="1"/>
      <c r="C6855">
        <v>11</v>
      </c>
      <c r="D6855" t="s">
        <v>16369</v>
      </c>
      <c r="E6855" t="s">
        <v>32916</v>
      </c>
      <c r="F6855">
        <v>4</v>
      </c>
      <c r="G6855" t="s">
        <v>14</v>
      </c>
      <c r="H6855" t="s">
        <v>16370</v>
      </c>
      <c r="I6855" t="s">
        <v>30540</v>
      </c>
    </row>
    <row r="6856" spans="1:9">
      <c r="A6856" s="1">
        <v>0.89509181695034568</v>
      </c>
      <c r="B6856" s="1"/>
      <c r="C6856">
        <v>14</v>
      </c>
      <c r="D6856" t="s">
        <v>16363</v>
      </c>
      <c r="E6856" t="s">
        <v>32917</v>
      </c>
      <c r="F6856">
        <v>4</v>
      </c>
      <c r="G6856" t="s">
        <v>14</v>
      </c>
      <c r="H6856" t="s">
        <v>16364</v>
      </c>
      <c r="I6856" t="s">
        <v>30540</v>
      </c>
    </row>
    <row r="6857" spans="1:9">
      <c r="A6857" s="1">
        <v>0.14056583582334192</v>
      </c>
      <c r="B6857" s="1"/>
      <c r="C6857">
        <v>9</v>
      </c>
      <c r="D6857" t="s">
        <v>16361</v>
      </c>
      <c r="E6857" t="s">
        <v>32917</v>
      </c>
      <c r="F6857">
        <v>4</v>
      </c>
      <c r="G6857" t="s">
        <v>10</v>
      </c>
      <c r="H6857" t="s">
        <v>16362</v>
      </c>
      <c r="I6857" t="s">
        <v>30540</v>
      </c>
    </row>
    <row r="6858" spans="1:9">
      <c r="A6858" s="1">
        <v>0.76794327372359994</v>
      </c>
      <c r="B6858" s="1"/>
      <c r="C6858">
        <v>8</v>
      </c>
      <c r="D6858" t="s">
        <v>16359</v>
      </c>
      <c r="E6858" t="s">
        <v>32917</v>
      </c>
      <c r="F6858">
        <v>4</v>
      </c>
      <c r="G6858" t="s">
        <v>14</v>
      </c>
      <c r="H6858" t="s">
        <v>16360</v>
      </c>
      <c r="I6858" t="s">
        <v>30540</v>
      </c>
    </row>
    <row r="6859" spans="1:9">
      <c r="A6859" s="1">
        <v>0.8229315574119811</v>
      </c>
      <c r="B6859" s="1"/>
      <c r="C6859">
        <v>19</v>
      </c>
      <c r="D6859" t="s">
        <v>16365</v>
      </c>
      <c r="E6859" t="s">
        <v>32917</v>
      </c>
      <c r="F6859">
        <v>4</v>
      </c>
      <c r="G6859" t="s">
        <v>14</v>
      </c>
      <c r="H6859" t="s">
        <v>16366</v>
      </c>
      <c r="I6859" t="s">
        <v>30540</v>
      </c>
    </row>
    <row r="6860" spans="1:9">
      <c r="A6860" s="1">
        <v>0.47136884310159688</v>
      </c>
      <c r="B6860" s="1"/>
      <c r="C6860">
        <v>2</v>
      </c>
      <c r="D6860" t="s">
        <v>16357</v>
      </c>
      <c r="E6860" t="s">
        <v>32917</v>
      </c>
      <c r="F6860">
        <v>4</v>
      </c>
      <c r="G6860" t="s">
        <v>10</v>
      </c>
      <c r="H6860" t="s">
        <v>16358</v>
      </c>
      <c r="I6860" t="s">
        <v>30540</v>
      </c>
    </row>
    <row r="6861" spans="1:9">
      <c r="A6861" s="1">
        <v>0.92791363743597832</v>
      </c>
      <c r="B6861" s="1"/>
      <c r="C6861">
        <v>11</v>
      </c>
      <c r="D6861" t="s">
        <v>16349</v>
      </c>
      <c r="E6861" t="s">
        <v>32918</v>
      </c>
      <c r="F6861">
        <v>5</v>
      </c>
      <c r="G6861" t="s">
        <v>13</v>
      </c>
      <c r="H6861" t="s">
        <v>16350</v>
      </c>
      <c r="I6861" t="s">
        <v>30540</v>
      </c>
    </row>
    <row r="6862" spans="1:9">
      <c r="A6862" s="1">
        <v>0.58213759646021124</v>
      </c>
      <c r="B6862" s="1"/>
      <c r="C6862">
        <v>18</v>
      </c>
      <c r="D6862" t="s">
        <v>16355</v>
      </c>
      <c r="E6862" t="s">
        <v>32918</v>
      </c>
      <c r="F6862">
        <v>4</v>
      </c>
      <c r="G6862" t="s">
        <v>3107</v>
      </c>
      <c r="H6862" t="s">
        <v>16356</v>
      </c>
      <c r="I6862" t="s">
        <v>30540</v>
      </c>
    </row>
    <row r="6863" spans="1:9">
      <c r="A6863" s="1">
        <v>0.53614320321508968</v>
      </c>
      <c r="B6863" s="1"/>
      <c r="C6863">
        <v>16</v>
      </c>
      <c r="D6863" t="s">
        <v>16353</v>
      </c>
      <c r="E6863" t="s">
        <v>32918</v>
      </c>
      <c r="F6863">
        <v>4</v>
      </c>
      <c r="G6863" t="s">
        <v>1431</v>
      </c>
      <c r="H6863" t="s">
        <v>16354</v>
      </c>
      <c r="I6863" t="s">
        <v>30540</v>
      </c>
    </row>
    <row r="6864" spans="1:9">
      <c r="A6864" s="1">
        <v>0.14962793284782483</v>
      </c>
      <c r="B6864" s="1"/>
      <c r="C6864">
        <v>3</v>
      </c>
      <c r="D6864" t="s">
        <v>16347</v>
      </c>
      <c r="E6864" t="s">
        <v>32918</v>
      </c>
      <c r="F6864">
        <v>4</v>
      </c>
      <c r="G6864" t="s">
        <v>13</v>
      </c>
      <c r="H6864" t="s">
        <v>16348</v>
      </c>
      <c r="I6864" t="s">
        <v>30540</v>
      </c>
    </row>
    <row r="6865" spans="1:9">
      <c r="A6865" s="1">
        <v>0.58709343311573325</v>
      </c>
      <c r="B6865" s="1"/>
      <c r="C6865">
        <v>12</v>
      </c>
      <c r="D6865" t="s">
        <v>16351</v>
      </c>
      <c r="E6865" t="s">
        <v>32918</v>
      </c>
      <c r="F6865">
        <v>4</v>
      </c>
      <c r="G6865" t="s">
        <v>771</v>
      </c>
      <c r="H6865" t="s">
        <v>16352</v>
      </c>
      <c r="I6865" t="s">
        <v>30540</v>
      </c>
    </row>
    <row r="6866" spans="1:9">
      <c r="A6866" s="1">
        <v>3.7356198509791105E-2</v>
      </c>
      <c r="B6866" s="1"/>
      <c r="C6866">
        <v>7</v>
      </c>
      <c r="D6866" t="s">
        <v>16339</v>
      </c>
      <c r="E6866" t="s">
        <v>32919</v>
      </c>
      <c r="F6866">
        <v>4</v>
      </c>
      <c r="G6866" t="s">
        <v>1</v>
      </c>
      <c r="H6866" t="s">
        <v>16340</v>
      </c>
      <c r="I6866" t="s">
        <v>30540</v>
      </c>
    </row>
    <row r="6867" spans="1:9">
      <c r="A6867" s="1">
        <v>0.56962436066558053</v>
      </c>
      <c r="B6867" s="1"/>
      <c r="C6867">
        <v>11</v>
      </c>
      <c r="D6867" t="s">
        <v>16341</v>
      </c>
      <c r="E6867" t="s">
        <v>32919</v>
      </c>
      <c r="F6867">
        <v>4</v>
      </c>
      <c r="G6867" t="s">
        <v>14</v>
      </c>
      <c r="H6867" t="s">
        <v>16342</v>
      </c>
      <c r="I6867" t="s">
        <v>30540</v>
      </c>
    </row>
    <row r="6868" spans="1:9">
      <c r="A6868" s="1">
        <v>0.30676720927443746</v>
      </c>
      <c r="B6868" s="1"/>
      <c r="C6868">
        <v>3</v>
      </c>
      <c r="D6868" t="s">
        <v>16337</v>
      </c>
      <c r="E6868" t="s">
        <v>32919</v>
      </c>
      <c r="F6868">
        <v>4</v>
      </c>
      <c r="G6868" t="s">
        <v>9</v>
      </c>
      <c r="H6868" t="s">
        <v>16338</v>
      </c>
      <c r="I6868" t="s">
        <v>30540</v>
      </c>
    </row>
    <row r="6869" spans="1:9">
      <c r="A6869" s="1">
        <v>0.98352035252363579</v>
      </c>
      <c r="B6869" s="1"/>
      <c r="C6869">
        <v>16</v>
      </c>
      <c r="D6869" t="s">
        <v>16345</v>
      </c>
      <c r="E6869" t="s">
        <v>32919</v>
      </c>
      <c r="F6869">
        <v>4</v>
      </c>
      <c r="G6869" t="s">
        <v>14</v>
      </c>
      <c r="H6869" t="s">
        <v>16346</v>
      </c>
      <c r="I6869" t="s">
        <v>30540</v>
      </c>
    </row>
    <row r="6870" spans="1:9">
      <c r="A6870" s="1">
        <v>0.39119998815456569</v>
      </c>
      <c r="B6870" s="1"/>
      <c r="C6870">
        <v>14</v>
      </c>
      <c r="D6870" t="s">
        <v>16343</v>
      </c>
      <c r="E6870" t="s">
        <v>32919</v>
      </c>
      <c r="F6870">
        <v>3</v>
      </c>
      <c r="G6870" t="s">
        <v>9</v>
      </c>
      <c r="H6870" t="s">
        <v>16344</v>
      </c>
      <c r="I6870" t="s">
        <v>30540</v>
      </c>
    </row>
    <row r="6871" spans="1:9">
      <c r="A6871" s="1">
        <v>0.96940721609147185</v>
      </c>
      <c r="B6871" s="1"/>
      <c r="C6871">
        <v>8</v>
      </c>
      <c r="D6871" t="s">
        <v>16333</v>
      </c>
      <c r="E6871" t="s">
        <v>32920</v>
      </c>
      <c r="F6871">
        <v>4</v>
      </c>
      <c r="G6871" t="s">
        <v>14</v>
      </c>
      <c r="H6871" t="s">
        <v>16334</v>
      </c>
      <c r="I6871" t="s">
        <v>30540</v>
      </c>
    </row>
    <row r="6872" spans="1:9">
      <c r="A6872" s="1">
        <v>0.38620944782287847</v>
      </c>
      <c r="B6872" s="1"/>
      <c r="C6872">
        <v>7</v>
      </c>
      <c r="D6872" t="s">
        <v>16323</v>
      </c>
      <c r="E6872" t="s">
        <v>32921</v>
      </c>
      <c r="F6872">
        <v>4</v>
      </c>
      <c r="G6872" t="s">
        <v>0</v>
      </c>
      <c r="H6872" t="s">
        <v>16324</v>
      </c>
      <c r="I6872" t="s">
        <v>30540</v>
      </c>
    </row>
    <row r="6873" spans="1:9">
      <c r="A6873" s="1">
        <v>0.2683425747371273</v>
      </c>
      <c r="B6873" s="1"/>
      <c r="C6873">
        <v>12</v>
      </c>
      <c r="D6873" t="s">
        <v>16327</v>
      </c>
      <c r="E6873" t="s">
        <v>32921</v>
      </c>
      <c r="F6873">
        <v>4</v>
      </c>
      <c r="G6873" t="s">
        <v>10</v>
      </c>
      <c r="H6873" t="s">
        <v>16328</v>
      </c>
      <c r="I6873" t="s">
        <v>30540</v>
      </c>
    </row>
    <row r="6874" spans="1:9">
      <c r="A6874" s="1">
        <v>0.23560015996195627</v>
      </c>
      <c r="B6874" s="1"/>
      <c r="C6874">
        <v>11</v>
      </c>
      <c r="D6874" t="s">
        <v>16325</v>
      </c>
      <c r="E6874" t="s">
        <v>32921</v>
      </c>
      <c r="F6874">
        <v>3</v>
      </c>
      <c r="G6874" t="s">
        <v>0</v>
      </c>
      <c r="H6874" t="s">
        <v>16326</v>
      </c>
      <c r="I6874" t="s">
        <v>30540</v>
      </c>
    </row>
    <row r="6875" spans="1:9">
      <c r="A6875" s="1">
        <v>0.2060099611786419</v>
      </c>
      <c r="B6875" s="1"/>
      <c r="C6875">
        <v>4</v>
      </c>
      <c r="D6875" t="s">
        <v>16313</v>
      </c>
      <c r="E6875" t="s">
        <v>32922</v>
      </c>
      <c r="F6875">
        <v>4</v>
      </c>
      <c r="G6875" t="s">
        <v>14</v>
      </c>
      <c r="H6875" t="s">
        <v>16314</v>
      </c>
      <c r="I6875" t="s">
        <v>30540</v>
      </c>
    </row>
    <row r="6876" spans="1:9">
      <c r="A6876" s="1">
        <v>0.69325759483893046</v>
      </c>
      <c r="B6876" s="1"/>
      <c r="C6876">
        <v>18</v>
      </c>
      <c r="D6876" t="s">
        <v>16321</v>
      </c>
      <c r="E6876" t="s">
        <v>32922</v>
      </c>
      <c r="F6876">
        <v>4</v>
      </c>
      <c r="G6876" t="s">
        <v>14</v>
      </c>
      <c r="H6876" t="s">
        <v>16322</v>
      </c>
      <c r="I6876" t="s">
        <v>30540</v>
      </c>
    </row>
    <row r="6877" spans="1:9">
      <c r="A6877" s="1">
        <v>0.81804432187283371</v>
      </c>
      <c r="B6877" s="1"/>
      <c r="C6877">
        <v>7</v>
      </c>
      <c r="D6877" t="s">
        <v>16315</v>
      </c>
      <c r="E6877" t="s">
        <v>32922</v>
      </c>
      <c r="F6877">
        <v>4</v>
      </c>
      <c r="G6877" t="s">
        <v>13</v>
      </c>
      <c r="H6877" t="s">
        <v>16316</v>
      </c>
      <c r="I6877" t="s">
        <v>30540</v>
      </c>
    </row>
    <row r="6878" spans="1:9">
      <c r="A6878" s="1">
        <v>0.25585636873807283</v>
      </c>
      <c r="B6878" s="1"/>
      <c r="C6878">
        <v>6</v>
      </c>
      <c r="D6878" t="s">
        <v>16303</v>
      </c>
      <c r="E6878" t="s">
        <v>32923</v>
      </c>
      <c r="F6878">
        <v>5</v>
      </c>
      <c r="G6878" t="s">
        <v>2</v>
      </c>
      <c r="H6878" t="s">
        <v>16304</v>
      </c>
      <c r="I6878" t="s">
        <v>30540</v>
      </c>
    </row>
    <row r="6879" spans="1:9">
      <c r="A6879" s="1">
        <v>0.34576837594933751</v>
      </c>
      <c r="B6879" s="1"/>
      <c r="C6879">
        <v>17</v>
      </c>
      <c r="D6879" t="s">
        <v>16309</v>
      </c>
      <c r="E6879" t="s">
        <v>32923</v>
      </c>
      <c r="F6879">
        <v>4</v>
      </c>
      <c r="G6879" t="s">
        <v>775</v>
      </c>
      <c r="H6879" t="s">
        <v>16310</v>
      </c>
      <c r="I6879" t="s">
        <v>30540</v>
      </c>
    </row>
    <row r="6880" spans="1:9">
      <c r="A6880" s="1">
        <v>0.90639912021053803</v>
      </c>
      <c r="B6880" s="1"/>
      <c r="C6880">
        <v>2</v>
      </c>
      <c r="D6880" t="s">
        <v>16301</v>
      </c>
      <c r="E6880" t="s">
        <v>32923</v>
      </c>
      <c r="F6880">
        <v>4</v>
      </c>
      <c r="G6880" t="s">
        <v>1431</v>
      </c>
      <c r="H6880" t="s">
        <v>16302</v>
      </c>
      <c r="I6880" t="s">
        <v>30540</v>
      </c>
    </row>
    <row r="6881" spans="1:9">
      <c r="A6881" s="1">
        <v>0.674691641552842</v>
      </c>
      <c r="B6881" s="1"/>
      <c r="C6881">
        <v>13</v>
      </c>
      <c r="D6881" t="s">
        <v>16307</v>
      </c>
      <c r="E6881" t="s">
        <v>32923</v>
      </c>
      <c r="F6881">
        <v>4</v>
      </c>
      <c r="G6881" t="s">
        <v>10</v>
      </c>
      <c r="H6881" t="s">
        <v>16308</v>
      </c>
      <c r="I6881" t="s">
        <v>30540</v>
      </c>
    </row>
    <row r="6882" spans="1:9">
      <c r="A6882" s="1">
        <v>0.17537700821931834</v>
      </c>
      <c r="B6882" s="1"/>
      <c r="C6882">
        <v>15</v>
      </c>
      <c r="D6882" t="s">
        <v>16295</v>
      </c>
      <c r="E6882" t="s">
        <v>32924</v>
      </c>
      <c r="F6882">
        <v>5</v>
      </c>
      <c r="G6882" t="s">
        <v>14</v>
      </c>
      <c r="H6882" t="s">
        <v>16296</v>
      </c>
      <c r="I6882" t="s">
        <v>30540</v>
      </c>
    </row>
    <row r="6883" spans="1:9">
      <c r="A6883" s="1">
        <v>0.85396591213848039</v>
      </c>
      <c r="B6883" s="1"/>
      <c r="C6883">
        <v>10</v>
      </c>
      <c r="D6883" t="s">
        <v>16291</v>
      </c>
      <c r="E6883" t="s">
        <v>32924</v>
      </c>
      <c r="F6883">
        <v>4</v>
      </c>
      <c r="G6883" t="s">
        <v>2</v>
      </c>
      <c r="H6883" t="s">
        <v>16292</v>
      </c>
      <c r="I6883" t="s">
        <v>30540</v>
      </c>
    </row>
    <row r="6884" spans="1:9">
      <c r="A6884" s="1">
        <v>0.11333288886722481</v>
      </c>
      <c r="B6884" s="1"/>
      <c r="C6884">
        <v>6</v>
      </c>
      <c r="D6884" t="s">
        <v>16287</v>
      </c>
      <c r="E6884" t="s">
        <v>32924</v>
      </c>
      <c r="F6884">
        <v>4</v>
      </c>
      <c r="G6884" t="s">
        <v>10</v>
      </c>
      <c r="H6884" t="s">
        <v>16288</v>
      </c>
      <c r="I6884" t="s">
        <v>30540</v>
      </c>
    </row>
    <row r="6885" spans="1:9">
      <c r="A6885" s="1">
        <v>0.34533796389179905</v>
      </c>
      <c r="B6885" s="1"/>
      <c r="C6885">
        <v>7</v>
      </c>
      <c r="D6885" t="s">
        <v>16289</v>
      </c>
      <c r="E6885" t="s">
        <v>32924</v>
      </c>
      <c r="F6885">
        <v>4</v>
      </c>
      <c r="G6885" t="s">
        <v>9</v>
      </c>
      <c r="H6885" t="s">
        <v>16290</v>
      </c>
      <c r="I6885" t="s">
        <v>30540</v>
      </c>
    </row>
    <row r="6886" spans="1:9">
      <c r="A6886" s="1">
        <v>0.93591983956840674</v>
      </c>
      <c r="B6886" s="1"/>
      <c r="C6886">
        <v>18</v>
      </c>
      <c r="D6886" t="s">
        <v>16299</v>
      </c>
      <c r="E6886" t="s">
        <v>32924</v>
      </c>
      <c r="F6886">
        <v>3</v>
      </c>
      <c r="G6886" t="s">
        <v>14</v>
      </c>
      <c r="H6886" t="s">
        <v>16300</v>
      </c>
      <c r="I6886" t="s">
        <v>30540</v>
      </c>
    </row>
    <row r="6887" spans="1:9">
      <c r="A6887" s="1">
        <v>0.60412739976658592</v>
      </c>
      <c r="B6887" s="1"/>
      <c r="C6887">
        <v>13</v>
      </c>
      <c r="D6887" t="s">
        <v>16285</v>
      </c>
      <c r="E6887" t="s">
        <v>32925</v>
      </c>
      <c r="F6887">
        <v>4</v>
      </c>
      <c r="G6887" t="s">
        <v>14</v>
      </c>
      <c r="H6887" t="s">
        <v>16286</v>
      </c>
      <c r="I6887" t="s">
        <v>30540</v>
      </c>
    </row>
    <row r="6888" spans="1:9">
      <c r="A6888" s="1">
        <v>0.64540712672346001</v>
      </c>
      <c r="B6888" s="1"/>
      <c r="C6888">
        <v>2</v>
      </c>
      <c r="D6888" t="s">
        <v>16275</v>
      </c>
      <c r="E6888" t="s">
        <v>32925</v>
      </c>
      <c r="F6888">
        <v>4</v>
      </c>
      <c r="G6888" t="s">
        <v>2</v>
      </c>
      <c r="H6888" t="s">
        <v>16276</v>
      </c>
      <c r="I6888" t="s">
        <v>30540</v>
      </c>
    </row>
    <row r="6889" spans="1:9">
      <c r="A6889" s="1">
        <v>0.69250862074017627</v>
      </c>
      <c r="B6889" s="1"/>
      <c r="C6889">
        <v>8</v>
      </c>
      <c r="D6889" t="s">
        <v>16277</v>
      </c>
      <c r="E6889" t="s">
        <v>32925</v>
      </c>
      <c r="F6889">
        <v>4</v>
      </c>
      <c r="G6889" t="s">
        <v>0</v>
      </c>
      <c r="H6889" t="s">
        <v>16278</v>
      </c>
      <c r="I6889" t="s">
        <v>30540</v>
      </c>
    </row>
    <row r="6890" spans="1:9">
      <c r="A6890" s="1">
        <v>0.91623182619025179</v>
      </c>
      <c r="B6890" s="1"/>
      <c r="C6890">
        <v>9</v>
      </c>
      <c r="D6890" t="s">
        <v>16279</v>
      </c>
      <c r="E6890" t="s">
        <v>32925</v>
      </c>
      <c r="F6890">
        <v>4</v>
      </c>
      <c r="G6890" t="s">
        <v>0</v>
      </c>
      <c r="H6890" t="s">
        <v>16280</v>
      </c>
      <c r="I6890" t="s">
        <v>30540</v>
      </c>
    </row>
    <row r="6891" spans="1:9">
      <c r="A6891" s="1">
        <v>0.9720771684750984</v>
      </c>
      <c r="B6891" s="1"/>
      <c r="C6891">
        <v>12</v>
      </c>
      <c r="D6891" t="s">
        <v>16283</v>
      </c>
      <c r="E6891" t="s">
        <v>32925</v>
      </c>
      <c r="F6891">
        <v>4</v>
      </c>
      <c r="G6891" t="s">
        <v>14</v>
      </c>
      <c r="H6891" t="s">
        <v>16284</v>
      </c>
      <c r="I6891" t="s">
        <v>30540</v>
      </c>
    </row>
    <row r="6892" spans="1:9">
      <c r="A6892" s="1">
        <v>0.38988090990235169</v>
      </c>
      <c r="B6892" s="1"/>
      <c r="C6892">
        <v>10</v>
      </c>
      <c r="D6892" t="s">
        <v>16281</v>
      </c>
      <c r="E6892" t="s">
        <v>32925</v>
      </c>
      <c r="F6892">
        <v>4</v>
      </c>
      <c r="G6892" t="s">
        <v>14</v>
      </c>
      <c r="H6892" t="s">
        <v>16282</v>
      </c>
      <c r="I6892" t="s">
        <v>30540</v>
      </c>
    </row>
    <row r="6893" spans="1:9">
      <c r="A6893" s="1">
        <v>0.9897792904749988</v>
      </c>
      <c r="B6893" s="1"/>
      <c r="C6893">
        <v>1</v>
      </c>
      <c r="D6893" t="s">
        <v>16273</v>
      </c>
      <c r="E6893" t="s">
        <v>32925</v>
      </c>
      <c r="F6893">
        <v>3</v>
      </c>
      <c r="G6893" t="s">
        <v>13</v>
      </c>
      <c r="H6893" t="s">
        <v>16274</v>
      </c>
      <c r="I6893" t="s">
        <v>30540</v>
      </c>
    </row>
    <row r="6894" spans="1:9">
      <c r="A6894" s="1">
        <v>0.15482834940559476</v>
      </c>
      <c r="B6894" s="1"/>
      <c r="C6894">
        <v>5</v>
      </c>
      <c r="D6894" t="s">
        <v>16263</v>
      </c>
      <c r="E6894" t="s">
        <v>32926</v>
      </c>
      <c r="F6894">
        <v>4</v>
      </c>
      <c r="G6894" t="s">
        <v>9</v>
      </c>
      <c r="H6894" t="s">
        <v>16264</v>
      </c>
      <c r="I6894" t="s">
        <v>30540</v>
      </c>
    </row>
    <row r="6895" spans="1:9">
      <c r="A6895" s="1">
        <v>0.59341901142585318</v>
      </c>
      <c r="B6895" s="1"/>
      <c r="C6895">
        <v>16</v>
      </c>
      <c r="D6895" t="s">
        <v>16271</v>
      </c>
      <c r="E6895" t="s">
        <v>32926</v>
      </c>
      <c r="F6895">
        <v>4</v>
      </c>
      <c r="G6895" t="s">
        <v>14</v>
      </c>
      <c r="H6895" t="s">
        <v>16272</v>
      </c>
      <c r="I6895" t="s">
        <v>30540</v>
      </c>
    </row>
    <row r="6896" spans="1:9">
      <c r="A6896" s="1">
        <v>0.42365668768565934</v>
      </c>
      <c r="B6896" s="1"/>
      <c r="C6896">
        <v>9</v>
      </c>
      <c r="D6896" t="s">
        <v>16267</v>
      </c>
      <c r="E6896" t="s">
        <v>32926</v>
      </c>
      <c r="F6896">
        <v>4</v>
      </c>
      <c r="G6896" t="s">
        <v>2</v>
      </c>
      <c r="H6896" t="s">
        <v>16268</v>
      </c>
      <c r="I6896" t="s">
        <v>30540</v>
      </c>
    </row>
    <row r="6897" spans="1:9">
      <c r="A6897" s="1">
        <v>0.49116396016107944</v>
      </c>
      <c r="B6897" s="1"/>
      <c r="C6897">
        <v>6</v>
      </c>
      <c r="D6897" t="s">
        <v>16265</v>
      </c>
      <c r="E6897" t="s">
        <v>32926</v>
      </c>
      <c r="F6897">
        <v>4</v>
      </c>
      <c r="G6897" t="s">
        <v>2</v>
      </c>
      <c r="H6897" t="s">
        <v>16266</v>
      </c>
      <c r="I6897" t="s">
        <v>30540</v>
      </c>
    </row>
    <row r="6898" spans="1:9">
      <c r="A6898" s="1">
        <v>0.44175239009991729</v>
      </c>
      <c r="B6898" s="1"/>
      <c r="C6898">
        <v>4</v>
      </c>
      <c r="D6898" t="s">
        <v>16255</v>
      </c>
      <c r="E6898" t="s">
        <v>32927</v>
      </c>
      <c r="F6898">
        <v>5</v>
      </c>
      <c r="G6898" t="s">
        <v>10</v>
      </c>
      <c r="H6898" t="s">
        <v>16256</v>
      </c>
      <c r="I6898" t="s">
        <v>30540</v>
      </c>
    </row>
    <row r="6899" spans="1:9">
      <c r="A6899" s="1">
        <v>0.26308941060331215</v>
      </c>
      <c r="B6899" s="1"/>
      <c r="C6899">
        <v>2</v>
      </c>
      <c r="D6899" t="s">
        <v>16253</v>
      </c>
      <c r="E6899" t="s">
        <v>32927</v>
      </c>
      <c r="F6899">
        <v>4</v>
      </c>
      <c r="G6899" t="s">
        <v>14</v>
      </c>
      <c r="H6899" t="s">
        <v>16254</v>
      </c>
      <c r="I6899" t="s">
        <v>30540</v>
      </c>
    </row>
    <row r="6900" spans="1:9">
      <c r="A6900" s="1">
        <v>0.48548209094591721</v>
      </c>
      <c r="B6900" s="1"/>
      <c r="C6900">
        <v>1</v>
      </c>
      <c r="D6900" t="s">
        <v>16251</v>
      </c>
      <c r="E6900" t="s">
        <v>32927</v>
      </c>
      <c r="F6900">
        <v>4</v>
      </c>
      <c r="G6900" t="s">
        <v>14</v>
      </c>
      <c r="H6900" t="s">
        <v>16252</v>
      </c>
      <c r="I6900" t="s">
        <v>30540</v>
      </c>
    </row>
    <row r="6901" spans="1:9">
      <c r="A6901" s="1">
        <v>0.39290196426041402</v>
      </c>
      <c r="B6901" s="1"/>
      <c r="C6901">
        <v>12</v>
      </c>
      <c r="D6901" t="s">
        <v>16261</v>
      </c>
      <c r="E6901" t="s">
        <v>32927</v>
      </c>
      <c r="F6901">
        <v>4</v>
      </c>
      <c r="G6901" t="s">
        <v>14</v>
      </c>
      <c r="H6901" t="s">
        <v>16262</v>
      </c>
      <c r="I6901" t="s">
        <v>30540</v>
      </c>
    </row>
    <row r="6902" spans="1:9">
      <c r="A6902" s="1">
        <v>0.63457258340752731</v>
      </c>
      <c r="B6902" s="1"/>
      <c r="C6902">
        <v>11</v>
      </c>
      <c r="D6902" t="s">
        <v>16259</v>
      </c>
      <c r="E6902" t="s">
        <v>32927</v>
      </c>
      <c r="F6902">
        <v>4</v>
      </c>
      <c r="G6902" t="s">
        <v>14</v>
      </c>
      <c r="H6902" t="s">
        <v>16260</v>
      </c>
      <c r="I6902" t="s">
        <v>30540</v>
      </c>
    </row>
    <row r="6903" spans="1:9">
      <c r="A6903" s="1">
        <v>0.41436248242101048</v>
      </c>
      <c r="B6903" s="1"/>
      <c r="C6903">
        <v>12</v>
      </c>
      <c r="D6903" t="s">
        <v>16247</v>
      </c>
      <c r="E6903" t="s">
        <v>32928</v>
      </c>
      <c r="F6903">
        <v>4</v>
      </c>
      <c r="G6903" t="s">
        <v>775</v>
      </c>
      <c r="H6903" t="s">
        <v>16248</v>
      </c>
      <c r="I6903" t="s">
        <v>30540</v>
      </c>
    </row>
    <row r="6904" spans="1:9">
      <c r="A6904" s="1">
        <v>0.30228585484504478</v>
      </c>
      <c r="B6904" s="1"/>
      <c r="C6904">
        <v>16</v>
      </c>
      <c r="D6904" t="s">
        <v>16249</v>
      </c>
      <c r="E6904" t="s">
        <v>32928</v>
      </c>
      <c r="F6904">
        <v>4</v>
      </c>
      <c r="G6904" t="s">
        <v>1295</v>
      </c>
      <c r="H6904" t="s">
        <v>16250</v>
      </c>
      <c r="I6904" t="s">
        <v>30540</v>
      </c>
    </row>
    <row r="6905" spans="1:9">
      <c r="A6905" s="1">
        <v>0.85055529983084388</v>
      </c>
      <c r="B6905" s="1"/>
      <c r="C6905">
        <v>10</v>
      </c>
      <c r="D6905" t="s">
        <v>16241</v>
      </c>
      <c r="E6905" t="s">
        <v>32929</v>
      </c>
      <c r="F6905">
        <v>4</v>
      </c>
      <c r="G6905" t="s">
        <v>15</v>
      </c>
      <c r="H6905" t="s">
        <v>16242</v>
      </c>
      <c r="I6905" t="s">
        <v>30540</v>
      </c>
    </row>
    <row r="6906" spans="1:9">
      <c r="A6906" s="1">
        <v>0.96626541278257905</v>
      </c>
      <c r="B6906" s="1"/>
      <c r="C6906">
        <v>13</v>
      </c>
      <c r="D6906" t="s">
        <v>16243</v>
      </c>
      <c r="E6906" t="s">
        <v>32929</v>
      </c>
      <c r="F6906">
        <v>4</v>
      </c>
      <c r="G6906" t="s">
        <v>0</v>
      </c>
      <c r="H6906" t="s">
        <v>16244</v>
      </c>
      <c r="I6906" t="s">
        <v>30540</v>
      </c>
    </row>
    <row r="6907" spans="1:9">
      <c r="A6907" s="1">
        <v>0.9545091779588043</v>
      </c>
      <c r="B6907" s="1"/>
      <c r="C6907">
        <v>5</v>
      </c>
      <c r="D6907" t="s">
        <v>16239</v>
      </c>
      <c r="E6907" t="s">
        <v>32929</v>
      </c>
      <c r="F6907">
        <v>4</v>
      </c>
      <c r="G6907" t="s">
        <v>14</v>
      </c>
      <c r="H6907" t="s">
        <v>16240</v>
      </c>
      <c r="I6907" t="s">
        <v>30540</v>
      </c>
    </row>
    <row r="6908" spans="1:9">
      <c r="A6908" s="1">
        <v>0.23536337773053984</v>
      </c>
      <c r="B6908" s="1"/>
      <c r="C6908">
        <v>5</v>
      </c>
      <c r="D6908" t="s">
        <v>16219</v>
      </c>
      <c r="E6908" t="s">
        <v>32930</v>
      </c>
      <c r="F6908">
        <v>5</v>
      </c>
      <c r="G6908" t="s">
        <v>2</v>
      </c>
      <c r="H6908" t="s">
        <v>16220</v>
      </c>
      <c r="I6908" t="s">
        <v>30540</v>
      </c>
    </row>
    <row r="6909" spans="1:9">
      <c r="A6909" s="1">
        <v>0.94819215686137093</v>
      </c>
      <c r="B6909" s="1"/>
      <c r="C6909">
        <v>8</v>
      </c>
      <c r="D6909" t="s">
        <v>16223</v>
      </c>
      <c r="E6909" t="s">
        <v>32930</v>
      </c>
      <c r="F6909">
        <v>5</v>
      </c>
      <c r="G6909" t="s">
        <v>14</v>
      </c>
      <c r="H6909" t="s">
        <v>16224</v>
      </c>
      <c r="I6909" t="s">
        <v>30540</v>
      </c>
    </row>
    <row r="6910" spans="1:9">
      <c r="A6910" s="1">
        <v>0.35809149613213287</v>
      </c>
      <c r="B6910" s="1"/>
      <c r="C6910">
        <v>17</v>
      </c>
      <c r="D6910" t="s">
        <v>16231</v>
      </c>
      <c r="E6910" t="s">
        <v>32930</v>
      </c>
      <c r="F6910">
        <v>4</v>
      </c>
      <c r="G6910" t="s">
        <v>14</v>
      </c>
      <c r="H6910" t="s">
        <v>16232</v>
      </c>
      <c r="I6910" t="s">
        <v>30540</v>
      </c>
    </row>
    <row r="6911" spans="1:9">
      <c r="A6911" s="1">
        <v>0.93462078025246476</v>
      </c>
      <c r="B6911" s="1"/>
      <c r="C6911">
        <v>9</v>
      </c>
      <c r="D6911" t="s">
        <v>16225</v>
      </c>
      <c r="E6911" t="s">
        <v>32930</v>
      </c>
      <c r="F6911">
        <v>4</v>
      </c>
      <c r="G6911" t="s">
        <v>9</v>
      </c>
      <c r="H6911" t="s">
        <v>16226</v>
      </c>
      <c r="I6911" t="s">
        <v>30540</v>
      </c>
    </row>
    <row r="6912" spans="1:9">
      <c r="A6912" s="1">
        <v>0.36863286553155206</v>
      </c>
      <c r="B6912" s="1"/>
      <c r="C6912">
        <v>20</v>
      </c>
      <c r="D6912" t="s">
        <v>16237</v>
      </c>
      <c r="E6912" t="s">
        <v>32930</v>
      </c>
      <c r="F6912">
        <v>4</v>
      </c>
      <c r="G6912" t="s">
        <v>10</v>
      </c>
      <c r="H6912" t="s">
        <v>16238</v>
      </c>
      <c r="I6912" t="s">
        <v>30540</v>
      </c>
    </row>
    <row r="6913" spans="1:9">
      <c r="A6913" s="1">
        <v>9.6944259047473502E-2</v>
      </c>
      <c r="B6913" s="1"/>
      <c r="C6913">
        <v>6</v>
      </c>
      <c r="D6913" t="s">
        <v>16221</v>
      </c>
      <c r="E6913" t="s">
        <v>32930</v>
      </c>
      <c r="F6913">
        <v>4</v>
      </c>
      <c r="G6913" t="s">
        <v>15</v>
      </c>
      <c r="H6913" t="s">
        <v>16222</v>
      </c>
      <c r="I6913" t="s">
        <v>30540</v>
      </c>
    </row>
    <row r="6914" spans="1:9">
      <c r="A6914" s="1">
        <v>0.14307315833189571</v>
      </c>
      <c r="B6914" s="1"/>
      <c r="C6914">
        <v>18</v>
      </c>
      <c r="D6914" t="s">
        <v>16233</v>
      </c>
      <c r="E6914" t="s">
        <v>32930</v>
      </c>
      <c r="F6914">
        <v>4</v>
      </c>
      <c r="G6914" t="s">
        <v>14</v>
      </c>
      <c r="H6914" t="s">
        <v>16234</v>
      </c>
      <c r="I6914" t="s">
        <v>30540</v>
      </c>
    </row>
    <row r="6915" spans="1:9">
      <c r="A6915" s="1">
        <v>0.21868317788695768</v>
      </c>
      <c r="B6915" s="1"/>
      <c r="C6915">
        <v>14</v>
      </c>
      <c r="D6915" t="s">
        <v>16229</v>
      </c>
      <c r="E6915" t="s">
        <v>32930</v>
      </c>
      <c r="F6915">
        <v>4</v>
      </c>
      <c r="G6915" t="s">
        <v>9</v>
      </c>
      <c r="H6915" t="s">
        <v>16230</v>
      </c>
      <c r="I6915" t="s">
        <v>30540</v>
      </c>
    </row>
    <row r="6916" spans="1:9">
      <c r="A6916" s="1">
        <v>0.79188137473627229</v>
      </c>
      <c r="B6916" s="1"/>
      <c r="C6916">
        <v>12</v>
      </c>
      <c r="D6916" t="s">
        <v>16227</v>
      </c>
      <c r="E6916" t="s">
        <v>32930</v>
      </c>
      <c r="F6916">
        <v>4</v>
      </c>
      <c r="G6916" t="s">
        <v>14</v>
      </c>
      <c r="H6916" t="s">
        <v>16228</v>
      </c>
      <c r="I6916" t="s">
        <v>30540</v>
      </c>
    </row>
    <row r="6917" spans="1:9">
      <c r="A6917" s="1">
        <v>0.48870649133880728</v>
      </c>
      <c r="B6917" s="1"/>
      <c r="C6917">
        <v>20</v>
      </c>
      <c r="D6917" t="s">
        <v>16213</v>
      </c>
      <c r="E6917" t="s">
        <v>32931</v>
      </c>
      <c r="F6917">
        <v>5</v>
      </c>
      <c r="G6917" t="s">
        <v>14</v>
      </c>
      <c r="H6917" t="s">
        <v>16214</v>
      </c>
      <c r="I6917" t="s">
        <v>30540</v>
      </c>
    </row>
    <row r="6918" spans="1:9">
      <c r="A6918" s="1">
        <v>0.21197913440809146</v>
      </c>
      <c r="B6918" s="1"/>
      <c r="C6918">
        <v>12</v>
      </c>
      <c r="D6918" t="s">
        <v>16207</v>
      </c>
      <c r="E6918" t="s">
        <v>32931</v>
      </c>
      <c r="F6918">
        <v>5</v>
      </c>
      <c r="G6918" t="s">
        <v>14</v>
      </c>
      <c r="H6918" t="s">
        <v>16208</v>
      </c>
      <c r="I6918" t="s">
        <v>30540</v>
      </c>
    </row>
    <row r="6919" spans="1:9">
      <c r="A6919" s="1">
        <v>0.98643550409619984</v>
      </c>
      <c r="B6919" s="1"/>
      <c r="C6919">
        <v>13</v>
      </c>
      <c r="D6919" t="s">
        <v>16209</v>
      </c>
      <c r="E6919" t="s">
        <v>32931</v>
      </c>
      <c r="F6919">
        <v>4</v>
      </c>
      <c r="G6919" t="s">
        <v>14</v>
      </c>
      <c r="H6919" t="s">
        <v>16210</v>
      </c>
      <c r="I6919" t="s">
        <v>30540</v>
      </c>
    </row>
    <row r="6920" spans="1:9">
      <c r="A6920" s="1">
        <v>0.14450791354217141</v>
      </c>
      <c r="B6920" s="1"/>
      <c r="C6920">
        <v>9</v>
      </c>
      <c r="D6920" t="s">
        <v>16205</v>
      </c>
      <c r="E6920" t="s">
        <v>32931</v>
      </c>
      <c r="F6920">
        <v>4</v>
      </c>
      <c r="G6920" t="s">
        <v>14</v>
      </c>
      <c r="H6920" t="s">
        <v>16206</v>
      </c>
      <c r="I6920" t="s">
        <v>30540</v>
      </c>
    </row>
    <row r="6921" spans="1:9">
      <c r="A6921" s="1">
        <v>0.49400328768476154</v>
      </c>
      <c r="B6921" s="1"/>
      <c r="C6921">
        <v>16</v>
      </c>
      <c r="D6921" t="s">
        <v>16211</v>
      </c>
      <c r="E6921" t="s">
        <v>32931</v>
      </c>
      <c r="F6921">
        <v>4</v>
      </c>
      <c r="G6921" t="s">
        <v>13</v>
      </c>
      <c r="H6921" t="s">
        <v>16212</v>
      </c>
      <c r="I6921" t="s">
        <v>30540</v>
      </c>
    </row>
    <row r="6922" spans="1:9">
      <c r="A6922" s="1">
        <v>0.18425078637410086</v>
      </c>
      <c r="B6922" s="1"/>
      <c r="C6922">
        <v>18</v>
      </c>
      <c r="D6922" t="s">
        <v>16201</v>
      </c>
      <c r="E6922" t="s">
        <v>32932</v>
      </c>
      <c r="F6922">
        <v>5</v>
      </c>
      <c r="G6922" t="s">
        <v>14</v>
      </c>
      <c r="H6922" t="s">
        <v>16202</v>
      </c>
      <c r="I6922" t="s">
        <v>30540</v>
      </c>
    </row>
    <row r="6923" spans="1:9">
      <c r="A6923" s="1">
        <v>0.52355655704194437</v>
      </c>
      <c r="B6923" s="1"/>
      <c r="C6923">
        <v>20</v>
      </c>
      <c r="D6923" t="s">
        <v>16203</v>
      </c>
      <c r="E6923" t="s">
        <v>32932</v>
      </c>
      <c r="F6923">
        <v>4</v>
      </c>
      <c r="G6923" t="s">
        <v>14</v>
      </c>
      <c r="H6923" t="s">
        <v>16204</v>
      </c>
      <c r="I6923" t="s">
        <v>30540</v>
      </c>
    </row>
    <row r="6924" spans="1:9">
      <c r="A6924" s="1">
        <v>0.12670794785319228</v>
      </c>
      <c r="B6924" s="1"/>
      <c r="C6924">
        <v>13</v>
      </c>
      <c r="D6924" t="s">
        <v>16195</v>
      </c>
      <c r="E6924" t="s">
        <v>32932</v>
      </c>
      <c r="F6924">
        <v>4</v>
      </c>
      <c r="G6924" t="s">
        <v>0</v>
      </c>
      <c r="H6924" t="s">
        <v>16196</v>
      </c>
      <c r="I6924" t="s">
        <v>30540</v>
      </c>
    </row>
    <row r="6925" spans="1:9">
      <c r="A6925" s="1">
        <v>0.4678015849215772</v>
      </c>
      <c r="B6925" s="1"/>
      <c r="C6925">
        <v>17</v>
      </c>
      <c r="D6925" t="s">
        <v>16199</v>
      </c>
      <c r="E6925" t="s">
        <v>32932</v>
      </c>
      <c r="F6925">
        <v>4</v>
      </c>
      <c r="G6925" t="s">
        <v>1</v>
      </c>
      <c r="H6925" t="s">
        <v>16200</v>
      </c>
      <c r="I6925" t="s">
        <v>30540</v>
      </c>
    </row>
    <row r="6926" spans="1:9">
      <c r="A6926" s="1">
        <v>0.5234617023482192</v>
      </c>
      <c r="B6926" s="1"/>
      <c r="C6926">
        <v>3</v>
      </c>
      <c r="D6926" t="s">
        <v>16193</v>
      </c>
      <c r="E6926" t="s">
        <v>32932</v>
      </c>
      <c r="F6926">
        <v>4</v>
      </c>
      <c r="G6926" t="s">
        <v>14</v>
      </c>
      <c r="H6926" t="s">
        <v>16194</v>
      </c>
      <c r="I6926" t="s">
        <v>30540</v>
      </c>
    </row>
    <row r="6927" spans="1:9">
      <c r="A6927" s="1">
        <v>2.0853473994516314E-2</v>
      </c>
      <c r="B6927" s="1"/>
      <c r="C6927">
        <v>13</v>
      </c>
      <c r="D6927" t="s">
        <v>16185</v>
      </c>
      <c r="E6927" t="s">
        <v>32933</v>
      </c>
      <c r="F6927">
        <v>5</v>
      </c>
      <c r="G6927" t="s">
        <v>2226</v>
      </c>
      <c r="H6927" t="s">
        <v>16186</v>
      </c>
      <c r="I6927" t="s">
        <v>30540</v>
      </c>
    </row>
    <row r="6928" spans="1:9">
      <c r="A6928" s="1">
        <v>0.29772887586513908</v>
      </c>
      <c r="B6928" s="1"/>
      <c r="C6928">
        <v>1</v>
      </c>
      <c r="D6928" t="s">
        <v>16181</v>
      </c>
      <c r="E6928" t="s">
        <v>32933</v>
      </c>
      <c r="F6928">
        <v>5</v>
      </c>
      <c r="G6928" t="s">
        <v>10</v>
      </c>
      <c r="H6928" t="s">
        <v>16182</v>
      </c>
      <c r="I6928" t="s">
        <v>30540</v>
      </c>
    </row>
    <row r="6929" spans="1:9">
      <c r="A6929" s="1">
        <v>2.4364468624941682E-2</v>
      </c>
      <c r="B6929" s="1"/>
      <c r="C6929">
        <v>19</v>
      </c>
      <c r="D6929" t="s">
        <v>16189</v>
      </c>
      <c r="E6929" t="s">
        <v>32933</v>
      </c>
      <c r="F6929">
        <v>5</v>
      </c>
      <c r="G6929" t="s">
        <v>13</v>
      </c>
      <c r="H6929" t="s">
        <v>16190</v>
      </c>
      <c r="I6929" t="s">
        <v>30540</v>
      </c>
    </row>
    <row r="6930" spans="1:9">
      <c r="A6930" s="1">
        <v>0.14154497056920134</v>
      </c>
      <c r="B6930" s="1"/>
      <c r="C6930">
        <v>3</v>
      </c>
      <c r="D6930" t="s">
        <v>16183</v>
      </c>
      <c r="E6930" t="s">
        <v>32933</v>
      </c>
      <c r="F6930">
        <v>4</v>
      </c>
      <c r="G6930" t="s">
        <v>1431</v>
      </c>
      <c r="H6930" t="s">
        <v>16184</v>
      </c>
      <c r="I6930" t="s">
        <v>30540</v>
      </c>
    </row>
    <row r="6931" spans="1:9">
      <c r="A6931" s="1">
        <v>0.90324564162498733</v>
      </c>
      <c r="B6931" s="1"/>
      <c r="C6931">
        <v>14</v>
      </c>
      <c r="D6931" t="s">
        <v>16187</v>
      </c>
      <c r="E6931" t="s">
        <v>32933</v>
      </c>
      <c r="F6931">
        <v>4</v>
      </c>
      <c r="G6931" t="s">
        <v>14</v>
      </c>
      <c r="H6931" t="s">
        <v>16188</v>
      </c>
      <c r="I6931" t="s">
        <v>30540</v>
      </c>
    </row>
    <row r="6932" spans="1:9">
      <c r="A6932" s="1">
        <v>0.76461571319333199</v>
      </c>
      <c r="B6932" s="1"/>
      <c r="C6932">
        <v>20</v>
      </c>
      <c r="D6932" t="s">
        <v>16191</v>
      </c>
      <c r="E6932" t="s">
        <v>32933</v>
      </c>
      <c r="F6932">
        <v>4</v>
      </c>
      <c r="G6932" t="s">
        <v>2738</v>
      </c>
      <c r="H6932" t="s">
        <v>16192</v>
      </c>
      <c r="I6932" t="s">
        <v>30540</v>
      </c>
    </row>
    <row r="6933" spans="1:9">
      <c r="A6933" s="1">
        <v>0.86916944929741136</v>
      </c>
      <c r="B6933" s="1"/>
      <c r="C6933">
        <v>2</v>
      </c>
      <c r="D6933" t="s">
        <v>16171</v>
      </c>
      <c r="E6933" t="s">
        <v>32934</v>
      </c>
      <c r="F6933">
        <v>4</v>
      </c>
      <c r="G6933" t="s">
        <v>9</v>
      </c>
      <c r="H6933" t="s">
        <v>16172</v>
      </c>
      <c r="I6933" t="s">
        <v>30540</v>
      </c>
    </row>
    <row r="6934" spans="1:9">
      <c r="A6934" s="1">
        <v>0.78470766651281876</v>
      </c>
      <c r="B6934" s="1"/>
      <c r="C6934">
        <v>16</v>
      </c>
      <c r="D6934" t="s">
        <v>16179</v>
      </c>
      <c r="E6934" t="s">
        <v>32934</v>
      </c>
      <c r="F6934">
        <v>3</v>
      </c>
      <c r="G6934" t="s">
        <v>10</v>
      </c>
      <c r="H6934" t="s">
        <v>16180</v>
      </c>
      <c r="I6934" t="s">
        <v>30540</v>
      </c>
    </row>
    <row r="6935" spans="1:9">
      <c r="A6935" s="1">
        <v>0.52393231018156772</v>
      </c>
      <c r="B6935" s="1"/>
      <c r="C6935">
        <v>11</v>
      </c>
      <c r="D6935" t="s">
        <v>16167</v>
      </c>
      <c r="E6935" t="s">
        <v>32935</v>
      </c>
      <c r="F6935">
        <v>5</v>
      </c>
      <c r="G6935" t="s">
        <v>14</v>
      </c>
      <c r="H6935" t="s">
        <v>16168</v>
      </c>
      <c r="I6935" t="s">
        <v>30540</v>
      </c>
    </row>
    <row r="6936" spans="1:9">
      <c r="A6936" s="1">
        <v>0.6989863898742178</v>
      </c>
      <c r="B6936" s="1"/>
      <c r="C6936">
        <v>9</v>
      </c>
      <c r="D6936" t="s">
        <v>16165</v>
      </c>
      <c r="E6936" t="s">
        <v>32935</v>
      </c>
      <c r="F6936">
        <v>4</v>
      </c>
      <c r="G6936" t="s">
        <v>2</v>
      </c>
      <c r="H6936" t="s">
        <v>16166</v>
      </c>
      <c r="I6936" t="s">
        <v>30540</v>
      </c>
    </row>
    <row r="6937" spans="1:9">
      <c r="A6937" s="1">
        <v>0.2293318645642507</v>
      </c>
      <c r="B6937" s="1"/>
      <c r="C6937">
        <v>3</v>
      </c>
      <c r="D6937" t="s">
        <v>16161</v>
      </c>
      <c r="E6937" t="s">
        <v>32935</v>
      </c>
      <c r="F6937">
        <v>4</v>
      </c>
      <c r="G6937" t="s">
        <v>14</v>
      </c>
      <c r="H6937" t="s">
        <v>16162</v>
      </c>
      <c r="I6937" t="s">
        <v>30540</v>
      </c>
    </row>
    <row r="6938" spans="1:9">
      <c r="A6938" s="1">
        <v>0.29341820966853693</v>
      </c>
      <c r="B6938" s="1"/>
      <c r="C6938">
        <v>14</v>
      </c>
      <c r="D6938" t="s">
        <v>16169</v>
      </c>
      <c r="E6938" t="s">
        <v>32935</v>
      </c>
      <c r="F6938">
        <v>4</v>
      </c>
      <c r="G6938" t="s">
        <v>14</v>
      </c>
      <c r="H6938" t="s">
        <v>16170</v>
      </c>
      <c r="I6938" t="s">
        <v>30540</v>
      </c>
    </row>
    <row r="6939" spans="1:9">
      <c r="A6939" s="1">
        <v>0.46866802862169255</v>
      </c>
      <c r="B6939" s="1"/>
      <c r="C6939">
        <v>5</v>
      </c>
      <c r="D6939" t="s">
        <v>16163</v>
      </c>
      <c r="E6939" t="s">
        <v>32935</v>
      </c>
      <c r="F6939">
        <v>4</v>
      </c>
      <c r="G6939" t="s">
        <v>14</v>
      </c>
      <c r="H6939" t="s">
        <v>16164</v>
      </c>
      <c r="I6939" t="s">
        <v>30540</v>
      </c>
    </row>
    <row r="6940" spans="1:9">
      <c r="A6940" s="1">
        <v>0.21395318510673955</v>
      </c>
      <c r="B6940" s="1"/>
      <c r="C6940">
        <v>2</v>
      </c>
      <c r="D6940" t="s">
        <v>16159</v>
      </c>
      <c r="E6940" t="s">
        <v>32935</v>
      </c>
      <c r="F6940">
        <v>3</v>
      </c>
      <c r="G6940" t="s">
        <v>14</v>
      </c>
      <c r="H6940" t="s">
        <v>16160</v>
      </c>
      <c r="I6940" t="s">
        <v>30540</v>
      </c>
    </row>
    <row r="6941" spans="1:9">
      <c r="A6941" s="1">
        <v>0.77679474798073045</v>
      </c>
      <c r="B6941" s="1"/>
      <c r="C6941">
        <v>14</v>
      </c>
      <c r="D6941" t="s">
        <v>16153</v>
      </c>
      <c r="E6941" t="s">
        <v>32936</v>
      </c>
      <c r="F6941">
        <v>5</v>
      </c>
      <c r="G6941" t="s">
        <v>10</v>
      </c>
      <c r="H6941" t="s">
        <v>16154</v>
      </c>
      <c r="I6941" t="s">
        <v>30540</v>
      </c>
    </row>
    <row r="6942" spans="1:9">
      <c r="A6942" s="1">
        <v>0.60205293012244498</v>
      </c>
      <c r="B6942" s="1"/>
      <c r="C6942">
        <v>19</v>
      </c>
      <c r="D6942" t="s">
        <v>16157</v>
      </c>
      <c r="E6942" t="s">
        <v>32936</v>
      </c>
      <c r="F6942">
        <v>4</v>
      </c>
      <c r="G6942" t="s">
        <v>14</v>
      </c>
      <c r="H6942" t="s">
        <v>16158</v>
      </c>
      <c r="I6942" t="s">
        <v>30540</v>
      </c>
    </row>
    <row r="6943" spans="1:9">
      <c r="A6943" s="1">
        <v>0.28040574874605284</v>
      </c>
      <c r="B6943" s="1"/>
      <c r="C6943">
        <v>18</v>
      </c>
      <c r="D6943" t="s">
        <v>16155</v>
      </c>
      <c r="E6943" t="s">
        <v>32936</v>
      </c>
      <c r="F6943">
        <v>4</v>
      </c>
      <c r="G6943" t="s">
        <v>1</v>
      </c>
      <c r="H6943" t="s">
        <v>16156</v>
      </c>
      <c r="I6943" t="s">
        <v>30540</v>
      </c>
    </row>
    <row r="6944" spans="1:9">
      <c r="A6944" s="1">
        <v>0.77168251017087508</v>
      </c>
      <c r="B6944" s="1"/>
      <c r="C6944">
        <v>15</v>
      </c>
      <c r="D6944" t="s">
        <v>16147</v>
      </c>
      <c r="E6944" t="s">
        <v>32937</v>
      </c>
      <c r="F6944">
        <v>4</v>
      </c>
      <c r="G6944" t="s">
        <v>1426</v>
      </c>
      <c r="H6944" t="s">
        <v>16148</v>
      </c>
      <c r="I6944" t="s">
        <v>30540</v>
      </c>
    </row>
    <row r="6945" spans="1:9">
      <c r="A6945" s="1">
        <v>0.68138917902807206</v>
      </c>
      <c r="B6945" s="1"/>
      <c r="C6945">
        <v>18</v>
      </c>
      <c r="D6945" t="s">
        <v>16149</v>
      </c>
      <c r="E6945" t="s">
        <v>32937</v>
      </c>
      <c r="F6945">
        <v>3</v>
      </c>
      <c r="G6945" t="s">
        <v>14</v>
      </c>
      <c r="H6945" t="s">
        <v>16150</v>
      </c>
      <c r="I6945" t="s">
        <v>30540</v>
      </c>
    </row>
    <row r="6946" spans="1:9">
      <c r="A6946" s="1">
        <v>0.60924894529454243</v>
      </c>
      <c r="B6946" s="1"/>
      <c r="C6946">
        <v>8</v>
      </c>
      <c r="D6946" t="s">
        <v>16141</v>
      </c>
      <c r="E6946" t="s">
        <v>32938</v>
      </c>
      <c r="F6946">
        <v>4</v>
      </c>
      <c r="G6946" t="s">
        <v>13</v>
      </c>
      <c r="H6946" t="s">
        <v>16142</v>
      </c>
      <c r="I6946" t="s">
        <v>30540</v>
      </c>
    </row>
    <row r="6947" spans="1:9">
      <c r="A6947" s="1">
        <v>0.66596314201719442</v>
      </c>
      <c r="B6947" s="1"/>
      <c r="C6947">
        <v>6</v>
      </c>
      <c r="D6947" t="s">
        <v>16139</v>
      </c>
      <c r="E6947" t="s">
        <v>32938</v>
      </c>
      <c r="F6947">
        <v>4</v>
      </c>
      <c r="G6947" t="s">
        <v>14</v>
      </c>
      <c r="H6947" t="s">
        <v>16140</v>
      </c>
      <c r="I6947" t="s">
        <v>30540</v>
      </c>
    </row>
    <row r="6948" spans="1:9">
      <c r="A6948" s="1">
        <v>0.52095365108116942</v>
      </c>
      <c r="B6948" s="1"/>
      <c r="C6948">
        <v>13</v>
      </c>
      <c r="D6948" t="s">
        <v>16145</v>
      </c>
      <c r="E6948" t="s">
        <v>32938</v>
      </c>
      <c r="F6948">
        <v>4</v>
      </c>
      <c r="G6948" t="s">
        <v>14</v>
      </c>
      <c r="H6948" t="s">
        <v>16146</v>
      </c>
      <c r="I6948" t="s">
        <v>30540</v>
      </c>
    </row>
    <row r="6949" spans="1:9">
      <c r="A6949" s="1">
        <v>0.94656083886562115</v>
      </c>
      <c r="B6949" s="1"/>
      <c r="C6949">
        <v>6</v>
      </c>
      <c r="D6949" t="s">
        <v>16127</v>
      </c>
      <c r="E6949" t="s">
        <v>32939</v>
      </c>
      <c r="F6949">
        <v>5</v>
      </c>
      <c r="G6949" t="s">
        <v>10</v>
      </c>
      <c r="H6949" t="s">
        <v>16128</v>
      </c>
      <c r="I6949" t="s">
        <v>30540</v>
      </c>
    </row>
    <row r="6950" spans="1:9">
      <c r="A6950" s="1">
        <v>0.70150735283950816</v>
      </c>
      <c r="B6950" s="1"/>
      <c r="C6950">
        <v>5</v>
      </c>
      <c r="D6950" t="s">
        <v>16125</v>
      </c>
      <c r="E6950" t="s">
        <v>32939</v>
      </c>
      <c r="F6950">
        <v>4</v>
      </c>
      <c r="G6950" t="s">
        <v>9</v>
      </c>
      <c r="H6950" t="s">
        <v>16126</v>
      </c>
      <c r="I6950" t="s">
        <v>30540</v>
      </c>
    </row>
    <row r="6951" spans="1:9">
      <c r="A6951" s="1">
        <v>0.72886847162148904</v>
      </c>
      <c r="B6951" s="1"/>
      <c r="C6951">
        <v>14</v>
      </c>
      <c r="D6951" t="s">
        <v>16133</v>
      </c>
      <c r="E6951" t="s">
        <v>32939</v>
      </c>
      <c r="F6951">
        <v>4</v>
      </c>
      <c r="G6951" t="s">
        <v>14</v>
      </c>
      <c r="H6951" t="s">
        <v>16134</v>
      </c>
      <c r="I6951" t="s">
        <v>30540</v>
      </c>
    </row>
    <row r="6952" spans="1:9">
      <c r="A6952" s="1">
        <v>0.92519276644521997</v>
      </c>
      <c r="B6952" s="1"/>
      <c r="C6952">
        <v>19</v>
      </c>
      <c r="D6952" t="s">
        <v>16137</v>
      </c>
      <c r="E6952" t="s">
        <v>32939</v>
      </c>
      <c r="F6952">
        <v>4</v>
      </c>
      <c r="G6952" t="s">
        <v>10</v>
      </c>
      <c r="H6952" t="s">
        <v>16138</v>
      </c>
      <c r="I6952" t="s">
        <v>30540</v>
      </c>
    </row>
    <row r="6953" spans="1:9">
      <c r="A6953" s="1">
        <v>0.12685316929410173</v>
      </c>
      <c r="B6953" s="1"/>
      <c r="C6953">
        <v>17</v>
      </c>
      <c r="D6953" t="s">
        <v>16135</v>
      </c>
      <c r="E6953" t="s">
        <v>32939</v>
      </c>
      <c r="F6953">
        <v>4</v>
      </c>
      <c r="G6953" t="s">
        <v>14</v>
      </c>
      <c r="H6953" t="s">
        <v>16136</v>
      </c>
      <c r="I6953" t="s">
        <v>30540</v>
      </c>
    </row>
    <row r="6954" spans="1:9">
      <c r="A6954" s="1">
        <v>0.75540080848936952</v>
      </c>
      <c r="B6954" s="1"/>
      <c r="C6954">
        <v>1</v>
      </c>
      <c r="D6954" t="s">
        <v>16123</v>
      </c>
      <c r="E6954" t="s">
        <v>32939</v>
      </c>
      <c r="F6954">
        <v>4</v>
      </c>
      <c r="G6954" t="s">
        <v>2</v>
      </c>
      <c r="H6954" t="s">
        <v>16124</v>
      </c>
      <c r="I6954" t="s">
        <v>30540</v>
      </c>
    </row>
    <row r="6955" spans="1:9">
      <c r="A6955" s="1">
        <v>0.24417783502936452</v>
      </c>
      <c r="B6955" s="1"/>
      <c r="C6955">
        <v>4</v>
      </c>
      <c r="D6955" t="s">
        <v>16113</v>
      </c>
      <c r="E6955" t="s">
        <v>32940</v>
      </c>
      <c r="F6955">
        <v>5</v>
      </c>
      <c r="G6955" t="s">
        <v>14</v>
      </c>
      <c r="H6955" t="s">
        <v>16114</v>
      </c>
      <c r="I6955" t="s">
        <v>30540</v>
      </c>
    </row>
    <row r="6956" spans="1:9">
      <c r="A6956" s="1">
        <v>0.9594365914559132</v>
      </c>
      <c r="B6956" s="1"/>
      <c r="C6956">
        <v>13</v>
      </c>
      <c r="D6956" t="s">
        <v>16119</v>
      </c>
      <c r="E6956" t="s">
        <v>32940</v>
      </c>
      <c r="F6956">
        <v>4</v>
      </c>
      <c r="G6956" t="s">
        <v>14</v>
      </c>
      <c r="H6956" t="s">
        <v>16120</v>
      </c>
      <c r="I6956" t="s">
        <v>30540</v>
      </c>
    </row>
    <row r="6957" spans="1:9">
      <c r="A6957" s="1">
        <v>6.1497642083523818E-2</v>
      </c>
      <c r="B6957" s="1"/>
      <c r="C6957">
        <v>11</v>
      </c>
      <c r="D6957" t="s">
        <v>16117</v>
      </c>
      <c r="E6957" t="s">
        <v>32940</v>
      </c>
      <c r="F6957">
        <v>4</v>
      </c>
      <c r="G6957" t="s">
        <v>15</v>
      </c>
      <c r="H6957" t="s">
        <v>16118</v>
      </c>
      <c r="I6957" t="s">
        <v>30540</v>
      </c>
    </row>
    <row r="6958" spans="1:9">
      <c r="A6958" s="1">
        <v>0.28256550013213744</v>
      </c>
      <c r="B6958" s="1"/>
      <c r="C6958">
        <v>6</v>
      </c>
      <c r="D6958" t="s">
        <v>16115</v>
      </c>
      <c r="E6958" t="s">
        <v>32940</v>
      </c>
      <c r="F6958">
        <v>4</v>
      </c>
      <c r="G6958" t="s">
        <v>14</v>
      </c>
      <c r="H6958" t="s">
        <v>16116</v>
      </c>
      <c r="I6958" t="s">
        <v>30540</v>
      </c>
    </row>
    <row r="6959" spans="1:9">
      <c r="A6959" s="1">
        <v>0.42795840523491191</v>
      </c>
      <c r="B6959" s="1"/>
      <c r="C6959">
        <v>3</v>
      </c>
      <c r="D6959" t="s">
        <v>16111</v>
      </c>
      <c r="E6959" t="s">
        <v>32940</v>
      </c>
      <c r="F6959">
        <v>4</v>
      </c>
      <c r="G6959" t="s">
        <v>2</v>
      </c>
      <c r="H6959" t="s">
        <v>16112</v>
      </c>
      <c r="I6959" t="s">
        <v>30540</v>
      </c>
    </row>
    <row r="6960" spans="1:9">
      <c r="A6960" s="1">
        <v>0.21457741719146239</v>
      </c>
      <c r="B6960" s="1"/>
      <c r="C6960">
        <v>17</v>
      </c>
      <c r="D6960" t="s">
        <v>16121</v>
      </c>
      <c r="E6960" t="s">
        <v>32940</v>
      </c>
      <c r="F6960">
        <v>4</v>
      </c>
      <c r="G6960" t="s">
        <v>14</v>
      </c>
      <c r="H6960" t="s">
        <v>16122</v>
      </c>
      <c r="I6960" t="s">
        <v>30540</v>
      </c>
    </row>
    <row r="6961" spans="1:9">
      <c r="A6961" s="1">
        <v>6.8425263955888993E-2</v>
      </c>
      <c r="B6961" s="1"/>
      <c r="C6961">
        <v>15</v>
      </c>
      <c r="D6961" t="s">
        <v>16107</v>
      </c>
      <c r="E6961" t="s">
        <v>32941</v>
      </c>
      <c r="F6961">
        <v>5</v>
      </c>
      <c r="G6961" t="s">
        <v>9</v>
      </c>
      <c r="H6961" t="s">
        <v>16108</v>
      </c>
      <c r="I6961" t="s">
        <v>30540</v>
      </c>
    </row>
    <row r="6962" spans="1:9">
      <c r="A6962" s="1">
        <v>0.50227092887822622</v>
      </c>
      <c r="B6962" s="1"/>
      <c r="C6962">
        <v>16</v>
      </c>
      <c r="D6962" t="s">
        <v>16109</v>
      </c>
      <c r="E6962" t="s">
        <v>32941</v>
      </c>
      <c r="F6962">
        <v>5</v>
      </c>
      <c r="G6962" t="s">
        <v>14</v>
      </c>
      <c r="H6962" t="s">
        <v>16110</v>
      </c>
      <c r="I6962" t="s">
        <v>30540</v>
      </c>
    </row>
    <row r="6963" spans="1:9">
      <c r="A6963" s="1">
        <v>0.78113962364897493</v>
      </c>
      <c r="B6963" s="1"/>
      <c r="C6963">
        <v>3</v>
      </c>
      <c r="D6963" t="s">
        <v>16101</v>
      </c>
      <c r="E6963" t="s">
        <v>32941</v>
      </c>
      <c r="F6963">
        <v>4</v>
      </c>
      <c r="G6963" t="s">
        <v>14</v>
      </c>
      <c r="H6963" t="s">
        <v>16102</v>
      </c>
      <c r="I6963" t="s">
        <v>30540</v>
      </c>
    </row>
    <row r="6964" spans="1:9">
      <c r="A6964" s="1">
        <v>0.20799139331694971</v>
      </c>
      <c r="B6964" s="1"/>
      <c r="C6964">
        <v>9</v>
      </c>
      <c r="D6964" t="s">
        <v>16103</v>
      </c>
      <c r="E6964" t="s">
        <v>32941</v>
      </c>
      <c r="F6964">
        <v>4</v>
      </c>
      <c r="G6964" t="s">
        <v>14</v>
      </c>
      <c r="H6964" t="s">
        <v>16104</v>
      </c>
      <c r="I6964" t="s">
        <v>30540</v>
      </c>
    </row>
    <row r="6965" spans="1:9">
      <c r="A6965" s="1">
        <v>0.21502267458232049</v>
      </c>
      <c r="B6965" s="1"/>
      <c r="C6965">
        <v>14</v>
      </c>
      <c r="D6965" t="s">
        <v>16105</v>
      </c>
      <c r="E6965" t="s">
        <v>32941</v>
      </c>
      <c r="F6965">
        <v>4</v>
      </c>
      <c r="G6965" t="s">
        <v>14</v>
      </c>
      <c r="H6965" t="s">
        <v>16106</v>
      </c>
      <c r="I6965" t="s">
        <v>30540</v>
      </c>
    </row>
    <row r="6966" spans="1:9">
      <c r="A6966" s="1">
        <v>0.49650852861348782</v>
      </c>
      <c r="B6966" s="1"/>
      <c r="C6966">
        <v>13</v>
      </c>
      <c r="D6966" t="s">
        <v>16093</v>
      </c>
      <c r="E6966" t="s">
        <v>32942</v>
      </c>
      <c r="F6966">
        <v>5</v>
      </c>
      <c r="G6966" t="s">
        <v>14</v>
      </c>
      <c r="H6966" t="s">
        <v>16094</v>
      </c>
      <c r="I6966" t="s">
        <v>30540</v>
      </c>
    </row>
    <row r="6967" spans="1:9">
      <c r="A6967" s="1">
        <v>0.12532906057703463</v>
      </c>
      <c r="B6967" s="1"/>
      <c r="C6967">
        <v>20</v>
      </c>
      <c r="D6967" t="s">
        <v>16099</v>
      </c>
      <c r="E6967" t="s">
        <v>32942</v>
      </c>
      <c r="F6967">
        <v>4</v>
      </c>
      <c r="G6967" t="s">
        <v>13</v>
      </c>
      <c r="H6967" t="s">
        <v>16100</v>
      </c>
      <c r="I6967" t="s">
        <v>30540</v>
      </c>
    </row>
    <row r="6968" spans="1:9">
      <c r="A6968" s="1">
        <v>0.31982240874904888</v>
      </c>
      <c r="B6968" s="1"/>
      <c r="C6968">
        <v>16</v>
      </c>
      <c r="D6968" t="s">
        <v>16097</v>
      </c>
      <c r="E6968" t="s">
        <v>32942</v>
      </c>
      <c r="F6968">
        <v>4</v>
      </c>
      <c r="G6968" t="s">
        <v>775</v>
      </c>
      <c r="H6968" t="s">
        <v>16098</v>
      </c>
      <c r="I6968" t="s">
        <v>30540</v>
      </c>
    </row>
    <row r="6969" spans="1:9">
      <c r="A6969" s="1">
        <v>0.10837212354224279</v>
      </c>
      <c r="B6969" s="1"/>
      <c r="C6969">
        <v>8</v>
      </c>
      <c r="D6969" t="s">
        <v>16091</v>
      </c>
      <c r="E6969" t="s">
        <v>32942</v>
      </c>
      <c r="F6969">
        <v>4</v>
      </c>
      <c r="G6969" t="s">
        <v>15</v>
      </c>
      <c r="H6969" t="s">
        <v>16092</v>
      </c>
      <c r="I6969" t="s">
        <v>30540</v>
      </c>
    </row>
    <row r="6970" spans="1:9">
      <c r="A6970" s="1">
        <v>0.29303041795610851</v>
      </c>
      <c r="B6970" s="1"/>
      <c r="C6970">
        <v>3</v>
      </c>
      <c r="D6970" t="s">
        <v>16089</v>
      </c>
      <c r="E6970" t="s">
        <v>32942</v>
      </c>
      <c r="F6970">
        <v>4</v>
      </c>
      <c r="G6970" t="s">
        <v>762</v>
      </c>
      <c r="H6970" t="s">
        <v>16090</v>
      </c>
      <c r="I6970" t="s">
        <v>30540</v>
      </c>
    </row>
    <row r="6971" spans="1:9">
      <c r="A6971" s="1">
        <v>0.52114429931872985</v>
      </c>
      <c r="B6971" s="1"/>
      <c r="C6971">
        <v>3</v>
      </c>
      <c r="D6971" t="s">
        <v>16081</v>
      </c>
      <c r="E6971" t="s">
        <v>32943</v>
      </c>
      <c r="F6971">
        <v>4</v>
      </c>
      <c r="G6971" t="s">
        <v>15</v>
      </c>
      <c r="H6971" t="s">
        <v>16082</v>
      </c>
      <c r="I6971" t="s">
        <v>30540</v>
      </c>
    </row>
    <row r="6972" spans="1:9">
      <c r="A6972" s="1">
        <v>0.33060234404411126</v>
      </c>
      <c r="B6972" s="1"/>
      <c r="C6972">
        <v>5</v>
      </c>
      <c r="D6972" t="s">
        <v>16083</v>
      </c>
      <c r="E6972" t="s">
        <v>32943</v>
      </c>
      <c r="F6972">
        <v>4</v>
      </c>
      <c r="G6972" t="s">
        <v>9</v>
      </c>
      <c r="H6972" t="s">
        <v>16084</v>
      </c>
      <c r="I6972" t="s">
        <v>30540</v>
      </c>
    </row>
    <row r="6973" spans="1:9">
      <c r="A6973" s="1">
        <v>0.65400326124169339</v>
      </c>
      <c r="B6973" s="1"/>
      <c r="C6973">
        <v>11</v>
      </c>
      <c r="D6973" t="s">
        <v>16087</v>
      </c>
      <c r="E6973" t="s">
        <v>32943</v>
      </c>
      <c r="F6973">
        <v>3</v>
      </c>
      <c r="G6973" t="s">
        <v>14</v>
      </c>
      <c r="H6973" t="s">
        <v>16088</v>
      </c>
      <c r="I6973" t="s">
        <v>30540</v>
      </c>
    </row>
    <row r="6974" spans="1:9">
      <c r="A6974" s="1">
        <v>0.99601232051439914</v>
      </c>
      <c r="B6974" s="1"/>
      <c r="C6974">
        <v>2</v>
      </c>
      <c r="D6974" t="s">
        <v>16069</v>
      </c>
      <c r="E6974" t="s">
        <v>32944</v>
      </c>
      <c r="F6974">
        <v>5</v>
      </c>
      <c r="G6974" t="s">
        <v>10</v>
      </c>
      <c r="H6974" t="s">
        <v>16070</v>
      </c>
      <c r="I6974" t="s">
        <v>30540</v>
      </c>
    </row>
    <row r="6975" spans="1:9">
      <c r="A6975" s="1">
        <v>0.37896206072371819</v>
      </c>
      <c r="B6975" s="1"/>
      <c r="C6975">
        <v>3</v>
      </c>
      <c r="D6975" t="s">
        <v>16071</v>
      </c>
      <c r="E6975" t="s">
        <v>32944</v>
      </c>
      <c r="F6975">
        <v>5</v>
      </c>
      <c r="G6975" t="s">
        <v>9</v>
      </c>
      <c r="H6975" t="s">
        <v>16072</v>
      </c>
      <c r="I6975" t="s">
        <v>30540</v>
      </c>
    </row>
    <row r="6976" spans="1:9">
      <c r="A6976" s="1">
        <v>0.22173236913689032</v>
      </c>
      <c r="B6976" s="1"/>
      <c r="C6976">
        <v>12</v>
      </c>
      <c r="D6976" t="s">
        <v>16075</v>
      </c>
      <c r="E6976" t="s">
        <v>32944</v>
      </c>
      <c r="F6976">
        <v>5</v>
      </c>
      <c r="G6976" t="s">
        <v>14</v>
      </c>
      <c r="H6976" t="s">
        <v>16076</v>
      </c>
      <c r="I6976" t="s">
        <v>30540</v>
      </c>
    </row>
    <row r="6977" spans="1:9">
      <c r="A6977" s="1">
        <v>0.9823596769713292</v>
      </c>
      <c r="B6977" s="1"/>
      <c r="C6977">
        <v>1</v>
      </c>
      <c r="D6977" t="s">
        <v>16067</v>
      </c>
      <c r="E6977" t="s">
        <v>32944</v>
      </c>
      <c r="F6977">
        <v>4</v>
      </c>
      <c r="G6977" t="s">
        <v>10</v>
      </c>
      <c r="H6977" t="s">
        <v>16068</v>
      </c>
      <c r="I6977" t="s">
        <v>30540</v>
      </c>
    </row>
    <row r="6978" spans="1:9">
      <c r="A6978" s="1">
        <v>0.8309946744502128</v>
      </c>
      <c r="B6978" s="1"/>
      <c r="C6978">
        <v>16</v>
      </c>
      <c r="D6978" t="s">
        <v>16079</v>
      </c>
      <c r="E6978" t="s">
        <v>32944</v>
      </c>
      <c r="F6978">
        <v>4</v>
      </c>
      <c r="G6978" t="s">
        <v>14</v>
      </c>
      <c r="H6978" t="s">
        <v>16080</v>
      </c>
      <c r="I6978" t="s">
        <v>30540</v>
      </c>
    </row>
    <row r="6979" spans="1:9">
      <c r="A6979" s="1">
        <v>0.62923623990165611</v>
      </c>
      <c r="B6979" s="1"/>
      <c r="C6979">
        <v>15</v>
      </c>
      <c r="D6979" t="s">
        <v>16077</v>
      </c>
      <c r="E6979" t="s">
        <v>32944</v>
      </c>
      <c r="F6979">
        <v>4</v>
      </c>
      <c r="G6979" t="s">
        <v>14</v>
      </c>
      <c r="H6979" t="s">
        <v>16078</v>
      </c>
      <c r="I6979" t="s">
        <v>30540</v>
      </c>
    </row>
    <row r="6980" spans="1:9">
      <c r="A6980" s="1">
        <v>0.68903321329150791</v>
      </c>
      <c r="B6980" s="1"/>
      <c r="C6980">
        <v>6</v>
      </c>
      <c r="D6980" t="s">
        <v>16073</v>
      </c>
      <c r="E6980" t="s">
        <v>32944</v>
      </c>
      <c r="F6980">
        <v>3</v>
      </c>
      <c r="G6980" t="s">
        <v>0</v>
      </c>
      <c r="H6980" t="s">
        <v>16074</v>
      </c>
      <c r="I6980" t="s">
        <v>30540</v>
      </c>
    </row>
    <row r="6981" spans="1:9">
      <c r="A6981" s="1">
        <v>0.64276922241178647</v>
      </c>
      <c r="B6981" s="1"/>
      <c r="C6981">
        <v>9</v>
      </c>
      <c r="D6981" t="s">
        <v>16065</v>
      </c>
      <c r="E6981" t="s">
        <v>32945</v>
      </c>
      <c r="F6981">
        <v>4</v>
      </c>
      <c r="G6981" t="s">
        <v>14</v>
      </c>
      <c r="H6981" t="s">
        <v>16066</v>
      </c>
      <c r="I6981" t="s">
        <v>30540</v>
      </c>
    </row>
    <row r="6982" spans="1:9">
      <c r="A6982" s="1">
        <v>0.82340618569676838</v>
      </c>
      <c r="B6982" s="1"/>
      <c r="C6982">
        <v>10</v>
      </c>
      <c r="D6982" t="s">
        <v>16063</v>
      </c>
      <c r="E6982" t="s">
        <v>32946</v>
      </c>
      <c r="F6982">
        <v>5</v>
      </c>
      <c r="G6982" t="s">
        <v>14</v>
      </c>
      <c r="H6982" t="s">
        <v>16064</v>
      </c>
      <c r="I6982" t="s">
        <v>30540</v>
      </c>
    </row>
    <row r="6983" spans="1:9">
      <c r="A6983" s="1">
        <v>9.4838132899579097E-2</v>
      </c>
      <c r="B6983" s="1"/>
      <c r="C6983">
        <v>7</v>
      </c>
      <c r="D6983" t="s">
        <v>16061</v>
      </c>
      <c r="E6983" t="s">
        <v>32946</v>
      </c>
      <c r="F6983">
        <v>4</v>
      </c>
      <c r="G6983" t="s">
        <v>1</v>
      </c>
      <c r="H6983" t="s">
        <v>16062</v>
      </c>
      <c r="I6983" t="s">
        <v>30540</v>
      </c>
    </row>
    <row r="6984" spans="1:9">
      <c r="A6984" s="1">
        <v>0.24119455899231534</v>
      </c>
      <c r="B6984" s="1"/>
      <c r="C6984">
        <v>1</v>
      </c>
      <c r="D6984" t="s">
        <v>16057</v>
      </c>
      <c r="E6984" t="s">
        <v>32946</v>
      </c>
      <c r="F6984">
        <v>4</v>
      </c>
      <c r="G6984" t="s">
        <v>14</v>
      </c>
      <c r="H6984" t="s">
        <v>16058</v>
      </c>
      <c r="I6984" t="s">
        <v>30540</v>
      </c>
    </row>
    <row r="6985" spans="1:9">
      <c r="A6985" s="1">
        <v>0.62765989628187779</v>
      </c>
      <c r="B6985" s="1"/>
      <c r="C6985">
        <v>5</v>
      </c>
      <c r="D6985" t="s">
        <v>16059</v>
      </c>
      <c r="E6985" t="s">
        <v>32946</v>
      </c>
      <c r="F6985">
        <v>4</v>
      </c>
      <c r="G6985" t="s">
        <v>14</v>
      </c>
      <c r="H6985" t="s">
        <v>16060</v>
      </c>
      <c r="I6985" t="s">
        <v>30540</v>
      </c>
    </row>
    <row r="6986" spans="1:9">
      <c r="A6986" s="1">
        <v>0.93882676949207922</v>
      </c>
      <c r="B6986" s="1"/>
      <c r="C6986">
        <v>16</v>
      </c>
      <c r="D6986" t="s">
        <v>16055</v>
      </c>
      <c r="E6986" t="s">
        <v>32947</v>
      </c>
      <c r="F6986">
        <v>5</v>
      </c>
      <c r="G6986" t="s">
        <v>10</v>
      </c>
      <c r="H6986" t="s">
        <v>16056</v>
      </c>
      <c r="I6986" t="s">
        <v>30540</v>
      </c>
    </row>
    <row r="6987" spans="1:9">
      <c r="A6987" s="1">
        <v>0.73036658427964196</v>
      </c>
      <c r="B6987" s="1"/>
      <c r="C6987">
        <v>9</v>
      </c>
      <c r="D6987" t="s">
        <v>16053</v>
      </c>
      <c r="E6987" t="s">
        <v>32947</v>
      </c>
      <c r="F6987">
        <v>4</v>
      </c>
      <c r="G6987" t="s">
        <v>10</v>
      </c>
      <c r="H6987" t="s">
        <v>16054</v>
      </c>
      <c r="I6987" t="s">
        <v>30540</v>
      </c>
    </row>
    <row r="6988" spans="1:9">
      <c r="A6988" s="1">
        <v>0.91763955140125475</v>
      </c>
      <c r="B6988" s="1"/>
      <c r="C6988">
        <v>2</v>
      </c>
      <c r="D6988" t="s">
        <v>16051</v>
      </c>
      <c r="E6988" t="s">
        <v>32947</v>
      </c>
      <c r="F6988">
        <v>4</v>
      </c>
      <c r="G6988" t="s">
        <v>1295</v>
      </c>
      <c r="H6988" t="s">
        <v>16052</v>
      </c>
      <c r="I6988" t="s">
        <v>30540</v>
      </c>
    </row>
    <row r="6989" spans="1:9">
      <c r="A6989" s="1">
        <v>0.278577556731889</v>
      </c>
      <c r="B6989" s="1"/>
      <c r="C6989">
        <v>6</v>
      </c>
      <c r="D6989" t="s">
        <v>16049</v>
      </c>
      <c r="E6989" t="s">
        <v>32948</v>
      </c>
      <c r="F6989">
        <v>4</v>
      </c>
      <c r="G6989" t="s">
        <v>14</v>
      </c>
      <c r="H6989" t="s">
        <v>16050</v>
      </c>
      <c r="I6989" t="s">
        <v>30540</v>
      </c>
    </row>
    <row r="6990" spans="1:9">
      <c r="A6990" s="1">
        <v>0.65129408744097561</v>
      </c>
      <c r="B6990" s="1"/>
      <c r="C6990">
        <v>2</v>
      </c>
      <c r="D6990" t="s">
        <v>16047</v>
      </c>
      <c r="E6990" t="s">
        <v>32948</v>
      </c>
      <c r="F6990">
        <v>4</v>
      </c>
      <c r="G6990" t="s">
        <v>9</v>
      </c>
      <c r="H6990" t="s">
        <v>16048</v>
      </c>
      <c r="I6990" t="s">
        <v>30540</v>
      </c>
    </row>
    <row r="6991" spans="1:9">
      <c r="A6991" s="1">
        <v>0.90607328321863978</v>
      </c>
      <c r="B6991" s="1"/>
      <c r="C6991">
        <v>6</v>
      </c>
      <c r="D6991" t="s">
        <v>16041</v>
      </c>
      <c r="E6991" t="s">
        <v>32949</v>
      </c>
      <c r="F6991">
        <v>5</v>
      </c>
      <c r="G6991" t="s">
        <v>9</v>
      </c>
      <c r="H6991" t="s">
        <v>16042</v>
      </c>
      <c r="I6991" t="s">
        <v>30540</v>
      </c>
    </row>
    <row r="6992" spans="1:9">
      <c r="A6992" s="1">
        <v>0.97252565924294765</v>
      </c>
      <c r="B6992" s="1"/>
      <c r="C6992">
        <v>9</v>
      </c>
      <c r="D6992" t="s">
        <v>16045</v>
      </c>
      <c r="E6992" t="s">
        <v>32949</v>
      </c>
      <c r="F6992">
        <v>4</v>
      </c>
      <c r="G6992" t="s">
        <v>14</v>
      </c>
      <c r="H6992" t="s">
        <v>16046</v>
      </c>
      <c r="I6992" t="s">
        <v>30540</v>
      </c>
    </row>
    <row r="6993" spans="1:9">
      <c r="A6993" s="1">
        <v>0.37414509244149319</v>
      </c>
      <c r="B6993" s="1"/>
      <c r="C6993">
        <v>7</v>
      </c>
      <c r="D6993" t="s">
        <v>16043</v>
      </c>
      <c r="E6993" t="s">
        <v>32949</v>
      </c>
      <c r="F6993">
        <v>3</v>
      </c>
      <c r="G6993" t="s">
        <v>14</v>
      </c>
      <c r="H6993" t="s">
        <v>16044</v>
      </c>
      <c r="I6993" t="s">
        <v>30540</v>
      </c>
    </row>
    <row r="6994" spans="1:9">
      <c r="A6994" s="1">
        <v>0.28995376458010069</v>
      </c>
      <c r="B6994" s="1"/>
      <c r="C6994">
        <v>11</v>
      </c>
      <c r="D6994" t="s">
        <v>16039</v>
      </c>
      <c r="E6994" t="s">
        <v>32950</v>
      </c>
      <c r="F6994">
        <v>4</v>
      </c>
      <c r="G6994" t="s">
        <v>13</v>
      </c>
      <c r="H6994" t="s">
        <v>16040</v>
      </c>
      <c r="I6994" t="s">
        <v>30540</v>
      </c>
    </row>
    <row r="6995" spans="1:9">
      <c r="A6995" s="1">
        <v>0.69774989530248344</v>
      </c>
      <c r="B6995" s="1"/>
      <c r="C6995">
        <v>9</v>
      </c>
      <c r="D6995" t="s">
        <v>16037</v>
      </c>
      <c r="E6995" t="s">
        <v>32950</v>
      </c>
      <c r="F6995">
        <v>4</v>
      </c>
      <c r="G6995" t="s">
        <v>14</v>
      </c>
      <c r="H6995" t="s">
        <v>16038</v>
      </c>
      <c r="I6995" t="s">
        <v>30540</v>
      </c>
    </row>
    <row r="6996" spans="1:9">
      <c r="A6996" s="1">
        <v>0.77162267444338173</v>
      </c>
      <c r="B6996" s="1"/>
      <c r="C6996">
        <v>5</v>
      </c>
      <c r="D6996" t="s">
        <v>16035</v>
      </c>
      <c r="E6996" t="s">
        <v>32950</v>
      </c>
      <c r="F6996">
        <v>3</v>
      </c>
      <c r="G6996" t="s">
        <v>0</v>
      </c>
      <c r="H6996" t="s">
        <v>16036</v>
      </c>
      <c r="I6996" t="s">
        <v>30540</v>
      </c>
    </row>
    <row r="6997" spans="1:9">
      <c r="A6997" s="1">
        <v>0.2619695700388035</v>
      </c>
      <c r="B6997" s="1"/>
      <c r="C6997">
        <v>18</v>
      </c>
      <c r="D6997" t="s">
        <v>16033</v>
      </c>
      <c r="E6997" t="s">
        <v>32951</v>
      </c>
      <c r="F6997">
        <v>4</v>
      </c>
      <c r="G6997" t="s">
        <v>14</v>
      </c>
      <c r="H6997" t="s">
        <v>16034</v>
      </c>
      <c r="I6997" t="s">
        <v>30540</v>
      </c>
    </row>
    <row r="6998" spans="1:9">
      <c r="A6998" s="1">
        <v>0.76873223815041414</v>
      </c>
      <c r="B6998" s="1"/>
      <c r="C6998">
        <v>7</v>
      </c>
      <c r="D6998" t="s">
        <v>16026</v>
      </c>
      <c r="E6998" t="s">
        <v>32952</v>
      </c>
      <c r="F6998">
        <v>5</v>
      </c>
      <c r="G6998" t="s">
        <v>16027</v>
      </c>
      <c r="H6998" t="s">
        <v>16028</v>
      </c>
      <c r="I6998" t="s">
        <v>30540</v>
      </c>
    </row>
    <row r="6999" spans="1:9">
      <c r="A6999" s="1">
        <v>0.66425294298588344</v>
      </c>
      <c r="B6999" s="1"/>
      <c r="C6999">
        <v>12</v>
      </c>
      <c r="D6999" t="s">
        <v>16023</v>
      </c>
      <c r="E6999" t="s">
        <v>32953</v>
      </c>
      <c r="F6999">
        <v>5</v>
      </c>
      <c r="G6999" t="s">
        <v>13</v>
      </c>
      <c r="H6999" t="s">
        <v>16024</v>
      </c>
      <c r="I6999" t="s">
        <v>30540</v>
      </c>
    </row>
    <row r="7000" spans="1:9">
      <c r="A7000" s="1">
        <v>0.20130913521203797</v>
      </c>
      <c r="B7000" s="1"/>
      <c r="C7000">
        <v>11</v>
      </c>
      <c r="D7000" t="s">
        <v>16021</v>
      </c>
      <c r="E7000" t="s">
        <v>32953</v>
      </c>
      <c r="F7000">
        <v>4</v>
      </c>
      <c r="G7000" t="s">
        <v>14</v>
      </c>
      <c r="H7000" t="s">
        <v>16022</v>
      </c>
      <c r="I7000" t="s">
        <v>30540</v>
      </c>
    </row>
    <row r="7001" spans="1:9">
      <c r="A7001" s="1">
        <v>0.50735902845819836</v>
      </c>
      <c r="B7001" s="1"/>
      <c r="C7001">
        <v>7</v>
      </c>
      <c r="D7001" t="s">
        <v>16019</v>
      </c>
      <c r="E7001" t="s">
        <v>32953</v>
      </c>
      <c r="F7001">
        <v>4</v>
      </c>
      <c r="G7001" t="s">
        <v>14</v>
      </c>
      <c r="H7001" t="s">
        <v>16020</v>
      </c>
      <c r="I7001" t="s">
        <v>30540</v>
      </c>
    </row>
    <row r="7002" spans="1:9">
      <c r="A7002" s="1">
        <v>0.52920845795776372</v>
      </c>
      <c r="B7002" s="1"/>
      <c r="C7002">
        <v>11</v>
      </c>
      <c r="D7002" t="s">
        <v>16011</v>
      </c>
      <c r="E7002" t="s">
        <v>32954</v>
      </c>
      <c r="F7002">
        <v>4</v>
      </c>
      <c r="G7002" t="s">
        <v>10</v>
      </c>
      <c r="H7002" t="s">
        <v>16012</v>
      </c>
      <c r="I7002" t="s">
        <v>30540</v>
      </c>
    </row>
    <row r="7003" spans="1:9">
      <c r="A7003" s="1">
        <v>0.95143312257221424</v>
      </c>
      <c r="B7003" s="1"/>
      <c r="C7003">
        <v>10</v>
      </c>
      <c r="D7003" t="s">
        <v>16009</v>
      </c>
      <c r="E7003" t="s">
        <v>32954</v>
      </c>
      <c r="F7003">
        <v>4</v>
      </c>
      <c r="G7003" t="s">
        <v>15</v>
      </c>
      <c r="H7003" t="s">
        <v>16010</v>
      </c>
      <c r="I7003" t="s">
        <v>30540</v>
      </c>
    </row>
    <row r="7004" spans="1:9">
      <c r="A7004" s="1">
        <v>0.13309707861959752</v>
      </c>
      <c r="B7004" s="1"/>
      <c r="C7004">
        <v>7</v>
      </c>
      <c r="D7004" t="s">
        <v>16007</v>
      </c>
      <c r="E7004" t="s">
        <v>32955</v>
      </c>
      <c r="F7004">
        <v>4</v>
      </c>
      <c r="G7004" t="s">
        <v>14</v>
      </c>
      <c r="H7004" t="s">
        <v>16008</v>
      </c>
      <c r="I7004" t="s">
        <v>30540</v>
      </c>
    </row>
    <row r="7005" spans="1:9">
      <c r="A7005" s="1">
        <v>0.45079555406912231</v>
      </c>
      <c r="B7005" s="1"/>
      <c r="C7005">
        <v>5</v>
      </c>
      <c r="D7005" t="s">
        <v>16003</v>
      </c>
      <c r="E7005" t="s">
        <v>32955</v>
      </c>
      <c r="F7005">
        <v>4</v>
      </c>
      <c r="G7005" t="s">
        <v>1</v>
      </c>
      <c r="H7005" t="s">
        <v>16004</v>
      </c>
      <c r="I7005" t="s">
        <v>30540</v>
      </c>
    </row>
    <row r="7006" spans="1:9">
      <c r="A7006" s="1">
        <v>0.49753371701778637</v>
      </c>
      <c r="B7006" s="1"/>
      <c r="C7006">
        <v>6</v>
      </c>
      <c r="D7006" t="s">
        <v>16005</v>
      </c>
      <c r="E7006" t="s">
        <v>32955</v>
      </c>
      <c r="F7006">
        <v>4</v>
      </c>
      <c r="G7006" t="s">
        <v>0</v>
      </c>
      <c r="H7006" t="s">
        <v>16006</v>
      </c>
      <c r="I7006" t="s">
        <v>30540</v>
      </c>
    </row>
    <row r="7007" spans="1:9">
      <c r="A7007" s="1">
        <v>1.1069978500396482E-2</v>
      </c>
      <c r="B7007" s="1"/>
      <c r="C7007">
        <v>1</v>
      </c>
      <c r="D7007" t="s">
        <v>15991</v>
      </c>
      <c r="E7007" t="s">
        <v>32956</v>
      </c>
      <c r="F7007">
        <v>5</v>
      </c>
      <c r="G7007" t="s">
        <v>10</v>
      </c>
      <c r="H7007" t="s">
        <v>15992</v>
      </c>
      <c r="I7007" t="s">
        <v>30540</v>
      </c>
    </row>
    <row r="7008" spans="1:9">
      <c r="A7008" s="1">
        <v>4.0727256110206667E-2</v>
      </c>
      <c r="B7008" s="1"/>
      <c r="C7008">
        <v>4</v>
      </c>
      <c r="D7008" t="s">
        <v>15993</v>
      </c>
      <c r="E7008" t="s">
        <v>32956</v>
      </c>
      <c r="F7008">
        <v>4</v>
      </c>
      <c r="G7008" t="s">
        <v>14</v>
      </c>
      <c r="H7008" t="s">
        <v>15994</v>
      </c>
      <c r="I7008" t="s">
        <v>30540</v>
      </c>
    </row>
    <row r="7009" spans="1:9">
      <c r="A7009" s="1">
        <v>0.13174707497139748</v>
      </c>
      <c r="B7009" s="1"/>
      <c r="C7009">
        <v>16</v>
      </c>
      <c r="D7009" t="s">
        <v>15997</v>
      </c>
      <c r="E7009" t="s">
        <v>32956</v>
      </c>
      <c r="F7009">
        <v>4</v>
      </c>
      <c r="G7009" t="s">
        <v>2</v>
      </c>
      <c r="H7009" t="s">
        <v>15998</v>
      </c>
      <c r="I7009" t="s">
        <v>30540</v>
      </c>
    </row>
    <row r="7010" spans="1:9">
      <c r="A7010" s="1">
        <v>0.50137929699675821</v>
      </c>
      <c r="B7010" s="1"/>
      <c r="C7010">
        <v>17</v>
      </c>
      <c r="D7010" t="s">
        <v>15999</v>
      </c>
      <c r="E7010" t="s">
        <v>32956</v>
      </c>
      <c r="F7010">
        <v>4</v>
      </c>
      <c r="G7010" t="s">
        <v>13</v>
      </c>
      <c r="H7010" t="s">
        <v>16000</v>
      </c>
      <c r="I7010" t="s">
        <v>30540</v>
      </c>
    </row>
    <row r="7011" spans="1:9">
      <c r="A7011" s="1">
        <v>0.52831843773777543</v>
      </c>
      <c r="B7011" s="1"/>
      <c r="C7011">
        <v>7</v>
      </c>
      <c r="D7011" t="s">
        <v>15995</v>
      </c>
      <c r="E7011" t="s">
        <v>32956</v>
      </c>
      <c r="F7011">
        <v>3</v>
      </c>
      <c r="G7011" t="s">
        <v>0</v>
      </c>
      <c r="H7011" t="s">
        <v>15996</v>
      </c>
      <c r="I7011" t="s">
        <v>30540</v>
      </c>
    </row>
    <row r="7012" spans="1:9">
      <c r="A7012" s="1">
        <v>0.41023694370757924</v>
      </c>
      <c r="B7012" s="1"/>
      <c r="C7012">
        <v>4</v>
      </c>
      <c r="D7012" t="s">
        <v>15981</v>
      </c>
      <c r="E7012" t="s">
        <v>32957</v>
      </c>
      <c r="F7012">
        <v>6</v>
      </c>
      <c r="G7012" t="s">
        <v>15</v>
      </c>
      <c r="H7012" t="s">
        <v>15982</v>
      </c>
      <c r="I7012" t="s">
        <v>30540</v>
      </c>
    </row>
    <row r="7013" spans="1:9">
      <c r="A7013" s="1">
        <v>0.64823157616457594</v>
      </c>
      <c r="B7013" s="1"/>
      <c r="C7013">
        <v>13</v>
      </c>
      <c r="D7013" t="s">
        <v>15989</v>
      </c>
      <c r="E7013" t="s">
        <v>32957</v>
      </c>
      <c r="F7013">
        <v>5</v>
      </c>
      <c r="G7013" t="s">
        <v>769</v>
      </c>
      <c r="H7013" t="s">
        <v>15990</v>
      </c>
      <c r="I7013" t="s">
        <v>30540</v>
      </c>
    </row>
    <row r="7014" spans="1:9">
      <c r="A7014" s="1">
        <v>2.0339277148376911E-2</v>
      </c>
      <c r="B7014" s="1"/>
      <c r="C7014">
        <v>7</v>
      </c>
      <c r="D7014" t="s">
        <v>15985</v>
      </c>
      <c r="E7014" t="s">
        <v>32957</v>
      </c>
      <c r="F7014">
        <v>5</v>
      </c>
      <c r="G7014" t="s">
        <v>14</v>
      </c>
      <c r="H7014" t="s">
        <v>15986</v>
      </c>
      <c r="I7014" t="s">
        <v>30540</v>
      </c>
    </row>
    <row r="7015" spans="1:9">
      <c r="A7015" s="1">
        <v>9.1324408075240782E-2</v>
      </c>
      <c r="B7015" s="1"/>
      <c r="C7015">
        <v>2</v>
      </c>
      <c r="D7015" t="s">
        <v>15979</v>
      </c>
      <c r="E7015" t="s">
        <v>32957</v>
      </c>
      <c r="F7015">
        <v>4</v>
      </c>
      <c r="G7015" t="s">
        <v>2229</v>
      </c>
      <c r="H7015" t="s">
        <v>15980</v>
      </c>
      <c r="I7015" t="s">
        <v>30540</v>
      </c>
    </row>
    <row r="7016" spans="1:9">
      <c r="A7016" s="1">
        <v>0.57822090929639403</v>
      </c>
      <c r="B7016" s="1"/>
      <c r="C7016">
        <v>1</v>
      </c>
      <c r="D7016" t="s">
        <v>15977</v>
      </c>
      <c r="E7016" t="s">
        <v>32957</v>
      </c>
      <c r="F7016">
        <v>4</v>
      </c>
      <c r="G7016" t="s">
        <v>2229</v>
      </c>
      <c r="H7016" t="s">
        <v>15978</v>
      </c>
      <c r="I7016" t="s">
        <v>30540</v>
      </c>
    </row>
    <row r="7017" spans="1:9">
      <c r="A7017" s="1">
        <v>0.57798088121920632</v>
      </c>
      <c r="B7017" s="1"/>
      <c r="C7017">
        <v>6</v>
      </c>
      <c r="D7017" t="s">
        <v>15983</v>
      </c>
      <c r="E7017" t="s">
        <v>32957</v>
      </c>
      <c r="F7017">
        <v>4</v>
      </c>
      <c r="G7017" t="s">
        <v>14</v>
      </c>
      <c r="H7017" t="s">
        <v>15984</v>
      </c>
      <c r="I7017" t="s">
        <v>30540</v>
      </c>
    </row>
    <row r="7018" spans="1:9">
      <c r="A7018" s="1">
        <v>0.50483918893987179</v>
      </c>
      <c r="B7018" s="1"/>
      <c r="C7018">
        <v>11</v>
      </c>
      <c r="D7018" t="s">
        <v>15987</v>
      </c>
      <c r="E7018" t="s">
        <v>32957</v>
      </c>
      <c r="F7018">
        <v>4</v>
      </c>
      <c r="G7018" t="s">
        <v>3732</v>
      </c>
      <c r="H7018" t="s">
        <v>15988</v>
      </c>
      <c r="I7018" t="s">
        <v>30540</v>
      </c>
    </row>
    <row r="7019" spans="1:9">
      <c r="A7019" s="1">
        <v>0.81001375448243584</v>
      </c>
      <c r="B7019" s="1"/>
      <c r="C7019">
        <v>6</v>
      </c>
      <c r="D7019" t="s">
        <v>15975</v>
      </c>
      <c r="E7019" t="s">
        <v>32958</v>
      </c>
      <c r="F7019">
        <v>5</v>
      </c>
      <c r="G7019" t="s">
        <v>10</v>
      </c>
      <c r="H7019" t="s">
        <v>15976</v>
      </c>
      <c r="I7019" t="s">
        <v>30540</v>
      </c>
    </row>
    <row r="7020" spans="1:9">
      <c r="A7020" s="1">
        <v>0.49846498603877598</v>
      </c>
      <c r="B7020" s="1"/>
      <c r="C7020">
        <v>3</v>
      </c>
      <c r="D7020" t="s">
        <v>15973</v>
      </c>
      <c r="E7020" t="s">
        <v>32958</v>
      </c>
      <c r="F7020">
        <v>4</v>
      </c>
      <c r="G7020" t="s">
        <v>10</v>
      </c>
      <c r="H7020" t="s">
        <v>15974</v>
      </c>
      <c r="I7020" t="s">
        <v>30540</v>
      </c>
    </row>
    <row r="7021" spans="1:9">
      <c r="A7021" s="1">
        <v>0.57981155881607349</v>
      </c>
      <c r="B7021" s="1"/>
      <c r="C7021">
        <v>14</v>
      </c>
      <c r="D7021" t="s">
        <v>15971</v>
      </c>
      <c r="E7021" t="s">
        <v>32959</v>
      </c>
      <c r="F7021">
        <v>4</v>
      </c>
      <c r="G7021" t="s">
        <v>10</v>
      </c>
      <c r="H7021" t="s">
        <v>15972</v>
      </c>
      <c r="I7021" t="s">
        <v>30540</v>
      </c>
    </row>
    <row r="7022" spans="1:9">
      <c r="A7022" s="1">
        <v>0.31152119831769021</v>
      </c>
      <c r="B7022" s="1"/>
      <c r="C7022">
        <v>1</v>
      </c>
      <c r="D7022" t="s">
        <v>15965</v>
      </c>
      <c r="E7022" t="s">
        <v>32959</v>
      </c>
      <c r="F7022">
        <v>4</v>
      </c>
      <c r="G7022" t="s">
        <v>9</v>
      </c>
      <c r="H7022" t="s">
        <v>15966</v>
      </c>
      <c r="I7022" t="s">
        <v>30540</v>
      </c>
    </row>
    <row r="7023" spans="1:9">
      <c r="A7023" s="1">
        <v>0.2276425547624662</v>
      </c>
      <c r="B7023" s="1"/>
      <c r="C7023">
        <v>4</v>
      </c>
      <c r="D7023" t="s">
        <v>15967</v>
      </c>
      <c r="E7023" t="s">
        <v>32959</v>
      </c>
      <c r="F7023">
        <v>4</v>
      </c>
      <c r="G7023" t="s">
        <v>10</v>
      </c>
      <c r="H7023" t="s">
        <v>15968</v>
      </c>
      <c r="I7023" t="s">
        <v>30540</v>
      </c>
    </row>
    <row r="7024" spans="1:9">
      <c r="A7024" s="1">
        <v>0.38291130454864797</v>
      </c>
      <c r="B7024" s="1"/>
      <c r="C7024">
        <v>14</v>
      </c>
      <c r="D7024" t="s">
        <v>15961</v>
      </c>
      <c r="E7024" t="s">
        <v>32960</v>
      </c>
      <c r="F7024">
        <v>5</v>
      </c>
      <c r="G7024" t="s">
        <v>9</v>
      </c>
      <c r="H7024" t="s">
        <v>15962</v>
      </c>
      <c r="I7024" t="s">
        <v>30540</v>
      </c>
    </row>
    <row r="7025" spans="1:9">
      <c r="A7025" s="1">
        <v>0.3891202490965856</v>
      </c>
      <c r="B7025" s="1"/>
      <c r="C7025">
        <v>5</v>
      </c>
      <c r="D7025" t="s">
        <v>15955</v>
      </c>
      <c r="E7025" t="s">
        <v>32960</v>
      </c>
      <c r="F7025">
        <v>5</v>
      </c>
      <c r="G7025" t="s">
        <v>15</v>
      </c>
      <c r="H7025" t="s">
        <v>15956</v>
      </c>
      <c r="I7025" t="s">
        <v>30540</v>
      </c>
    </row>
    <row r="7026" spans="1:9">
      <c r="A7026" s="1">
        <v>0.45636743512171962</v>
      </c>
      <c r="B7026" s="1"/>
      <c r="C7026">
        <v>11</v>
      </c>
      <c r="D7026" t="s">
        <v>15959</v>
      </c>
      <c r="E7026" t="s">
        <v>32960</v>
      </c>
      <c r="F7026">
        <v>4</v>
      </c>
      <c r="G7026" t="s">
        <v>14</v>
      </c>
      <c r="H7026" t="s">
        <v>15960</v>
      </c>
      <c r="I7026" t="s">
        <v>30540</v>
      </c>
    </row>
    <row r="7027" spans="1:9">
      <c r="A7027" s="1">
        <v>0.19443683769692344</v>
      </c>
      <c r="B7027" s="1"/>
      <c r="C7027">
        <v>17</v>
      </c>
      <c r="D7027" t="s">
        <v>15963</v>
      </c>
      <c r="E7027" t="s">
        <v>32960</v>
      </c>
      <c r="F7027">
        <v>4</v>
      </c>
      <c r="G7027" t="s">
        <v>14</v>
      </c>
      <c r="H7027" t="s">
        <v>15964</v>
      </c>
      <c r="I7027" t="s">
        <v>30540</v>
      </c>
    </row>
    <row r="7028" spans="1:9">
      <c r="A7028" s="1">
        <v>0.68872704410811247</v>
      </c>
      <c r="B7028" s="1"/>
      <c r="C7028">
        <v>7</v>
      </c>
      <c r="D7028" t="s">
        <v>15957</v>
      </c>
      <c r="E7028" t="s">
        <v>32960</v>
      </c>
      <c r="F7028">
        <v>4</v>
      </c>
      <c r="G7028" t="s">
        <v>14</v>
      </c>
      <c r="H7028" t="s">
        <v>15958</v>
      </c>
      <c r="I7028" t="s">
        <v>30540</v>
      </c>
    </row>
    <row r="7029" spans="1:9">
      <c r="A7029" s="1">
        <v>0.48877267759120324</v>
      </c>
      <c r="B7029" s="1"/>
      <c r="C7029">
        <v>7</v>
      </c>
      <c r="D7029" t="s">
        <v>15947</v>
      </c>
      <c r="E7029" t="s">
        <v>32961</v>
      </c>
      <c r="F7029">
        <v>5</v>
      </c>
      <c r="G7029" t="s">
        <v>13</v>
      </c>
      <c r="H7029" t="s">
        <v>15948</v>
      </c>
      <c r="I7029" t="s">
        <v>30540</v>
      </c>
    </row>
    <row r="7030" spans="1:9">
      <c r="A7030" s="1">
        <v>0.15325397789704376</v>
      </c>
      <c r="B7030" s="1"/>
      <c r="C7030">
        <v>12</v>
      </c>
      <c r="D7030" t="s">
        <v>15949</v>
      </c>
      <c r="E7030" t="s">
        <v>32961</v>
      </c>
      <c r="F7030">
        <v>5</v>
      </c>
      <c r="G7030" t="s">
        <v>0</v>
      </c>
      <c r="H7030" t="s">
        <v>15950</v>
      </c>
      <c r="I7030" t="s">
        <v>30540</v>
      </c>
    </row>
    <row r="7031" spans="1:9">
      <c r="A7031" s="1">
        <v>1.8360138287777494E-2</v>
      </c>
      <c r="B7031" s="1"/>
      <c r="C7031">
        <v>17</v>
      </c>
      <c r="D7031" t="s">
        <v>15953</v>
      </c>
      <c r="E7031" t="s">
        <v>32961</v>
      </c>
      <c r="F7031">
        <v>5</v>
      </c>
      <c r="G7031" t="s">
        <v>2</v>
      </c>
      <c r="H7031" t="s">
        <v>15954</v>
      </c>
      <c r="I7031" t="s">
        <v>30540</v>
      </c>
    </row>
    <row r="7032" spans="1:9">
      <c r="A7032" s="1">
        <v>0.80406880561904803</v>
      </c>
      <c r="B7032" s="1"/>
      <c r="C7032">
        <v>15</v>
      </c>
      <c r="D7032" t="s">
        <v>15951</v>
      </c>
      <c r="E7032" t="s">
        <v>32961</v>
      </c>
      <c r="F7032">
        <v>5</v>
      </c>
      <c r="G7032" t="s">
        <v>2</v>
      </c>
      <c r="H7032" t="s">
        <v>15952</v>
      </c>
      <c r="I7032" t="s">
        <v>30540</v>
      </c>
    </row>
    <row r="7033" spans="1:9">
      <c r="A7033" s="1">
        <v>0.17121057475341817</v>
      </c>
      <c r="B7033" s="1"/>
      <c r="C7033">
        <v>9</v>
      </c>
      <c r="D7033" t="s">
        <v>15941</v>
      </c>
      <c r="E7033" t="s">
        <v>32962</v>
      </c>
      <c r="F7033">
        <v>5</v>
      </c>
      <c r="G7033" t="s">
        <v>762</v>
      </c>
      <c r="H7033" t="s">
        <v>15942</v>
      </c>
      <c r="I7033" t="s">
        <v>30540</v>
      </c>
    </row>
    <row r="7034" spans="1:9">
      <c r="A7034" s="1">
        <v>0.58897876751471401</v>
      </c>
      <c r="B7034" s="1"/>
      <c r="C7034">
        <v>15</v>
      </c>
      <c r="D7034" t="s">
        <v>15945</v>
      </c>
      <c r="E7034" t="s">
        <v>32962</v>
      </c>
      <c r="F7034">
        <v>5</v>
      </c>
      <c r="G7034" t="s">
        <v>1431</v>
      </c>
      <c r="H7034" t="s">
        <v>15946</v>
      </c>
      <c r="I7034" t="s">
        <v>30540</v>
      </c>
    </row>
    <row r="7035" spans="1:9">
      <c r="A7035" s="1">
        <v>0.91282257174912773</v>
      </c>
      <c r="B7035" s="1"/>
      <c r="C7035">
        <v>10</v>
      </c>
      <c r="D7035" t="s">
        <v>15943</v>
      </c>
      <c r="E7035" t="s">
        <v>32962</v>
      </c>
      <c r="F7035">
        <v>5</v>
      </c>
      <c r="G7035" t="s">
        <v>775</v>
      </c>
      <c r="H7035" t="s">
        <v>15944</v>
      </c>
      <c r="I7035" t="s">
        <v>30540</v>
      </c>
    </row>
    <row r="7036" spans="1:9">
      <c r="A7036" s="1">
        <v>0.94482240017677688</v>
      </c>
      <c r="B7036" s="1"/>
      <c r="C7036">
        <v>5</v>
      </c>
      <c r="D7036" t="s">
        <v>15939</v>
      </c>
      <c r="E7036" t="s">
        <v>32962</v>
      </c>
      <c r="F7036">
        <v>4</v>
      </c>
      <c r="G7036" t="s">
        <v>3732</v>
      </c>
      <c r="H7036" t="s">
        <v>15940</v>
      </c>
      <c r="I7036" t="s">
        <v>30540</v>
      </c>
    </row>
    <row r="7037" spans="1:9">
      <c r="A7037" s="1">
        <v>0.8201728769938943</v>
      </c>
      <c r="B7037" s="1"/>
      <c r="C7037">
        <v>7</v>
      </c>
      <c r="D7037" t="s">
        <v>15933</v>
      </c>
      <c r="E7037" t="s">
        <v>32963</v>
      </c>
      <c r="F7037">
        <v>4</v>
      </c>
      <c r="G7037" t="s">
        <v>0</v>
      </c>
      <c r="H7037" t="s">
        <v>15934</v>
      </c>
      <c r="I7037" t="s">
        <v>30540</v>
      </c>
    </row>
    <row r="7038" spans="1:9">
      <c r="A7038" s="1">
        <v>0.59372326375102435</v>
      </c>
      <c r="B7038" s="1"/>
      <c r="C7038">
        <v>12</v>
      </c>
      <c r="D7038" t="s">
        <v>15937</v>
      </c>
      <c r="E7038" t="s">
        <v>32963</v>
      </c>
      <c r="F7038">
        <v>4</v>
      </c>
      <c r="G7038" t="s">
        <v>14</v>
      </c>
      <c r="H7038" t="s">
        <v>15938</v>
      </c>
      <c r="I7038" t="s">
        <v>30540</v>
      </c>
    </row>
    <row r="7039" spans="1:9">
      <c r="A7039" s="1">
        <v>0.8293576591315881</v>
      </c>
      <c r="B7039" s="1"/>
      <c r="C7039">
        <v>10</v>
      </c>
      <c r="D7039" t="s">
        <v>15935</v>
      </c>
      <c r="E7039" t="s">
        <v>32963</v>
      </c>
      <c r="F7039">
        <v>4</v>
      </c>
      <c r="G7039" t="s">
        <v>14</v>
      </c>
      <c r="H7039" t="s">
        <v>15936</v>
      </c>
      <c r="I7039" t="s">
        <v>30540</v>
      </c>
    </row>
    <row r="7040" spans="1:9">
      <c r="A7040" s="1">
        <v>4.020600909485994E-2</v>
      </c>
      <c r="B7040" s="1"/>
      <c r="C7040">
        <v>4</v>
      </c>
      <c r="D7040" t="s">
        <v>15931</v>
      </c>
      <c r="E7040" t="s">
        <v>32963</v>
      </c>
      <c r="F7040">
        <v>4</v>
      </c>
      <c r="G7040" t="s">
        <v>15</v>
      </c>
      <c r="H7040" t="s">
        <v>15932</v>
      </c>
      <c r="I7040" t="s">
        <v>30540</v>
      </c>
    </row>
    <row r="7041" spans="1:9">
      <c r="A7041" s="1">
        <v>0.19000275522889731</v>
      </c>
      <c r="B7041" s="1"/>
      <c r="C7041">
        <v>9</v>
      </c>
      <c r="D7041" t="s">
        <v>15921</v>
      </c>
      <c r="E7041" t="s">
        <v>32964</v>
      </c>
      <c r="F7041">
        <v>5</v>
      </c>
      <c r="G7041" t="s">
        <v>13</v>
      </c>
      <c r="H7041" t="s">
        <v>15922</v>
      </c>
      <c r="I7041" t="s">
        <v>30540</v>
      </c>
    </row>
    <row r="7042" spans="1:9">
      <c r="A7042" s="1">
        <v>5.7679413937186119E-3</v>
      </c>
      <c r="B7042" s="1"/>
      <c r="C7042">
        <v>15</v>
      </c>
      <c r="D7042" t="s">
        <v>15925</v>
      </c>
      <c r="E7042" t="s">
        <v>32964</v>
      </c>
      <c r="F7042">
        <v>5</v>
      </c>
      <c r="G7042" t="s">
        <v>2</v>
      </c>
      <c r="H7042" t="s">
        <v>15926</v>
      </c>
      <c r="I7042" t="s">
        <v>30540</v>
      </c>
    </row>
    <row r="7043" spans="1:9">
      <c r="A7043" s="1">
        <v>0.53208195658157942</v>
      </c>
      <c r="B7043" s="1"/>
      <c r="C7043">
        <v>1</v>
      </c>
      <c r="D7043" t="s">
        <v>15915</v>
      </c>
      <c r="E7043" t="s">
        <v>32964</v>
      </c>
      <c r="F7043">
        <v>4</v>
      </c>
      <c r="G7043" t="s">
        <v>10</v>
      </c>
      <c r="H7043" t="s">
        <v>15916</v>
      </c>
      <c r="I7043" t="s">
        <v>30540</v>
      </c>
    </row>
    <row r="7044" spans="1:9">
      <c r="A7044" s="1">
        <v>0.9312342833075149</v>
      </c>
      <c r="B7044" s="1"/>
      <c r="C7044">
        <v>18</v>
      </c>
      <c r="D7044" t="s">
        <v>15927</v>
      </c>
      <c r="E7044" t="s">
        <v>32964</v>
      </c>
      <c r="F7044">
        <v>4</v>
      </c>
      <c r="G7044" t="s">
        <v>14</v>
      </c>
      <c r="H7044" t="s">
        <v>15928</v>
      </c>
      <c r="I7044" t="s">
        <v>30540</v>
      </c>
    </row>
    <row r="7045" spans="1:9">
      <c r="A7045" s="1">
        <v>0.56657181895320707</v>
      </c>
      <c r="B7045" s="1"/>
      <c r="C7045">
        <v>5</v>
      </c>
      <c r="D7045" t="s">
        <v>15917</v>
      </c>
      <c r="E7045" t="s">
        <v>32964</v>
      </c>
      <c r="F7045">
        <v>4</v>
      </c>
      <c r="G7045" t="s">
        <v>10</v>
      </c>
      <c r="H7045" t="s">
        <v>15918</v>
      </c>
      <c r="I7045" t="s">
        <v>30540</v>
      </c>
    </row>
    <row r="7046" spans="1:9">
      <c r="A7046" s="1">
        <v>0.21222428661856463</v>
      </c>
      <c r="B7046" s="1"/>
      <c r="C7046">
        <v>10</v>
      </c>
      <c r="D7046" t="s">
        <v>15923</v>
      </c>
      <c r="E7046" t="s">
        <v>32964</v>
      </c>
      <c r="F7046">
        <v>4</v>
      </c>
      <c r="G7046" t="s">
        <v>14</v>
      </c>
      <c r="H7046" t="s">
        <v>15924</v>
      </c>
      <c r="I7046" t="s">
        <v>30540</v>
      </c>
    </row>
    <row r="7047" spans="1:9">
      <c r="A7047" s="1">
        <v>0.26353369126779713</v>
      </c>
      <c r="B7047" s="1"/>
      <c r="C7047">
        <v>8</v>
      </c>
      <c r="D7047" t="s">
        <v>15919</v>
      </c>
      <c r="E7047" t="s">
        <v>32964</v>
      </c>
      <c r="F7047">
        <v>4</v>
      </c>
      <c r="G7047" t="s">
        <v>0</v>
      </c>
      <c r="H7047" t="s">
        <v>15920</v>
      </c>
      <c r="I7047" t="s">
        <v>30540</v>
      </c>
    </row>
    <row r="7048" spans="1:9">
      <c r="A7048" s="1">
        <v>0.11771215487336484</v>
      </c>
      <c r="B7048" s="1"/>
      <c r="C7048">
        <v>13</v>
      </c>
      <c r="D7048" t="s">
        <v>15913</v>
      </c>
      <c r="E7048" t="s">
        <v>32965</v>
      </c>
      <c r="F7048">
        <v>4</v>
      </c>
      <c r="G7048" t="s">
        <v>10</v>
      </c>
      <c r="H7048" t="s">
        <v>15914</v>
      </c>
      <c r="I7048" t="s">
        <v>30540</v>
      </c>
    </row>
    <row r="7049" spans="1:9">
      <c r="A7049" s="1">
        <v>0.77346028403208122</v>
      </c>
      <c r="B7049" s="1"/>
      <c r="C7049">
        <v>4</v>
      </c>
      <c r="D7049" t="s">
        <v>15909</v>
      </c>
      <c r="E7049" t="s">
        <v>32965</v>
      </c>
      <c r="F7049">
        <v>4</v>
      </c>
      <c r="G7049" t="s">
        <v>0</v>
      </c>
      <c r="H7049" t="s">
        <v>15910</v>
      </c>
      <c r="I7049" t="s">
        <v>30540</v>
      </c>
    </row>
    <row r="7050" spans="1:9">
      <c r="A7050" s="1">
        <v>0.40771664355373394</v>
      </c>
      <c r="B7050" s="1"/>
      <c r="C7050">
        <v>17</v>
      </c>
      <c r="D7050" t="s">
        <v>15905</v>
      </c>
      <c r="E7050" t="s">
        <v>32966</v>
      </c>
      <c r="F7050">
        <v>4</v>
      </c>
      <c r="G7050" t="s">
        <v>14</v>
      </c>
      <c r="H7050" t="s">
        <v>15906</v>
      </c>
      <c r="I7050" t="s">
        <v>30540</v>
      </c>
    </row>
    <row r="7051" spans="1:9">
      <c r="A7051" s="1">
        <v>0.1920933390079359</v>
      </c>
      <c r="B7051" s="1"/>
      <c r="C7051">
        <v>13</v>
      </c>
      <c r="D7051" t="s">
        <v>15903</v>
      </c>
      <c r="E7051" t="s">
        <v>32966</v>
      </c>
      <c r="F7051">
        <v>4</v>
      </c>
      <c r="G7051" t="s">
        <v>1</v>
      </c>
      <c r="H7051" t="s">
        <v>15904</v>
      </c>
      <c r="I7051" t="s">
        <v>30540</v>
      </c>
    </row>
    <row r="7052" spans="1:9">
      <c r="A7052" s="1">
        <v>0.2076982669045454</v>
      </c>
      <c r="B7052" s="1"/>
      <c r="C7052">
        <v>14</v>
      </c>
      <c r="D7052" t="s">
        <v>15899</v>
      </c>
      <c r="E7052" t="s">
        <v>32967</v>
      </c>
      <c r="F7052">
        <v>4</v>
      </c>
      <c r="G7052" t="s">
        <v>2</v>
      </c>
      <c r="H7052" t="s">
        <v>15900</v>
      </c>
      <c r="I7052" t="s">
        <v>30540</v>
      </c>
    </row>
    <row r="7053" spans="1:9">
      <c r="A7053" s="1">
        <v>0.6036612038094149</v>
      </c>
      <c r="B7053" s="1"/>
      <c r="C7053">
        <v>10</v>
      </c>
      <c r="D7053" t="s">
        <v>15897</v>
      </c>
      <c r="E7053" t="s">
        <v>32967</v>
      </c>
      <c r="F7053">
        <v>4</v>
      </c>
      <c r="G7053" t="s">
        <v>3732</v>
      </c>
      <c r="H7053" t="s">
        <v>15898</v>
      </c>
      <c r="I7053" t="s">
        <v>30540</v>
      </c>
    </row>
    <row r="7054" spans="1:9">
      <c r="A7054" s="1">
        <v>0.52816827708854197</v>
      </c>
      <c r="B7054" s="1"/>
      <c r="C7054">
        <v>4</v>
      </c>
      <c r="D7054" t="s">
        <v>15895</v>
      </c>
      <c r="E7054" t="s">
        <v>32967</v>
      </c>
      <c r="F7054">
        <v>4</v>
      </c>
      <c r="G7054" t="s">
        <v>1431</v>
      </c>
      <c r="H7054" t="s">
        <v>15896</v>
      </c>
      <c r="I7054" t="s">
        <v>30540</v>
      </c>
    </row>
    <row r="7055" spans="1:9">
      <c r="A7055" s="1">
        <v>0.47213057171470807</v>
      </c>
      <c r="B7055" s="1"/>
      <c r="C7055">
        <v>19</v>
      </c>
      <c r="D7055" t="s">
        <v>15901</v>
      </c>
      <c r="E7055" t="s">
        <v>32967</v>
      </c>
      <c r="F7055">
        <v>4</v>
      </c>
      <c r="G7055" t="s">
        <v>14</v>
      </c>
      <c r="H7055" t="s">
        <v>15902</v>
      </c>
      <c r="I7055" t="s">
        <v>30540</v>
      </c>
    </row>
    <row r="7056" spans="1:9">
      <c r="A7056" s="1">
        <v>0.83989312773935121</v>
      </c>
      <c r="B7056" s="1"/>
      <c r="C7056">
        <v>11</v>
      </c>
      <c r="D7056" t="s">
        <v>15893</v>
      </c>
      <c r="E7056" t="s">
        <v>32968</v>
      </c>
      <c r="F7056">
        <v>5</v>
      </c>
      <c r="G7056" t="s">
        <v>13</v>
      </c>
      <c r="H7056" t="s">
        <v>15894</v>
      </c>
      <c r="I7056" t="s">
        <v>30540</v>
      </c>
    </row>
    <row r="7057" spans="1:9">
      <c r="A7057" s="1">
        <v>0.58681303640883231</v>
      </c>
      <c r="B7057" s="1"/>
      <c r="C7057">
        <v>10</v>
      </c>
      <c r="D7057" t="s">
        <v>15891</v>
      </c>
      <c r="E7057" t="s">
        <v>32968</v>
      </c>
      <c r="F7057">
        <v>4</v>
      </c>
      <c r="G7057" t="s">
        <v>14</v>
      </c>
      <c r="H7057" t="s">
        <v>15892</v>
      </c>
      <c r="I7057" t="s">
        <v>30540</v>
      </c>
    </row>
    <row r="7058" spans="1:9">
      <c r="A7058" s="1">
        <v>0.81976777890002295</v>
      </c>
      <c r="B7058" s="1"/>
      <c r="C7058">
        <v>15</v>
      </c>
      <c r="D7058" t="s">
        <v>15887</v>
      </c>
      <c r="E7058" t="s">
        <v>32969</v>
      </c>
      <c r="F7058">
        <v>4</v>
      </c>
      <c r="G7058" t="s">
        <v>14</v>
      </c>
      <c r="H7058" t="s">
        <v>15888</v>
      </c>
      <c r="I7058" t="s">
        <v>30540</v>
      </c>
    </row>
    <row r="7059" spans="1:9">
      <c r="A7059" s="1">
        <v>0.93567008809951768</v>
      </c>
      <c r="B7059" s="1"/>
      <c r="C7059">
        <v>13</v>
      </c>
      <c r="D7059" t="s">
        <v>15885</v>
      </c>
      <c r="E7059" t="s">
        <v>32969</v>
      </c>
      <c r="F7059">
        <v>4</v>
      </c>
      <c r="G7059" t="s">
        <v>13</v>
      </c>
      <c r="H7059" t="s">
        <v>15886</v>
      </c>
      <c r="I7059" t="s">
        <v>30540</v>
      </c>
    </row>
    <row r="7060" spans="1:9">
      <c r="A7060" s="1">
        <v>0.92835165128627928</v>
      </c>
      <c r="B7060" s="1"/>
      <c r="C7060">
        <v>3</v>
      </c>
      <c r="D7060" t="s">
        <v>15881</v>
      </c>
      <c r="E7060" t="s">
        <v>32969</v>
      </c>
      <c r="F7060">
        <v>4</v>
      </c>
      <c r="G7060" t="s">
        <v>15</v>
      </c>
      <c r="H7060" t="s">
        <v>15882</v>
      </c>
      <c r="I7060" t="s">
        <v>30540</v>
      </c>
    </row>
    <row r="7061" spans="1:9">
      <c r="A7061" s="1">
        <v>0.26887396866372482</v>
      </c>
      <c r="B7061" s="1"/>
      <c r="C7061">
        <v>10</v>
      </c>
      <c r="D7061" t="s">
        <v>15883</v>
      </c>
      <c r="E7061" t="s">
        <v>32969</v>
      </c>
      <c r="F7061">
        <v>4</v>
      </c>
      <c r="G7061" t="s">
        <v>14</v>
      </c>
      <c r="H7061" t="s">
        <v>15884</v>
      </c>
      <c r="I7061" t="s">
        <v>30540</v>
      </c>
    </row>
    <row r="7062" spans="1:9">
      <c r="A7062" s="1">
        <v>7.5829052735976288E-2</v>
      </c>
      <c r="B7062" s="1"/>
      <c r="C7062">
        <v>18</v>
      </c>
      <c r="D7062" t="s">
        <v>15879</v>
      </c>
      <c r="E7062" t="s">
        <v>32970</v>
      </c>
      <c r="F7062">
        <v>4</v>
      </c>
      <c r="G7062" t="s">
        <v>14</v>
      </c>
      <c r="H7062" t="s">
        <v>15880</v>
      </c>
      <c r="I7062" t="s">
        <v>30540</v>
      </c>
    </row>
    <row r="7063" spans="1:9">
      <c r="A7063" s="1">
        <v>0.47971552987521349</v>
      </c>
      <c r="B7063" s="1"/>
      <c r="C7063">
        <v>2</v>
      </c>
      <c r="D7063" t="s">
        <v>15871</v>
      </c>
      <c r="E7063" t="s">
        <v>32970</v>
      </c>
      <c r="F7063">
        <v>4</v>
      </c>
      <c r="G7063" t="s">
        <v>13</v>
      </c>
      <c r="H7063" t="s">
        <v>15872</v>
      </c>
      <c r="I7063" t="s">
        <v>30540</v>
      </c>
    </row>
    <row r="7064" spans="1:9">
      <c r="A7064" s="1">
        <v>0.69509032950956684</v>
      </c>
      <c r="B7064" s="1"/>
      <c r="C7064">
        <v>14</v>
      </c>
      <c r="D7064" t="s">
        <v>15877</v>
      </c>
      <c r="E7064" t="s">
        <v>32970</v>
      </c>
      <c r="F7064">
        <v>3</v>
      </c>
      <c r="G7064" t="s">
        <v>14</v>
      </c>
      <c r="H7064" t="s">
        <v>15878</v>
      </c>
      <c r="I7064" t="s">
        <v>30540</v>
      </c>
    </row>
    <row r="7065" spans="1:9">
      <c r="A7065" s="1">
        <v>0.43354204700499233</v>
      </c>
      <c r="B7065" s="1"/>
      <c r="C7065">
        <v>8</v>
      </c>
      <c r="D7065" t="s">
        <v>15875</v>
      </c>
      <c r="E7065" t="s">
        <v>32970</v>
      </c>
      <c r="F7065">
        <v>3</v>
      </c>
      <c r="G7065" t="s">
        <v>14</v>
      </c>
      <c r="H7065" t="s">
        <v>15876</v>
      </c>
      <c r="I7065" t="s">
        <v>30540</v>
      </c>
    </row>
    <row r="7066" spans="1:9">
      <c r="A7066" s="1">
        <v>1.606715491202515E-2</v>
      </c>
      <c r="B7066" s="1"/>
      <c r="C7066">
        <v>11</v>
      </c>
      <c r="D7066" t="s">
        <v>15865</v>
      </c>
      <c r="E7066" t="s">
        <v>32971</v>
      </c>
      <c r="F7066">
        <v>5</v>
      </c>
      <c r="G7066" t="s">
        <v>13</v>
      </c>
      <c r="H7066" t="s">
        <v>15866</v>
      </c>
      <c r="I7066" t="s">
        <v>30540</v>
      </c>
    </row>
    <row r="7067" spans="1:9">
      <c r="A7067" s="1">
        <v>0.82335208025780937</v>
      </c>
      <c r="B7067" s="1"/>
      <c r="C7067">
        <v>1</v>
      </c>
      <c r="D7067" t="s">
        <v>15861</v>
      </c>
      <c r="E7067" t="s">
        <v>32971</v>
      </c>
      <c r="F7067">
        <v>4</v>
      </c>
      <c r="G7067" t="s">
        <v>10</v>
      </c>
      <c r="H7067" t="s">
        <v>15862</v>
      </c>
      <c r="I7067" t="s">
        <v>30540</v>
      </c>
    </row>
    <row r="7068" spans="1:9">
      <c r="A7068" s="1">
        <v>0.47379524779672655</v>
      </c>
      <c r="B7068" s="1"/>
      <c r="C7068">
        <v>13</v>
      </c>
      <c r="D7068" t="s">
        <v>15867</v>
      </c>
      <c r="E7068" t="s">
        <v>32971</v>
      </c>
      <c r="F7068">
        <v>4</v>
      </c>
      <c r="G7068" t="s">
        <v>2</v>
      </c>
      <c r="H7068" t="s">
        <v>15868</v>
      </c>
      <c r="I7068" t="s">
        <v>30540</v>
      </c>
    </row>
    <row r="7069" spans="1:9">
      <c r="A7069" s="1">
        <v>0.28565847952049506</v>
      </c>
      <c r="B7069" s="1"/>
      <c r="C7069">
        <v>18</v>
      </c>
      <c r="D7069" t="s">
        <v>15857</v>
      </c>
      <c r="E7069" t="s">
        <v>32972</v>
      </c>
      <c r="F7069">
        <v>5</v>
      </c>
      <c r="G7069" t="s">
        <v>774</v>
      </c>
      <c r="H7069" t="s">
        <v>15858</v>
      </c>
      <c r="I7069" t="s">
        <v>30540</v>
      </c>
    </row>
    <row r="7070" spans="1:9">
      <c r="A7070" s="1">
        <v>0.57018384810560907</v>
      </c>
      <c r="B7070" s="1"/>
      <c r="C7070">
        <v>13</v>
      </c>
      <c r="D7070" t="s">
        <v>15853</v>
      </c>
      <c r="E7070" t="s">
        <v>32972</v>
      </c>
      <c r="F7070">
        <v>5</v>
      </c>
      <c r="G7070" t="s">
        <v>14</v>
      </c>
      <c r="H7070" t="s">
        <v>15854</v>
      </c>
      <c r="I7070" t="s">
        <v>30540</v>
      </c>
    </row>
    <row r="7071" spans="1:9">
      <c r="A7071" s="1">
        <v>0.93456741402523547</v>
      </c>
      <c r="B7071" s="1"/>
      <c r="C7071">
        <v>11</v>
      </c>
      <c r="D7071" t="s">
        <v>15851</v>
      </c>
      <c r="E7071" t="s">
        <v>32972</v>
      </c>
      <c r="F7071">
        <v>5</v>
      </c>
      <c r="G7071" t="s">
        <v>1</v>
      </c>
      <c r="H7071" t="s">
        <v>15852</v>
      </c>
      <c r="I7071" t="s">
        <v>30540</v>
      </c>
    </row>
    <row r="7072" spans="1:9">
      <c r="A7072" s="1">
        <v>0.88669880080294383</v>
      </c>
      <c r="B7072" s="1"/>
      <c r="C7072">
        <v>1</v>
      </c>
      <c r="D7072" t="s">
        <v>15845</v>
      </c>
      <c r="E7072" t="s">
        <v>32972</v>
      </c>
      <c r="F7072">
        <v>4</v>
      </c>
      <c r="G7072" t="s">
        <v>1431</v>
      </c>
      <c r="H7072" t="s">
        <v>15846</v>
      </c>
      <c r="I7072" t="s">
        <v>30540</v>
      </c>
    </row>
    <row r="7073" spans="1:9">
      <c r="A7073" s="1">
        <v>0.38563735946246558</v>
      </c>
      <c r="B7073" s="1"/>
      <c r="C7073">
        <v>8</v>
      </c>
      <c r="D7073" t="s">
        <v>15849</v>
      </c>
      <c r="E7073" t="s">
        <v>32972</v>
      </c>
      <c r="F7073">
        <v>4</v>
      </c>
      <c r="G7073" t="s">
        <v>3732</v>
      </c>
      <c r="H7073" t="s">
        <v>15850</v>
      </c>
      <c r="I7073" t="s">
        <v>30540</v>
      </c>
    </row>
    <row r="7074" spans="1:9">
      <c r="A7074" s="1">
        <v>0.92297959905222193</v>
      </c>
      <c r="B7074" s="1"/>
      <c r="C7074">
        <v>3</v>
      </c>
      <c r="D7074" t="s">
        <v>15829</v>
      </c>
      <c r="E7074" t="s">
        <v>32973</v>
      </c>
      <c r="F7074">
        <v>5</v>
      </c>
      <c r="G7074" t="s">
        <v>10</v>
      </c>
      <c r="H7074" t="s">
        <v>15830</v>
      </c>
      <c r="I7074" t="s">
        <v>30540</v>
      </c>
    </row>
    <row r="7075" spans="1:9">
      <c r="A7075" s="1">
        <v>0.62291182439504156</v>
      </c>
      <c r="B7075" s="1"/>
      <c r="C7075">
        <v>16</v>
      </c>
      <c r="D7075" t="s">
        <v>15839</v>
      </c>
      <c r="E7075" t="s">
        <v>32973</v>
      </c>
      <c r="F7075">
        <v>5</v>
      </c>
      <c r="G7075" t="s">
        <v>14</v>
      </c>
      <c r="H7075" t="s">
        <v>15840</v>
      </c>
      <c r="I7075" t="s">
        <v>30540</v>
      </c>
    </row>
    <row r="7076" spans="1:9">
      <c r="A7076" s="1">
        <v>0.96056831021257039</v>
      </c>
      <c r="B7076" s="1"/>
      <c r="C7076">
        <v>14</v>
      </c>
      <c r="D7076" t="s">
        <v>15835</v>
      </c>
      <c r="E7076" t="s">
        <v>32973</v>
      </c>
      <c r="F7076">
        <v>4</v>
      </c>
      <c r="G7076" t="s">
        <v>14</v>
      </c>
      <c r="H7076" t="s">
        <v>15836</v>
      </c>
      <c r="I7076" t="s">
        <v>30540</v>
      </c>
    </row>
    <row r="7077" spans="1:9">
      <c r="A7077" s="1">
        <v>0.93719386587652365</v>
      </c>
      <c r="B7077" s="1"/>
      <c r="C7077">
        <v>18</v>
      </c>
      <c r="D7077" t="s">
        <v>15843</v>
      </c>
      <c r="E7077" t="s">
        <v>32973</v>
      </c>
      <c r="F7077">
        <v>4</v>
      </c>
      <c r="G7077" t="s">
        <v>14</v>
      </c>
      <c r="H7077" t="s">
        <v>15844</v>
      </c>
      <c r="I7077" t="s">
        <v>30540</v>
      </c>
    </row>
    <row r="7078" spans="1:9">
      <c r="A7078" s="1">
        <v>0.318770771778214</v>
      </c>
      <c r="B7078" s="1"/>
      <c r="C7078">
        <v>4</v>
      </c>
      <c r="D7078" t="s">
        <v>15831</v>
      </c>
      <c r="E7078" t="s">
        <v>32973</v>
      </c>
      <c r="F7078">
        <v>4</v>
      </c>
      <c r="G7078" t="s">
        <v>15</v>
      </c>
      <c r="H7078" t="s">
        <v>15832</v>
      </c>
      <c r="I7078" t="s">
        <v>30540</v>
      </c>
    </row>
    <row r="7079" spans="1:9">
      <c r="A7079" s="1">
        <v>2.1241846412650478E-2</v>
      </c>
      <c r="B7079" s="1"/>
      <c r="C7079">
        <v>17</v>
      </c>
      <c r="D7079" t="s">
        <v>15841</v>
      </c>
      <c r="E7079" t="s">
        <v>32973</v>
      </c>
      <c r="F7079">
        <v>4</v>
      </c>
      <c r="G7079" t="s">
        <v>14</v>
      </c>
      <c r="H7079" t="s">
        <v>15842</v>
      </c>
      <c r="I7079" t="s">
        <v>30540</v>
      </c>
    </row>
    <row r="7080" spans="1:9">
      <c r="A7080" s="1">
        <v>0.21344308132868262</v>
      </c>
      <c r="B7080" s="1"/>
      <c r="C7080">
        <v>2</v>
      </c>
      <c r="D7080" t="s">
        <v>15827</v>
      </c>
      <c r="E7080" t="s">
        <v>32973</v>
      </c>
      <c r="F7080">
        <v>4</v>
      </c>
      <c r="G7080" t="s">
        <v>10</v>
      </c>
      <c r="H7080" t="s">
        <v>15828</v>
      </c>
      <c r="I7080" t="s">
        <v>30540</v>
      </c>
    </row>
    <row r="7081" spans="1:9">
      <c r="A7081" s="1">
        <v>0.43028729850407321</v>
      </c>
      <c r="B7081" s="1"/>
      <c r="C7081">
        <v>3</v>
      </c>
      <c r="D7081" t="s">
        <v>15823</v>
      </c>
      <c r="E7081" t="s">
        <v>32974</v>
      </c>
      <c r="F7081">
        <v>5</v>
      </c>
      <c r="G7081" t="s">
        <v>13</v>
      </c>
      <c r="H7081" t="s">
        <v>15824</v>
      </c>
      <c r="I7081" t="s">
        <v>30540</v>
      </c>
    </row>
    <row r="7082" spans="1:9">
      <c r="A7082" s="1">
        <v>0.63673779248999796</v>
      </c>
      <c r="B7082" s="1"/>
      <c r="C7082">
        <v>2</v>
      </c>
      <c r="D7082" t="s">
        <v>15821</v>
      </c>
      <c r="E7082" t="s">
        <v>32974</v>
      </c>
      <c r="F7082">
        <v>4</v>
      </c>
      <c r="G7082" t="s">
        <v>14</v>
      </c>
      <c r="H7082" t="s">
        <v>15822</v>
      </c>
      <c r="I7082" t="s">
        <v>30540</v>
      </c>
    </row>
    <row r="7083" spans="1:9">
      <c r="A7083" s="1">
        <v>0.1773416873170901</v>
      </c>
      <c r="B7083" s="1"/>
      <c r="C7083">
        <v>16</v>
      </c>
      <c r="D7083" t="s">
        <v>15817</v>
      </c>
      <c r="E7083" t="s">
        <v>32975</v>
      </c>
      <c r="F7083">
        <v>4</v>
      </c>
      <c r="G7083" t="s">
        <v>2</v>
      </c>
      <c r="H7083" t="s">
        <v>15818</v>
      </c>
      <c r="I7083" t="s">
        <v>30540</v>
      </c>
    </row>
    <row r="7084" spans="1:9">
      <c r="A7084" s="1">
        <v>8.7416272242935245E-2</v>
      </c>
      <c r="B7084" s="1"/>
      <c r="C7084">
        <v>11</v>
      </c>
      <c r="D7084" t="s">
        <v>15815</v>
      </c>
      <c r="E7084" t="s">
        <v>32975</v>
      </c>
      <c r="F7084">
        <v>4</v>
      </c>
      <c r="G7084" t="s">
        <v>13</v>
      </c>
      <c r="H7084" t="s">
        <v>15816</v>
      </c>
      <c r="I7084" t="s">
        <v>30540</v>
      </c>
    </row>
    <row r="7085" spans="1:9">
      <c r="A7085" s="1">
        <v>0.71959487913164843</v>
      </c>
      <c r="B7085" s="1"/>
      <c r="C7085">
        <v>7</v>
      </c>
      <c r="D7085" t="s">
        <v>15813</v>
      </c>
      <c r="E7085" t="s">
        <v>32975</v>
      </c>
      <c r="F7085">
        <v>4</v>
      </c>
      <c r="G7085" t="s">
        <v>14</v>
      </c>
      <c r="H7085" t="s">
        <v>15814</v>
      </c>
      <c r="I7085" t="s">
        <v>30540</v>
      </c>
    </row>
    <row r="7086" spans="1:9">
      <c r="A7086" s="1">
        <v>0.51593986478153975</v>
      </c>
      <c r="B7086" s="1"/>
      <c r="C7086">
        <v>1</v>
      </c>
      <c r="D7086" t="s">
        <v>15807</v>
      </c>
      <c r="E7086" t="s">
        <v>32975</v>
      </c>
      <c r="F7086">
        <v>4</v>
      </c>
      <c r="G7086" t="s">
        <v>10</v>
      </c>
      <c r="H7086" t="s">
        <v>15808</v>
      </c>
      <c r="I7086" t="s">
        <v>30540</v>
      </c>
    </row>
    <row r="7087" spans="1:9">
      <c r="A7087" s="1">
        <v>0.19173135607209391</v>
      </c>
      <c r="B7087" s="1"/>
      <c r="C7087">
        <v>4</v>
      </c>
      <c r="D7087" t="s">
        <v>15809</v>
      </c>
      <c r="E7087" t="s">
        <v>32975</v>
      </c>
      <c r="F7087">
        <v>3</v>
      </c>
      <c r="G7087" t="s">
        <v>14</v>
      </c>
      <c r="H7087" t="s">
        <v>15810</v>
      </c>
      <c r="I7087" t="s">
        <v>30540</v>
      </c>
    </row>
    <row r="7088" spans="1:9">
      <c r="A7088" s="1">
        <v>0.29030107395097038</v>
      </c>
      <c r="B7088" s="1"/>
      <c r="C7088">
        <v>6</v>
      </c>
      <c r="D7088" t="s">
        <v>15799</v>
      </c>
      <c r="E7088" t="s">
        <v>32976</v>
      </c>
      <c r="F7088">
        <v>5</v>
      </c>
      <c r="G7088" t="s">
        <v>10</v>
      </c>
      <c r="H7088" t="s">
        <v>15800</v>
      </c>
      <c r="I7088" t="s">
        <v>30540</v>
      </c>
    </row>
    <row r="7089" spans="1:9">
      <c r="A7089" s="1">
        <v>0.65560506239235561</v>
      </c>
      <c r="B7089" s="1"/>
      <c r="C7089">
        <v>13</v>
      </c>
      <c r="D7089" t="s">
        <v>15803</v>
      </c>
      <c r="E7089" t="s">
        <v>32976</v>
      </c>
      <c r="F7089">
        <v>4</v>
      </c>
      <c r="G7089" t="s">
        <v>15</v>
      </c>
      <c r="H7089" t="s">
        <v>15804</v>
      </c>
      <c r="I7089" t="s">
        <v>30540</v>
      </c>
    </row>
    <row r="7090" spans="1:9">
      <c r="A7090" s="1">
        <v>0.87483396138467273</v>
      </c>
      <c r="B7090" s="1"/>
      <c r="C7090">
        <v>1</v>
      </c>
      <c r="D7090" t="s">
        <v>15797</v>
      </c>
      <c r="E7090" t="s">
        <v>32976</v>
      </c>
      <c r="F7090">
        <v>4</v>
      </c>
      <c r="G7090" t="s">
        <v>775</v>
      </c>
      <c r="H7090" t="s">
        <v>15798</v>
      </c>
      <c r="I7090" t="s">
        <v>30540</v>
      </c>
    </row>
    <row r="7091" spans="1:9">
      <c r="A7091" s="1">
        <v>0.68035139853027049</v>
      </c>
      <c r="B7091" s="1"/>
      <c r="C7091">
        <v>7</v>
      </c>
      <c r="D7091" t="s">
        <v>15801</v>
      </c>
      <c r="E7091" t="s">
        <v>32976</v>
      </c>
      <c r="F7091">
        <v>4</v>
      </c>
      <c r="G7091" t="s">
        <v>15</v>
      </c>
      <c r="H7091" t="s">
        <v>15802</v>
      </c>
      <c r="I7091" t="s">
        <v>30540</v>
      </c>
    </row>
    <row r="7092" spans="1:9">
      <c r="A7092" s="1">
        <v>0.81260151301181649</v>
      </c>
      <c r="B7092" s="1"/>
      <c r="C7092">
        <v>17</v>
      </c>
      <c r="D7092" t="s">
        <v>15805</v>
      </c>
      <c r="E7092" t="s">
        <v>32976</v>
      </c>
      <c r="F7092">
        <v>3</v>
      </c>
      <c r="G7092" t="s">
        <v>14</v>
      </c>
      <c r="H7092" t="s">
        <v>15806</v>
      </c>
      <c r="I7092" t="s">
        <v>30540</v>
      </c>
    </row>
    <row r="7093" spans="1:9">
      <c r="A7093" s="1">
        <v>0.49830938744979902</v>
      </c>
      <c r="B7093" s="1"/>
      <c r="C7093">
        <v>9</v>
      </c>
      <c r="D7093" t="s">
        <v>15793</v>
      </c>
      <c r="E7093" t="s">
        <v>32977</v>
      </c>
      <c r="F7093">
        <v>4</v>
      </c>
      <c r="G7093" t="s">
        <v>13</v>
      </c>
      <c r="H7093" t="s">
        <v>15794</v>
      </c>
      <c r="I7093" t="s">
        <v>30540</v>
      </c>
    </row>
    <row r="7094" spans="1:9">
      <c r="A7094" s="1">
        <v>0.23154049036305069</v>
      </c>
      <c r="B7094" s="1"/>
      <c r="C7094">
        <v>5</v>
      </c>
      <c r="D7094" t="s">
        <v>15787</v>
      </c>
      <c r="E7094" t="s">
        <v>32977</v>
      </c>
      <c r="F7094">
        <v>4</v>
      </c>
      <c r="G7094" t="s">
        <v>10</v>
      </c>
      <c r="H7094" t="s">
        <v>15788</v>
      </c>
      <c r="I7094" t="s">
        <v>30540</v>
      </c>
    </row>
    <row r="7095" spans="1:9">
      <c r="A7095" s="1">
        <v>0.14987371716468267</v>
      </c>
      <c r="B7095" s="1"/>
      <c r="C7095">
        <v>2</v>
      </c>
      <c r="D7095" t="s">
        <v>15785</v>
      </c>
      <c r="E7095" t="s">
        <v>32977</v>
      </c>
      <c r="F7095">
        <v>4</v>
      </c>
      <c r="G7095" t="s">
        <v>15</v>
      </c>
      <c r="H7095" t="s">
        <v>15786</v>
      </c>
      <c r="I7095" t="s">
        <v>30540</v>
      </c>
    </row>
    <row r="7096" spans="1:9">
      <c r="A7096" s="1">
        <v>3.2679990125849212E-2</v>
      </c>
      <c r="B7096" s="1"/>
      <c r="C7096">
        <v>12</v>
      </c>
      <c r="D7096" t="s">
        <v>15795</v>
      </c>
      <c r="E7096" t="s">
        <v>32977</v>
      </c>
      <c r="F7096">
        <v>3</v>
      </c>
      <c r="G7096" t="s">
        <v>14</v>
      </c>
      <c r="H7096" t="s">
        <v>15796</v>
      </c>
      <c r="I7096" t="s">
        <v>30540</v>
      </c>
    </row>
    <row r="7097" spans="1:9">
      <c r="A7097" s="1">
        <v>0.71967893976166042</v>
      </c>
      <c r="B7097" s="1"/>
      <c r="C7097">
        <v>8</v>
      </c>
      <c r="D7097" t="s">
        <v>15791</v>
      </c>
      <c r="E7097" t="s">
        <v>32977</v>
      </c>
      <c r="F7097">
        <v>3</v>
      </c>
      <c r="G7097" t="s">
        <v>14</v>
      </c>
      <c r="H7097" t="s">
        <v>15792</v>
      </c>
      <c r="I7097" t="s">
        <v>30540</v>
      </c>
    </row>
    <row r="7098" spans="1:9">
      <c r="A7098" s="1">
        <v>0.43313283233994504</v>
      </c>
      <c r="B7098" s="1"/>
      <c r="C7098">
        <v>6</v>
      </c>
      <c r="D7098" t="s">
        <v>15789</v>
      </c>
      <c r="E7098" t="s">
        <v>32977</v>
      </c>
      <c r="F7098">
        <v>3</v>
      </c>
      <c r="G7098" t="s">
        <v>13</v>
      </c>
      <c r="H7098" t="s">
        <v>15790</v>
      </c>
      <c r="I7098" t="s">
        <v>30540</v>
      </c>
    </row>
    <row r="7099" spans="1:9">
      <c r="A7099" s="1">
        <v>0.68621835506832007</v>
      </c>
      <c r="B7099" s="1"/>
      <c r="C7099">
        <v>1</v>
      </c>
      <c r="D7099" t="s">
        <v>15767</v>
      </c>
      <c r="E7099" t="s">
        <v>32978</v>
      </c>
      <c r="F7099">
        <v>5</v>
      </c>
      <c r="G7099" t="s">
        <v>2</v>
      </c>
      <c r="H7099" t="s">
        <v>15768</v>
      </c>
      <c r="I7099" t="s">
        <v>30540</v>
      </c>
    </row>
    <row r="7100" spans="1:9">
      <c r="A7100" s="1">
        <v>0.63664389081701755</v>
      </c>
      <c r="B7100" s="1"/>
      <c r="C7100">
        <v>8</v>
      </c>
      <c r="D7100" t="s">
        <v>15773</v>
      </c>
      <c r="E7100" t="s">
        <v>32978</v>
      </c>
      <c r="F7100">
        <v>5</v>
      </c>
      <c r="G7100" t="s">
        <v>14</v>
      </c>
      <c r="H7100" t="s">
        <v>15774</v>
      </c>
      <c r="I7100" t="s">
        <v>30540</v>
      </c>
    </row>
    <row r="7101" spans="1:9">
      <c r="A7101" s="1">
        <v>0.37009331903407405</v>
      </c>
      <c r="B7101" s="1"/>
      <c r="C7101">
        <v>9</v>
      </c>
      <c r="D7101" t="s">
        <v>15775</v>
      </c>
      <c r="E7101" t="s">
        <v>32978</v>
      </c>
      <c r="F7101">
        <v>4</v>
      </c>
      <c r="G7101" t="s">
        <v>14</v>
      </c>
      <c r="H7101" t="s">
        <v>15776</v>
      </c>
      <c r="I7101" t="s">
        <v>30540</v>
      </c>
    </row>
    <row r="7102" spans="1:9">
      <c r="A7102" s="1">
        <v>0.60787859092752805</v>
      </c>
      <c r="B7102" s="1"/>
      <c r="C7102">
        <v>14</v>
      </c>
      <c r="D7102" t="s">
        <v>15779</v>
      </c>
      <c r="E7102" t="s">
        <v>32978</v>
      </c>
      <c r="F7102">
        <v>4</v>
      </c>
      <c r="G7102" t="s">
        <v>14</v>
      </c>
      <c r="H7102" t="s">
        <v>15780</v>
      </c>
      <c r="I7102" t="s">
        <v>30540</v>
      </c>
    </row>
    <row r="7103" spans="1:9">
      <c r="A7103" s="1">
        <v>0.23551880477473197</v>
      </c>
      <c r="B7103" s="1"/>
      <c r="C7103">
        <v>3</v>
      </c>
      <c r="D7103" t="s">
        <v>15769</v>
      </c>
      <c r="E7103" t="s">
        <v>32978</v>
      </c>
      <c r="F7103">
        <v>4</v>
      </c>
      <c r="G7103" t="s">
        <v>9</v>
      </c>
      <c r="H7103" t="s">
        <v>15770</v>
      </c>
      <c r="I7103" t="s">
        <v>30540</v>
      </c>
    </row>
    <row r="7104" spans="1:9">
      <c r="A7104" s="1">
        <v>0.7885450395076421</v>
      </c>
      <c r="B7104" s="1"/>
      <c r="C7104">
        <v>16</v>
      </c>
      <c r="D7104" t="s">
        <v>15781</v>
      </c>
      <c r="E7104" t="s">
        <v>32978</v>
      </c>
      <c r="F7104">
        <v>4</v>
      </c>
      <c r="G7104" t="s">
        <v>14</v>
      </c>
      <c r="H7104" t="s">
        <v>15782</v>
      </c>
      <c r="I7104" t="s">
        <v>30540</v>
      </c>
    </row>
    <row r="7105" spans="1:9">
      <c r="A7105" s="1">
        <v>0.45104599135841683</v>
      </c>
      <c r="B7105" s="1"/>
      <c r="C7105">
        <v>10</v>
      </c>
      <c r="D7105" t="s">
        <v>15777</v>
      </c>
      <c r="E7105" t="s">
        <v>32978</v>
      </c>
      <c r="F7105">
        <v>4</v>
      </c>
      <c r="G7105" t="s">
        <v>1</v>
      </c>
      <c r="H7105" t="s">
        <v>15778</v>
      </c>
      <c r="I7105" t="s">
        <v>30540</v>
      </c>
    </row>
    <row r="7106" spans="1:9">
      <c r="A7106" s="1">
        <v>0.7253278000009783</v>
      </c>
      <c r="B7106" s="1"/>
      <c r="C7106">
        <v>4</v>
      </c>
      <c r="D7106" t="s">
        <v>15753</v>
      </c>
      <c r="E7106" t="s">
        <v>32979</v>
      </c>
      <c r="F7106">
        <v>4</v>
      </c>
      <c r="G7106" t="s">
        <v>2</v>
      </c>
      <c r="H7106" t="s">
        <v>15754</v>
      </c>
      <c r="I7106" t="s">
        <v>30540</v>
      </c>
    </row>
    <row r="7107" spans="1:9">
      <c r="A7107" s="1">
        <v>0.15508099879304327</v>
      </c>
      <c r="B7107" s="1"/>
      <c r="C7107">
        <v>15</v>
      </c>
      <c r="D7107" t="s">
        <v>15763</v>
      </c>
      <c r="E7107" t="s">
        <v>32979</v>
      </c>
      <c r="F7107">
        <v>4</v>
      </c>
      <c r="G7107" t="s">
        <v>14</v>
      </c>
      <c r="H7107" t="s">
        <v>15764</v>
      </c>
      <c r="I7107" t="s">
        <v>30540</v>
      </c>
    </row>
    <row r="7108" spans="1:9">
      <c r="A7108" s="1">
        <v>0.71966194315948184</v>
      </c>
      <c r="B7108" s="1"/>
      <c r="C7108">
        <v>5</v>
      </c>
      <c r="D7108" t="s">
        <v>15755</v>
      </c>
      <c r="E7108" t="s">
        <v>32979</v>
      </c>
      <c r="F7108">
        <v>4</v>
      </c>
      <c r="G7108" t="s">
        <v>10</v>
      </c>
      <c r="H7108" t="s">
        <v>15756</v>
      </c>
      <c r="I7108" t="s">
        <v>30540</v>
      </c>
    </row>
    <row r="7109" spans="1:9">
      <c r="A7109" s="1">
        <v>0.8586008527478971</v>
      </c>
      <c r="B7109" s="1"/>
      <c r="C7109">
        <v>17</v>
      </c>
      <c r="D7109" t="s">
        <v>15765</v>
      </c>
      <c r="E7109" t="s">
        <v>32979</v>
      </c>
      <c r="F7109">
        <v>4</v>
      </c>
      <c r="G7109" t="s">
        <v>14</v>
      </c>
      <c r="H7109" t="s">
        <v>15766</v>
      </c>
      <c r="I7109" t="s">
        <v>30540</v>
      </c>
    </row>
    <row r="7110" spans="1:9">
      <c r="A7110" s="1">
        <v>0.34111946594218723</v>
      </c>
      <c r="B7110" s="1"/>
      <c r="C7110">
        <v>14</v>
      </c>
      <c r="D7110" t="s">
        <v>15761</v>
      </c>
      <c r="E7110" t="s">
        <v>32979</v>
      </c>
      <c r="F7110">
        <v>3</v>
      </c>
      <c r="G7110" t="s">
        <v>14</v>
      </c>
      <c r="H7110" t="s">
        <v>15762</v>
      </c>
      <c r="I7110" t="s">
        <v>30540</v>
      </c>
    </row>
    <row r="7111" spans="1:9">
      <c r="A7111" s="1">
        <v>0.61003191757421371</v>
      </c>
      <c r="B7111" s="1"/>
      <c r="C7111">
        <v>13</v>
      </c>
      <c r="D7111" t="s">
        <v>15759</v>
      </c>
      <c r="E7111" t="s">
        <v>32979</v>
      </c>
      <c r="F7111">
        <v>3</v>
      </c>
      <c r="G7111" t="s">
        <v>13</v>
      </c>
      <c r="H7111" t="s">
        <v>15760</v>
      </c>
      <c r="I7111" t="s">
        <v>30540</v>
      </c>
    </row>
    <row r="7112" spans="1:9">
      <c r="A7112" s="1">
        <v>0.20864436145958942</v>
      </c>
      <c r="B7112" s="1"/>
      <c r="C7112">
        <v>3</v>
      </c>
      <c r="D7112" t="s">
        <v>15749</v>
      </c>
      <c r="E7112" t="s">
        <v>32980</v>
      </c>
      <c r="F7112">
        <v>5</v>
      </c>
      <c r="G7112" t="s">
        <v>14</v>
      </c>
      <c r="H7112" t="s">
        <v>15750</v>
      </c>
      <c r="I7112" t="s">
        <v>30540</v>
      </c>
    </row>
    <row r="7113" spans="1:9">
      <c r="A7113" s="1">
        <v>0.29488542307947807</v>
      </c>
      <c r="B7113" s="1"/>
      <c r="C7113">
        <v>8</v>
      </c>
      <c r="D7113" t="s">
        <v>15743</v>
      </c>
      <c r="E7113" t="s">
        <v>32981</v>
      </c>
      <c r="F7113">
        <v>4</v>
      </c>
      <c r="G7113" t="s">
        <v>14</v>
      </c>
      <c r="H7113" t="s">
        <v>15744</v>
      </c>
      <c r="I7113" t="s">
        <v>30540</v>
      </c>
    </row>
    <row r="7114" spans="1:9">
      <c r="A7114" s="1">
        <v>8.9145575628760687E-2</v>
      </c>
      <c r="B7114" s="1"/>
      <c r="C7114">
        <v>15</v>
      </c>
      <c r="D7114" t="s">
        <v>15747</v>
      </c>
      <c r="E7114" t="s">
        <v>32981</v>
      </c>
      <c r="F7114">
        <v>4</v>
      </c>
      <c r="G7114" t="s">
        <v>13</v>
      </c>
      <c r="H7114" t="s">
        <v>15748</v>
      </c>
      <c r="I7114" t="s">
        <v>30540</v>
      </c>
    </row>
    <row r="7115" spans="1:9">
      <c r="A7115" s="1">
        <v>9.5523871841493468E-2</v>
      </c>
      <c r="B7115" s="1"/>
      <c r="C7115">
        <v>9</v>
      </c>
      <c r="D7115" t="s">
        <v>15737</v>
      </c>
      <c r="E7115" t="s">
        <v>32982</v>
      </c>
      <c r="F7115">
        <v>5</v>
      </c>
      <c r="G7115" t="s">
        <v>14</v>
      </c>
      <c r="H7115" t="s">
        <v>15738</v>
      </c>
      <c r="I7115" t="s">
        <v>30540</v>
      </c>
    </row>
    <row r="7116" spans="1:9">
      <c r="A7116" s="1">
        <v>0.59936010042022647</v>
      </c>
      <c r="B7116" s="1"/>
      <c r="C7116">
        <v>4</v>
      </c>
      <c r="D7116" t="s">
        <v>15735</v>
      </c>
      <c r="E7116" t="s">
        <v>32982</v>
      </c>
      <c r="F7116">
        <v>4</v>
      </c>
      <c r="G7116" t="s">
        <v>14</v>
      </c>
      <c r="H7116" t="s">
        <v>15736</v>
      </c>
      <c r="I7116" t="s">
        <v>30540</v>
      </c>
    </row>
    <row r="7117" spans="1:9">
      <c r="A7117" s="1">
        <v>0.76225880403734392</v>
      </c>
      <c r="B7117" s="1"/>
      <c r="C7117">
        <v>13</v>
      </c>
      <c r="D7117" t="s">
        <v>15739</v>
      </c>
      <c r="E7117" t="s">
        <v>32982</v>
      </c>
      <c r="F7117">
        <v>4</v>
      </c>
      <c r="G7117" t="s">
        <v>13</v>
      </c>
      <c r="H7117" t="s">
        <v>15740</v>
      </c>
      <c r="I7117" t="s">
        <v>30540</v>
      </c>
    </row>
    <row r="7118" spans="1:9">
      <c r="A7118" s="1">
        <v>0.51477104594262602</v>
      </c>
      <c r="B7118" s="1"/>
      <c r="C7118">
        <v>2</v>
      </c>
      <c r="D7118" t="s">
        <v>15733</v>
      </c>
      <c r="E7118" t="s">
        <v>32982</v>
      </c>
      <c r="F7118">
        <v>3</v>
      </c>
      <c r="G7118" t="s">
        <v>14</v>
      </c>
      <c r="H7118" t="s">
        <v>15734</v>
      </c>
      <c r="I7118" t="s">
        <v>30540</v>
      </c>
    </row>
    <row r="7119" spans="1:9">
      <c r="A7119" s="1">
        <v>0.59997540911649261</v>
      </c>
      <c r="B7119" s="1"/>
      <c r="C7119">
        <v>16</v>
      </c>
      <c r="D7119" t="s">
        <v>15729</v>
      </c>
      <c r="E7119" t="s">
        <v>32983</v>
      </c>
      <c r="F7119">
        <v>4</v>
      </c>
      <c r="G7119" t="s">
        <v>0</v>
      </c>
      <c r="H7119" t="s">
        <v>15730</v>
      </c>
      <c r="I7119" t="s">
        <v>30540</v>
      </c>
    </row>
    <row r="7120" spans="1:9">
      <c r="A7120" s="1">
        <v>0.13287310147371179</v>
      </c>
      <c r="B7120" s="1"/>
      <c r="C7120">
        <v>13</v>
      </c>
      <c r="D7120" t="s">
        <v>15725</v>
      </c>
      <c r="E7120" t="s">
        <v>32983</v>
      </c>
      <c r="F7120">
        <v>4</v>
      </c>
      <c r="G7120" t="s">
        <v>13</v>
      </c>
      <c r="H7120" t="s">
        <v>15726</v>
      </c>
      <c r="I7120" t="s">
        <v>30540</v>
      </c>
    </row>
    <row r="7121" spans="1:9">
      <c r="A7121" s="1">
        <v>0.65733413883954839</v>
      </c>
      <c r="B7121" s="1"/>
      <c r="C7121">
        <v>15</v>
      </c>
      <c r="D7121" t="s">
        <v>15727</v>
      </c>
      <c r="E7121" t="s">
        <v>32983</v>
      </c>
      <c r="F7121">
        <v>4</v>
      </c>
      <c r="G7121" t="s">
        <v>0</v>
      </c>
      <c r="H7121" t="s">
        <v>15728</v>
      </c>
      <c r="I7121" t="s">
        <v>30540</v>
      </c>
    </row>
    <row r="7122" spans="1:9">
      <c r="A7122" s="1">
        <v>0.69434349945822138</v>
      </c>
      <c r="B7122" s="1"/>
      <c r="C7122">
        <v>10</v>
      </c>
      <c r="D7122" t="s">
        <v>15723</v>
      </c>
      <c r="E7122" t="s">
        <v>32983</v>
      </c>
      <c r="F7122">
        <v>4</v>
      </c>
      <c r="G7122" t="s">
        <v>14</v>
      </c>
      <c r="H7122" t="s">
        <v>15724</v>
      </c>
      <c r="I7122" t="s">
        <v>30540</v>
      </c>
    </row>
    <row r="7123" spans="1:9">
      <c r="A7123" s="1">
        <v>0.69127902529203666</v>
      </c>
      <c r="B7123" s="1"/>
      <c r="C7123">
        <v>17</v>
      </c>
      <c r="D7123" t="s">
        <v>15731</v>
      </c>
      <c r="E7123" t="s">
        <v>32983</v>
      </c>
      <c r="F7123">
        <v>4</v>
      </c>
      <c r="G7123" t="s">
        <v>1</v>
      </c>
      <c r="H7123" t="s">
        <v>15732</v>
      </c>
      <c r="I7123" t="s">
        <v>30540</v>
      </c>
    </row>
    <row r="7124" spans="1:9">
      <c r="A7124" s="1">
        <v>0.30562956264906782</v>
      </c>
      <c r="B7124" s="1"/>
      <c r="C7124">
        <v>17</v>
      </c>
      <c r="D7124" t="s">
        <v>15717</v>
      </c>
      <c r="E7124" t="s">
        <v>32984</v>
      </c>
      <c r="F7124">
        <v>5</v>
      </c>
      <c r="G7124" t="s">
        <v>14</v>
      </c>
      <c r="H7124" t="s">
        <v>15718</v>
      </c>
      <c r="I7124" t="s">
        <v>30540</v>
      </c>
    </row>
    <row r="7125" spans="1:9">
      <c r="A7125" s="1">
        <v>6.3206841526800006E-2</v>
      </c>
      <c r="B7125" s="1"/>
      <c r="C7125">
        <v>14</v>
      </c>
      <c r="D7125" t="s">
        <v>15711</v>
      </c>
      <c r="E7125" t="s">
        <v>32984</v>
      </c>
      <c r="F7125">
        <v>5</v>
      </c>
      <c r="G7125" t="s">
        <v>2</v>
      </c>
      <c r="H7125" t="s">
        <v>15712</v>
      </c>
      <c r="I7125" t="s">
        <v>30540</v>
      </c>
    </row>
    <row r="7126" spans="1:9">
      <c r="A7126" s="1">
        <v>2.4363141224658658E-2</v>
      </c>
      <c r="B7126" s="1"/>
      <c r="C7126">
        <v>15</v>
      </c>
      <c r="D7126" t="s">
        <v>15713</v>
      </c>
      <c r="E7126" t="s">
        <v>32984</v>
      </c>
      <c r="F7126">
        <v>4</v>
      </c>
      <c r="G7126" t="s">
        <v>14</v>
      </c>
      <c r="H7126" t="s">
        <v>15714</v>
      </c>
      <c r="I7126" t="s">
        <v>30540</v>
      </c>
    </row>
    <row r="7127" spans="1:9">
      <c r="A7127" s="1">
        <v>0.73692331176132642</v>
      </c>
      <c r="B7127" s="1"/>
      <c r="C7127">
        <v>16</v>
      </c>
      <c r="D7127" t="s">
        <v>15715</v>
      </c>
      <c r="E7127" t="s">
        <v>32984</v>
      </c>
      <c r="F7127">
        <v>4</v>
      </c>
      <c r="G7127" t="s">
        <v>2</v>
      </c>
      <c r="H7127" t="s">
        <v>15716</v>
      </c>
      <c r="I7127" t="s">
        <v>30540</v>
      </c>
    </row>
    <row r="7128" spans="1:9">
      <c r="A7128" s="1">
        <v>0.7773795462948534</v>
      </c>
      <c r="B7128" s="1"/>
      <c r="C7128">
        <v>6</v>
      </c>
      <c r="D7128" t="s">
        <v>15705</v>
      </c>
      <c r="E7128" t="s">
        <v>32984</v>
      </c>
      <c r="F7128">
        <v>4</v>
      </c>
      <c r="G7128" t="s">
        <v>1</v>
      </c>
      <c r="H7128" t="s">
        <v>15706</v>
      </c>
      <c r="I7128" t="s">
        <v>30540</v>
      </c>
    </row>
    <row r="7129" spans="1:9">
      <c r="A7129" s="1">
        <v>0.31590231825510984</v>
      </c>
      <c r="B7129" s="1"/>
      <c r="C7129">
        <v>5</v>
      </c>
      <c r="D7129" t="s">
        <v>15701</v>
      </c>
      <c r="E7129" t="s">
        <v>32985</v>
      </c>
      <c r="F7129">
        <v>4</v>
      </c>
      <c r="G7129" t="s">
        <v>2</v>
      </c>
      <c r="H7129" t="s">
        <v>15702</v>
      </c>
      <c r="I7129" t="s">
        <v>30540</v>
      </c>
    </row>
    <row r="7130" spans="1:9">
      <c r="A7130" s="1">
        <v>0.7247415997556429</v>
      </c>
      <c r="B7130" s="1"/>
      <c r="C7130">
        <v>14</v>
      </c>
      <c r="D7130" t="s">
        <v>15703</v>
      </c>
      <c r="E7130" t="s">
        <v>32985</v>
      </c>
      <c r="F7130">
        <v>4</v>
      </c>
      <c r="G7130" t="s">
        <v>14</v>
      </c>
      <c r="H7130" t="s">
        <v>15704</v>
      </c>
      <c r="I7130" t="s">
        <v>30540</v>
      </c>
    </row>
    <row r="7131" spans="1:9">
      <c r="A7131" s="1">
        <v>0.20469910936381974</v>
      </c>
      <c r="B7131" s="1"/>
      <c r="C7131">
        <v>3</v>
      </c>
      <c r="D7131" t="s">
        <v>15699</v>
      </c>
      <c r="E7131" t="s">
        <v>32985</v>
      </c>
      <c r="F7131">
        <v>3</v>
      </c>
      <c r="G7131" t="s">
        <v>14</v>
      </c>
      <c r="H7131" t="s">
        <v>15700</v>
      </c>
      <c r="I7131" t="s">
        <v>30540</v>
      </c>
    </row>
    <row r="7132" spans="1:9">
      <c r="A7132" s="1">
        <v>0.39234779967202027</v>
      </c>
      <c r="B7132" s="1"/>
      <c r="C7132">
        <v>3</v>
      </c>
      <c r="D7132" t="s">
        <v>15691</v>
      </c>
      <c r="E7132" t="s">
        <v>32986</v>
      </c>
      <c r="F7132">
        <v>5</v>
      </c>
      <c r="G7132" t="s">
        <v>775</v>
      </c>
      <c r="H7132" t="s">
        <v>15692</v>
      </c>
      <c r="I7132" t="s">
        <v>30540</v>
      </c>
    </row>
    <row r="7133" spans="1:9">
      <c r="A7133" s="1">
        <v>0.4554137111071368</v>
      </c>
      <c r="B7133" s="1"/>
      <c r="C7133">
        <v>8</v>
      </c>
      <c r="D7133" t="s">
        <v>15693</v>
      </c>
      <c r="E7133" t="s">
        <v>32986</v>
      </c>
      <c r="F7133">
        <v>5</v>
      </c>
      <c r="G7133" t="s">
        <v>1431</v>
      </c>
      <c r="H7133" t="s">
        <v>15694</v>
      </c>
      <c r="I7133" t="s">
        <v>30540</v>
      </c>
    </row>
    <row r="7134" spans="1:9">
      <c r="A7134" s="1">
        <v>0.61055329262626967</v>
      </c>
      <c r="B7134" s="1"/>
      <c r="C7134">
        <v>17</v>
      </c>
      <c r="D7134" t="s">
        <v>15695</v>
      </c>
      <c r="E7134" t="s">
        <v>32986</v>
      </c>
      <c r="F7134">
        <v>4</v>
      </c>
      <c r="G7134" t="s">
        <v>14</v>
      </c>
      <c r="H7134" t="s">
        <v>15696</v>
      </c>
      <c r="I7134" t="s">
        <v>30540</v>
      </c>
    </row>
    <row r="7135" spans="1:9">
      <c r="A7135" s="1">
        <v>0.39902400792720272</v>
      </c>
      <c r="B7135" s="1"/>
      <c r="C7135">
        <v>14</v>
      </c>
      <c r="D7135" t="s">
        <v>15687</v>
      </c>
      <c r="E7135" t="s">
        <v>32987</v>
      </c>
      <c r="F7135">
        <v>5</v>
      </c>
      <c r="G7135" t="s">
        <v>14</v>
      </c>
      <c r="H7135" t="s">
        <v>15688</v>
      </c>
      <c r="I7135" t="s">
        <v>30540</v>
      </c>
    </row>
    <row r="7136" spans="1:9">
      <c r="A7136" s="1">
        <v>0.95418767771056123</v>
      </c>
      <c r="B7136" s="1"/>
      <c r="C7136">
        <v>8</v>
      </c>
      <c r="D7136" t="s">
        <v>15685</v>
      </c>
      <c r="E7136" t="s">
        <v>32987</v>
      </c>
      <c r="F7136">
        <v>4</v>
      </c>
      <c r="G7136" t="s">
        <v>0</v>
      </c>
      <c r="H7136" t="s">
        <v>15686</v>
      </c>
      <c r="I7136" t="s">
        <v>30540</v>
      </c>
    </row>
    <row r="7137" spans="1:9">
      <c r="A7137" s="1">
        <v>0.40246800976944763</v>
      </c>
      <c r="B7137" s="1"/>
      <c r="C7137">
        <v>16</v>
      </c>
      <c r="D7137" t="s">
        <v>15689</v>
      </c>
      <c r="E7137" t="s">
        <v>32987</v>
      </c>
      <c r="F7137">
        <v>4</v>
      </c>
      <c r="G7137" t="s">
        <v>13</v>
      </c>
      <c r="H7137" t="s">
        <v>15690</v>
      </c>
      <c r="I7137" t="s">
        <v>30540</v>
      </c>
    </row>
    <row r="7138" spans="1:9">
      <c r="A7138" s="1">
        <v>0.533797151675384</v>
      </c>
      <c r="B7138" s="1"/>
      <c r="C7138">
        <v>6</v>
      </c>
      <c r="D7138" t="s">
        <v>15683</v>
      </c>
      <c r="E7138" t="s">
        <v>32987</v>
      </c>
      <c r="F7138">
        <v>4</v>
      </c>
      <c r="G7138" t="s">
        <v>14</v>
      </c>
      <c r="H7138" t="s">
        <v>15684</v>
      </c>
      <c r="I7138" t="s">
        <v>30540</v>
      </c>
    </row>
    <row r="7139" spans="1:9">
      <c r="A7139" s="1">
        <v>5.0753525498989926E-2</v>
      </c>
      <c r="B7139" s="1"/>
      <c r="C7139">
        <v>6</v>
      </c>
      <c r="D7139" t="s">
        <v>15673</v>
      </c>
      <c r="E7139" t="s">
        <v>32988</v>
      </c>
      <c r="F7139">
        <v>5</v>
      </c>
      <c r="G7139" t="s">
        <v>15</v>
      </c>
      <c r="H7139" t="s">
        <v>15674</v>
      </c>
      <c r="I7139" t="s">
        <v>30540</v>
      </c>
    </row>
    <row r="7140" spans="1:9">
      <c r="A7140" s="1">
        <v>4.3250278444281198E-2</v>
      </c>
      <c r="B7140" s="1"/>
      <c r="C7140">
        <v>5</v>
      </c>
      <c r="D7140" t="s">
        <v>15671</v>
      </c>
      <c r="E7140" t="s">
        <v>32988</v>
      </c>
      <c r="F7140">
        <v>4</v>
      </c>
      <c r="G7140" t="s">
        <v>10</v>
      </c>
      <c r="H7140" t="s">
        <v>15672</v>
      </c>
      <c r="I7140" t="s">
        <v>30540</v>
      </c>
    </row>
    <row r="7141" spans="1:9">
      <c r="A7141" s="1">
        <v>0.19701499998334238</v>
      </c>
      <c r="B7141" s="1"/>
      <c r="C7141">
        <v>3</v>
      </c>
      <c r="D7141" t="s">
        <v>15669</v>
      </c>
      <c r="E7141" t="s">
        <v>32988</v>
      </c>
      <c r="F7141">
        <v>4</v>
      </c>
      <c r="G7141" t="s">
        <v>10</v>
      </c>
      <c r="H7141" t="s">
        <v>15670</v>
      </c>
      <c r="I7141" t="s">
        <v>30540</v>
      </c>
    </row>
    <row r="7142" spans="1:9">
      <c r="A7142" s="1">
        <v>0.52304343399954367</v>
      </c>
      <c r="B7142" s="1"/>
      <c r="C7142">
        <v>18</v>
      </c>
      <c r="D7142" t="s">
        <v>15679</v>
      </c>
      <c r="E7142" t="s">
        <v>32988</v>
      </c>
      <c r="F7142">
        <v>4</v>
      </c>
      <c r="G7142" t="s">
        <v>14</v>
      </c>
      <c r="H7142" t="s">
        <v>15680</v>
      </c>
      <c r="I7142" t="s">
        <v>30540</v>
      </c>
    </row>
    <row r="7143" spans="1:9">
      <c r="A7143" s="1">
        <v>0.84243459744329729</v>
      </c>
      <c r="B7143" s="1"/>
      <c r="C7143">
        <v>10</v>
      </c>
      <c r="D7143" t="s">
        <v>15675</v>
      </c>
      <c r="E7143" t="s">
        <v>32988</v>
      </c>
      <c r="F7143">
        <v>4</v>
      </c>
      <c r="G7143" t="s">
        <v>13</v>
      </c>
      <c r="H7143" t="s">
        <v>15676</v>
      </c>
      <c r="I7143" t="s">
        <v>30540</v>
      </c>
    </row>
    <row r="7144" spans="1:9">
      <c r="A7144" s="1">
        <v>0.367957934935352</v>
      </c>
      <c r="B7144" s="1"/>
      <c r="C7144">
        <v>14</v>
      </c>
      <c r="D7144" t="s">
        <v>15661</v>
      </c>
      <c r="E7144" t="s">
        <v>32989</v>
      </c>
      <c r="F7144">
        <v>4</v>
      </c>
      <c r="G7144" t="s">
        <v>13</v>
      </c>
      <c r="H7144" t="s">
        <v>15662</v>
      </c>
      <c r="I7144" t="s">
        <v>30540</v>
      </c>
    </row>
    <row r="7145" spans="1:9">
      <c r="A7145" s="1">
        <v>0.28001943453456013</v>
      </c>
      <c r="B7145" s="1"/>
      <c r="C7145">
        <v>15</v>
      </c>
      <c r="D7145" t="s">
        <v>15663</v>
      </c>
      <c r="E7145" t="s">
        <v>32989</v>
      </c>
      <c r="F7145">
        <v>4</v>
      </c>
      <c r="G7145" t="s">
        <v>13</v>
      </c>
      <c r="H7145" t="s">
        <v>15664</v>
      </c>
      <c r="I7145" t="s">
        <v>30540</v>
      </c>
    </row>
    <row r="7146" spans="1:9">
      <c r="A7146" s="1">
        <v>0.3977000363904083</v>
      </c>
      <c r="B7146" s="1"/>
      <c r="C7146">
        <v>5</v>
      </c>
      <c r="D7146" t="s">
        <v>15657</v>
      </c>
      <c r="E7146" t="s">
        <v>32989</v>
      </c>
      <c r="F7146">
        <v>4</v>
      </c>
      <c r="G7146" t="s">
        <v>14</v>
      </c>
      <c r="H7146" t="s">
        <v>15658</v>
      </c>
      <c r="I7146" t="s">
        <v>30540</v>
      </c>
    </row>
    <row r="7147" spans="1:9">
      <c r="A7147" s="1">
        <v>0.46041106774649054</v>
      </c>
      <c r="B7147" s="1"/>
      <c r="C7147">
        <v>10</v>
      </c>
      <c r="D7147" t="s">
        <v>15659</v>
      </c>
      <c r="E7147" t="s">
        <v>32989</v>
      </c>
      <c r="F7147">
        <v>4</v>
      </c>
      <c r="G7147" t="s">
        <v>14</v>
      </c>
      <c r="H7147" t="s">
        <v>15660</v>
      </c>
      <c r="I7147" t="s">
        <v>30540</v>
      </c>
    </row>
    <row r="7148" spans="1:9">
      <c r="A7148" s="1">
        <v>0.942234621873001</v>
      </c>
      <c r="B7148" s="1"/>
      <c r="C7148">
        <v>16</v>
      </c>
      <c r="D7148" t="s">
        <v>15653</v>
      </c>
      <c r="E7148" t="s">
        <v>32990</v>
      </c>
      <c r="F7148">
        <v>5</v>
      </c>
      <c r="G7148" t="s">
        <v>10</v>
      </c>
      <c r="H7148" t="s">
        <v>15654</v>
      </c>
      <c r="I7148" t="s">
        <v>30540</v>
      </c>
    </row>
    <row r="7149" spans="1:9">
      <c r="A7149" s="1">
        <v>0.839682136892963</v>
      </c>
      <c r="B7149" s="1"/>
      <c r="C7149">
        <v>10</v>
      </c>
      <c r="D7149" t="s">
        <v>15651</v>
      </c>
      <c r="E7149" t="s">
        <v>32990</v>
      </c>
      <c r="F7149">
        <v>4</v>
      </c>
      <c r="G7149" t="s">
        <v>10</v>
      </c>
      <c r="H7149" t="s">
        <v>15652</v>
      </c>
      <c r="I7149" t="s">
        <v>30540</v>
      </c>
    </row>
    <row r="7150" spans="1:9">
      <c r="A7150" s="1">
        <v>0.14312792089277793</v>
      </c>
      <c r="B7150" s="1"/>
      <c r="C7150">
        <v>18</v>
      </c>
      <c r="D7150" t="s">
        <v>15655</v>
      </c>
      <c r="E7150" t="s">
        <v>32990</v>
      </c>
      <c r="F7150">
        <v>4</v>
      </c>
      <c r="G7150" t="s">
        <v>10</v>
      </c>
      <c r="H7150" t="s">
        <v>15656</v>
      </c>
      <c r="I7150" t="s">
        <v>30540</v>
      </c>
    </row>
    <row r="7151" spans="1:9">
      <c r="A7151" s="1">
        <v>0.16072305070523196</v>
      </c>
      <c r="B7151" s="1"/>
      <c r="C7151">
        <v>2</v>
      </c>
      <c r="D7151" t="s">
        <v>15639</v>
      </c>
      <c r="E7151" t="s">
        <v>32991</v>
      </c>
      <c r="F7151">
        <v>5</v>
      </c>
      <c r="G7151" t="s">
        <v>762</v>
      </c>
      <c r="H7151" t="s">
        <v>15640</v>
      </c>
      <c r="I7151" t="s">
        <v>30540</v>
      </c>
    </row>
    <row r="7152" spans="1:9">
      <c r="A7152" s="1">
        <v>0.77611918346140774</v>
      </c>
      <c r="B7152" s="1"/>
      <c r="C7152">
        <v>4</v>
      </c>
      <c r="D7152" t="s">
        <v>15643</v>
      </c>
      <c r="E7152" t="s">
        <v>32991</v>
      </c>
      <c r="F7152">
        <v>5</v>
      </c>
      <c r="G7152" t="s">
        <v>13</v>
      </c>
      <c r="H7152" t="s">
        <v>15644</v>
      </c>
      <c r="I7152" t="s">
        <v>30540</v>
      </c>
    </row>
    <row r="7153" spans="1:9">
      <c r="A7153" s="1">
        <v>3.3709713927098761E-2</v>
      </c>
      <c r="B7153" s="1"/>
      <c r="C7153">
        <v>3</v>
      </c>
      <c r="D7153" t="s">
        <v>15641</v>
      </c>
      <c r="E7153" t="s">
        <v>32991</v>
      </c>
      <c r="F7153">
        <v>4</v>
      </c>
      <c r="G7153" t="s">
        <v>2</v>
      </c>
      <c r="H7153" t="s">
        <v>15642</v>
      </c>
      <c r="I7153" t="s">
        <v>30540</v>
      </c>
    </row>
    <row r="7154" spans="1:9">
      <c r="A7154" s="1">
        <v>0.81899953147731397</v>
      </c>
      <c r="B7154" s="1"/>
      <c r="C7154">
        <v>18</v>
      </c>
      <c r="D7154" t="s">
        <v>15649</v>
      </c>
      <c r="E7154" t="s">
        <v>32991</v>
      </c>
      <c r="F7154">
        <v>4</v>
      </c>
      <c r="G7154" t="s">
        <v>766</v>
      </c>
      <c r="H7154" t="s">
        <v>15650</v>
      </c>
      <c r="I7154" t="s">
        <v>30540</v>
      </c>
    </row>
    <row r="7155" spans="1:9">
      <c r="A7155" s="1">
        <v>0.15699293117368707</v>
      </c>
      <c r="B7155" s="1"/>
      <c r="C7155">
        <v>12</v>
      </c>
      <c r="D7155" t="s">
        <v>15637</v>
      </c>
      <c r="E7155" t="s">
        <v>32992</v>
      </c>
      <c r="F7155">
        <v>4</v>
      </c>
      <c r="G7155" t="s">
        <v>13</v>
      </c>
      <c r="H7155" t="s">
        <v>15638</v>
      </c>
      <c r="I7155" t="s">
        <v>30540</v>
      </c>
    </row>
    <row r="7156" spans="1:9">
      <c r="A7156" s="1">
        <v>0.56590142432657431</v>
      </c>
      <c r="B7156" s="1"/>
      <c r="C7156">
        <v>11</v>
      </c>
      <c r="D7156" t="s">
        <v>15635</v>
      </c>
      <c r="E7156" t="s">
        <v>32992</v>
      </c>
      <c r="F7156">
        <v>4</v>
      </c>
      <c r="G7156" t="s">
        <v>14</v>
      </c>
      <c r="H7156" t="s">
        <v>15636</v>
      </c>
      <c r="I7156" t="s">
        <v>30540</v>
      </c>
    </row>
    <row r="7157" spans="1:9">
      <c r="A7157" s="1">
        <v>0.12129115147037006</v>
      </c>
      <c r="B7157" s="1"/>
      <c r="C7157">
        <v>7</v>
      </c>
      <c r="D7157" t="s">
        <v>15633</v>
      </c>
      <c r="E7157" t="s">
        <v>32992</v>
      </c>
      <c r="F7157">
        <v>4</v>
      </c>
      <c r="G7157" t="s">
        <v>1</v>
      </c>
      <c r="H7157" t="s">
        <v>15634</v>
      </c>
      <c r="I7157" t="s">
        <v>30540</v>
      </c>
    </row>
    <row r="7158" spans="1:9">
      <c r="A7158" s="1">
        <v>0.49273505523184535</v>
      </c>
      <c r="B7158" s="1"/>
      <c r="C7158">
        <v>12</v>
      </c>
      <c r="D7158" t="s">
        <v>15627</v>
      </c>
      <c r="E7158" t="s">
        <v>32993</v>
      </c>
      <c r="F7158">
        <v>5</v>
      </c>
      <c r="G7158" t="s">
        <v>15</v>
      </c>
      <c r="H7158" t="s">
        <v>15628</v>
      </c>
      <c r="I7158" t="s">
        <v>30540</v>
      </c>
    </row>
    <row r="7159" spans="1:9">
      <c r="A7159" s="1">
        <v>0.44544862951119579</v>
      </c>
      <c r="B7159" s="1"/>
      <c r="C7159">
        <v>7</v>
      </c>
      <c r="D7159" t="s">
        <v>15623</v>
      </c>
      <c r="E7159" t="s">
        <v>32993</v>
      </c>
      <c r="F7159">
        <v>4</v>
      </c>
      <c r="G7159" t="s">
        <v>1</v>
      </c>
      <c r="H7159" t="s">
        <v>15624</v>
      </c>
      <c r="I7159" t="s">
        <v>30540</v>
      </c>
    </row>
    <row r="7160" spans="1:9">
      <c r="A7160" s="1">
        <v>0.69511912876906745</v>
      </c>
      <c r="B7160" s="1"/>
      <c r="C7160">
        <v>18</v>
      </c>
      <c r="D7160" t="s">
        <v>15631</v>
      </c>
      <c r="E7160" t="s">
        <v>32993</v>
      </c>
      <c r="F7160">
        <v>4</v>
      </c>
      <c r="G7160" t="s">
        <v>10</v>
      </c>
      <c r="H7160" t="s">
        <v>15632</v>
      </c>
      <c r="I7160" t="s">
        <v>30540</v>
      </c>
    </row>
    <row r="7161" spans="1:9">
      <c r="A7161" s="1">
        <v>0.99401916231628373</v>
      </c>
      <c r="B7161" s="1"/>
      <c r="C7161">
        <v>5</v>
      </c>
      <c r="D7161" t="s">
        <v>15621</v>
      </c>
      <c r="E7161" t="s">
        <v>32993</v>
      </c>
      <c r="F7161">
        <v>4</v>
      </c>
      <c r="G7161" t="s">
        <v>14</v>
      </c>
      <c r="H7161" t="s">
        <v>15622</v>
      </c>
      <c r="I7161" t="s">
        <v>30540</v>
      </c>
    </row>
    <row r="7162" spans="1:9">
      <c r="A7162" s="1">
        <v>0.23817654168258728</v>
      </c>
      <c r="B7162" s="1"/>
      <c r="C7162">
        <v>4</v>
      </c>
      <c r="D7162" t="s">
        <v>15619</v>
      </c>
      <c r="E7162" t="s">
        <v>32993</v>
      </c>
      <c r="F7162">
        <v>4</v>
      </c>
      <c r="G7162" t="s">
        <v>10</v>
      </c>
      <c r="H7162" t="s">
        <v>15620</v>
      </c>
      <c r="I7162" t="s">
        <v>30540</v>
      </c>
    </row>
    <row r="7163" spans="1:9">
      <c r="A7163" s="1">
        <v>0.62503407203145911</v>
      </c>
      <c r="B7163" s="1"/>
      <c r="C7163">
        <v>9</v>
      </c>
      <c r="D7163" t="s">
        <v>15625</v>
      </c>
      <c r="E7163" t="s">
        <v>32993</v>
      </c>
      <c r="F7163">
        <v>4</v>
      </c>
      <c r="G7163" t="s">
        <v>0</v>
      </c>
      <c r="H7163" t="s">
        <v>15626</v>
      </c>
      <c r="I7163" t="s">
        <v>30540</v>
      </c>
    </row>
    <row r="7164" spans="1:9">
      <c r="A7164" s="1">
        <v>0.55179250555744863</v>
      </c>
      <c r="B7164" s="1"/>
      <c r="C7164">
        <v>2</v>
      </c>
      <c r="D7164" t="s">
        <v>15603</v>
      </c>
      <c r="E7164" t="s">
        <v>32994</v>
      </c>
      <c r="F7164">
        <v>4</v>
      </c>
      <c r="G7164" t="s">
        <v>13</v>
      </c>
      <c r="H7164" t="s">
        <v>15604</v>
      </c>
      <c r="I7164" t="s">
        <v>30540</v>
      </c>
    </row>
    <row r="7165" spans="1:9">
      <c r="A7165" s="1">
        <v>0.4024271386307009</v>
      </c>
      <c r="B7165" s="1"/>
      <c r="C7165">
        <v>11</v>
      </c>
      <c r="D7165" t="s">
        <v>15609</v>
      </c>
      <c r="E7165" t="s">
        <v>32994</v>
      </c>
      <c r="F7165">
        <v>4</v>
      </c>
      <c r="G7165" t="s">
        <v>14</v>
      </c>
      <c r="H7165" t="s">
        <v>15610</v>
      </c>
      <c r="I7165" t="s">
        <v>30540</v>
      </c>
    </row>
    <row r="7166" spans="1:9">
      <c r="A7166" s="1">
        <v>0.39460064495005975</v>
      </c>
      <c r="B7166" s="1"/>
      <c r="C7166">
        <v>12</v>
      </c>
      <c r="D7166" t="s">
        <v>15611</v>
      </c>
      <c r="E7166" t="s">
        <v>32994</v>
      </c>
      <c r="F7166">
        <v>4</v>
      </c>
      <c r="G7166" t="s">
        <v>14</v>
      </c>
      <c r="H7166" t="s">
        <v>15612</v>
      </c>
      <c r="I7166" t="s">
        <v>30540</v>
      </c>
    </row>
    <row r="7167" spans="1:9">
      <c r="A7167" s="1">
        <v>0.42568234532916438</v>
      </c>
      <c r="B7167" s="1"/>
      <c r="C7167">
        <v>7</v>
      </c>
      <c r="D7167" t="s">
        <v>15605</v>
      </c>
      <c r="E7167" t="s">
        <v>32994</v>
      </c>
      <c r="F7167">
        <v>4</v>
      </c>
      <c r="G7167" t="s">
        <v>2</v>
      </c>
      <c r="H7167" t="s">
        <v>15606</v>
      </c>
      <c r="I7167" t="s">
        <v>30540</v>
      </c>
    </row>
    <row r="7168" spans="1:9">
      <c r="A7168" s="1">
        <v>3.6290293068046098E-2</v>
      </c>
      <c r="B7168" s="1"/>
      <c r="C7168">
        <v>10</v>
      </c>
      <c r="D7168" t="s">
        <v>15607</v>
      </c>
      <c r="E7168" t="s">
        <v>32994</v>
      </c>
      <c r="F7168">
        <v>4</v>
      </c>
      <c r="G7168" t="s">
        <v>0</v>
      </c>
      <c r="H7168" t="s">
        <v>15608</v>
      </c>
      <c r="I7168" t="s">
        <v>30540</v>
      </c>
    </row>
    <row r="7169" spans="1:9">
      <c r="A7169" s="1">
        <v>0.38918051760019068</v>
      </c>
      <c r="B7169" s="1"/>
      <c r="C7169">
        <v>17</v>
      </c>
      <c r="D7169" t="s">
        <v>15615</v>
      </c>
      <c r="E7169" t="s">
        <v>32994</v>
      </c>
      <c r="F7169">
        <v>4</v>
      </c>
      <c r="G7169" t="s">
        <v>14</v>
      </c>
      <c r="H7169" t="s">
        <v>15616</v>
      </c>
      <c r="I7169" t="s">
        <v>30540</v>
      </c>
    </row>
    <row r="7170" spans="1:9">
      <c r="A7170" s="1">
        <v>0.77329668202055535</v>
      </c>
      <c r="B7170" s="1"/>
      <c r="C7170">
        <v>19</v>
      </c>
      <c r="D7170" t="s">
        <v>15617</v>
      </c>
      <c r="E7170" t="s">
        <v>32994</v>
      </c>
      <c r="F7170">
        <v>4</v>
      </c>
      <c r="G7170" t="s">
        <v>14</v>
      </c>
      <c r="H7170" t="s">
        <v>15618</v>
      </c>
      <c r="I7170" t="s">
        <v>30540</v>
      </c>
    </row>
    <row r="7171" spans="1:9">
      <c r="A7171" s="1">
        <v>0.83032380466796685</v>
      </c>
      <c r="B7171" s="1"/>
      <c r="C7171">
        <v>9</v>
      </c>
      <c r="D7171" t="s">
        <v>15593</v>
      </c>
      <c r="E7171" t="s">
        <v>32995</v>
      </c>
      <c r="F7171">
        <v>5</v>
      </c>
      <c r="G7171" t="s">
        <v>14</v>
      </c>
      <c r="H7171" t="s">
        <v>15594</v>
      </c>
      <c r="I7171" t="s">
        <v>30540</v>
      </c>
    </row>
    <row r="7172" spans="1:9">
      <c r="A7172" s="1">
        <v>0.41642156287898413</v>
      </c>
      <c r="B7172" s="1"/>
      <c r="C7172">
        <v>11</v>
      </c>
      <c r="D7172" t="s">
        <v>15595</v>
      </c>
      <c r="E7172" t="s">
        <v>32995</v>
      </c>
      <c r="F7172">
        <v>5</v>
      </c>
      <c r="G7172" t="s">
        <v>0</v>
      </c>
      <c r="H7172" t="s">
        <v>15596</v>
      </c>
      <c r="I7172" t="s">
        <v>30540</v>
      </c>
    </row>
    <row r="7173" spans="1:9">
      <c r="A7173" s="1">
        <v>0.22530299798703357</v>
      </c>
      <c r="B7173" s="1"/>
      <c r="C7173">
        <v>20</v>
      </c>
      <c r="D7173" t="s">
        <v>15601</v>
      </c>
      <c r="E7173" t="s">
        <v>32995</v>
      </c>
      <c r="F7173">
        <v>4</v>
      </c>
      <c r="G7173" t="s">
        <v>14</v>
      </c>
      <c r="H7173" t="s">
        <v>15602</v>
      </c>
      <c r="I7173" t="s">
        <v>30540</v>
      </c>
    </row>
    <row r="7174" spans="1:9">
      <c r="A7174" s="1">
        <v>3.7565526798984283E-2</v>
      </c>
      <c r="B7174" s="1"/>
      <c r="C7174">
        <v>2</v>
      </c>
      <c r="D7174" t="s">
        <v>15589</v>
      </c>
      <c r="E7174" t="s">
        <v>32995</v>
      </c>
      <c r="F7174">
        <v>4</v>
      </c>
      <c r="G7174" t="s">
        <v>14</v>
      </c>
      <c r="H7174" t="s">
        <v>15590</v>
      </c>
      <c r="I7174" t="s">
        <v>30540</v>
      </c>
    </row>
    <row r="7175" spans="1:9">
      <c r="A7175" s="1">
        <v>0.76173509366901127</v>
      </c>
      <c r="B7175" s="1"/>
      <c r="C7175">
        <v>16</v>
      </c>
      <c r="D7175" t="s">
        <v>15597</v>
      </c>
      <c r="E7175" t="s">
        <v>32995</v>
      </c>
      <c r="F7175">
        <v>4</v>
      </c>
      <c r="G7175" t="s">
        <v>14</v>
      </c>
      <c r="H7175" t="s">
        <v>15598</v>
      </c>
      <c r="I7175" t="s">
        <v>30540</v>
      </c>
    </row>
    <row r="7176" spans="1:9">
      <c r="A7176" s="1">
        <v>0.72107833941543986</v>
      </c>
      <c r="B7176" s="1"/>
      <c r="C7176">
        <v>1</v>
      </c>
      <c r="D7176" t="s">
        <v>15587</v>
      </c>
      <c r="E7176" t="s">
        <v>32995</v>
      </c>
      <c r="F7176">
        <v>4</v>
      </c>
      <c r="G7176" t="s">
        <v>10</v>
      </c>
      <c r="H7176" t="s">
        <v>15588</v>
      </c>
      <c r="I7176" t="s">
        <v>30540</v>
      </c>
    </row>
    <row r="7177" spans="1:9">
      <c r="A7177" s="1">
        <v>0.45388060667738683</v>
      </c>
      <c r="B7177" s="1"/>
      <c r="C7177">
        <v>17</v>
      </c>
      <c r="D7177" t="s">
        <v>15585</v>
      </c>
      <c r="E7177" t="s">
        <v>32996</v>
      </c>
      <c r="F7177">
        <v>5</v>
      </c>
      <c r="G7177" t="s">
        <v>14</v>
      </c>
      <c r="H7177" t="s">
        <v>15586</v>
      </c>
      <c r="I7177" t="s">
        <v>30540</v>
      </c>
    </row>
    <row r="7178" spans="1:9">
      <c r="A7178" s="1">
        <v>0.7082561791822769</v>
      </c>
      <c r="B7178" s="1"/>
      <c r="C7178">
        <v>9</v>
      </c>
      <c r="D7178" t="s">
        <v>15583</v>
      </c>
      <c r="E7178" t="s">
        <v>32996</v>
      </c>
      <c r="F7178">
        <v>4</v>
      </c>
      <c r="G7178" t="s">
        <v>2</v>
      </c>
      <c r="H7178" t="s">
        <v>15584</v>
      </c>
      <c r="I7178" t="s">
        <v>30540</v>
      </c>
    </row>
    <row r="7179" spans="1:9">
      <c r="A7179" s="1">
        <v>0.23149489738733908</v>
      </c>
      <c r="B7179" s="1"/>
      <c r="C7179">
        <v>17</v>
      </c>
      <c r="D7179" t="s">
        <v>15579</v>
      </c>
      <c r="E7179" t="s">
        <v>32997</v>
      </c>
      <c r="F7179">
        <v>4</v>
      </c>
      <c r="G7179" t="s">
        <v>14</v>
      </c>
      <c r="H7179" t="s">
        <v>15580</v>
      </c>
      <c r="I7179" t="s">
        <v>30540</v>
      </c>
    </row>
    <row r="7180" spans="1:9">
      <c r="A7180" s="1">
        <v>2.1425502396521523E-4</v>
      </c>
      <c r="B7180" s="1"/>
      <c r="C7180">
        <v>6</v>
      </c>
      <c r="D7180" t="s">
        <v>15571</v>
      </c>
      <c r="E7180" t="s">
        <v>32997</v>
      </c>
      <c r="F7180">
        <v>4</v>
      </c>
      <c r="G7180" t="s">
        <v>13</v>
      </c>
      <c r="H7180" t="s">
        <v>15572</v>
      </c>
      <c r="I7180" t="s">
        <v>30540</v>
      </c>
    </row>
    <row r="7181" spans="1:9">
      <c r="A7181" s="1">
        <v>0.271298039681791</v>
      </c>
      <c r="B7181" s="1"/>
      <c r="C7181">
        <v>13</v>
      </c>
      <c r="D7181" t="s">
        <v>15575</v>
      </c>
      <c r="E7181" t="s">
        <v>32997</v>
      </c>
      <c r="F7181">
        <v>4</v>
      </c>
      <c r="G7181" t="s">
        <v>0</v>
      </c>
      <c r="H7181" t="s">
        <v>15576</v>
      </c>
      <c r="I7181" t="s">
        <v>30540</v>
      </c>
    </row>
    <row r="7182" spans="1:9">
      <c r="A7182" s="1">
        <v>0.82538422221530017</v>
      </c>
      <c r="B7182" s="1"/>
      <c r="C7182">
        <v>9</v>
      </c>
      <c r="D7182" t="s">
        <v>15573</v>
      </c>
      <c r="E7182" t="s">
        <v>32997</v>
      </c>
      <c r="F7182">
        <v>4</v>
      </c>
      <c r="G7182" t="s">
        <v>14</v>
      </c>
      <c r="H7182" t="s">
        <v>15574</v>
      </c>
      <c r="I7182" t="s">
        <v>30540</v>
      </c>
    </row>
    <row r="7183" spans="1:9">
      <c r="A7183" s="1">
        <v>0.42036286562667757</v>
      </c>
      <c r="B7183" s="1"/>
      <c r="C7183">
        <v>15</v>
      </c>
      <c r="D7183" t="s">
        <v>15577</v>
      </c>
      <c r="E7183" t="s">
        <v>32997</v>
      </c>
      <c r="F7183">
        <v>4</v>
      </c>
      <c r="G7183" t="s">
        <v>13</v>
      </c>
      <c r="H7183" t="s">
        <v>15578</v>
      </c>
      <c r="I7183" t="s">
        <v>30540</v>
      </c>
    </row>
    <row r="7184" spans="1:9">
      <c r="A7184" s="1">
        <v>0.45004257214096699</v>
      </c>
      <c r="B7184" s="1"/>
      <c r="C7184">
        <v>5</v>
      </c>
      <c r="D7184" t="s">
        <v>15559</v>
      </c>
      <c r="E7184" t="s">
        <v>32998</v>
      </c>
      <c r="F7184">
        <v>4</v>
      </c>
      <c r="G7184" t="s">
        <v>14</v>
      </c>
      <c r="H7184" t="s">
        <v>15560</v>
      </c>
      <c r="I7184" t="s">
        <v>30540</v>
      </c>
    </row>
    <row r="7185" spans="1:9">
      <c r="A7185" s="1">
        <v>0.99117775329776348</v>
      </c>
      <c r="B7185" s="1"/>
      <c r="C7185">
        <v>6</v>
      </c>
      <c r="D7185" t="s">
        <v>15561</v>
      </c>
      <c r="E7185" t="s">
        <v>32998</v>
      </c>
      <c r="F7185">
        <v>4</v>
      </c>
      <c r="G7185" t="s">
        <v>14</v>
      </c>
      <c r="H7185" t="s">
        <v>15562</v>
      </c>
      <c r="I7185" t="s">
        <v>30540</v>
      </c>
    </row>
    <row r="7186" spans="1:9">
      <c r="A7186" s="1">
        <v>0.92254865819422105</v>
      </c>
      <c r="B7186" s="1"/>
      <c r="C7186">
        <v>9</v>
      </c>
      <c r="D7186" t="s">
        <v>15563</v>
      </c>
      <c r="E7186" t="s">
        <v>32998</v>
      </c>
      <c r="F7186">
        <v>4</v>
      </c>
      <c r="G7186" t="s">
        <v>1</v>
      </c>
      <c r="H7186" t="s">
        <v>15564</v>
      </c>
      <c r="I7186" t="s">
        <v>30540</v>
      </c>
    </row>
    <row r="7187" spans="1:9">
      <c r="A7187" s="1">
        <v>0.78080845074935057</v>
      </c>
      <c r="B7187" s="1"/>
      <c r="C7187">
        <v>18</v>
      </c>
      <c r="D7187" t="s">
        <v>15567</v>
      </c>
      <c r="E7187" t="s">
        <v>32998</v>
      </c>
      <c r="F7187">
        <v>4</v>
      </c>
      <c r="G7187" t="s">
        <v>0</v>
      </c>
      <c r="H7187" t="s">
        <v>15568</v>
      </c>
      <c r="I7187" t="s">
        <v>30540</v>
      </c>
    </row>
    <row r="7188" spans="1:9">
      <c r="A7188" s="1">
        <v>0.31885050462521325</v>
      </c>
      <c r="B7188" s="1"/>
      <c r="C7188">
        <v>19</v>
      </c>
      <c r="D7188" t="s">
        <v>15569</v>
      </c>
      <c r="E7188" t="s">
        <v>32998</v>
      </c>
      <c r="F7188">
        <v>4</v>
      </c>
      <c r="G7188" t="s">
        <v>2</v>
      </c>
      <c r="H7188" t="s">
        <v>15570</v>
      </c>
      <c r="I7188" t="s">
        <v>30540</v>
      </c>
    </row>
    <row r="7189" spans="1:9">
      <c r="A7189" s="1">
        <v>0.34500149023483151</v>
      </c>
      <c r="B7189" s="1"/>
      <c r="C7189">
        <v>1</v>
      </c>
      <c r="D7189" t="s">
        <v>15557</v>
      </c>
      <c r="E7189" t="s">
        <v>32998</v>
      </c>
      <c r="F7189">
        <v>4</v>
      </c>
      <c r="G7189" t="s">
        <v>10</v>
      </c>
      <c r="H7189" t="s">
        <v>15558</v>
      </c>
      <c r="I7189" t="s">
        <v>30540</v>
      </c>
    </row>
    <row r="7190" spans="1:9">
      <c r="A7190" s="1">
        <v>0.83250959604042851</v>
      </c>
      <c r="B7190" s="1"/>
      <c r="C7190">
        <v>14</v>
      </c>
      <c r="D7190" t="s">
        <v>15551</v>
      </c>
      <c r="E7190" t="s">
        <v>32999</v>
      </c>
      <c r="F7190">
        <v>5</v>
      </c>
      <c r="G7190" t="s">
        <v>13</v>
      </c>
      <c r="H7190" t="s">
        <v>15552</v>
      </c>
      <c r="I7190" t="s">
        <v>30540</v>
      </c>
    </row>
    <row r="7191" spans="1:9">
      <c r="A7191" s="1">
        <v>0.91334003424936927</v>
      </c>
      <c r="B7191" s="1"/>
      <c r="C7191">
        <v>13</v>
      </c>
      <c r="D7191" t="s">
        <v>15549</v>
      </c>
      <c r="E7191" t="s">
        <v>32999</v>
      </c>
      <c r="F7191">
        <v>5</v>
      </c>
      <c r="G7191" t="s">
        <v>0</v>
      </c>
      <c r="H7191" t="s">
        <v>15550</v>
      </c>
      <c r="I7191" t="s">
        <v>30540</v>
      </c>
    </row>
    <row r="7192" spans="1:9">
      <c r="A7192" s="1">
        <v>0.95256891298579394</v>
      </c>
      <c r="B7192" s="1"/>
      <c r="C7192">
        <v>5</v>
      </c>
      <c r="D7192" t="s">
        <v>15545</v>
      </c>
      <c r="E7192" t="s">
        <v>32999</v>
      </c>
      <c r="F7192">
        <v>5</v>
      </c>
      <c r="G7192" t="s">
        <v>2</v>
      </c>
      <c r="H7192" t="s">
        <v>15546</v>
      </c>
      <c r="I7192" t="s">
        <v>30540</v>
      </c>
    </row>
    <row r="7193" spans="1:9">
      <c r="A7193" s="1">
        <v>0.74658080838338881</v>
      </c>
      <c r="B7193" s="1"/>
      <c r="C7193">
        <v>6</v>
      </c>
      <c r="D7193" t="s">
        <v>15547</v>
      </c>
      <c r="E7193" t="s">
        <v>32999</v>
      </c>
      <c r="F7193">
        <v>4</v>
      </c>
      <c r="G7193" t="s">
        <v>15</v>
      </c>
      <c r="H7193" t="s">
        <v>15548</v>
      </c>
      <c r="I7193" t="s">
        <v>30540</v>
      </c>
    </row>
    <row r="7194" spans="1:9">
      <c r="A7194" s="1">
        <v>0.61887722245526333</v>
      </c>
      <c r="B7194" s="1"/>
      <c r="C7194">
        <v>7</v>
      </c>
      <c r="D7194" t="s">
        <v>15535</v>
      </c>
      <c r="E7194" t="s">
        <v>33000</v>
      </c>
      <c r="F7194">
        <v>4</v>
      </c>
      <c r="G7194" t="s">
        <v>10</v>
      </c>
      <c r="H7194" t="s">
        <v>15536</v>
      </c>
      <c r="I7194" t="s">
        <v>30540</v>
      </c>
    </row>
    <row r="7195" spans="1:9">
      <c r="A7195" s="1">
        <v>0.32771767331018264</v>
      </c>
      <c r="B7195" s="1"/>
      <c r="C7195">
        <v>13</v>
      </c>
      <c r="D7195" t="s">
        <v>15539</v>
      </c>
      <c r="E7195" t="s">
        <v>33000</v>
      </c>
      <c r="F7195">
        <v>4</v>
      </c>
      <c r="G7195" t="s">
        <v>14</v>
      </c>
      <c r="H7195" t="s">
        <v>15540</v>
      </c>
      <c r="I7195" t="s">
        <v>30540</v>
      </c>
    </row>
    <row r="7196" spans="1:9">
      <c r="A7196" s="1">
        <v>0.38387802521990244</v>
      </c>
      <c r="B7196" s="1"/>
      <c r="C7196">
        <v>15</v>
      </c>
      <c r="D7196" t="s">
        <v>15541</v>
      </c>
      <c r="E7196" t="s">
        <v>33000</v>
      </c>
      <c r="F7196">
        <v>3</v>
      </c>
      <c r="G7196" t="s">
        <v>1</v>
      </c>
      <c r="H7196" t="s">
        <v>15542</v>
      </c>
      <c r="I7196" t="s">
        <v>30540</v>
      </c>
    </row>
    <row r="7197" spans="1:9">
      <c r="A7197" s="1">
        <v>0.30335346289374454</v>
      </c>
      <c r="B7197" s="1"/>
      <c r="C7197">
        <v>2</v>
      </c>
      <c r="D7197" t="s">
        <v>15519</v>
      </c>
      <c r="E7197" t="s">
        <v>33001</v>
      </c>
      <c r="F7197">
        <v>5</v>
      </c>
      <c r="G7197" t="s">
        <v>762</v>
      </c>
      <c r="H7197" t="s">
        <v>15520</v>
      </c>
      <c r="I7197" t="s">
        <v>30540</v>
      </c>
    </row>
    <row r="7198" spans="1:9">
      <c r="A7198" s="1">
        <v>0.7768153399893758</v>
      </c>
      <c r="B7198" s="1"/>
      <c r="C7198">
        <v>13</v>
      </c>
      <c r="D7198" t="s">
        <v>15525</v>
      </c>
      <c r="E7198" t="s">
        <v>33001</v>
      </c>
      <c r="F7198">
        <v>5</v>
      </c>
      <c r="G7198" t="s">
        <v>775</v>
      </c>
      <c r="H7198" t="s">
        <v>15526</v>
      </c>
      <c r="I7198" t="s">
        <v>30540</v>
      </c>
    </row>
    <row r="7199" spans="1:9">
      <c r="A7199" s="1">
        <v>0.17685828172897511</v>
      </c>
      <c r="B7199" s="1"/>
      <c r="C7199">
        <v>15</v>
      </c>
      <c r="D7199" t="s">
        <v>15527</v>
      </c>
      <c r="E7199" t="s">
        <v>33001</v>
      </c>
      <c r="F7199">
        <v>5</v>
      </c>
      <c r="G7199" t="s">
        <v>14</v>
      </c>
      <c r="H7199" t="s">
        <v>15528</v>
      </c>
      <c r="I7199" t="s">
        <v>30540</v>
      </c>
    </row>
    <row r="7200" spans="1:9">
      <c r="A7200" s="1">
        <v>0.77605888480484064</v>
      </c>
      <c r="B7200" s="1"/>
      <c r="C7200">
        <v>11</v>
      </c>
      <c r="D7200" t="s">
        <v>15523</v>
      </c>
      <c r="E7200" t="s">
        <v>33001</v>
      </c>
      <c r="F7200">
        <v>4</v>
      </c>
      <c r="G7200" t="s">
        <v>3732</v>
      </c>
      <c r="H7200" t="s">
        <v>15524</v>
      </c>
      <c r="I7200" t="s">
        <v>30540</v>
      </c>
    </row>
    <row r="7201" spans="1:9">
      <c r="A7201" s="1">
        <v>0.14613956716769072</v>
      </c>
      <c r="B7201" s="1"/>
      <c r="C7201">
        <v>16</v>
      </c>
      <c r="D7201" t="s">
        <v>15529</v>
      </c>
      <c r="E7201" t="s">
        <v>33001</v>
      </c>
      <c r="F7201">
        <v>4</v>
      </c>
      <c r="G7201" t="s">
        <v>775</v>
      </c>
      <c r="H7201" t="s">
        <v>15530</v>
      </c>
      <c r="I7201" t="s">
        <v>30540</v>
      </c>
    </row>
    <row r="7202" spans="1:9">
      <c r="A7202" s="1">
        <v>0.69826424178571733</v>
      </c>
      <c r="B7202" s="1"/>
      <c r="C7202">
        <v>19</v>
      </c>
      <c r="D7202" t="s">
        <v>15531</v>
      </c>
      <c r="E7202" t="s">
        <v>33001</v>
      </c>
      <c r="F7202">
        <v>4</v>
      </c>
      <c r="G7202" t="s">
        <v>1431</v>
      </c>
      <c r="H7202" t="s">
        <v>15532</v>
      </c>
      <c r="I7202" t="s">
        <v>30540</v>
      </c>
    </row>
    <row r="7203" spans="1:9">
      <c r="A7203" s="1">
        <v>0.91949734251233606</v>
      </c>
      <c r="B7203" s="1"/>
      <c r="C7203">
        <v>7</v>
      </c>
      <c r="D7203" t="s">
        <v>15511</v>
      </c>
      <c r="E7203" t="s">
        <v>33002</v>
      </c>
      <c r="F7203">
        <v>5</v>
      </c>
      <c r="G7203" t="s">
        <v>9</v>
      </c>
      <c r="H7203" t="s">
        <v>15512</v>
      </c>
      <c r="I7203" t="s">
        <v>30540</v>
      </c>
    </row>
    <row r="7204" spans="1:9">
      <c r="A7204" s="1">
        <v>0.83978620823446626</v>
      </c>
      <c r="B7204" s="1"/>
      <c r="C7204">
        <v>1</v>
      </c>
      <c r="D7204" t="s">
        <v>15507</v>
      </c>
      <c r="E7204" t="s">
        <v>33002</v>
      </c>
      <c r="F7204">
        <v>4</v>
      </c>
      <c r="G7204" t="s">
        <v>10</v>
      </c>
      <c r="H7204" t="s">
        <v>15508</v>
      </c>
      <c r="I7204" t="s">
        <v>30540</v>
      </c>
    </row>
    <row r="7205" spans="1:9">
      <c r="A7205" s="1">
        <v>0.34255257811542417</v>
      </c>
      <c r="B7205" s="1"/>
      <c r="C7205">
        <v>3</v>
      </c>
      <c r="D7205" t="s">
        <v>15509</v>
      </c>
      <c r="E7205" t="s">
        <v>33002</v>
      </c>
      <c r="F7205">
        <v>4</v>
      </c>
      <c r="G7205" t="s">
        <v>13</v>
      </c>
      <c r="H7205" t="s">
        <v>15510</v>
      </c>
      <c r="I7205" t="s">
        <v>30540</v>
      </c>
    </row>
    <row r="7206" spans="1:9">
      <c r="A7206" s="1">
        <v>4.4771631623556463E-2</v>
      </c>
      <c r="B7206" s="1"/>
      <c r="C7206">
        <v>12</v>
      </c>
      <c r="D7206" t="s">
        <v>15515</v>
      </c>
      <c r="E7206" t="s">
        <v>33002</v>
      </c>
      <c r="F7206">
        <v>4</v>
      </c>
      <c r="G7206" t="s">
        <v>2</v>
      </c>
      <c r="H7206" t="s">
        <v>15516</v>
      </c>
      <c r="I7206" t="s">
        <v>30540</v>
      </c>
    </row>
    <row r="7207" spans="1:9">
      <c r="A7207" s="1">
        <v>0.48637300729016009</v>
      </c>
      <c r="B7207" s="1"/>
      <c r="C7207">
        <v>13</v>
      </c>
      <c r="D7207" t="s">
        <v>15517</v>
      </c>
      <c r="E7207" t="s">
        <v>33002</v>
      </c>
      <c r="F7207">
        <v>4</v>
      </c>
      <c r="G7207" t="s">
        <v>14</v>
      </c>
      <c r="H7207" t="s">
        <v>15518</v>
      </c>
      <c r="I7207" t="s">
        <v>30540</v>
      </c>
    </row>
    <row r="7208" spans="1:9">
      <c r="A7208" s="1">
        <v>0.6705718608445328</v>
      </c>
      <c r="B7208" s="1"/>
      <c r="C7208">
        <v>14</v>
      </c>
      <c r="D7208" t="s">
        <v>15505</v>
      </c>
      <c r="E7208" t="s">
        <v>33003</v>
      </c>
      <c r="F7208">
        <v>5</v>
      </c>
      <c r="G7208" t="s">
        <v>0</v>
      </c>
      <c r="H7208" t="s">
        <v>15506</v>
      </c>
      <c r="I7208" t="s">
        <v>30540</v>
      </c>
    </row>
    <row r="7209" spans="1:9">
      <c r="A7209" s="1">
        <v>0.68019192318610666</v>
      </c>
      <c r="B7209" s="1"/>
      <c r="C7209">
        <v>12</v>
      </c>
      <c r="D7209" t="s">
        <v>15501</v>
      </c>
      <c r="E7209" t="s">
        <v>33003</v>
      </c>
      <c r="F7209">
        <v>5</v>
      </c>
      <c r="G7209" t="s">
        <v>0</v>
      </c>
      <c r="H7209" t="s">
        <v>15502</v>
      </c>
      <c r="I7209" t="s">
        <v>30540</v>
      </c>
    </row>
    <row r="7210" spans="1:9">
      <c r="A7210" s="1">
        <v>0.22555218109078301</v>
      </c>
      <c r="B7210" s="1"/>
      <c r="C7210">
        <v>10</v>
      </c>
      <c r="D7210" t="s">
        <v>15499</v>
      </c>
      <c r="E7210" t="s">
        <v>33003</v>
      </c>
      <c r="F7210">
        <v>4</v>
      </c>
      <c r="G7210" t="s">
        <v>14</v>
      </c>
      <c r="H7210" t="s">
        <v>15500</v>
      </c>
      <c r="I7210" t="s">
        <v>30540</v>
      </c>
    </row>
    <row r="7211" spans="1:9">
      <c r="A7211" s="1">
        <v>0.51578473026526461</v>
      </c>
      <c r="B7211" s="1"/>
      <c r="C7211">
        <v>2</v>
      </c>
      <c r="D7211" t="s">
        <v>15493</v>
      </c>
      <c r="E7211" t="s">
        <v>33003</v>
      </c>
      <c r="F7211">
        <v>4</v>
      </c>
      <c r="G7211" t="s">
        <v>13</v>
      </c>
      <c r="H7211" t="s">
        <v>15494</v>
      </c>
      <c r="I7211" t="s">
        <v>30540</v>
      </c>
    </row>
    <row r="7212" spans="1:9">
      <c r="A7212" s="1">
        <v>0.51974700711181587</v>
      </c>
      <c r="B7212" s="1"/>
      <c r="C7212">
        <v>13</v>
      </c>
      <c r="D7212" t="s">
        <v>15503</v>
      </c>
      <c r="E7212" t="s">
        <v>33003</v>
      </c>
      <c r="F7212">
        <v>4</v>
      </c>
      <c r="G7212" t="s">
        <v>14</v>
      </c>
      <c r="H7212" t="s">
        <v>15504</v>
      </c>
      <c r="I7212" t="s">
        <v>30540</v>
      </c>
    </row>
    <row r="7213" spans="1:9">
      <c r="A7213" s="1">
        <v>0.37158868590088778</v>
      </c>
      <c r="B7213" s="1"/>
      <c r="C7213">
        <v>4</v>
      </c>
      <c r="D7213" t="s">
        <v>15495</v>
      </c>
      <c r="E7213" t="s">
        <v>33003</v>
      </c>
      <c r="F7213">
        <v>4</v>
      </c>
      <c r="G7213" t="s">
        <v>14</v>
      </c>
      <c r="H7213" t="s">
        <v>15496</v>
      </c>
      <c r="I7213" t="s">
        <v>30540</v>
      </c>
    </row>
    <row r="7214" spans="1:9">
      <c r="A7214" s="1">
        <v>0.37592917911300416</v>
      </c>
      <c r="B7214" s="1"/>
      <c r="C7214">
        <v>6</v>
      </c>
      <c r="D7214" t="s">
        <v>15497</v>
      </c>
      <c r="E7214" t="s">
        <v>33003</v>
      </c>
      <c r="F7214">
        <v>3</v>
      </c>
      <c r="G7214" t="s">
        <v>13</v>
      </c>
      <c r="H7214" t="s">
        <v>15498</v>
      </c>
      <c r="I7214" t="s">
        <v>30540</v>
      </c>
    </row>
    <row r="7215" spans="1:9">
      <c r="A7215" s="1">
        <v>0.47592404123013943</v>
      </c>
      <c r="B7215" s="1"/>
      <c r="C7215">
        <v>3</v>
      </c>
      <c r="D7215" t="s">
        <v>15481</v>
      </c>
      <c r="E7215" t="s">
        <v>33004</v>
      </c>
      <c r="F7215">
        <v>5</v>
      </c>
      <c r="G7215" t="s">
        <v>10</v>
      </c>
      <c r="H7215" t="s">
        <v>15482</v>
      </c>
      <c r="I7215" t="s">
        <v>30540</v>
      </c>
    </row>
    <row r="7216" spans="1:9">
      <c r="A7216" s="1">
        <v>0.30927047214143377</v>
      </c>
      <c r="B7216" s="1"/>
      <c r="C7216">
        <v>18</v>
      </c>
      <c r="D7216" t="s">
        <v>15491</v>
      </c>
      <c r="E7216" t="s">
        <v>33004</v>
      </c>
      <c r="F7216">
        <v>5</v>
      </c>
      <c r="G7216" t="s">
        <v>1</v>
      </c>
      <c r="H7216" t="s">
        <v>15492</v>
      </c>
      <c r="I7216" t="s">
        <v>30540</v>
      </c>
    </row>
    <row r="7217" spans="1:9">
      <c r="A7217" s="1">
        <v>0.88507315978986389</v>
      </c>
      <c r="B7217" s="1"/>
      <c r="C7217">
        <v>1</v>
      </c>
      <c r="D7217" t="s">
        <v>15477</v>
      </c>
      <c r="E7217" t="s">
        <v>33004</v>
      </c>
      <c r="F7217">
        <v>5</v>
      </c>
      <c r="G7217" t="s">
        <v>10</v>
      </c>
      <c r="H7217" t="s">
        <v>15478</v>
      </c>
      <c r="I7217" t="s">
        <v>30540</v>
      </c>
    </row>
    <row r="7218" spans="1:9">
      <c r="A7218" s="1">
        <v>0.28779599141145917</v>
      </c>
      <c r="B7218" s="1"/>
      <c r="C7218">
        <v>5</v>
      </c>
      <c r="D7218" t="s">
        <v>15483</v>
      </c>
      <c r="E7218" t="s">
        <v>33004</v>
      </c>
      <c r="F7218">
        <v>4</v>
      </c>
      <c r="G7218" t="s">
        <v>1</v>
      </c>
      <c r="H7218" t="s">
        <v>15484</v>
      </c>
      <c r="I7218" t="s">
        <v>30540</v>
      </c>
    </row>
    <row r="7219" spans="1:9">
      <c r="A7219" s="1">
        <v>0.64169008470121303</v>
      </c>
      <c r="B7219" s="1"/>
      <c r="C7219">
        <v>9</v>
      </c>
      <c r="D7219" t="s">
        <v>15487</v>
      </c>
      <c r="E7219" t="s">
        <v>33004</v>
      </c>
      <c r="F7219">
        <v>4</v>
      </c>
      <c r="G7219" t="s">
        <v>14</v>
      </c>
      <c r="H7219" t="s">
        <v>15488</v>
      </c>
      <c r="I7219" t="s">
        <v>30540</v>
      </c>
    </row>
    <row r="7220" spans="1:9">
      <c r="A7220" s="1">
        <v>0.42515929129440844</v>
      </c>
      <c r="B7220" s="1"/>
      <c r="C7220">
        <v>10</v>
      </c>
      <c r="D7220" t="s">
        <v>15489</v>
      </c>
      <c r="E7220" t="s">
        <v>33004</v>
      </c>
      <c r="F7220">
        <v>4</v>
      </c>
      <c r="G7220" t="s">
        <v>2</v>
      </c>
      <c r="H7220" t="s">
        <v>15490</v>
      </c>
      <c r="I7220" t="s">
        <v>30540</v>
      </c>
    </row>
    <row r="7221" spans="1:9">
      <c r="A7221" s="1">
        <v>0.30717293776636545</v>
      </c>
      <c r="B7221" s="1"/>
      <c r="C7221">
        <v>6</v>
      </c>
      <c r="D7221" t="s">
        <v>15485</v>
      </c>
      <c r="E7221" t="s">
        <v>33004</v>
      </c>
      <c r="F7221">
        <v>4</v>
      </c>
      <c r="G7221" t="s">
        <v>14</v>
      </c>
      <c r="H7221" t="s">
        <v>15486</v>
      </c>
      <c r="I7221" t="s">
        <v>30540</v>
      </c>
    </row>
    <row r="7222" spans="1:9">
      <c r="A7222" s="1">
        <v>0.37360376417909991</v>
      </c>
      <c r="B7222" s="1"/>
      <c r="C7222">
        <v>2</v>
      </c>
      <c r="D7222" t="s">
        <v>15479</v>
      </c>
      <c r="E7222" t="s">
        <v>33004</v>
      </c>
      <c r="F7222">
        <v>4</v>
      </c>
      <c r="G7222" t="s">
        <v>14</v>
      </c>
      <c r="H7222" t="s">
        <v>15480</v>
      </c>
      <c r="I7222" t="s">
        <v>30540</v>
      </c>
    </row>
    <row r="7223" spans="1:9">
      <c r="A7223" s="1">
        <v>0.95846896276496629</v>
      </c>
      <c r="B7223" s="1"/>
      <c r="C7223">
        <v>8</v>
      </c>
      <c r="D7223" t="s">
        <v>15473</v>
      </c>
      <c r="E7223" t="s">
        <v>33005</v>
      </c>
      <c r="F7223">
        <v>4</v>
      </c>
      <c r="G7223" t="s">
        <v>3732</v>
      </c>
      <c r="H7223" t="s">
        <v>15474</v>
      </c>
      <c r="I7223" t="s">
        <v>30540</v>
      </c>
    </row>
    <row r="7224" spans="1:9">
      <c r="A7224" s="1">
        <v>0.67457274120249422</v>
      </c>
      <c r="B7224" s="1"/>
      <c r="C7224">
        <v>3</v>
      </c>
      <c r="D7224" t="s">
        <v>15467</v>
      </c>
      <c r="E7224" t="s">
        <v>33005</v>
      </c>
      <c r="F7224">
        <v>4</v>
      </c>
      <c r="G7224" t="s">
        <v>762</v>
      </c>
      <c r="H7224" t="s">
        <v>15468</v>
      </c>
      <c r="I7224" t="s">
        <v>30540</v>
      </c>
    </row>
    <row r="7225" spans="1:9">
      <c r="A7225" s="1">
        <v>0.54022435940580693</v>
      </c>
      <c r="B7225" s="1"/>
      <c r="C7225">
        <v>5</v>
      </c>
      <c r="D7225" t="s">
        <v>15469</v>
      </c>
      <c r="E7225" t="s">
        <v>33005</v>
      </c>
      <c r="F7225">
        <v>4</v>
      </c>
      <c r="G7225" t="s">
        <v>2738</v>
      </c>
      <c r="H7225" t="s">
        <v>15470</v>
      </c>
      <c r="I7225" t="s">
        <v>30540</v>
      </c>
    </row>
    <row r="7226" spans="1:9">
      <c r="A7226" s="1">
        <v>0.25247473204498028</v>
      </c>
      <c r="B7226" s="1"/>
      <c r="C7226">
        <v>3</v>
      </c>
      <c r="D7226" t="s">
        <v>15457</v>
      </c>
      <c r="E7226" t="s">
        <v>33006</v>
      </c>
      <c r="F7226">
        <v>5</v>
      </c>
      <c r="G7226" t="s">
        <v>2</v>
      </c>
      <c r="H7226" t="s">
        <v>15458</v>
      </c>
      <c r="I7226" t="s">
        <v>30540</v>
      </c>
    </row>
    <row r="7227" spans="1:9">
      <c r="A7227" s="1">
        <v>1.5684514689868534E-2</v>
      </c>
      <c r="B7227" s="1"/>
      <c r="C7227">
        <v>8</v>
      </c>
      <c r="D7227" t="s">
        <v>15461</v>
      </c>
      <c r="E7227" t="s">
        <v>33006</v>
      </c>
      <c r="F7227">
        <v>4</v>
      </c>
      <c r="G7227" t="s">
        <v>14</v>
      </c>
      <c r="H7227" t="s">
        <v>15462</v>
      </c>
      <c r="I7227" t="s">
        <v>30540</v>
      </c>
    </row>
    <row r="7228" spans="1:9">
      <c r="A7228" s="1">
        <v>0.46770168945980106</v>
      </c>
      <c r="B7228" s="1"/>
      <c r="C7228">
        <v>6</v>
      </c>
      <c r="D7228" t="s">
        <v>15459</v>
      </c>
      <c r="E7228" t="s">
        <v>33006</v>
      </c>
      <c r="F7228">
        <v>4</v>
      </c>
      <c r="G7228" t="s">
        <v>14</v>
      </c>
      <c r="H7228" t="s">
        <v>15460</v>
      </c>
      <c r="I7228" t="s">
        <v>30540</v>
      </c>
    </row>
    <row r="7229" spans="1:9">
      <c r="A7229" s="1">
        <v>0.44238521111038842</v>
      </c>
      <c r="B7229" s="1"/>
      <c r="C7229">
        <v>11</v>
      </c>
      <c r="D7229" t="s">
        <v>15465</v>
      </c>
      <c r="E7229" t="s">
        <v>33006</v>
      </c>
      <c r="F7229">
        <v>4</v>
      </c>
      <c r="G7229" t="s">
        <v>13</v>
      </c>
      <c r="H7229" t="s">
        <v>15466</v>
      </c>
      <c r="I7229" t="s">
        <v>30540</v>
      </c>
    </row>
    <row r="7230" spans="1:9">
      <c r="A7230" s="1">
        <v>0.79687413795015649</v>
      </c>
      <c r="B7230" s="1"/>
      <c r="C7230">
        <v>14</v>
      </c>
      <c r="D7230" t="s">
        <v>15455</v>
      </c>
      <c r="E7230" t="s">
        <v>33007</v>
      </c>
      <c r="F7230">
        <v>4</v>
      </c>
      <c r="G7230" t="s">
        <v>14</v>
      </c>
      <c r="H7230" t="s">
        <v>15456</v>
      </c>
      <c r="I7230" t="s">
        <v>30540</v>
      </c>
    </row>
    <row r="7231" spans="1:9">
      <c r="A7231" s="1">
        <v>4.7811767257054605E-2</v>
      </c>
      <c r="B7231" s="1"/>
      <c r="C7231">
        <v>7</v>
      </c>
      <c r="D7231" t="s">
        <v>15451</v>
      </c>
      <c r="E7231" t="s">
        <v>33007</v>
      </c>
      <c r="F7231">
        <v>4</v>
      </c>
      <c r="G7231" t="s">
        <v>0</v>
      </c>
      <c r="H7231" t="s">
        <v>15452</v>
      </c>
      <c r="I7231" t="s">
        <v>30540</v>
      </c>
    </row>
    <row r="7232" spans="1:9">
      <c r="A7232" s="1">
        <v>0.73457781302741343</v>
      </c>
      <c r="B7232" s="1"/>
      <c r="C7232">
        <v>13</v>
      </c>
      <c r="D7232" t="s">
        <v>15453</v>
      </c>
      <c r="E7232" t="s">
        <v>33007</v>
      </c>
      <c r="F7232">
        <v>4</v>
      </c>
      <c r="G7232" t="s">
        <v>2</v>
      </c>
      <c r="H7232" t="s">
        <v>15454</v>
      </c>
      <c r="I7232" t="s">
        <v>30540</v>
      </c>
    </row>
    <row r="7233" spans="1:9">
      <c r="A7233" s="1">
        <v>0.52460693093226407</v>
      </c>
      <c r="B7233" s="1"/>
      <c r="C7233">
        <v>7</v>
      </c>
      <c r="D7233" t="s">
        <v>15435</v>
      </c>
      <c r="E7233" t="s">
        <v>33008</v>
      </c>
      <c r="F7233">
        <v>5</v>
      </c>
      <c r="G7233" t="s">
        <v>14</v>
      </c>
      <c r="H7233" t="s">
        <v>15436</v>
      </c>
      <c r="I7233" t="s">
        <v>30540</v>
      </c>
    </row>
    <row r="7234" spans="1:9">
      <c r="A7234" s="1">
        <v>0.61865740106651723</v>
      </c>
      <c r="B7234" s="1"/>
      <c r="C7234">
        <v>13</v>
      </c>
      <c r="D7234" t="s">
        <v>15443</v>
      </c>
      <c r="E7234" t="s">
        <v>33008</v>
      </c>
      <c r="F7234">
        <v>4</v>
      </c>
      <c r="G7234" t="s">
        <v>15</v>
      </c>
      <c r="H7234" t="s">
        <v>15444</v>
      </c>
      <c r="I7234" t="s">
        <v>30540</v>
      </c>
    </row>
    <row r="7235" spans="1:9">
      <c r="A7235" s="1">
        <v>0.92438155131446265</v>
      </c>
      <c r="B7235" s="1"/>
      <c r="C7235">
        <v>12</v>
      </c>
      <c r="D7235" t="s">
        <v>15441</v>
      </c>
      <c r="E7235" t="s">
        <v>33008</v>
      </c>
      <c r="F7235">
        <v>4</v>
      </c>
      <c r="G7235" t="s">
        <v>0</v>
      </c>
      <c r="H7235" t="s">
        <v>15442</v>
      </c>
      <c r="I7235" t="s">
        <v>30540</v>
      </c>
    </row>
    <row r="7236" spans="1:9">
      <c r="A7236" s="1">
        <v>0.30215606075679724</v>
      </c>
      <c r="B7236" s="1"/>
      <c r="C7236">
        <v>14</v>
      </c>
      <c r="D7236" t="s">
        <v>15445</v>
      </c>
      <c r="E7236" t="s">
        <v>33008</v>
      </c>
      <c r="F7236">
        <v>4</v>
      </c>
      <c r="G7236" t="s">
        <v>13</v>
      </c>
      <c r="H7236" t="s">
        <v>15446</v>
      </c>
      <c r="I7236" t="s">
        <v>30540</v>
      </c>
    </row>
    <row r="7237" spans="1:9">
      <c r="A7237" s="1">
        <v>0.84258571062992205</v>
      </c>
      <c r="B7237" s="1"/>
      <c r="C7237">
        <v>2</v>
      </c>
      <c r="D7237" t="s">
        <v>15433</v>
      </c>
      <c r="E7237" t="s">
        <v>33008</v>
      </c>
      <c r="F7237">
        <v>4</v>
      </c>
      <c r="G7237" t="s">
        <v>2</v>
      </c>
      <c r="H7237" t="s">
        <v>15434</v>
      </c>
      <c r="I7237" t="s">
        <v>30540</v>
      </c>
    </row>
    <row r="7238" spans="1:9">
      <c r="A7238" s="1">
        <v>3.165782223004876E-2</v>
      </c>
      <c r="B7238" s="1"/>
      <c r="C7238">
        <v>13</v>
      </c>
      <c r="D7238" t="s">
        <v>15431</v>
      </c>
      <c r="E7238" t="s">
        <v>33009</v>
      </c>
      <c r="F7238">
        <v>4</v>
      </c>
      <c r="G7238" t="s">
        <v>14</v>
      </c>
      <c r="H7238" t="s">
        <v>15432</v>
      </c>
      <c r="I7238" t="s">
        <v>30540</v>
      </c>
    </row>
    <row r="7239" spans="1:9">
      <c r="A7239" s="1">
        <v>0.98282399936096787</v>
      </c>
      <c r="B7239" s="1"/>
      <c r="C7239">
        <v>1</v>
      </c>
      <c r="D7239" t="s">
        <v>15427</v>
      </c>
      <c r="E7239" t="s">
        <v>33009</v>
      </c>
      <c r="F7239">
        <v>4</v>
      </c>
      <c r="G7239" t="s">
        <v>14</v>
      </c>
      <c r="H7239" t="s">
        <v>15428</v>
      </c>
      <c r="I7239" t="s">
        <v>30540</v>
      </c>
    </row>
    <row r="7240" spans="1:9">
      <c r="A7240" s="1">
        <v>0.20492738589492976</v>
      </c>
      <c r="B7240" s="1"/>
      <c r="C7240">
        <v>11</v>
      </c>
      <c r="D7240" t="s">
        <v>15425</v>
      </c>
      <c r="E7240" t="s">
        <v>33010</v>
      </c>
      <c r="F7240">
        <v>4</v>
      </c>
      <c r="G7240" t="s">
        <v>2</v>
      </c>
      <c r="H7240" t="s">
        <v>15426</v>
      </c>
      <c r="I7240" t="s">
        <v>30540</v>
      </c>
    </row>
    <row r="7241" spans="1:9">
      <c r="A7241" s="1">
        <v>0.5990013870583234</v>
      </c>
      <c r="B7241" s="1"/>
      <c r="C7241">
        <v>1</v>
      </c>
      <c r="D7241" t="s">
        <v>15419</v>
      </c>
      <c r="E7241" t="s">
        <v>33010</v>
      </c>
      <c r="F7241">
        <v>4</v>
      </c>
      <c r="G7241" t="s">
        <v>2229</v>
      </c>
      <c r="H7241" t="s">
        <v>15420</v>
      </c>
      <c r="I7241" t="s">
        <v>30540</v>
      </c>
    </row>
    <row r="7242" spans="1:9">
      <c r="A7242" s="1">
        <v>0.53500070644158382</v>
      </c>
      <c r="B7242" s="1"/>
      <c r="C7242">
        <v>3</v>
      </c>
      <c r="D7242" t="s">
        <v>15423</v>
      </c>
      <c r="E7242" t="s">
        <v>33010</v>
      </c>
      <c r="F7242">
        <v>4</v>
      </c>
      <c r="G7242" t="s">
        <v>1431</v>
      </c>
      <c r="H7242" t="s">
        <v>15424</v>
      </c>
      <c r="I7242" t="s">
        <v>30540</v>
      </c>
    </row>
    <row r="7243" spans="1:9">
      <c r="A7243" s="1">
        <v>0.78164412075003642</v>
      </c>
      <c r="B7243" s="1"/>
      <c r="C7243">
        <v>2</v>
      </c>
      <c r="D7243" t="s">
        <v>15407</v>
      </c>
      <c r="E7243" t="s">
        <v>33011</v>
      </c>
      <c r="F7243">
        <v>4</v>
      </c>
      <c r="G7243" t="s">
        <v>14</v>
      </c>
      <c r="H7243" t="s">
        <v>15408</v>
      </c>
      <c r="I7243" t="s">
        <v>30540</v>
      </c>
    </row>
    <row r="7244" spans="1:9">
      <c r="A7244" s="1">
        <v>0.93606016591228947</v>
      </c>
      <c r="B7244" s="1"/>
      <c r="C7244">
        <v>12</v>
      </c>
      <c r="D7244" t="s">
        <v>15417</v>
      </c>
      <c r="E7244" t="s">
        <v>33011</v>
      </c>
      <c r="F7244">
        <v>4</v>
      </c>
      <c r="G7244" t="s">
        <v>14</v>
      </c>
      <c r="H7244" t="s">
        <v>15418</v>
      </c>
      <c r="I7244" t="s">
        <v>30540</v>
      </c>
    </row>
    <row r="7245" spans="1:9">
      <c r="A7245" s="1">
        <v>0.41840332487066145</v>
      </c>
      <c r="B7245" s="1"/>
      <c r="C7245">
        <v>11</v>
      </c>
      <c r="D7245" t="s">
        <v>15415</v>
      </c>
      <c r="E7245" t="s">
        <v>33011</v>
      </c>
      <c r="F7245">
        <v>4</v>
      </c>
      <c r="G7245" t="s">
        <v>1</v>
      </c>
      <c r="H7245" t="s">
        <v>15416</v>
      </c>
      <c r="I7245" t="s">
        <v>30540</v>
      </c>
    </row>
    <row r="7246" spans="1:9">
      <c r="A7246" s="1">
        <v>0.11123183623231669</v>
      </c>
      <c r="B7246" s="1"/>
      <c r="C7246">
        <v>1</v>
      </c>
      <c r="D7246" t="s">
        <v>15405</v>
      </c>
      <c r="E7246" t="s">
        <v>33011</v>
      </c>
      <c r="F7246">
        <v>4</v>
      </c>
      <c r="G7246" t="s">
        <v>10</v>
      </c>
      <c r="H7246" t="s">
        <v>15406</v>
      </c>
      <c r="I7246" t="s">
        <v>30540</v>
      </c>
    </row>
    <row r="7247" spans="1:9">
      <c r="A7247" s="1">
        <v>0.69964669685965453</v>
      </c>
      <c r="B7247" s="1"/>
      <c r="C7247">
        <v>9</v>
      </c>
      <c r="D7247" t="s">
        <v>15403</v>
      </c>
      <c r="E7247" t="s">
        <v>33012</v>
      </c>
      <c r="F7247">
        <v>4</v>
      </c>
      <c r="G7247" t="s">
        <v>10</v>
      </c>
      <c r="H7247" t="s">
        <v>15404</v>
      </c>
      <c r="I7247" t="s">
        <v>30540</v>
      </c>
    </row>
    <row r="7248" spans="1:9">
      <c r="A7248" s="1">
        <v>0.20265816505015666</v>
      </c>
      <c r="B7248" s="1"/>
      <c r="C7248">
        <v>7</v>
      </c>
      <c r="D7248" t="s">
        <v>15401</v>
      </c>
      <c r="E7248" t="s">
        <v>33012</v>
      </c>
      <c r="F7248">
        <v>4</v>
      </c>
      <c r="G7248" t="s">
        <v>10</v>
      </c>
      <c r="H7248" t="s">
        <v>15402</v>
      </c>
      <c r="I7248" t="s">
        <v>30540</v>
      </c>
    </row>
    <row r="7249" spans="1:9">
      <c r="A7249" s="1">
        <v>0.14816563140982164</v>
      </c>
      <c r="B7249" s="1"/>
      <c r="C7249">
        <v>16</v>
      </c>
      <c r="D7249" t="s">
        <v>15399</v>
      </c>
      <c r="E7249" t="s">
        <v>33013</v>
      </c>
      <c r="F7249">
        <v>5</v>
      </c>
      <c r="G7249" t="s">
        <v>14</v>
      </c>
      <c r="H7249" t="s">
        <v>15400</v>
      </c>
      <c r="I7249" t="s">
        <v>30540</v>
      </c>
    </row>
    <row r="7250" spans="1:9">
      <c r="A7250" s="1">
        <v>0.20012552172344511</v>
      </c>
      <c r="B7250" s="1"/>
      <c r="C7250">
        <v>4</v>
      </c>
      <c r="D7250" t="s">
        <v>15395</v>
      </c>
      <c r="E7250" t="s">
        <v>33013</v>
      </c>
      <c r="F7250">
        <v>5</v>
      </c>
      <c r="G7250" t="s">
        <v>14</v>
      </c>
      <c r="H7250" t="s">
        <v>15396</v>
      </c>
      <c r="I7250" t="s">
        <v>30540</v>
      </c>
    </row>
    <row r="7251" spans="1:9">
      <c r="A7251" s="1">
        <v>0.81007697469586648</v>
      </c>
      <c r="B7251" s="1"/>
      <c r="C7251">
        <v>3</v>
      </c>
      <c r="D7251" t="s">
        <v>15393</v>
      </c>
      <c r="E7251" t="s">
        <v>33013</v>
      </c>
      <c r="F7251">
        <v>4</v>
      </c>
      <c r="G7251" t="s">
        <v>1</v>
      </c>
      <c r="H7251" t="s">
        <v>15394</v>
      </c>
      <c r="I7251" t="s">
        <v>30540</v>
      </c>
    </row>
    <row r="7252" spans="1:9">
      <c r="A7252" s="1">
        <v>0.87747597670325383</v>
      </c>
      <c r="B7252" s="1"/>
      <c r="C7252">
        <v>14</v>
      </c>
      <c r="D7252" t="s">
        <v>15397</v>
      </c>
      <c r="E7252" t="s">
        <v>33013</v>
      </c>
      <c r="F7252">
        <v>4</v>
      </c>
      <c r="G7252" t="s">
        <v>0</v>
      </c>
      <c r="H7252" t="s">
        <v>15398</v>
      </c>
      <c r="I7252" t="s">
        <v>30540</v>
      </c>
    </row>
    <row r="7253" spans="1:9">
      <c r="A7253" s="1">
        <v>0.48222019403435235</v>
      </c>
      <c r="B7253" s="1"/>
      <c r="C7253">
        <v>4</v>
      </c>
      <c r="D7253" t="s">
        <v>15381</v>
      </c>
      <c r="E7253" t="s">
        <v>33014</v>
      </c>
      <c r="F7253">
        <v>4</v>
      </c>
      <c r="G7253" t="s">
        <v>3732</v>
      </c>
      <c r="H7253" t="s">
        <v>15382</v>
      </c>
      <c r="I7253" t="s">
        <v>30540</v>
      </c>
    </row>
    <row r="7254" spans="1:9">
      <c r="A7254" s="1">
        <v>0.5632787564269327</v>
      </c>
      <c r="B7254" s="1"/>
      <c r="C7254">
        <v>18</v>
      </c>
      <c r="D7254" t="s">
        <v>15389</v>
      </c>
      <c r="E7254" t="s">
        <v>33014</v>
      </c>
      <c r="F7254">
        <v>4</v>
      </c>
      <c r="G7254" t="s">
        <v>14</v>
      </c>
      <c r="H7254" t="s">
        <v>15390</v>
      </c>
      <c r="I7254" t="s">
        <v>30540</v>
      </c>
    </row>
    <row r="7255" spans="1:9">
      <c r="A7255" s="1">
        <v>0.70487178592031574</v>
      </c>
      <c r="B7255" s="1"/>
      <c r="C7255">
        <v>17</v>
      </c>
      <c r="D7255" t="s">
        <v>15387</v>
      </c>
      <c r="E7255" t="s">
        <v>33014</v>
      </c>
      <c r="F7255">
        <v>3</v>
      </c>
      <c r="G7255" t="s">
        <v>14</v>
      </c>
      <c r="H7255" t="s">
        <v>15388</v>
      </c>
      <c r="I7255" t="s">
        <v>30540</v>
      </c>
    </row>
    <row r="7256" spans="1:9">
      <c r="A7256" s="1">
        <v>0.87785746404916243</v>
      </c>
      <c r="B7256" s="1"/>
      <c r="C7256">
        <v>11</v>
      </c>
      <c r="D7256" t="s">
        <v>15377</v>
      </c>
      <c r="E7256" t="s">
        <v>33015</v>
      </c>
      <c r="F7256">
        <v>5</v>
      </c>
      <c r="G7256" t="s">
        <v>2</v>
      </c>
      <c r="H7256" t="s">
        <v>15378</v>
      </c>
      <c r="I7256" t="s">
        <v>30540</v>
      </c>
    </row>
    <row r="7257" spans="1:9">
      <c r="A7257" s="1">
        <v>0.67236477207590772</v>
      </c>
      <c r="B7257" s="1"/>
      <c r="C7257">
        <v>5</v>
      </c>
      <c r="D7257" t="s">
        <v>15373</v>
      </c>
      <c r="E7257" t="s">
        <v>33015</v>
      </c>
      <c r="F7257">
        <v>5</v>
      </c>
      <c r="G7257" t="s">
        <v>13</v>
      </c>
      <c r="H7257" t="s">
        <v>15374</v>
      </c>
      <c r="I7257" t="s">
        <v>30540</v>
      </c>
    </row>
    <row r="7258" spans="1:9">
      <c r="A7258" s="1">
        <v>0.33359060806581076</v>
      </c>
      <c r="B7258" s="1"/>
      <c r="C7258">
        <v>9</v>
      </c>
      <c r="D7258" t="s">
        <v>15375</v>
      </c>
      <c r="E7258" t="s">
        <v>33015</v>
      </c>
      <c r="F7258">
        <v>4</v>
      </c>
      <c r="G7258" t="s">
        <v>2</v>
      </c>
      <c r="H7258" t="s">
        <v>15376</v>
      </c>
      <c r="I7258" t="s">
        <v>30540</v>
      </c>
    </row>
    <row r="7259" spans="1:9">
      <c r="A7259" s="1">
        <v>0.75517782251190113</v>
      </c>
      <c r="B7259" s="1"/>
      <c r="C7259">
        <v>1</v>
      </c>
      <c r="D7259" t="s">
        <v>15371</v>
      </c>
      <c r="E7259" t="s">
        <v>33015</v>
      </c>
      <c r="F7259">
        <v>3</v>
      </c>
      <c r="G7259" t="s">
        <v>15</v>
      </c>
      <c r="H7259" t="s">
        <v>15372</v>
      </c>
      <c r="I7259" t="s">
        <v>30540</v>
      </c>
    </row>
    <row r="7260" spans="1:9">
      <c r="A7260" s="1">
        <v>0.97822011993156466</v>
      </c>
      <c r="B7260" s="1"/>
      <c r="C7260">
        <v>9</v>
      </c>
      <c r="D7260" t="s">
        <v>15361</v>
      </c>
      <c r="E7260" t="s">
        <v>33016</v>
      </c>
      <c r="F7260">
        <v>4</v>
      </c>
      <c r="G7260" t="s">
        <v>13</v>
      </c>
      <c r="H7260" t="s">
        <v>15362</v>
      </c>
      <c r="I7260" t="s">
        <v>30540</v>
      </c>
    </row>
    <row r="7261" spans="1:9">
      <c r="A7261" s="1">
        <v>0.46764581611744305</v>
      </c>
      <c r="B7261" s="1"/>
      <c r="C7261">
        <v>7</v>
      </c>
      <c r="D7261" t="s">
        <v>15359</v>
      </c>
      <c r="E7261" t="s">
        <v>33016</v>
      </c>
      <c r="F7261">
        <v>4</v>
      </c>
      <c r="G7261" t="s">
        <v>10</v>
      </c>
      <c r="H7261" t="s">
        <v>15360</v>
      </c>
      <c r="I7261" t="s">
        <v>30540</v>
      </c>
    </row>
    <row r="7262" spans="1:9">
      <c r="A7262" s="1">
        <v>0.5738707028383816</v>
      </c>
      <c r="B7262" s="1"/>
      <c r="C7262">
        <v>14</v>
      </c>
      <c r="D7262" t="s">
        <v>15369</v>
      </c>
      <c r="E7262" t="s">
        <v>33016</v>
      </c>
      <c r="F7262">
        <v>4</v>
      </c>
      <c r="G7262" t="s">
        <v>2</v>
      </c>
      <c r="H7262" t="s">
        <v>15370</v>
      </c>
      <c r="I7262" t="s">
        <v>30540</v>
      </c>
    </row>
    <row r="7263" spans="1:9">
      <c r="A7263" s="1">
        <v>0.80205229460824867</v>
      </c>
      <c r="B7263" s="1"/>
      <c r="C7263">
        <v>2</v>
      </c>
      <c r="D7263" t="s">
        <v>15357</v>
      </c>
      <c r="E7263" t="s">
        <v>33016</v>
      </c>
      <c r="F7263">
        <v>4</v>
      </c>
      <c r="G7263" t="s">
        <v>10</v>
      </c>
      <c r="H7263" t="s">
        <v>15358</v>
      </c>
      <c r="I7263" t="s">
        <v>30540</v>
      </c>
    </row>
    <row r="7264" spans="1:9">
      <c r="A7264" s="1">
        <v>0.43082493717668469</v>
      </c>
      <c r="B7264" s="1"/>
      <c r="C7264">
        <v>12</v>
      </c>
      <c r="D7264" t="s">
        <v>15365</v>
      </c>
      <c r="E7264" t="s">
        <v>33016</v>
      </c>
      <c r="F7264">
        <v>4</v>
      </c>
      <c r="G7264" t="s">
        <v>14</v>
      </c>
      <c r="H7264" t="s">
        <v>15366</v>
      </c>
      <c r="I7264" t="s">
        <v>30540</v>
      </c>
    </row>
    <row r="7265" spans="1:9">
      <c r="A7265" s="1">
        <v>0.14617302811626498</v>
      </c>
      <c r="B7265" s="1"/>
      <c r="C7265">
        <v>11</v>
      </c>
      <c r="D7265" t="s">
        <v>15363</v>
      </c>
      <c r="E7265" t="s">
        <v>33016</v>
      </c>
      <c r="F7265">
        <v>4</v>
      </c>
      <c r="G7265" t="s">
        <v>1</v>
      </c>
      <c r="H7265" t="s">
        <v>15364</v>
      </c>
      <c r="I7265" t="s">
        <v>30540</v>
      </c>
    </row>
    <row r="7266" spans="1:9">
      <c r="A7266" s="1">
        <v>0.70622227179194097</v>
      </c>
      <c r="B7266" s="1"/>
      <c r="C7266">
        <v>13</v>
      </c>
      <c r="D7266" t="s">
        <v>15367</v>
      </c>
      <c r="E7266" t="s">
        <v>33016</v>
      </c>
      <c r="F7266">
        <v>3</v>
      </c>
      <c r="G7266" t="s">
        <v>9</v>
      </c>
      <c r="H7266" t="s">
        <v>15368</v>
      </c>
      <c r="I7266" t="s">
        <v>30540</v>
      </c>
    </row>
    <row r="7267" spans="1:9">
      <c r="A7267" s="1">
        <v>0.75867795841961616</v>
      </c>
      <c r="B7267" s="1"/>
      <c r="C7267">
        <v>1</v>
      </c>
      <c r="D7267" t="s">
        <v>15347</v>
      </c>
      <c r="E7267" t="s">
        <v>33017</v>
      </c>
      <c r="F7267">
        <v>4</v>
      </c>
      <c r="G7267" t="s">
        <v>1</v>
      </c>
      <c r="H7267" t="s">
        <v>15348</v>
      </c>
      <c r="I7267" t="s">
        <v>30540</v>
      </c>
    </row>
    <row r="7268" spans="1:9">
      <c r="A7268" s="1">
        <v>0.18352413253390487</v>
      </c>
      <c r="B7268" s="1"/>
      <c r="C7268">
        <v>12</v>
      </c>
      <c r="D7268" t="s">
        <v>15353</v>
      </c>
      <c r="E7268" t="s">
        <v>33017</v>
      </c>
      <c r="F7268">
        <v>4</v>
      </c>
      <c r="G7268" t="s">
        <v>15</v>
      </c>
      <c r="H7268" t="s">
        <v>15354</v>
      </c>
      <c r="I7268" t="s">
        <v>30540</v>
      </c>
    </row>
    <row r="7269" spans="1:9">
      <c r="A7269" s="1">
        <v>0.73226175498064017</v>
      </c>
      <c r="B7269" s="1"/>
      <c r="C7269">
        <v>14</v>
      </c>
      <c r="D7269" t="s">
        <v>15355</v>
      </c>
      <c r="E7269" t="s">
        <v>33017</v>
      </c>
      <c r="F7269">
        <v>4</v>
      </c>
      <c r="G7269" t="s">
        <v>10</v>
      </c>
      <c r="H7269" t="s">
        <v>15356</v>
      </c>
      <c r="I7269" t="s">
        <v>30540</v>
      </c>
    </row>
    <row r="7270" spans="1:9">
      <c r="A7270" s="1">
        <v>0.34717128089832183</v>
      </c>
      <c r="B7270" s="1"/>
      <c r="C7270">
        <v>2</v>
      </c>
      <c r="D7270" t="s">
        <v>15349</v>
      </c>
      <c r="E7270" t="s">
        <v>33017</v>
      </c>
      <c r="F7270">
        <v>4</v>
      </c>
      <c r="G7270" t="s">
        <v>1</v>
      </c>
      <c r="H7270" t="s">
        <v>15350</v>
      </c>
      <c r="I7270" t="s">
        <v>30540</v>
      </c>
    </row>
    <row r="7271" spans="1:9">
      <c r="A7271" s="1">
        <v>0.85466246389961531</v>
      </c>
      <c r="B7271" s="1"/>
      <c r="C7271">
        <v>5</v>
      </c>
      <c r="D7271" t="s">
        <v>15351</v>
      </c>
      <c r="E7271" t="s">
        <v>33017</v>
      </c>
      <c r="F7271">
        <v>4</v>
      </c>
      <c r="G7271" t="s">
        <v>10</v>
      </c>
      <c r="H7271" t="s">
        <v>15352</v>
      </c>
      <c r="I7271" t="s">
        <v>30540</v>
      </c>
    </row>
    <row r="7272" spans="1:9">
      <c r="A7272" s="1">
        <v>0.24601867655573451</v>
      </c>
      <c r="B7272" s="1"/>
      <c r="C7272">
        <v>11</v>
      </c>
      <c r="D7272" t="s">
        <v>15343</v>
      </c>
      <c r="E7272" t="s">
        <v>33018</v>
      </c>
      <c r="F7272">
        <v>4</v>
      </c>
      <c r="G7272" t="s">
        <v>0</v>
      </c>
      <c r="H7272" t="s">
        <v>15344</v>
      </c>
      <c r="I7272" t="s">
        <v>30540</v>
      </c>
    </row>
    <row r="7273" spans="1:9">
      <c r="A7273" s="1">
        <v>0.43775135060548676</v>
      </c>
      <c r="B7273" s="1"/>
      <c r="C7273">
        <v>6</v>
      </c>
      <c r="D7273" t="s">
        <v>15337</v>
      </c>
      <c r="E7273" t="s">
        <v>33018</v>
      </c>
      <c r="F7273">
        <v>4</v>
      </c>
      <c r="G7273" t="s">
        <v>13</v>
      </c>
      <c r="H7273" t="s">
        <v>15338</v>
      </c>
      <c r="I7273" t="s">
        <v>30540</v>
      </c>
    </row>
    <row r="7274" spans="1:9">
      <c r="A7274" s="1">
        <v>0.89404089025183786</v>
      </c>
      <c r="B7274" s="1"/>
      <c r="C7274">
        <v>8</v>
      </c>
      <c r="D7274" t="s">
        <v>15339</v>
      </c>
      <c r="E7274" t="s">
        <v>33018</v>
      </c>
      <c r="F7274">
        <v>4</v>
      </c>
      <c r="G7274" t="s">
        <v>14</v>
      </c>
      <c r="H7274" t="s">
        <v>15340</v>
      </c>
      <c r="I7274" t="s">
        <v>30540</v>
      </c>
    </row>
    <row r="7275" spans="1:9">
      <c r="A7275" s="1">
        <v>0.58926721027179396</v>
      </c>
      <c r="B7275" s="1"/>
      <c r="C7275">
        <v>1</v>
      </c>
      <c r="D7275" t="s">
        <v>15333</v>
      </c>
      <c r="E7275" t="s">
        <v>33018</v>
      </c>
      <c r="F7275">
        <v>4</v>
      </c>
      <c r="G7275" t="s">
        <v>14</v>
      </c>
      <c r="H7275" t="s">
        <v>15334</v>
      </c>
      <c r="I7275" t="s">
        <v>30540</v>
      </c>
    </row>
    <row r="7276" spans="1:9">
      <c r="A7276" s="1">
        <v>0.57353541784908058</v>
      </c>
      <c r="B7276" s="1"/>
      <c r="C7276">
        <v>14</v>
      </c>
      <c r="D7276" t="s">
        <v>15345</v>
      </c>
      <c r="E7276" t="s">
        <v>33018</v>
      </c>
      <c r="F7276">
        <v>4</v>
      </c>
      <c r="G7276" t="s">
        <v>2</v>
      </c>
      <c r="H7276" t="s">
        <v>15346</v>
      </c>
      <c r="I7276" t="s">
        <v>30540</v>
      </c>
    </row>
    <row r="7277" spans="1:9">
      <c r="A7277" s="1">
        <v>0.51168175878272659</v>
      </c>
      <c r="B7277" s="1"/>
      <c r="C7277">
        <v>3</v>
      </c>
      <c r="D7277" t="s">
        <v>15335</v>
      </c>
      <c r="E7277" t="s">
        <v>33018</v>
      </c>
      <c r="F7277">
        <v>4</v>
      </c>
      <c r="G7277" t="s">
        <v>10</v>
      </c>
      <c r="H7277" t="s">
        <v>15336</v>
      </c>
      <c r="I7277" t="s">
        <v>30540</v>
      </c>
    </row>
    <row r="7278" spans="1:9">
      <c r="A7278" s="1">
        <v>7.3894229504534281E-2</v>
      </c>
      <c r="B7278" s="1"/>
      <c r="C7278">
        <v>4</v>
      </c>
      <c r="D7278" t="s">
        <v>15319</v>
      </c>
      <c r="E7278" t="s">
        <v>33019</v>
      </c>
      <c r="F7278">
        <v>5</v>
      </c>
      <c r="G7278" t="s">
        <v>1</v>
      </c>
      <c r="H7278" t="s">
        <v>15320</v>
      </c>
      <c r="I7278" t="s">
        <v>30540</v>
      </c>
    </row>
    <row r="7279" spans="1:9">
      <c r="A7279" s="1">
        <v>9.0627874527097974E-2</v>
      </c>
      <c r="B7279" s="1"/>
      <c r="C7279">
        <v>16</v>
      </c>
      <c r="D7279" t="s">
        <v>15331</v>
      </c>
      <c r="E7279" t="s">
        <v>33019</v>
      </c>
      <c r="F7279">
        <v>4</v>
      </c>
      <c r="G7279" t="s">
        <v>14</v>
      </c>
      <c r="H7279" t="s">
        <v>15332</v>
      </c>
      <c r="I7279" t="s">
        <v>30540</v>
      </c>
    </row>
    <row r="7280" spans="1:9">
      <c r="A7280" s="1">
        <v>0.82265169700852259</v>
      </c>
      <c r="B7280" s="1"/>
      <c r="C7280">
        <v>11</v>
      </c>
      <c r="D7280" t="s">
        <v>15327</v>
      </c>
      <c r="E7280" t="s">
        <v>33019</v>
      </c>
      <c r="F7280">
        <v>4</v>
      </c>
      <c r="G7280" t="s">
        <v>1431</v>
      </c>
      <c r="H7280" t="s">
        <v>15328</v>
      </c>
      <c r="I7280" t="s">
        <v>30540</v>
      </c>
    </row>
    <row r="7281" spans="1:9">
      <c r="A7281" s="1">
        <v>0.68085488346948231</v>
      </c>
      <c r="B7281" s="1"/>
      <c r="C7281">
        <v>15</v>
      </c>
      <c r="D7281" t="s">
        <v>15329</v>
      </c>
      <c r="E7281" t="s">
        <v>33019</v>
      </c>
      <c r="F7281">
        <v>4</v>
      </c>
      <c r="G7281" t="s">
        <v>9</v>
      </c>
      <c r="H7281" t="s">
        <v>15330</v>
      </c>
      <c r="I7281" t="s">
        <v>30540</v>
      </c>
    </row>
    <row r="7282" spans="1:9">
      <c r="A7282" s="1">
        <v>0.8115225445633758</v>
      </c>
      <c r="B7282" s="1"/>
      <c r="C7282">
        <v>8</v>
      </c>
      <c r="D7282" t="s">
        <v>15323</v>
      </c>
      <c r="E7282" t="s">
        <v>33019</v>
      </c>
      <c r="F7282">
        <v>4</v>
      </c>
      <c r="G7282" t="s">
        <v>1431</v>
      </c>
      <c r="H7282" t="s">
        <v>15324</v>
      </c>
      <c r="I7282" t="s">
        <v>30540</v>
      </c>
    </row>
    <row r="7283" spans="1:9">
      <c r="A7283" s="1">
        <v>0.95401535975993146</v>
      </c>
      <c r="B7283" s="1"/>
      <c r="C7283">
        <v>2</v>
      </c>
      <c r="D7283" t="s">
        <v>15313</v>
      </c>
      <c r="E7283" t="s">
        <v>33020</v>
      </c>
      <c r="F7283">
        <v>4</v>
      </c>
      <c r="G7283" t="s">
        <v>2</v>
      </c>
      <c r="H7283" t="s">
        <v>15314</v>
      </c>
      <c r="I7283" t="s">
        <v>30540</v>
      </c>
    </row>
    <row r="7284" spans="1:9">
      <c r="A7284" s="1">
        <v>5.6287844283112842E-2</v>
      </c>
      <c r="B7284" s="1"/>
      <c r="C7284">
        <v>10</v>
      </c>
      <c r="D7284" t="s">
        <v>15315</v>
      </c>
      <c r="E7284" t="s">
        <v>33020</v>
      </c>
      <c r="F7284">
        <v>4</v>
      </c>
      <c r="G7284" t="s">
        <v>2</v>
      </c>
      <c r="H7284" t="s">
        <v>15316</v>
      </c>
      <c r="I7284" t="s">
        <v>30540</v>
      </c>
    </row>
    <row r="7285" spans="1:9">
      <c r="A7285" s="1">
        <v>0.15020241141556201</v>
      </c>
      <c r="B7285" s="1"/>
      <c r="C7285">
        <v>15</v>
      </c>
      <c r="D7285" t="s">
        <v>15311</v>
      </c>
      <c r="E7285" t="s">
        <v>33021</v>
      </c>
      <c r="F7285">
        <v>5</v>
      </c>
      <c r="G7285" t="s">
        <v>14</v>
      </c>
      <c r="H7285" t="s">
        <v>15312</v>
      </c>
      <c r="I7285" t="s">
        <v>30540</v>
      </c>
    </row>
    <row r="7286" spans="1:9">
      <c r="A7286" s="1">
        <v>6.9503508628646293E-2</v>
      </c>
      <c r="B7286" s="1"/>
      <c r="C7286">
        <v>2</v>
      </c>
      <c r="D7286" t="s">
        <v>15303</v>
      </c>
      <c r="E7286" t="s">
        <v>33021</v>
      </c>
      <c r="F7286">
        <v>4</v>
      </c>
      <c r="G7286" t="s">
        <v>2</v>
      </c>
      <c r="H7286" t="s">
        <v>15304</v>
      </c>
      <c r="I7286" t="s">
        <v>30540</v>
      </c>
    </row>
    <row r="7287" spans="1:9">
      <c r="A7287" s="1">
        <v>0.8233616194982063</v>
      </c>
      <c r="B7287" s="1"/>
      <c r="C7287">
        <v>4</v>
      </c>
      <c r="D7287" t="s">
        <v>15305</v>
      </c>
      <c r="E7287" t="s">
        <v>33021</v>
      </c>
      <c r="F7287">
        <v>4</v>
      </c>
      <c r="G7287" t="s">
        <v>14</v>
      </c>
      <c r="H7287" t="s">
        <v>15306</v>
      </c>
      <c r="I7287" t="s">
        <v>30540</v>
      </c>
    </row>
    <row r="7288" spans="1:9">
      <c r="A7288" s="1">
        <v>0.20882701534843773</v>
      </c>
      <c r="B7288" s="1"/>
      <c r="C7288">
        <v>9</v>
      </c>
      <c r="D7288" t="s">
        <v>15307</v>
      </c>
      <c r="E7288" t="s">
        <v>33021</v>
      </c>
      <c r="F7288">
        <v>3</v>
      </c>
      <c r="G7288" t="s">
        <v>9</v>
      </c>
      <c r="H7288" t="s">
        <v>15308</v>
      </c>
      <c r="I7288" t="s">
        <v>30540</v>
      </c>
    </row>
    <row r="7289" spans="1:9">
      <c r="A7289" s="1">
        <v>0.12970153000028928</v>
      </c>
      <c r="B7289" s="1"/>
      <c r="C7289">
        <v>3</v>
      </c>
      <c r="D7289" t="s">
        <v>15293</v>
      </c>
      <c r="E7289" t="s">
        <v>33022</v>
      </c>
      <c r="F7289">
        <v>4</v>
      </c>
      <c r="G7289" t="s">
        <v>13</v>
      </c>
      <c r="H7289" t="s">
        <v>15294</v>
      </c>
      <c r="I7289" t="s">
        <v>30540</v>
      </c>
    </row>
    <row r="7290" spans="1:9">
      <c r="A7290" s="1">
        <v>4.83473538515512E-2</v>
      </c>
      <c r="B7290" s="1"/>
      <c r="C7290">
        <v>12</v>
      </c>
      <c r="D7290" t="s">
        <v>15295</v>
      </c>
      <c r="E7290" t="s">
        <v>33022</v>
      </c>
      <c r="F7290">
        <v>4</v>
      </c>
      <c r="G7290" t="s">
        <v>0</v>
      </c>
      <c r="H7290" t="s">
        <v>15296</v>
      </c>
      <c r="I7290" t="s">
        <v>30540</v>
      </c>
    </row>
    <row r="7291" spans="1:9">
      <c r="A7291" s="1">
        <v>0.50433729329569832</v>
      </c>
      <c r="B7291" s="1"/>
      <c r="C7291">
        <v>1</v>
      </c>
      <c r="D7291" t="s">
        <v>15291</v>
      </c>
      <c r="E7291" t="s">
        <v>33022</v>
      </c>
      <c r="F7291">
        <v>4</v>
      </c>
      <c r="G7291" t="s">
        <v>14</v>
      </c>
      <c r="H7291" t="s">
        <v>15292</v>
      </c>
      <c r="I7291" t="s">
        <v>30540</v>
      </c>
    </row>
    <row r="7292" spans="1:9">
      <c r="A7292" s="1">
        <v>0.110978393811343</v>
      </c>
      <c r="B7292" s="1"/>
      <c r="C7292">
        <v>13</v>
      </c>
      <c r="D7292" t="s">
        <v>15289</v>
      </c>
      <c r="E7292" t="s">
        <v>33023</v>
      </c>
      <c r="F7292">
        <v>5</v>
      </c>
      <c r="G7292" t="s">
        <v>14</v>
      </c>
      <c r="H7292" t="s">
        <v>15290</v>
      </c>
      <c r="I7292" t="s">
        <v>30540</v>
      </c>
    </row>
    <row r="7293" spans="1:9">
      <c r="A7293" s="1">
        <v>0.43412441488509901</v>
      </c>
      <c r="B7293" s="1"/>
      <c r="C7293">
        <v>2</v>
      </c>
      <c r="D7293" t="s">
        <v>15285</v>
      </c>
      <c r="E7293" t="s">
        <v>33023</v>
      </c>
      <c r="F7293">
        <v>4</v>
      </c>
      <c r="G7293" t="s">
        <v>14</v>
      </c>
      <c r="H7293" t="s">
        <v>15286</v>
      </c>
      <c r="I7293" t="s">
        <v>30540</v>
      </c>
    </row>
    <row r="7294" spans="1:9">
      <c r="A7294" s="1">
        <v>0.43143389715481784</v>
      </c>
      <c r="B7294" s="1"/>
      <c r="C7294">
        <v>9</v>
      </c>
      <c r="D7294" t="s">
        <v>15287</v>
      </c>
      <c r="E7294" t="s">
        <v>33023</v>
      </c>
      <c r="F7294">
        <v>4</v>
      </c>
      <c r="G7294" t="s">
        <v>14</v>
      </c>
      <c r="H7294" t="s">
        <v>15288</v>
      </c>
      <c r="I7294" t="s">
        <v>30540</v>
      </c>
    </row>
    <row r="7295" spans="1:9">
      <c r="A7295" s="1">
        <v>0.15741768546984625</v>
      </c>
      <c r="B7295" s="1"/>
      <c r="C7295">
        <v>1</v>
      </c>
      <c r="D7295" t="s">
        <v>15283</v>
      </c>
      <c r="E7295" t="s">
        <v>33023</v>
      </c>
      <c r="F7295">
        <v>4</v>
      </c>
      <c r="G7295" t="s">
        <v>9</v>
      </c>
      <c r="H7295" t="s">
        <v>15284</v>
      </c>
      <c r="I7295" t="s">
        <v>30540</v>
      </c>
    </row>
    <row r="7296" spans="1:9">
      <c r="A7296" s="1">
        <v>0.89939313186105996</v>
      </c>
      <c r="B7296" s="1"/>
      <c r="C7296">
        <v>13</v>
      </c>
      <c r="D7296" t="s">
        <v>15277</v>
      </c>
      <c r="E7296" t="s">
        <v>33024</v>
      </c>
      <c r="F7296">
        <v>5</v>
      </c>
      <c r="G7296" t="s">
        <v>766</v>
      </c>
      <c r="H7296" t="s">
        <v>15278</v>
      </c>
      <c r="I7296" t="s">
        <v>30540</v>
      </c>
    </row>
    <row r="7297" spans="1:9">
      <c r="A7297" s="1">
        <v>0.12105356350212781</v>
      </c>
      <c r="B7297" s="1"/>
      <c r="C7297">
        <v>20</v>
      </c>
      <c r="D7297" t="s">
        <v>15281</v>
      </c>
      <c r="E7297" t="s">
        <v>33024</v>
      </c>
      <c r="F7297">
        <v>4</v>
      </c>
      <c r="G7297" t="s">
        <v>10</v>
      </c>
      <c r="H7297" t="s">
        <v>15282</v>
      </c>
      <c r="I7297" t="s">
        <v>30540</v>
      </c>
    </row>
    <row r="7298" spans="1:9">
      <c r="A7298" s="1">
        <v>0.42294008156450169</v>
      </c>
      <c r="B7298" s="1"/>
      <c r="C7298">
        <v>14</v>
      </c>
      <c r="D7298" t="s">
        <v>15279</v>
      </c>
      <c r="E7298" t="s">
        <v>33024</v>
      </c>
      <c r="F7298">
        <v>4</v>
      </c>
      <c r="G7298" t="s">
        <v>10</v>
      </c>
      <c r="H7298" t="s">
        <v>15280</v>
      </c>
      <c r="I7298" t="s">
        <v>30540</v>
      </c>
    </row>
    <row r="7299" spans="1:9">
      <c r="A7299" s="1">
        <v>0.44060417969748267</v>
      </c>
      <c r="B7299" s="1"/>
      <c r="C7299">
        <v>5</v>
      </c>
      <c r="D7299" t="s">
        <v>15275</v>
      </c>
      <c r="E7299" t="s">
        <v>33024</v>
      </c>
      <c r="F7299">
        <v>3</v>
      </c>
      <c r="G7299" t="s">
        <v>1</v>
      </c>
      <c r="H7299" t="s">
        <v>15276</v>
      </c>
      <c r="I7299" t="s">
        <v>30540</v>
      </c>
    </row>
    <row r="7300" spans="1:9">
      <c r="A7300" s="1">
        <v>0.16657262769120307</v>
      </c>
      <c r="B7300" s="1"/>
      <c r="C7300">
        <v>15</v>
      </c>
      <c r="D7300" t="s">
        <v>15273</v>
      </c>
      <c r="E7300" t="s">
        <v>33025</v>
      </c>
      <c r="F7300">
        <v>4</v>
      </c>
      <c r="G7300" t="s">
        <v>14</v>
      </c>
      <c r="H7300" t="s">
        <v>15274</v>
      </c>
      <c r="I7300" t="s">
        <v>30540</v>
      </c>
    </row>
    <row r="7301" spans="1:9">
      <c r="A7301" s="1">
        <v>0.50656496222520875</v>
      </c>
      <c r="B7301" s="1"/>
      <c r="C7301">
        <v>10</v>
      </c>
      <c r="D7301" t="s">
        <v>15269</v>
      </c>
      <c r="E7301" t="s">
        <v>33025</v>
      </c>
      <c r="F7301">
        <v>4</v>
      </c>
      <c r="G7301" t="s">
        <v>14</v>
      </c>
      <c r="H7301" t="s">
        <v>15270</v>
      </c>
      <c r="I7301" t="s">
        <v>30540</v>
      </c>
    </row>
    <row r="7302" spans="1:9">
      <c r="A7302" s="1">
        <v>0.99680690794966254</v>
      </c>
      <c r="B7302" s="1"/>
      <c r="C7302">
        <v>11</v>
      </c>
      <c r="D7302" t="s">
        <v>15271</v>
      </c>
      <c r="E7302" t="s">
        <v>33025</v>
      </c>
      <c r="F7302">
        <v>4</v>
      </c>
      <c r="G7302" t="s">
        <v>10</v>
      </c>
      <c r="H7302" t="s">
        <v>15272</v>
      </c>
      <c r="I7302" t="s">
        <v>30540</v>
      </c>
    </row>
    <row r="7303" spans="1:9">
      <c r="A7303" s="1">
        <v>0.56881560955147414</v>
      </c>
      <c r="B7303" s="1"/>
      <c r="C7303">
        <v>6</v>
      </c>
      <c r="D7303" t="s">
        <v>15267</v>
      </c>
      <c r="E7303" t="s">
        <v>33025</v>
      </c>
      <c r="F7303">
        <v>3</v>
      </c>
      <c r="G7303" t="s">
        <v>15</v>
      </c>
      <c r="H7303" t="s">
        <v>15268</v>
      </c>
      <c r="I7303" t="s">
        <v>30540</v>
      </c>
    </row>
    <row r="7304" spans="1:9">
      <c r="A7304" s="1">
        <v>0.25144915284189917</v>
      </c>
      <c r="B7304" s="1"/>
      <c r="C7304">
        <v>4</v>
      </c>
      <c r="D7304" t="s">
        <v>15261</v>
      </c>
      <c r="E7304" t="s">
        <v>33026</v>
      </c>
      <c r="F7304">
        <v>5</v>
      </c>
      <c r="G7304" t="s">
        <v>15</v>
      </c>
      <c r="H7304" t="s">
        <v>15262</v>
      </c>
      <c r="I7304" t="s">
        <v>30540</v>
      </c>
    </row>
    <row r="7305" spans="1:9">
      <c r="A7305" s="1">
        <v>0.60032626535887623</v>
      </c>
      <c r="B7305" s="1"/>
      <c r="C7305">
        <v>13</v>
      </c>
      <c r="D7305" t="s">
        <v>15263</v>
      </c>
      <c r="E7305" t="s">
        <v>33026</v>
      </c>
      <c r="F7305">
        <v>5</v>
      </c>
      <c r="G7305" t="s">
        <v>14</v>
      </c>
      <c r="H7305" t="s">
        <v>15264</v>
      </c>
      <c r="I7305" t="s">
        <v>30540</v>
      </c>
    </row>
    <row r="7306" spans="1:9">
      <c r="A7306" s="1">
        <v>0.21345672490739298</v>
      </c>
      <c r="B7306" s="1"/>
      <c r="C7306">
        <v>8</v>
      </c>
      <c r="D7306" t="s">
        <v>15259</v>
      </c>
      <c r="E7306" t="s">
        <v>33027</v>
      </c>
      <c r="F7306">
        <v>4</v>
      </c>
      <c r="G7306" t="s">
        <v>14</v>
      </c>
      <c r="H7306" t="s">
        <v>15260</v>
      </c>
      <c r="I7306" t="s">
        <v>30540</v>
      </c>
    </row>
    <row r="7307" spans="1:9">
      <c r="A7307" s="1">
        <v>0.81851413041813481</v>
      </c>
      <c r="B7307" s="1"/>
      <c r="C7307">
        <v>5</v>
      </c>
      <c r="D7307" t="s">
        <v>15257</v>
      </c>
      <c r="E7307" t="s">
        <v>33027</v>
      </c>
      <c r="F7307">
        <v>3</v>
      </c>
      <c r="G7307" t="s">
        <v>14</v>
      </c>
      <c r="H7307" t="s">
        <v>15258</v>
      </c>
      <c r="I7307" t="s">
        <v>30540</v>
      </c>
    </row>
    <row r="7308" spans="1:9">
      <c r="A7308" s="1">
        <v>0.39392795738806297</v>
      </c>
      <c r="B7308" s="1"/>
      <c r="C7308">
        <v>15</v>
      </c>
      <c r="D7308" t="s">
        <v>15255</v>
      </c>
      <c r="E7308" t="s">
        <v>33028</v>
      </c>
      <c r="F7308">
        <v>5</v>
      </c>
      <c r="G7308" t="s">
        <v>14</v>
      </c>
      <c r="H7308" t="s">
        <v>15256</v>
      </c>
      <c r="I7308" t="s">
        <v>30540</v>
      </c>
    </row>
    <row r="7309" spans="1:9">
      <c r="A7309" s="1">
        <v>0.32916817413845545</v>
      </c>
      <c r="B7309" s="1"/>
      <c r="C7309">
        <v>12</v>
      </c>
      <c r="D7309" t="s">
        <v>15253</v>
      </c>
      <c r="E7309" t="s">
        <v>33028</v>
      </c>
      <c r="F7309">
        <v>4</v>
      </c>
      <c r="G7309" t="s">
        <v>14</v>
      </c>
      <c r="H7309" t="s">
        <v>15254</v>
      </c>
      <c r="I7309" t="s">
        <v>30540</v>
      </c>
    </row>
    <row r="7310" spans="1:9">
      <c r="A7310" s="1">
        <v>0.1064534412013336</v>
      </c>
      <c r="B7310" s="1"/>
      <c r="C7310">
        <v>11</v>
      </c>
      <c r="D7310" t="s">
        <v>15251</v>
      </c>
      <c r="E7310" t="s">
        <v>33028</v>
      </c>
      <c r="F7310">
        <v>4</v>
      </c>
      <c r="G7310" t="s">
        <v>14</v>
      </c>
      <c r="H7310" t="s">
        <v>15252</v>
      </c>
      <c r="I7310" t="s">
        <v>30540</v>
      </c>
    </row>
    <row r="7311" spans="1:9">
      <c r="A7311" s="1">
        <v>0.1559741682009097</v>
      </c>
      <c r="B7311" s="1"/>
      <c r="C7311">
        <v>10</v>
      </c>
      <c r="D7311" t="s">
        <v>15247</v>
      </c>
      <c r="E7311" t="s">
        <v>33029</v>
      </c>
      <c r="F7311">
        <v>5</v>
      </c>
      <c r="G7311" t="s">
        <v>3732</v>
      </c>
      <c r="H7311" t="s">
        <v>15248</v>
      </c>
      <c r="I7311" t="s">
        <v>30540</v>
      </c>
    </row>
    <row r="7312" spans="1:9">
      <c r="A7312" s="1">
        <v>0.58697339542107185</v>
      </c>
      <c r="B7312" s="1"/>
      <c r="C7312">
        <v>7</v>
      </c>
      <c r="D7312" t="s">
        <v>15243</v>
      </c>
      <c r="E7312" t="s">
        <v>33029</v>
      </c>
      <c r="F7312">
        <v>5</v>
      </c>
      <c r="G7312" t="s">
        <v>762</v>
      </c>
      <c r="H7312" t="s">
        <v>15244</v>
      </c>
      <c r="I7312" t="s">
        <v>30540</v>
      </c>
    </row>
    <row r="7313" spans="1:9">
      <c r="A7313" s="1">
        <v>0.79207285168625607</v>
      </c>
      <c r="B7313" s="1"/>
      <c r="C7313">
        <v>5</v>
      </c>
      <c r="D7313" t="s">
        <v>15239</v>
      </c>
      <c r="E7313" t="s">
        <v>33029</v>
      </c>
      <c r="F7313">
        <v>5</v>
      </c>
      <c r="G7313" t="s">
        <v>14</v>
      </c>
      <c r="H7313" t="s">
        <v>15240</v>
      </c>
      <c r="I7313" t="s">
        <v>30540</v>
      </c>
    </row>
    <row r="7314" spans="1:9">
      <c r="A7314" s="1">
        <v>0.23086764507321667</v>
      </c>
      <c r="B7314" s="1"/>
      <c r="C7314">
        <v>6</v>
      </c>
      <c r="D7314" t="s">
        <v>15241</v>
      </c>
      <c r="E7314" t="s">
        <v>33029</v>
      </c>
      <c r="F7314">
        <v>4</v>
      </c>
      <c r="G7314" t="s">
        <v>1431</v>
      </c>
      <c r="H7314" t="s">
        <v>15242</v>
      </c>
      <c r="I7314" t="s">
        <v>30540</v>
      </c>
    </row>
    <row r="7315" spans="1:9">
      <c r="A7315" s="1">
        <v>0.96909892829122601</v>
      </c>
      <c r="B7315" s="1"/>
      <c r="C7315">
        <v>8</v>
      </c>
      <c r="D7315" t="s">
        <v>15245</v>
      </c>
      <c r="E7315" t="s">
        <v>33029</v>
      </c>
      <c r="F7315">
        <v>4</v>
      </c>
      <c r="G7315" t="s">
        <v>775</v>
      </c>
      <c r="H7315" t="s">
        <v>15246</v>
      </c>
      <c r="I7315" t="s">
        <v>30540</v>
      </c>
    </row>
    <row r="7316" spans="1:9">
      <c r="A7316" s="1">
        <v>0.59708687005882632</v>
      </c>
      <c r="B7316" s="1"/>
      <c r="C7316">
        <v>19</v>
      </c>
      <c r="D7316" t="s">
        <v>15249</v>
      </c>
      <c r="E7316" t="s">
        <v>33029</v>
      </c>
      <c r="F7316">
        <v>3</v>
      </c>
      <c r="G7316" t="s">
        <v>14</v>
      </c>
      <c r="H7316" t="s">
        <v>15250</v>
      </c>
      <c r="I7316" t="s">
        <v>30540</v>
      </c>
    </row>
    <row r="7317" spans="1:9">
      <c r="A7317" s="1">
        <v>0.82262506985139139</v>
      </c>
      <c r="B7317" s="1"/>
      <c r="C7317">
        <v>13</v>
      </c>
      <c r="D7317" t="s">
        <v>15237</v>
      </c>
      <c r="E7317" t="s">
        <v>33030</v>
      </c>
      <c r="F7317">
        <v>4</v>
      </c>
      <c r="G7317" t="s">
        <v>13</v>
      </c>
      <c r="H7317" t="s">
        <v>15238</v>
      </c>
      <c r="I7317" t="s">
        <v>30540</v>
      </c>
    </row>
    <row r="7318" spans="1:9">
      <c r="A7318" s="1">
        <v>0.26093885111933524</v>
      </c>
      <c r="B7318" s="1"/>
      <c r="C7318">
        <v>5</v>
      </c>
      <c r="D7318" t="s">
        <v>15231</v>
      </c>
      <c r="E7318" t="s">
        <v>33030</v>
      </c>
      <c r="F7318">
        <v>4</v>
      </c>
      <c r="G7318" t="s">
        <v>14</v>
      </c>
      <c r="H7318" t="s">
        <v>15232</v>
      </c>
      <c r="I7318" t="s">
        <v>30540</v>
      </c>
    </row>
    <row r="7319" spans="1:9">
      <c r="A7319" s="1">
        <v>0.30564310115757387</v>
      </c>
      <c r="B7319" s="1"/>
      <c r="C7319">
        <v>11</v>
      </c>
      <c r="D7319" t="s">
        <v>15235</v>
      </c>
      <c r="E7319" t="s">
        <v>33030</v>
      </c>
      <c r="F7319">
        <v>4</v>
      </c>
      <c r="G7319" t="s">
        <v>0</v>
      </c>
      <c r="H7319" t="s">
        <v>15236</v>
      </c>
      <c r="I7319" t="s">
        <v>30540</v>
      </c>
    </row>
    <row r="7320" spans="1:9">
      <c r="A7320" s="1">
        <v>0.68372324723441014</v>
      </c>
      <c r="B7320" s="1"/>
      <c r="C7320">
        <v>9</v>
      </c>
      <c r="D7320" t="s">
        <v>15233</v>
      </c>
      <c r="E7320" t="s">
        <v>33030</v>
      </c>
      <c r="F7320">
        <v>4</v>
      </c>
      <c r="G7320" t="s">
        <v>1</v>
      </c>
      <c r="H7320" t="s">
        <v>15234</v>
      </c>
      <c r="I7320" t="s">
        <v>30540</v>
      </c>
    </row>
    <row r="7321" spans="1:9">
      <c r="A7321" s="1">
        <v>0.72598979680089548</v>
      </c>
      <c r="B7321" s="1"/>
      <c r="C7321">
        <v>19</v>
      </c>
      <c r="D7321" t="s">
        <v>15229</v>
      </c>
      <c r="E7321" t="s">
        <v>33031</v>
      </c>
      <c r="F7321">
        <v>5</v>
      </c>
      <c r="G7321" t="s">
        <v>14</v>
      </c>
      <c r="H7321" t="s">
        <v>15230</v>
      </c>
      <c r="I7321" t="s">
        <v>30540</v>
      </c>
    </row>
    <row r="7322" spans="1:9">
      <c r="A7322" s="1">
        <v>0.51808772038304129</v>
      </c>
      <c r="B7322" s="1"/>
      <c r="C7322">
        <v>10</v>
      </c>
      <c r="D7322" t="s">
        <v>15225</v>
      </c>
      <c r="E7322" t="s">
        <v>33031</v>
      </c>
      <c r="F7322">
        <v>4</v>
      </c>
      <c r="G7322" t="s">
        <v>14</v>
      </c>
      <c r="H7322" t="s">
        <v>15226</v>
      </c>
      <c r="I7322" t="s">
        <v>30540</v>
      </c>
    </row>
    <row r="7323" spans="1:9">
      <c r="A7323" s="1">
        <v>8.8183981405194234E-2</v>
      </c>
      <c r="B7323" s="1"/>
      <c r="C7323">
        <v>6</v>
      </c>
      <c r="D7323" t="s">
        <v>15219</v>
      </c>
      <c r="E7323" t="s">
        <v>33032</v>
      </c>
      <c r="F7323">
        <v>4</v>
      </c>
      <c r="G7323" t="s">
        <v>2</v>
      </c>
      <c r="H7323" t="s">
        <v>15220</v>
      </c>
      <c r="I7323" t="s">
        <v>30540</v>
      </c>
    </row>
    <row r="7324" spans="1:9">
      <c r="A7324" s="1">
        <v>0.31208455038964178</v>
      </c>
      <c r="B7324" s="1"/>
      <c r="C7324">
        <v>8</v>
      </c>
      <c r="D7324" t="s">
        <v>15221</v>
      </c>
      <c r="E7324" t="s">
        <v>33032</v>
      </c>
      <c r="F7324">
        <v>4</v>
      </c>
      <c r="G7324" t="s">
        <v>14</v>
      </c>
      <c r="H7324" t="s">
        <v>15222</v>
      </c>
      <c r="I7324" t="s">
        <v>30540</v>
      </c>
    </row>
    <row r="7325" spans="1:9">
      <c r="A7325" s="1">
        <v>0.73209123488153049</v>
      </c>
      <c r="B7325" s="1"/>
      <c r="C7325">
        <v>11</v>
      </c>
      <c r="D7325" t="s">
        <v>15223</v>
      </c>
      <c r="E7325" t="s">
        <v>33032</v>
      </c>
      <c r="F7325">
        <v>4</v>
      </c>
      <c r="G7325" t="s">
        <v>14</v>
      </c>
      <c r="H7325" t="s">
        <v>15224</v>
      </c>
      <c r="I7325" t="s">
        <v>30540</v>
      </c>
    </row>
    <row r="7326" spans="1:9">
      <c r="A7326" s="1">
        <v>0.58876813528964378</v>
      </c>
      <c r="B7326" s="1"/>
      <c r="C7326">
        <v>11</v>
      </c>
      <c r="D7326" t="s">
        <v>15215</v>
      </c>
      <c r="E7326" t="s">
        <v>33033</v>
      </c>
      <c r="F7326">
        <v>5</v>
      </c>
      <c r="G7326" t="s">
        <v>1</v>
      </c>
      <c r="H7326" t="s">
        <v>15216</v>
      </c>
      <c r="I7326" t="s">
        <v>30540</v>
      </c>
    </row>
    <row r="7327" spans="1:9">
      <c r="A7327" s="1">
        <v>0.73235713506844602</v>
      </c>
      <c r="B7327" s="1"/>
      <c r="C7327">
        <v>5</v>
      </c>
      <c r="D7327" t="s">
        <v>15211</v>
      </c>
      <c r="E7327" t="s">
        <v>33033</v>
      </c>
      <c r="F7327">
        <v>4</v>
      </c>
      <c r="G7327" t="s">
        <v>14</v>
      </c>
      <c r="H7327" t="s">
        <v>15212</v>
      </c>
      <c r="I7327" t="s">
        <v>30540</v>
      </c>
    </row>
    <row r="7328" spans="1:9">
      <c r="A7328" s="1">
        <v>0.39396950804282793</v>
      </c>
      <c r="B7328" s="1"/>
      <c r="C7328">
        <v>20</v>
      </c>
      <c r="D7328" t="s">
        <v>15209</v>
      </c>
      <c r="E7328" t="s">
        <v>33034</v>
      </c>
      <c r="F7328">
        <v>4</v>
      </c>
      <c r="G7328" t="s">
        <v>14</v>
      </c>
      <c r="H7328" t="s">
        <v>15210</v>
      </c>
      <c r="I7328" t="s">
        <v>30540</v>
      </c>
    </row>
    <row r="7329" spans="1:9">
      <c r="A7329" s="1">
        <v>0.56675880274714763</v>
      </c>
      <c r="B7329" s="1"/>
      <c r="C7329">
        <v>13</v>
      </c>
      <c r="D7329" t="s">
        <v>15207</v>
      </c>
      <c r="E7329" t="s">
        <v>33034</v>
      </c>
      <c r="F7329">
        <v>4</v>
      </c>
      <c r="G7329" t="s">
        <v>775</v>
      </c>
      <c r="H7329" t="s">
        <v>15208</v>
      </c>
      <c r="I7329" t="s">
        <v>30540</v>
      </c>
    </row>
    <row r="7330" spans="1:9">
      <c r="A7330" s="1">
        <v>0.53025639281909132</v>
      </c>
      <c r="B7330" s="1"/>
      <c r="C7330">
        <v>10</v>
      </c>
      <c r="D7330" t="s">
        <v>15205</v>
      </c>
      <c r="E7330" t="s">
        <v>33034</v>
      </c>
      <c r="F7330">
        <v>4</v>
      </c>
      <c r="G7330" t="s">
        <v>2</v>
      </c>
      <c r="H7330" t="s">
        <v>15206</v>
      </c>
      <c r="I7330" t="s">
        <v>30540</v>
      </c>
    </row>
    <row r="7331" spans="1:9">
      <c r="A7331" s="1">
        <v>0.79686790246662353</v>
      </c>
      <c r="B7331" s="1"/>
      <c r="C7331">
        <v>1</v>
      </c>
      <c r="D7331" t="s">
        <v>15193</v>
      </c>
      <c r="E7331" t="s">
        <v>33035</v>
      </c>
      <c r="F7331">
        <v>5</v>
      </c>
      <c r="G7331" t="s">
        <v>2</v>
      </c>
      <c r="H7331" t="s">
        <v>15194</v>
      </c>
      <c r="I7331" t="s">
        <v>30540</v>
      </c>
    </row>
    <row r="7332" spans="1:9">
      <c r="A7332" s="1">
        <v>0.22759996188355947</v>
      </c>
      <c r="B7332" s="1"/>
      <c r="C7332">
        <v>11</v>
      </c>
      <c r="D7332" t="s">
        <v>15201</v>
      </c>
      <c r="E7332" t="s">
        <v>33035</v>
      </c>
      <c r="F7332">
        <v>5</v>
      </c>
      <c r="G7332" t="s">
        <v>14</v>
      </c>
      <c r="H7332" t="s">
        <v>15202</v>
      </c>
      <c r="I7332" t="s">
        <v>30540</v>
      </c>
    </row>
    <row r="7333" spans="1:9">
      <c r="A7333" s="1">
        <v>0.47515782507508775</v>
      </c>
      <c r="B7333" s="1"/>
      <c r="C7333">
        <v>9</v>
      </c>
      <c r="D7333" t="s">
        <v>15199</v>
      </c>
      <c r="E7333" t="s">
        <v>33035</v>
      </c>
      <c r="F7333">
        <v>4</v>
      </c>
      <c r="G7333" t="s">
        <v>14</v>
      </c>
      <c r="H7333" t="s">
        <v>15200</v>
      </c>
      <c r="I7333" t="s">
        <v>30540</v>
      </c>
    </row>
    <row r="7334" spans="1:9">
      <c r="A7334" s="1">
        <v>0.61981368353310506</v>
      </c>
      <c r="B7334" s="1"/>
      <c r="C7334">
        <v>7</v>
      </c>
      <c r="D7334" t="s">
        <v>15197</v>
      </c>
      <c r="E7334" t="s">
        <v>33035</v>
      </c>
      <c r="F7334">
        <v>4</v>
      </c>
      <c r="G7334" t="s">
        <v>14</v>
      </c>
      <c r="H7334" t="s">
        <v>15198</v>
      </c>
      <c r="I7334" t="s">
        <v>30540</v>
      </c>
    </row>
    <row r="7335" spans="1:9">
      <c r="A7335" s="1">
        <v>3.8550399695775228E-2</v>
      </c>
      <c r="B7335" s="1"/>
      <c r="C7335">
        <v>4</v>
      </c>
      <c r="D7335" t="s">
        <v>15195</v>
      </c>
      <c r="E7335" t="s">
        <v>33035</v>
      </c>
      <c r="F7335">
        <v>4</v>
      </c>
      <c r="G7335" t="s">
        <v>14</v>
      </c>
      <c r="H7335" t="s">
        <v>15196</v>
      </c>
      <c r="I7335" t="s">
        <v>30540</v>
      </c>
    </row>
    <row r="7336" spans="1:9">
      <c r="A7336" s="1">
        <v>0.2711247952091459</v>
      </c>
      <c r="B7336" s="1"/>
      <c r="C7336">
        <v>12</v>
      </c>
      <c r="D7336" t="s">
        <v>15203</v>
      </c>
      <c r="E7336" t="s">
        <v>33035</v>
      </c>
      <c r="F7336">
        <v>4</v>
      </c>
      <c r="G7336" t="s">
        <v>1</v>
      </c>
      <c r="H7336" t="s">
        <v>15204</v>
      </c>
      <c r="I7336" t="s">
        <v>30540</v>
      </c>
    </row>
    <row r="7337" spans="1:9">
      <c r="A7337" s="1">
        <v>0.85433206936671502</v>
      </c>
      <c r="B7337" s="1"/>
      <c r="C7337">
        <v>14</v>
      </c>
      <c r="D7337" t="s">
        <v>15191</v>
      </c>
      <c r="E7337" t="s">
        <v>33036</v>
      </c>
      <c r="F7337">
        <v>4</v>
      </c>
      <c r="G7337" t="s">
        <v>9</v>
      </c>
      <c r="H7337" t="s">
        <v>15192</v>
      </c>
      <c r="I7337" t="s">
        <v>30540</v>
      </c>
    </row>
    <row r="7338" spans="1:9">
      <c r="A7338" s="1">
        <v>4.1969050323619639E-2</v>
      </c>
      <c r="B7338" s="1"/>
      <c r="C7338">
        <v>9</v>
      </c>
      <c r="D7338" t="s">
        <v>15187</v>
      </c>
      <c r="E7338" t="s">
        <v>33036</v>
      </c>
      <c r="F7338">
        <v>4</v>
      </c>
      <c r="G7338" t="s">
        <v>9</v>
      </c>
      <c r="H7338" t="s">
        <v>15188</v>
      </c>
      <c r="I7338" t="s">
        <v>30540</v>
      </c>
    </row>
    <row r="7339" spans="1:9">
      <c r="A7339" s="1">
        <v>9.0024747982423547E-2</v>
      </c>
      <c r="B7339" s="1"/>
      <c r="C7339">
        <v>13</v>
      </c>
      <c r="D7339" t="s">
        <v>15189</v>
      </c>
      <c r="E7339" t="s">
        <v>33036</v>
      </c>
      <c r="F7339">
        <v>3</v>
      </c>
      <c r="G7339" t="s">
        <v>9</v>
      </c>
      <c r="H7339" t="s">
        <v>15190</v>
      </c>
      <c r="I7339" t="s">
        <v>30540</v>
      </c>
    </row>
    <row r="7340" spans="1:9">
      <c r="A7340" s="1">
        <v>0.60709089856395315</v>
      </c>
      <c r="B7340" s="1"/>
      <c r="C7340">
        <v>6</v>
      </c>
      <c r="D7340" t="s">
        <v>15175</v>
      </c>
      <c r="E7340" t="s">
        <v>33037</v>
      </c>
      <c r="F7340">
        <v>5</v>
      </c>
      <c r="G7340" t="s">
        <v>2</v>
      </c>
      <c r="H7340" t="s">
        <v>15176</v>
      </c>
      <c r="I7340" t="s">
        <v>30540</v>
      </c>
    </row>
    <row r="7341" spans="1:9">
      <c r="A7341" s="1">
        <v>7.8599463913452405E-2</v>
      </c>
      <c r="B7341" s="1"/>
      <c r="C7341">
        <v>2</v>
      </c>
      <c r="D7341" t="s">
        <v>15173</v>
      </c>
      <c r="E7341" t="s">
        <v>33037</v>
      </c>
      <c r="F7341">
        <v>4</v>
      </c>
      <c r="G7341" t="s">
        <v>14</v>
      </c>
      <c r="H7341" t="s">
        <v>15174</v>
      </c>
      <c r="I7341" t="s">
        <v>30540</v>
      </c>
    </row>
    <row r="7342" spans="1:9">
      <c r="A7342" s="1">
        <v>2.6595566882058219E-2</v>
      </c>
      <c r="B7342" s="1"/>
      <c r="C7342">
        <v>9</v>
      </c>
      <c r="D7342" t="s">
        <v>15177</v>
      </c>
      <c r="E7342" t="s">
        <v>33037</v>
      </c>
      <c r="F7342">
        <v>4</v>
      </c>
      <c r="G7342" t="s">
        <v>13</v>
      </c>
      <c r="H7342" t="s">
        <v>15178</v>
      </c>
      <c r="I7342" t="s">
        <v>30540</v>
      </c>
    </row>
    <row r="7343" spans="1:9">
      <c r="A7343" s="1">
        <v>0.24354491595525862</v>
      </c>
      <c r="B7343" s="1"/>
      <c r="C7343">
        <v>10</v>
      </c>
      <c r="D7343" t="s">
        <v>15179</v>
      </c>
      <c r="E7343" t="s">
        <v>33037</v>
      </c>
      <c r="F7343">
        <v>4</v>
      </c>
      <c r="G7343" t="s">
        <v>14</v>
      </c>
      <c r="H7343" t="s">
        <v>15180</v>
      </c>
      <c r="I7343" t="s">
        <v>30540</v>
      </c>
    </row>
    <row r="7344" spans="1:9">
      <c r="A7344" s="1">
        <v>0.18892375624627977</v>
      </c>
      <c r="B7344" s="1"/>
      <c r="C7344">
        <v>9</v>
      </c>
      <c r="D7344" t="s">
        <v>15169</v>
      </c>
      <c r="E7344" t="s">
        <v>33038</v>
      </c>
      <c r="F7344">
        <v>4</v>
      </c>
      <c r="G7344" t="s">
        <v>14</v>
      </c>
      <c r="H7344" t="s">
        <v>15170</v>
      </c>
      <c r="I7344" t="s">
        <v>30540</v>
      </c>
    </row>
    <row r="7345" spans="1:9">
      <c r="A7345" s="1">
        <v>0.26069637436106841</v>
      </c>
      <c r="B7345" s="1"/>
      <c r="C7345">
        <v>8</v>
      </c>
      <c r="D7345" t="s">
        <v>15167</v>
      </c>
      <c r="E7345" t="s">
        <v>33038</v>
      </c>
      <c r="F7345">
        <v>4</v>
      </c>
      <c r="G7345" t="s">
        <v>14</v>
      </c>
      <c r="H7345" t="s">
        <v>15168</v>
      </c>
      <c r="I7345" t="s">
        <v>30540</v>
      </c>
    </row>
    <row r="7346" spans="1:9">
      <c r="A7346" s="1">
        <v>0.166036200888519</v>
      </c>
      <c r="B7346" s="1"/>
      <c r="C7346">
        <v>3</v>
      </c>
      <c r="D7346" t="s">
        <v>15147</v>
      </c>
      <c r="E7346" t="s">
        <v>33039</v>
      </c>
      <c r="F7346">
        <v>4</v>
      </c>
      <c r="G7346" t="s">
        <v>1431</v>
      </c>
      <c r="H7346" t="s">
        <v>15148</v>
      </c>
      <c r="I7346" t="s">
        <v>30540</v>
      </c>
    </row>
    <row r="7347" spans="1:9">
      <c r="A7347" s="1">
        <v>0.3951437720803509</v>
      </c>
      <c r="B7347" s="1"/>
      <c r="C7347">
        <v>5</v>
      </c>
      <c r="D7347" t="s">
        <v>15149</v>
      </c>
      <c r="E7347" t="s">
        <v>33039</v>
      </c>
      <c r="F7347">
        <v>4</v>
      </c>
      <c r="G7347" t="s">
        <v>13</v>
      </c>
      <c r="H7347" t="s">
        <v>15150</v>
      </c>
      <c r="I7347" t="s">
        <v>30540</v>
      </c>
    </row>
    <row r="7348" spans="1:9">
      <c r="A7348" s="1">
        <v>0.83667839228509111</v>
      </c>
      <c r="B7348" s="1"/>
      <c r="C7348">
        <v>13</v>
      </c>
      <c r="D7348" t="s">
        <v>15157</v>
      </c>
      <c r="E7348" t="s">
        <v>33039</v>
      </c>
      <c r="F7348">
        <v>4</v>
      </c>
      <c r="G7348" t="s">
        <v>15</v>
      </c>
      <c r="H7348" t="s">
        <v>15158</v>
      </c>
      <c r="I7348" t="s">
        <v>30540</v>
      </c>
    </row>
    <row r="7349" spans="1:9">
      <c r="A7349" s="1">
        <v>0.35293403378282717</v>
      </c>
      <c r="B7349" s="1"/>
      <c r="C7349">
        <v>10</v>
      </c>
      <c r="D7349" t="s">
        <v>15153</v>
      </c>
      <c r="E7349" t="s">
        <v>33039</v>
      </c>
      <c r="F7349">
        <v>4</v>
      </c>
      <c r="G7349" t="s">
        <v>14</v>
      </c>
      <c r="H7349" t="s">
        <v>15154</v>
      </c>
      <c r="I7349" t="s">
        <v>30540</v>
      </c>
    </row>
    <row r="7350" spans="1:9">
      <c r="A7350" s="1">
        <v>0.49532644647144153</v>
      </c>
      <c r="B7350" s="1"/>
      <c r="C7350">
        <v>8</v>
      </c>
      <c r="D7350" t="s">
        <v>15151</v>
      </c>
      <c r="E7350" t="s">
        <v>33039</v>
      </c>
      <c r="F7350">
        <v>4</v>
      </c>
      <c r="G7350" t="s">
        <v>3732</v>
      </c>
      <c r="H7350" t="s">
        <v>15152</v>
      </c>
      <c r="I7350" t="s">
        <v>30540</v>
      </c>
    </row>
    <row r="7351" spans="1:9">
      <c r="A7351" s="1">
        <v>0.47403612349791657</v>
      </c>
      <c r="B7351" s="1"/>
      <c r="C7351">
        <v>15</v>
      </c>
      <c r="D7351" t="s">
        <v>15159</v>
      </c>
      <c r="E7351" t="s">
        <v>33039</v>
      </c>
      <c r="F7351">
        <v>4</v>
      </c>
      <c r="G7351" t="s">
        <v>10</v>
      </c>
      <c r="H7351" t="s">
        <v>15160</v>
      </c>
      <c r="I7351" t="s">
        <v>30540</v>
      </c>
    </row>
    <row r="7352" spans="1:9">
      <c r="A7352" s="1">
        <v>0.17594155477202345</v>
      </c>
      <c r="B7352" s="1"/>
      <c r="C7352">
        <v>20</v>
      </c>
      <c r="D7352" t="s">
        <v>15163</v>
      </c>
      <c r="E7352" t="s">
        <v>33039</v>
      </c>
      <c r="F7352">
        <v>4</v>
      </c>
      <c r="G7352" t="s">
        <v>3107</v>
      </c>
      <c r="H7352" t="s">
        <v>15164</v>
      </c>
      <c r="I7352" t="s">
        <v>30540</v>
      </c>
    </row>
    <row r="7353" spans="1:9">
      <c r="A7353" s="1">
        <v>0.95732825760917406</v>
      </c>
      <c r="B7353" s="1"/>
      <c r="C7353">
        <v>17</v>
      </c>
      <c r="D7353" t="s">
        <v>15161</v>
      </c>
      <c r="E7353" t="s">
        <v>33039</v>
      </c>
      <c r="F7353">
        <v>3</v>
      </c>
      <c r="G7353" t="s">
        <v>0</v>
      </c>
      <c r="H7353" t="s">
        <v>15162</v>
      </c>
      <c r="I7353" t="s">
        <v>30540</v>
      </c>
    </row>
    <row r="7354" spans="1:9">
      <c r="A7354" s="1">
        <v>0.28303651390923146</v>
      </c>
      <c r="B7354" s="1"/>
      <c r="C7354">
        <v>11</v>
      </c>
      <c r="D7354" t="s">
        <v>15155</v>
      </c>
      <c r="E7354" t="s">
        <v>33039</v>
      </c>
      <c r="F7354">
        <v>3</v>
      </c>
      <c r="G7354" t="s">
        <v>2</v>
      </c>
      <c r="H7354" t="s">
        <v>15156</v>
      </c>
      <c r="I7354" t="s">
        <v>30540</v>
      </c>
    </row>
    <row r="7355" spans="1:9">
      <c r="A7355" s="1">
        <v>0.57090759373654354</v>
      </c>
      <c r="B7355" s="1"/>
      <c r="C7355">
        <v>12</v>
      </c>
      <c r="D7355" t="s">
        <v>15145</v>
      </c>
      <c r="E7355" t="s">
        <v>33040</v>
      </c>
      <c r="F7355">
        <v>4</v>
      </c>
      <c r="G7355" t="s">
        <v>13</v>
      </c>
      <c r="H7355" t="s">
        <v>15146</v>
      </c>
      <c r="I7355" t="s">
        <v>30540</v>
      </c>
    </row>
    <row r="7356" spans="1:9">
      <c r="A7356" s="1">
        <v>7.2541451614181574E-2</v>
      </c>
      <c r="B7356" s="1"/>
      <c r="C7356">
        <v>11</v>
      </c>
      <c r="D7356" t="s">
        <v>15143</v>
      </c>
      <c r="E7356" t="s">
        <v>33040</v>
      </c>
      <c r="F7356">
        <v>4</v>
      </c>
      <c r="G7356" t="s">
        <v>14</v>
      </c>
      <c r="H7356" t="s">
        <v>15144</v>
      </c>
      <c r="I7356" t="s">
        <v>30540</v>
      </c>
    </row>
    <row r="7357" spans="1:9">
      <c r="A7357" s="1">
        <v>0.20375419944987228</v>
      </c>
      <c r="B7357" s="1"/>
      <c r="C7357">
        <v>11</v>
      </c>
      <c r="D7357" t="s">
        <v>15139</v>
      </c>
      <c r="E7357" t="s">
        <v>33041</v>
      </c>
      <c r="F7357">
        <v>4</v>
      </c>
      <c r="G7357" t="s">
        <v>1</v>
      </c>
      <c r="H7357" t="s">
        <v>15140</v>
      </c>
      <c r="I7357" t="s">
        <v>30540</v>
      </c>
    </row>
    <row r="7358" spans="1:9">
      <c r="A7358" s="1">
        <v>0.5784961033511774</v>
      </c>
      <c r="B7358" s="1"/>
      <c r="C7358">
        <v>2</v>
      </c>
      <c r="D7358" t="s">
        <v>15133</v>
      </c>
      <c r="E7358" t="s">
        <v>33042</v>
      </c>
      <c r="F7358">
        <v>5</v>
      </c>
      <c r="G7358" t="s">
        <v>10</v>
      </c>
      <c r="H7358" t="s">
        <v>15134</v>
      </c>
      <c r="I7358" t="s">
        <v>30540</v>
      </c>
    </row>
    <row r="7359" spans="1:9">
      <c r="A7359" s="1">
        <v>0.62752796410530798</v>
      </c>
      <c r="B7359" s="1"/>
      <c r="C7359">
        <v>10</v>
      </c>
      <c r="D7359" t="s">
        <v>15137</v>
      </c>
      <c r="E7359" t="s">
        <v>33042</v>
      </c>
      <c r="F7359">
        <v>4</v>
      </c>
      <c r="G7359" t="s">
        <v>2</v>
      </c>
      <c r="H7359" t="s">
        <v>15138</v>
      </c>
      <c r="I7359" t="s">
        <v>30540</v>
      </c>
    </row>
    <row r="7360" spans="1:9">
      <c r="A7360" s="1">
        <v>2.7639287646352928E-2</v>
      </c>
      <c r="B7360" s="1"/>
      <c r="C7360">
        <v>1</v>
      </c>
      <c r="D7360" t="s">
        <v>15131</v>
      </c>
      <c r="E7360" t="s">
        <v>33042</v>
      </c>
      <c r="F7360">
        <v>3</v>
      </c>
      <c r="G7360" t="s">
        <v>1</v>
      </c>
      <c r="H7360" t="s">
        <v>15132</v>
      </c>
      <c r="I7360" t="s">
        <v>30540</v>
      </c>
    </row>
    <row r="7361" spans="1:9">
      <c r="A7361" s="1">
        <v>0.395926955035383</v>
      </c>
      <c r="B7361" s="1"/>
      <c r="C7361">
        <v>17</v>
      </c>
      <c r="D7361" t="s">
        <v>15125</v>
      </c>
      <c r="E7361" t="s">
        <v>33043</v>
      </c>
      <c r="F7361">
        <v>4</v>
      </c>
      <c r="G7361" t="s">
        <v>14</v>
      </c>
      <c r="H7361" t="s">
        <v>15126</v>
      </c>
      <c r="I7361" t="s">
        <v>30540</v>
      </c>
    </row>
    <row r="7362" spans="1:9">
      <c r="A7362" s="1">
        <v>0.78576835388831856</v>
      </c>
      <c r="B7362" s="1"/>
      <c r="C7362">
        <v>19</v>
      </c>
      <c r="D7362" t="s">
        <v>15129</v>
      </c>
      <c r="E7362" t="s">
        <v>33043</v>
      </c>
      <c r="F7362">
        <v>4</v>
      </c>
      <c r="G7362" t="s">
        <v>14</v>
      </c>
      <c r="H7362" t="s">
        <v>15130</v>
      </c>
      <c r="I7362" t="s">
        <v>30540</v>
      </c>
    </row>
    <row r="7363" spans="1:9">
      <c r="A7363" s="1">
        <v>0.9862394357491272</v>
      </c>
      <c r="B7363" s="1"/>
      <c r="C7363">
        <v>2</v>
      </c>
      <c r="D7363" t="s">
        <v>15123</v>
      </c>
      <c r="E7363" t="s">
        <v>33043</v>
      </c>
      <c r="F7363">
        <v>4</v>
      </c>
      <c r="G7363" t="s">
        <v>14</v>
      </c>
      <c r="H7363" t="s">
        <v>15124</v>
      </c>
      <c r="I7363" t="s">
        <v>30540</v>
      </c>
    </row>
    <row r="7364" spans="1:9">
      <c r="A7364" s="1">
        <v>0.67696361111058956</v>
      </c>
      <c r="B7364" s="1"/>
      <c r="C7364">
        <v>18</v>
      </c>
      <c r="D7364" t="s">
        <v>15117</v>
      </c>
      <c r="E7364" t="s">
        <v>33044</v>
      </c>
      <c r="F7364">
        <v>4</v>
      </c>
      <c r="G7364" t="s">
        <v>775</v>
      </c>
      <c r="H7364" t="s">
        <v>15118</v>
      </c>
      <c r="I7364" t="s">
        <v>30540</v>
      </c>
    </row>
    <row r="7365" spans="1:9">
      <c r="A7365" s="1">
        <v>0.24934808736645397</v>
      </c>
      <c r="B7365" s="1"/>
      <c r="C7365">
        <v>11</v>
      </c>
      <c r="D7365" t="s">
        <v>15113</v>
      </c>
      <c r="E7365" t="s">
        <v>33044</v>
      </c>
      <c r="F7365">
        <v>4</v>
      </c>
      <c r="G7365" t="s">
        <v>14</v>
      </c>
      <c r="H7365" t="s">
        <v>15114</v>
      </c>
      <c r="I7365" t="s">
        <v>30540</v>
      </c>
    </row>
    <row r="7366" spans="1:9">
      <c r="A7366" s="1">
        <v>0.22408513128054053</v>
      </c>
      <c r="B7366" s="1"/>
      <c r="C7366">
        <v>20</v>
      </c>
      <c r="D7366" t="s">
        <v>15119</v>
      </c>
      <c r="E7366" t="s">
        <v>33044</v>
      </c>
      <c r="F7366">
        <v>4</v>
      </c>
      <c r="G7366" t="s">
        <v>1</v>
      </c>
      <c r="H7366" t="s">
        <v>15120</v>
      </c>
      <c r="I7366" t="s">
        <v>30540</v>
      </c>
    </row>
    <row r="7367" spans="1:9">
      <c r="A7367" s="1">
        <v>0.83236107479237198</v>
      </c>
      <c r="B7367" s="1"/>
      <c r="C7367">
        <v>13</v>
      </c>
      <c r="D7367" t="s">
        <v>15115</v>
      </c>
      <c r="E7367" t="s">
        <v>33044</v>
      </c>
      <c r="F7367">
        <v>4</v>
      </c>
      <c r="G7367" t="s">
        <v>1431</v>
      </c>
      <c r="H7367" t="s">
        <v>15116</v>
      </c>
      <c r="I7367" t="s">
        <v>30540</v>
      </c>
    </row>
    <row r="7368" spans="1:9">
      <c r="A7368" s="1">
        <v>0.12717858576016061</v>
      </c>
      <c r="B7368" s="1"/>
      <c r="C7368">
        <v>5</v>
      </c>
      <c r="D7368" t="s">
        <v>15107</v>
      </c>
      <c r="E7368" t="s">
        <v>33045</v>
      </c>
      <c r="F7368">
        <v>4</v>
      </c>
      <c r="G7368" t="s">
        <v>14</v>
      </c>
      <c r="H7368" t="s">
        <v>15108</v>
      </c>
      <c r="I7368" t="s">
        <v>30540</v>
      </c>
    </row>
    <row r="7369" spans="1:9">
      <c r="A7369" s="1">
        <v>0.2202487376064507</v>
      </c>
      <c r="B7369" s="1"/>
      <c r="C7369">
        <v>11</v>
      </c>
      <c r="D7369" t="s">
        <v>15109</v>
      </c>
      <c r="E7369" t="s">
        <v>33045</v>
      </c>
      <c r="F7369">
        <v>4</v>
      </c>
      <c r="G7369" t="s">
        <v>1</v>
      </c>
      <c r="H7369" t="s">
        <v>15110</v>
      </c>
      <c r="I7369" t="s">
        <v>30540</v>
      </c>
    </row>
    <row r="7370" spans="1:9">
      <c r="A7370" s="1">
        <v>0.15659619912807843</v>
      </c>
      <c r="B7370" s="1"/>
      <c r="C7370">
        <v>11</v>
      </c>
      <c r="D7370" t="s">
        <v>15103</v>
      </c>
      <c r="E7370" t="s">
        <v>33046</v>
      </c>
      <c r="F7370">
        <v>4</v>
      </c>
      <c r="G7370" t="s">
        <v>9</v>
      </c>
      <c r="H7370" t="s">
        <v>15104</v>
      </c>
      <c r="I7370" t="s">
        <v>30540</v>
      </c>
    </row>
    <row r="7371" spans="1:9">
      <c r="A7371" s="1">
        <v>0.43027608004997409</v>
      </c>
      <c r="B7371" s="1"/>
      <c r="C7371">
        <v>4</v>
      </c>
      <c r="D7371" t="s">
        <v>15101</v>
      </c>
      <c r="E7371" t="s">
        <v>33046</v>
      </c>
      <c r="F7371">
        <v>4</v>
      </c>
      <c r="G7371" t="s">
        <v>15</v>
      </c>
      <c r="H7371" t="s">
        <v>15102</v>
      </c>
      <c r="I7371" t="s">
        <v>30540</v>
      </c>
    </row>
    <row r="7372" spans="1:9">
      <c r="A7372" s="1">
        <v>0.41307619618629998</v>
      </c>
      <c r="B7372" s="1"/>
      <c r="C7372">
        <v>9</v>
      </c>
      <c r="D7372" t="s">
        <v>15097</v>
      </c>
      <c r="E7372" t="s">
        <v>33047</v>
      </c>
      <c r="F7372">
        <v>4</v>
      </c>
      <c r="G7372" t="s">
        <v>2</v>
      </c>
      <c r="H7372" t="s">
        <v>15098</v>
      </c>
      <c r="I7372" t="s">
        <v>30540</v>
      </c>
    </row>
    <row r="7373" spans="1:9">
      <c r="A7373" s="1">
        <v>0.41181282179442436</v>
      </c>
      <c r="B7373" s="1"/>
      <c r="C7373">
        <v>8</v>
      </c>
      <c r="D7373" t="s">
        <v>15095</v>
      </c>
      <c r="E7373" t="s">
        <v>33047</v>
      </c>
      <c r="F7373">
        <v>4</v>
      </c>
      <c r="G7373" t="s">
        <v>10</v>
      </c>
      <c r="H7373" t="s">
        <v>15096</v>
      </c>
      <c r="I7373" t="s">
        <v>30540</v>
      </c>
    </row>
    <row r="7374" spans="1:9">
      <c r="A7374" s="1">
        <v>0.70711550064796602</v>
      </c>
      <c r="B7374" s="1"/>
      <c r="C7374">
        <v>13</v>
      </c>
      <c r="D7374" t="s">
        <v>15099</v>
      </c>
      <c r="E7374" t="s">
        <v>33047</v>
      </c>
      <c r="F7374">
        <v>4</v>
      </c>
      <c r="G7374" t="s">
        <v>10</v>
      </c>
      <c r="H7374" t="s">
        <v>15100</v>
      </c>
      <c r="I7374" t="s">
        <v>30540</v>
      </c>
    </row>
    <row r="7375" spans="1:9">
      <c r="A7375" s="1">
        <v>0.24356097267437116</v>
      </c>
      <c r="B7375" s="1"/>
      <c r="C7375">
        <v>8</v>
      </c>
      <c r="D7375" t="s">
        <v>15089</v>
      </c>
      <c r="E7375" t="s">
        <v>33048</v>
      </c>
      <c r="F7375">
        <v>5</v>
      </c>
      <c r="G7375" t="s">
        <v>14</v>
      </c>
      <c r="H7375" t="s">
        <v>15090</v>
      </c>
      <c r="I7375" t="s">
        <v>30540</v>
      </c>
    </row>
    <row r="7376" spans="1:9">
      <c r="A7376" s="1">
        <v>0.36857459067802834</v>
      </c>
      <c r="B7376" s="1"/>
      <c r="C7376">
        <v>14</v>
      </c>
      <c r="D7376" t="s">
        <v>15091</v>
      </c>
      <c r="E7376" t="s">
        <v>33048</v>
      </c>
      <c r="F7376">
        <v>4</v>
      </c>
      <c r="G7376" t="s">
        <v>14</v>
      </c>
      <c r="H7376" t="s">
        <v>15092</v>
      </c>
      <c r="I7376" t="s">
        <v>30540</v>
      </c>
    </row>
    <row r="7377" spans="1:9">
      <c r="A7377" s="1">
        <v>0.96215680956079697</v>
      </c>
      <c r="B7377" s="1"/>
      <c r="C7377">
        <v>5</v>
      </c>
      <c r="D7377" t="s">
        <v>15087</v>
      </c>
      <c r="E7377" t="s">
        <v>33049</v>
      </c>
      <c r="F7377">
        <v>4</v>
      </c>
      <c r="G7377" t="s">
        <v>3732</v>
      </c>
      <c r="H7377" t="s">
        <v>15088</v>
      </c>
      <c r="I7377" t="s">
        <v>30540</v>
      </c>
    </row>
    <row r="7378" spans="1:9">
      <c r="A7378" s="1">
        <v>0.81279355928242036</v>
      </c>
      <c r="B7378" s="1"/>
      <c r="C7378">
        <v>4</v>
      </c>
      <c r="D7378" t="s">
        <v>15085</v>
      </c>
      <c r="E7378" t="s">
        <v>33049</v>
      </c>
      <c r="F7378">
        <v>4</v>
      </c>
      <c r="G7378" t="s">
        <v>769</v>
      </c>
      <c r="H7378" t="s">
        <v>15086</v>
      </c>
      <c r="I7378" t="s">
        <v>30540</v>
      </c>
    </row>
    <row r="7379" spans="1:9">
      <c r="A7379" s="1">
        <v>0.48589642898234964</v>
      </c>
      <c r="B7379" s="1"/>
      <c r="C7379">
        <v>2</v>
      </c>
      <c r="D7379" t="s">
        <v>15075</v>
      </c>
      <c r="E7379" t="s">
        <v>33050</v>
      </c>
      <c r="F7379">
        <v>5</v>
      </c>
      <c r="G7379" t="s">
        <v>13</v>
      </c>
      <c r="H7379" t="s">
        <v>15076</v>
      </c>
      <c r="I7379" t="s">
        <v>30540</v>
      </c>
    </row>
    <row r="7380" spans="1:9">
      <c r="A7380" s="1">
        <v>0.3312872904173163</v>
      </c>
      <c r="B7380" s="1"/>
      <c r="C7380">
        <v>6</v>
      </c>
      <c r="D7380" t="s">
        <v>15079</v>
      </c>
      <c r="E7380" t="s">
        <v>33050</v>
      </c>
      <c r="F7380">
        <v>4</v>
      </c>
      <c r="G7380" t="s">
        <v>14</v>
      </c>
      <c r="H7380" t="s">
        <v>15080</v>
      </c>
      <c r="I7380" t="s">
        <v>30540</v>
      </c>
    </row>
    <row r="7381" spans="1:9">
      <c r="A7381" s="1">
        <v>0.43978271867840668</v>
      </c>
      <c r="B7381" s="1"/>
      <c r="C7381">
        <v>7</v>
      </c>
      <c r="D7381" t="s">
        <v>15081</v>
      </c>
      <c r="E7381" t="s">
        <v>33050</v>
      </c>
      <c r="F7381">
        <v>4</v>
      </c>
      <c r="G7381" t="s">
        <v>15</v>
      </c>
      <c r="H7381" t="s">
        <v>15082</v>
      </c>
      <c r="I7381" t="s">
        <v>30540</v>
      </c>
    </row>
    <row r="7382" spans="1:9">
      <c r="A7382" s="1">
        <v>0.56664721153904329</v>
      </c>
      <c r="B7382" s="1"/>
      <c r="C7382">
        <v>11</v>
      </c>
      <c r="D7382" t="s">
        <v>15083</v>
      </c>
      <c r="E7382" t="s">
        <v>33050</v>
      </c>
      <c r="F7382">
        <v>4</v>
      </c>
      <c r="G7382" t="s">
        <v>14</v>
      </c>
      <c r="H7382" t="s">
        <v>15084</v>
      </c>
      <c r="I7382" t="s">
        <v>30540</v>
      </c>
    </row>
    <row r="7383" spans="1:9">
      <c r="A7383" s="1">
        <v>0.50620456860659879</v>
      </c>
      <c r="B7383" s="1"/>
      <c r="C7383">
        <v>5</v>
      </c>
      <c r="D7383" t="s">
        <v>15077</v>
      </c>
      <c r="E7383" t="s">
        <v>33050</v>
      </c>
      <c r="F7383">
        <v>3</v>
      </c>
      <c r="G7383" t="s">
        <v>1</v>
      </c>
      <c r="H7383" t="s">
        <v>15078</v>
      </c>
      <c r="I7383" t="s">
        <v>30540</v>
      </c>
    </row>
    <row r="7384" spans="1:9">
      <c r="A7384" s="1">
        <v>0.72039768270730742</v>
      </c>
      <c r="B7384" s="1"/>
      <c r="C7384">
        <v>12</v>
      </c>
      <c r="D7384" t="s">
        <v>15073</v>
      </c>
      <c r="E7384" t="s">
        <v>33051</v>
      </c>
      <c r="F7384">
        <v>4</v>
      </c>
      <c r="G7384" t="s">
        <v>14</v>
      </c>
      <c r="H7384" t="s">
        <v>15074</v>
      </c>
      <c r="I7384" t="s">
        <v>30540</v>
      </c>
    </row>
    <row r="7385" spans="1:9">
      <c r="A7385" s="1">
        <v>0.13675969037535551</v>
      </c>
      <c r="B7385" s="1"/>
      <c r="C7385">
        <v>9</v>
      </c>
      <c r="D7385" t="s">
        <v>15067</v>
      </c>
      <c r="E7385" t="s">
        <v>33051</v>
      </c>
      <c r="F7385">
        <v>4</v>
      </c>
      <c r="G7385" t="s">
        <v>0</v>
      </c>
      <c r="H7385" t="s">
        <v>15068</v>
      </c>
      <c r="I7385" t="s">
        <v>30540</v>
      </c>
    </row>
    <row r="7386" spans="1:9">
      <c r="A7386" s="1">
        <v>0.58313219800861271</v>
      </c>
      <c r="B7386" s="1"/>
      <c r="C7386">
        <v>1</v>
      </c>
      <c r="D7386" t="s">
        <v>15065</v>
      </c>
      <c r="E7386" t="s">
        <v>33051</v>
      </c>
      <c r="F7386">
        <v>4</v>
      </c>
      <c r="G7386" t="s">
        <v>0</v>
      </c>
      <c r="H7386" t="s">
        <v>15066</v>
      </c>
      <c r="I7386" t="s">
        <v>30540</v>
      </c>
    </row>
    <row r="7387" spans="1:9">
      <c r="A7387" s="1">
        <v>0.63381696070341953</v>
      </c>
      <c r="B7387" s="1"/>
      <c r="C7387">
        <v>10</v>
      </c>
      <c r="D7387" t="s">
        <v>15069</v>
      </c>
      <c r="E7387" t="s">
        <v>33051</v>
      </c>
      <c r="F7387">
        <v>4</v>
      </c>
      <c r="G7387" t="s">
        <v>1</v>
      </c>
      <c r="H7387" t="s">
        <v>15070</v>
      </c>
      <c r="I7387" t="s">
        <v>30540</v>
      </c>
    </row>
    <row r="7388" spans="1:9">
      <c r="A7388" s="1">
        <v>0.51440271329222809</v>
      </c>
      <c r="B7388" s="1"/>
      <c r="C7388">
        <v>11</v>
      </c>
      <c r="D7388" t="s">
        <v>15071</v>
      </c>
      <c r="E7388" t="s">
        <v>33051</v>
      </c>
      <c r="F7388">
        <v>4</v>
      </c>
      <c r="G7388" t="s">
        <v>14</v>
      </c>
      <c r="H7388" t="s">
        <v>15072</v>
      </c>
      <c r="I7388" t="s">
        <v>30540</v>
      </c>
    </row>
    <row r="7389" spans="1:9">
      <c r="A7389" s="1">
        <v>0.51440768979761986</v>
      </c>
      <c r="B7389" s="1"/>
      <c r="C7389">
        <v>10</v>
      </c>
      <c r="D7389" t="s">
        <v>15063</v>
      </c>
      <c r="E7389" t="s">
        <v>33052</v>
      </c>
      <c r="F7389">
        <v>4</v>
      </c>
      <c r="G7389" t="s">
        <v>14</v>
      </c>
      <c r="H7389" t="s">
        <v>15064</v>
      </c>
      <c r="I7389" t="s">
        <v>30540</v>
      </c>
    </row>
    <row r="7390" spans="1:9">
      <c r="A7390" s="1">
        <v>0.90135463329459353</v>
      </c>
      <c r="B7390" s="1"/>
      <c r="C7390">
        <v>7</v>
      </c>
      <c r="D7390" t="s">
        <v>15061</v>
      </c>
      <c r="E7390" t="s">
        <v>33052</v>
      </c>
      <c r="F7390">
        <v>4</v>
      </c>
      <c r="G7390" t="s">
        <v>14</v>
      </c>
      <c r="H7390" t="s">
        <v>15062</v>
      </c>
      <c r="I7390" t="s">
        <v>30540</v>
      </c>
    </row>
    <row r="7391" spans="1:9">
      <c r="A7391" s="1">
        <v>0.65668507389761854</v>
      </c>
      <c r="B7391" s="1"/>
      <c r="C7391">
        <v>9</v>
      </c>
      <c r="D7391" t="s">
        <v>15055</v>
      </c>
      <c r="E7391" t="s">
        <v>33053</v>
      </c>
      <c r="F7391">
        <v>5</v>
      </c>
      <c r="G7391" t="s">
        <v>1</v>
      </c>
      <c r="H7391" t="s">
        <v>15056</v>
      </c>
      <c r="I7391" t="s">
        <v>30540</v>
      </c>
    </row>
    <row r="7392" spans="1:9">
      <c r="A7392" s="1">
        <v>0.95753890979891731</v>
      </c>
      <c r="B7392" s="1"/>
      <c r="C7392">
        <v>12</v>
      </c>
      <c r="D7392" t="s">
        <v>15057</v>
      </c>
      <c r="E7392" t="s">
        <v>33053</v>
      </c>
      <c r="F7392">
        <v>4</v>
      </c>
      <c r="G7392" t="s">
        <v>13</v>
      </c>
      <c r="H7392" t="s">
        <v>15058</v>
      </c>
      <c r="I7392" t="s">
        <v>30540</v>
      </c>
    </row>
    <row r="7393" spans="1:9">
      <c r="A7393" s="1">
        <v>0.90821872561773898</v>
      </c>
      <c r="B7393" s="1"/>
      <c r="C7393">
        <v>14</v>
      </c>
      <c r="D7393" t="s">
        <v>15059</v>
      </c>
      <c r="E7393" t="s">
        <v>33053</v>
      </c>
      <c r="F7393">
        <v>3</v>
      </c>
      <c r="G7393" t="s">
        <v>0</v>
      </c>
      <c r="H7393" t="s">
        <v>15060</v>
      </c>
      <c r="I7393" t="s">
        <v>30540</v>
      </c>
    </row>
    <row r="7394" spans="1:9">
      <c r="A7394" s="1">
        <v>0.31697780076585602</v>
      </c>
      <c r="B7394" s="1"/>
      <c r="C7394">
        <v>9</v>
      </c>
      <c r="D7394" t="s">
        <v>15047</v>
      </c>
      <c r="E7394" t="s">
        <v>33054</v>
      </c>
      <c r="F7394">
        <v>4</v>
      </c>
      <c r="G7394" t="s">
        <v>770</v>
      </c>
      <c r="H7394" t="s">
        <v>15048</v>
      </c>
      <c r="I7394" t="s">
        <v>30540</v>
      </c>
    </row>
    <row r="7395" spans="1:9">
      <c r="A7395" s="1">
        <v>0.21317283961698108</v>
      </c>
      <c r="B7395" s="1"/>
      <c r="C7395">
        <v>15</v>
      </c>
      <c r="D7395" t="s">
        <v>15051</v>
      </c>
      <c r="E7395" t="s">
        <v>33054</v>
      </c>
      <c r="F7395">
        <v>4</v>
      </c>
      <c r="G7395" t="s">
        <v>14</v>
      </c>
      <c r="H7395" t="s">
        <v>15052</v>
      </c>
      <c r="I7395" t="s">
        <v>30540</v>
      </c>
    </row>
    <row r="7396" spans="1:9">
      <c r="A7396" s="1">
        <v>0.68903807326152922</v>
      </c>
      <c r="B7396" s="1"/>
      <c r="C7396">
        <v>12</v>
      </c>
      <c r="D7396" t="s">
        <v>15043</v>
      </c>
      <c r="E7396" t="s">
        <v>33055</v>
      </c>
      <c r="F7396">
        <v>4</v>
      </c>
      <c r="G7396" t="s">
        <v>14</v>
      </c>
      <c r="H7396" t="s">
        <v>15044</v>
      </c>
      <c r="I7396" t="s">
        <v>30540</v>
      </c>
    </row>
    <row r="7397" spans="1:9">
      <c r="A7397" s="1">
        <v>0.99458308200405909</v>
      </c>
      <c r="B7397" s="1"/>
      <c r="C7397">
        <v>3</v>
      </c>
      <c r="D7397" t="s">
        <v>15041</v>
      </c>
      <c r="E7397" t="s">
        <v>33055</v>
      </c>
      <c r="F7397">
        <v>4</v>
      </c>
      <c r="G7397" t="s">
        <v>9</v>
      </c>
      <c r="H7397" t="s">
        <v>15042</v>
      </c>
      <c r="I7397" t="s">
        <v>30540</v>
      </c>
    </row>
    <row r="7398" spans="1:9">
      <c r="A7398" s="1">
        <v>0.39586490806128505</v>
      </c>
      <c r="B7398" s="1"/>
      <c r="C7398">
        <v>10</v>
      </c>
      <c r="D7398" t="s">
        <v>15037</v>
      </c>
      <c r="E7398" t="s">
        <v>33056</v>
      </c>
      <c r="F7398">
        <v>4</v>
      </c>
      <c r="G7398" t="s">
        <v>15</v>
      </c>
      <c r="H7398" t="s">
        <v>15038</v>
      </c>
      <c r="I7398" t="s">
        <v>30540</v>
      </c>
    </row>
    <row r="7399" spans="1:9">
      <c r="A7399" s="1">
        <v>0.66438917160779332</v>
      </c>
      <c r="B7399" s="1"/>
      <c r="C7399">
        <v>11</v>
      </c>
      <c r="D7399" t="s">
        <v>15039</v>
      </c>
      <c r="E7399" t="s">
        <v>33056</v>
      </c>
      <c r="F7399">
        <v>4</v>
      </c>
      <c r="G7399" t="s">
        <v>9</v>
      </c>
      <c r="H7399" t="s">
        <v>15040</v>
      </c>
      <c r="I7399" t="s">
        <v>30540</v>
      </c>
    </row>
    <row r="7400" spans="1:9">
      <c r="A7400" s="1">
        <v>0.86838312732101153</v>
      </c>
      <c r="B7400" s="1"/>
      <c r="C7400">
        <v>1</v>
      </c>
      <c r="D7400" t="s">
        <v>15031</v>
      </c>
      <c r="E7400" t="s">
        <v>33056</v>
      </c>
      <c r="F7400">
        <v>4</v>
      </c>
      <c r="G7400" t="s">
        <v>10</v>
      </c>
      <c r="H7400" t="s">
        <v>15032</v>
      </c>
      <c r="I7400" t="s">
        <v>30540</v>
      </c>
    </row>
    <row r="7401" spans="1:9">
      <c r="A7401" s="1">
        <v>0.79543436540789159</v>
      </c>
      <c r="B7401" s="1"/>
      <c r="C7401">
        <v>11</v>
      </c>
      <c r="D7401" t="s">
        <v>15027</v>
      </c>
      <c r="E7401" t="s">
        <v>33057</v>
      </c>
      <c r="F7401">
        <v>4</v>
      </c>
      <c r="G7401" t="s">
        <v>1</v>
      </c>
      <c r="H7401" t="s">
        <v>15028</v>
      </c>
      <c r="I7401" t="s">
        <v>30540</v>
      </c>
    </row>
    <row r="7402" spans="1:9">
      <c r="A7402" s="1">
        <v>0.10530552697235318</v>
      </c>
      <c r="B7402" s="1"/>
      <c r="C7402">
        <v>13</v>
      </c>
      <c r="D7402" t="s">
        <v>15029</v>
      </c>
      <c r="E7402" t="s">
        <v>33057</v>
      </c>
      <c r="F7402">
        <v>4</v>
      </c>
      <c r="G7402" t="s">
        <v>14</v>
      </c>
      <c r="H7402" t="s">
        <v>15030</v>
      </c>
      <c r="I7402" t="s">
        <v>30540</v>
      </c>
    </row>
    <row r="7403" spans="1:9">
      <c r="A7403" s="1">
        <v>0.95877365367187961</v>
      </c>
      <c r="B7403" s="1"/>
      <c r="C7403">
        <v>9</v>
      </c>
      <c r="D7403" t="s">
        <v>15025</v>
      </c>
      <c r="E7403" t="s">
        <v>33057</v>
      </c>
      <c r="F7403">
        <v>4</v>
      </c>
      <c r="G7403" t="s">
        <v>0</v>
      </c>
      <c r="H7403" t="s">
        <v>15026</v>
      </c>
      <c r="I7403" t="s">
        <v>30540</v>
      </c>
    </row>
    <row r="7404" spans="1:9">
      <c r="A7404" s="1">
        <v>0.23998510421916053</v>
      </c>
      <c r="B7404" s="1"/>
      <c r="C7404">
        <v>3</v>
      </c>
      <c r="D7404" t="s">
        <v>15021</v>
      </c>
      <c r="E7404" t="s">
        <v>33057</v>
      </c>
      <c r="F7404">
        <v>4</v>
      </c>
      <c r="G7404" t="s">
        <v>9</v>
      </c>
      <c r="H7404" t="s">
        <v>15022</v>
      </c>
      <c r="I7404" t="s">
        <v>30540</v>
      </c>
    </row>
    <row r="7405" spans="1:9">
      <c r="A7405" s="1">
        <v>0.87429839722721248</v>
      </c>
      <c r="B7405" s="1"/>
      <c r="C7405">
        <v>2</v>
      </c>
      <c r="D7405" t="s">
        <v>15019</v>
      </c>
      <c r="E7405" t="s">
        <v>33057</v>
      </c>
      <c r="F7405">
        <v>4</v>
      </c>
      <c r="G7405" t="s">
        <v>13</v>
      </c>
      <c r="H7405" t="s">
        <v>15020</v>
      </c>
      <c r="I7405" t="s">
        <v>30540</v>
      </c>
    </row>
    <row r="7406" spans="1:9">
      <c r="A7406" s="1">
        <v>0.37368371444718451</v>
      </c>
      <c r="B7406" s="1"/>
      <c r="C7406">
        <v>5</v>
      </c>
      <c r="D7406" t="s">
        <v>15015</v>
      </c>
      <c r="E7406" t="s">
        <v>33058</v>
      </c>
      <c r="F7406">
        <v>4</v>
      </c>
      <c r="G7406" t="s">
        <v>10</v>
      </c>
      <c r="H7406" t="s">
        <v>15016</v>
      </c>
      <c r="I7406" t="s">
        <v>30540</v>
      </c>
    </row>
    <row r="7407" spans="1:9">
      <c r="A7407" s="1">
        <v>4.1886146293191318E-2</v>
      </c>
      <c r="B7407" s="1"/>
      <c r="C7407">
        <v>1</v>
      </c>
      <c r="D7407" t="s">
        <v>15001</v>
      </c>
      <c r="E7407" t="s">
        <v>33059</v>
      </c>
      <c r="F7407">
        <v>5</v>
      </c>
      <c r="G7407" t="s">
        <v>1426</v>
      </c>
      <c r="H7407" t="s">
        <v>15002</v>
      </c>
      <c r="I7407" t="s">
        <v>30540</v>
      </c>
    </row>
    <row r="7408" spans="1:9">
      <c r="A7408" s="1">
        <v>0.80641145544057646</v>
      </c>
      <c r="B7408" s="1"/>
      <c r="C7408">
        <v>6</v>
      </c>
      <c r="D7408" t="s">
        <v>15003</v>
      </c>
      <c r="E7408" t="s">
        <v>33059</v>
      </c>
      <c r="F7408">
        <v>4</v>
      </c>
      <c r="G7408" t="s">
        <v>2229</v>
      </c>
      <c r="H7408" t="s">
        <v>15004</v>
      </c>
      <c r="I7408" t="s">
        <v>30540</v>
      </c>
    </row>
    <row r="7409" spans="1:9">
      <c r="A7409" s="1">
        <v>0.83225752845264733</v>
      </c>
      <c r="B7409" s="1"/>
      <c r="C7409">
        <v>16</v>
      </c>
      <c r="D7409" t="s">
        <v>15009</v>
      </c>
      <c r="E7409" t="s">
        <v>33059</v>
      </c>
      <c r="F7409">
        <v>4</v>
      </c>
      <c r="G7409" t="s">
        <v>765</v>
      </c>
      <c r="H7409" t="s">
        <v>15010</v>
      </c>
      <c r="I7409" t="s">
        <v>30540</v>
      </c>
    </row>
    <row r="7410" spans="1:9">
      <c r="A7410" s="1">
        <v>1.472982523149835E-2</v>
      </c>
      <c r="B7410" s="1"/>
      <c r="C7410">
        <v>13</v>
      </c>
      <c r="D7410" t="s">
        <v>15007</v>
      </c>
      <c r="E7410" t="s">
        <v>33059</v>
      </c>
      <c r="F7410">
        <v>4</v>
      </c>
      <c r="G7410" t="s">
        <v>14</v>
      </c>
      <c r="H7410" t="s">
        <v>15008</v>
      </c>
      <c r="I7410" t="s">
        <v>30540</v>
      </c>
    </row>
    <row r="7411" spans="1:9">
      <c r="A7411" s="1">
        <v>0.61382295863797065</v>
      </c>
      <c r="B7411" s="1"/>
      <c r="C7411">
        <v>20</v>
      </c>
      <c r="D7411" t="s">
        <v>15013</v>
      </c>
      <c r="E7411" t="s">
        <v>33059</v>
      </c>
      <c r="F7411">
        <v>4</v>
      </c>
      <c r="G7411" t="s">
        <v>14</v>
      </c>
      <c r="H7411" t="s">
        <v>15014</v>
      </c>
      <c r="I7411" t="s">
        <v>30540</v>
      </c>
    </row>
    <row r="7412" spans="1:9">
      <c r="A7412" s="1">
        <v>0.1159699475533984</v>
      </c>
      <c r="B7412" s="1"/>
      <c r="C7412">
        <v>18</v>
      </c>
      <c r="D7412" t="s">
        <v>15011</v>
      </c>
      <c r="E7412" t="s">
        <v>33059</v>
      </c>
      <c r="F7412">
        <v>4</v>
      </c>
      <c r="G7412" t="s">
        <v>775</v>
      </c>
      <c r="H7412" t="s">
        <v>15012</v>
      </c>
      <c r="I7412" t="s">
        <v>30540</v>
      </c>
    </row>
    <row r="7413" spans="1:9">
      <c r="A7413" s="1">
        <v>0.28007015042159411</v>
      </c>
      <c r="B7413" s="1"/>
      <c r="C7413">
        <v>10</v>
      </c>
      <c r="D7413" t="s">
        <v>14999</v>
      </c>
      <c r="E7413" t="s">
        <v>33060</v>
      </c>
      <c r="F7413">
        <v>5</v>
      </c>
      <c r="G7413" t="s">
        <v>14</v>
      </c>
      <c r="H7413" t="s">
        <v>15000</v>
      </c>
      <c r="I7413" t="s">
        <v>30540</v>
      </c>
    </row>
    <row r="7414" spans="1:9">
      <c r="A7414" s="1">
        <v>0.43828210724564287</v>
      </c>
      <c r="B7414" s="1"/>
      <c r="C7414">
        <v>7</v>
      </c>
      <c r="D7414" t="s">
        <v>14995</v>
      </c>
      <c r="E7414" t="s">
        <v>33060</v>
      </c>
      <c r="F7414">
        <v>4</v>
      </c>
      <c r="G7414" t="s">
        <v>10</v>
      </c>
      <c r="H7414" t="s">
        <v>14996</v>
      </c>
      <c r="I7414" t="s">
        <v>30540</v>
      </c>
    </row>
    <row r="7415" spans="1:9">
      <c r="A7415" s="1">
        <v>0.2854529028706152</v>
      </c>
      <c r="B7415" s="1"/>
      <c r="C7415">
        <v>9</v>
      </c>
      <c r="D7415" t="s">
        <v>14997</v>
      </c>
      <c r="E7415" t="s">
        <v>33060</v>
      </c>
      <c r="F7415">
        <v>4</v>
      </c>
      <c r="G7415" t="s">
        <v>1</v>
      </c>
      <c r="H7415" t="s">
        <v>14998</v>
      </c>
      <c r="I7415" t="s">
        <v>30540</v>
      </c>
    </row>
    <row r="7416" spans="1:9">
      <c r="A7416" s="1">
        <v>0.45637186091032522</v>
      </c>
      <c r="B7416" s="1"/>
      <c r="C7416">
        <v>4</v>
      </c>
      <c r="D7416" t="s">
        <v>14993</v>
      </c>
      <c r="E7416" t="s">
        <v>33060</v>
      </c>
      <c r="F7416">
        <v>4</v>
      </c>
      <c r="G7416" t="s">
        <v>2</v>
      </c>
      <c r="H7416" t="s">
        <v>14994</v>
      </c>
      <c r="I7416" t="s">
        <v>30540</v>
      </c>
    </row>
    <row r="7417" spans="1:9">
      <c r="A7417" s="1">
        <v>0.65432419071206138</v>
      </c>
      <c r="B7417" s="1"/>
      <c r="C7417">
        <v>5</v>
      </c>
      <c r="D7417" t="s">
        <v>14983</v>
      </c>
      <c r="E7417" t="s">
        <v>33061</v>
      </c>
      <c r="F7417">
        <v>5</v>
      </c>
      <c r="G7417" t="s">
        <v>13</v>
      </c>
      <c r="H7417" t="s">
        <v>14984</v>
      </c>
      <c r="I7417" t="s">
        <v>30540</v>
      </c>
    </row>
    <row r="7418" spans="1:9">
      <c r="A7418" s="1">
        <v>0.58205119263622185</v>
      </c>
      <c r="B7418" s="1"/>
      <c r="C7418">
        <v>7</v>
      </c>
      <c r="D7418" t="s">
        <v>14985</v>
      </c>
      <c r="E7418" t="s">
        <v>33061</v>
      </c>
      <c r="F7418">
        <v>5</v>
      </c>
      <c r="G7418" t="s">
        <v>2</v>
      </c>
      <c r="H7418" t="s">
        <v>14986</v>
      </c>
      <c r="I7418" t="s">
        <v>30540</v>
      </c>
    </row>
    <row r="7419" spans="1:9">
      <c r="A7419" s="1">
        <v>0.46165173536021398</v>
      </c>
      <c r="B7419" s="1"/>
      <c r="C7419">
        <v>1</v>
      </c>
      <c r="D7419" t="s">
        <v>14981</v>
      </c>
      <c r="E7419" t="s">
        <v>33061</v>
      </c>
      <c r="F7419">
        <v>4</v>
      </c>
      <c r="G7419" t="s">
        <v>10</v>
      </c>
      <c r="H7419" t="s">
        <v>14982</v>
      </c>
      <c r="I7419" t="s">
        <v>30540</v>
      </c>
    </row>
    <row r="7420" spans="1:9">
      <c r="A7420" s="1">
        <v>0.35751079064139524</v>
      </c>
      <c r="B7420" s="1"/>
      <c r="C7420">
        <v>14</v>
      </c>
      <c r="D7420" t="s">
        <v>14991</v>
      </c>
      <c r="E7420" t="s">
        <v>33061</v>
      </c>
      <c r="F7420">
        <v>4</v>
      </c>
      <c r="G7420" t="s">
        <v>14</v>
      </c>
      <c r="H7420" t="s">
        <v>14992</v>
      </c>
      <c r="I7420" t="s">
        <v>30540</v>
      </c>
    </row>
    <row r="7421" spans="1:9">
      <c r="A7421" s="1">
        <v>0.4475655499774901</v>
      </c>
      <c r="B7421" s="1"/>
      <c r="C7421">
        <v>11</v>
      </c>
      <c r="D7421" t="s">
        <v>14987</v>
      </c>
      <c r="E7421" t="s">
        <v>33061</v>
      </c>
      <c r="F7421">
        <v>4</v>
      </c>
      <c r="G7421" t="s">
        <v>0</v>
      </c>
      <c r="H7421" t="s">
        <v>14988</v>
      </c>
      <c r="I7421" t="s">
        <v>30540</v>
      </c>
    </row>
    <row r="7422" spans="1:9">
      <c r="A7422" s="1">
        <v>0.31163118064193263</v>
      </c>
      <c r="B7422" s="1"/>
      <c r="C7422">
        <v>14</v>
      </c>
      <c r="D7422" t="s">
        <v>14979</v>
      </c>
      <c r="E7422" t="s">
        <v>33062</v>
      </c>
      <c r="F7422">
        <v>5</v>
      </c>
      <c r="G7422" t="s">
        <v>14</v>
      </c>
      <c r="H7422" t="s">
        <v>14980</v>
      </c>
      <c r="I7422" t="s">
        <v>30540</v>
      </c>
    </row>
    <row r="7423" spans="1:9">
      <c r="A7423" s="1">
        <v>0.74226565721336313</v>
      </c>
      <c r="B7423" s="1"/>
      <c r="C7423">
        <v>1</v>
      </c>
      <c r="D7423" t="s">
        <v>14973</v>
      </c>
      <c r="E7423" t="s">
        <v>33062</v>
      </c>
      <c r="F7423">
        <v>4</v>
      </c>
      <c r="G7423" t="s">
        <v>10</v>
      </c>
      <c r="H7423" t="s">
        <v>14974</v>
      </c>
      <c r="I7423" t="s">
        <v>30540</v>
      </c>
    </row>
    <row r="7424" spans="1:9">
      <c r="A7424" s="1">
        <v>0.85240498486876626</v>
      </c>
      <c r="B7424" s="1"/>
      <c r="C7424">
        <v>11</v>
      </c>
      <c r="D7424" t="s">
        <v>14977</v>
      </c>
      <c r="E7424" t="s">
        <v>33062</v>
      </c>
      <c r="F7424">
        <v>4</v>
      </c>
      <c r="G7424" t="s">
        <v>9</v>
      </c>
      <c r="H7424" t="s">
        <v>14978</v>
      </c>
      <c r="I7424" t="s">
        <v>30540</v>
      </c>
    </row>
    <row r="7425" spans="1:9">
      <c r="A7425" s="1">
        <v>0.84817353220880554</v>
      </c>
      <c r="B7425" s="1"/>
      <c r="C7425">
        <v>10</v>
      </c>
      <c r="D7425" t="s">
        <v>14975</v>
      </c>
      <c r="E7425" t="s">
        <v>33062</v>
      </c>
      <c r="F7425">
        <v>4</v>
      </c>
      <c r="G7425" t="s">
        <v>13</v>
      </c>
      <c r="H7425" t="s">
        <v>14976</v>
      </c>
      <c r="I7425" t="s">
        <v>30540</v>
      </c>
    </row>
    <row r="7426" spans="1:9">
      <c r="A7426" s="1">
        <v>0.6142428401370148</v>
      </c>
      <c r="B7426" s="1"/>
      <c r="C7426">
        <v>9</v>
      </c>
      <c r="D7426" t="s">
        <v>14965</v>
      </c>
      <c r="E7426" t="s">
        <v>33063</v>
      </c>
      <c r="F7426">
        <v>5</v>
      </c>
      <c r="G7426" t="s">
        <v>14</v>
      </c>
      <c r="H7426" t="s">
        <v>14966</v>
      </c>
      <c r="I7426" t="s">
        <v>30540</v>
      </c>
    </row>
    <row r="7427" spans="1:9">
      <c r="A7427" s="1">
        <v>0.98143708652469386</v>
      </c>
      <c r="B7427" s="1"/>
      <c r="C7427">
        <v>1</v>
      </c>
      <c r="D7427" t="s">
        <v>14961</v>
      </c>
      <c r="E7427" t="s">
        <v>33063</v>
      </c>
      <c r="F7427">
        <v>4</v>
      </c>
      <c r="G7427" t="s">
        <v>10</v>
      </c>
      <c r="H7427" t="s">
        <v>14962</v>
      </c>
      <c r="I7427" t="s">
        <v>30540</v>
      </c>
    </row>
    <row r="7428" spans="1:9">
      <c r="A7428" s="1">
        <v>0.22863521689389199</v>
      </c>
      <c r="B7428" s="1"/>
      <c r="C7428">
        <v>17</v>
      </c>
      <c r="D7428" t="s">
        <v>14971</v>
      </c>
      <c r="E7428" t="s">
        <v>33063</v>
      </c>
      <c r="F7428">
        <v>4</v>
      </c>
      <c r="G7428" t="s">
        <v>14</v>
      </c>
      <c r="H7428" t="s">
        <v>14972</v>
      </c>
      <c r="I7428" t="s">
        <v>30540</v>
      </c>
    </row>
    <row r="7429" spans="1:9">
      <c r="A7429" s="1">
        <v>0.81540080448566965</v>
      </c>
      <c r="B7429" s="1"/>
      <c r="C7429">
        <v>12</v>
      </c>
      <c r="D7429" t="s">
        <v>14967</v>
      </c>
      <c r="E7429" t="s">
        <v>33063</v>
      </c>
      <c r="F7429">
        <v>4</v>
      </c>
      <c r="G7429" t="s">
        <v>0</v>
      </c>
      <c r="H7429" t="s">
        <v>14968</v>
      </c>
      <c r="I7429" t="s">
        <v>30540</v>
      </c>
    </row>
    <row r="7430" spans="1:9">
      <c r="A7430" s="1">
        <v>0.48466910133268282</v>
      </c>
      <c r="B7430" s="1"/>
      <c r="C7430">
        <v>5</v>
      </c>
      <c r="D7430" t="s">
        <v>14963</v>
      </c>
      <c r="E7430" t="s">
        <v>33063</v>
      </c>
      <c r="F7430">
        <v>4</v>
      </c>
      <c r="G7430" t="s">
        <v>9</v>
      </c>
      <c r="H7430" t="s">
        <v>14964</v>
      </c>
      <c r="I7430" t="s">
        <v>30540</v>
      </c>
    </row>
    <row r="7431" spans="1:9">
      <c r="A7431" s="1">
        <v>0.18493432388219266</v>
      </c>
      <c r="B7431" s="1"/>
      <c r="C7431">
        <v>2</v>
      </c>
      <c r="D7431" t="s">
        <v>14951</v>
      </c>
      <c r="E7431" t="s">
        <v>33064</v>
      </c>
      <c r="F7431">
        <v>5</v>
      </c>
      <c r="G7431" t="s">
        <v>1</v>
      </c>
      <c r="H7431" t="s">
        <v>14952</v>
      </c>
      <c r="I7431" t="s">
        <v>30540</v>
      </c>
    </row>
    <row r="7432" spans="1:9">
      <c r="A7432" s="1">
        <v>0.54210872341220229</v>
      </c>
      <c r="B7432" s="1"/>
      <c r="C7432">
        <v>6</v>
      </c>
      <c r="D7432" t="s">
        <v>14953</v>
      </c>
      <c r="E7432" t="s">
        <v>33064</v>
      </c>
      <c r="F7432">
        <v>5</v>
      </c>
      <c r="G7432" t="s">
        <v>774</v>
      </c>
      <c r="H7432" t="s">
        <v>14954</v>
      </c>
      <c r="I7432" t="s">
        <v>30540</v>
      </c>
    </row>
    <row r="7433" spans="1:9">
      <c r="A7433" s="1">
        <v>0.202255845248138</v>
      </c>
      <c r="B7433" s="1"/>
      <c r="C7433">
        <v>1</v>
      </c>
      <c r="D7433" t="s">
        <v>14949</v>
      </c>
      <c r="E7433" t="s">
        <v>33064</v>
      </c>
      <c r="F7433">
        <v>4</v>
      </c>
      <c r="G7433" t="s">
        <v>2</v>
      </c>
      <c r="H7433" t="s">
        <v>14950</v>
      </c>
      <c r="I7433" t="s">
        <v>30540</v>
      </c>
    </row>
    <row r="7434" spans="1:9">
      <c r="A7434" s="1">
        <v>0.51150030975606398</v>
      </c>
      <c r="B7434" s="1"/>
      <c r="C7434">
        <v>8</v>
      </c>
      <c r="D7434" t="s">
        <v>14955</v>
      </c>
      <c r="E7434" t="s">
        <v>33064</v>
      </c>
      <c r="F7434">
        <v>4</v>
      </c>
      <c r="G7434" t="s">
        <v>14</v>
      </c>
      <c r="H7434" t="s">
        <v>14956</v>
      </c>
      <c r="I7434" t="s">
        <v>30540</v>
      </c>
    </row>
    <row r="7435" spans="1:9">
      <c r="A7435" s="1">
        <v>0.22685012679548622</v>
      </c>
      <c r="B7435" s="1"/>
      <c r="C7435">
        <v>14</v>
      </c>
      <c r="D7435" t="s">
        <v>14957</v>
      </c>
      <c r="E7435" t="s">
        <v>33064</v>
      </c>
      <c r="F7435">
        <v>4</v>
      </c>
      <c r="G7435" t="s">
        <v>13</v>
      </c>
      <c r="H7435" t="s">
        <v>14958</v>
      </c>
      <c r="I7435" t="s">
        <v>30540</v>
      </c>
    </row>
    <row r="7436" spans="1:9">
      <c r="A7436" s="1">
        <v>0.59364775343485143</v>
      </c>
      <c r="B7436" s="1"/>
      <c r="C7436">
        <v>18</v>
      </c>
      <c r="D7436" t="s">
        <v>14959</v>
      </c>
      <c r="E7436" t="s">
        <v>33064</v>
      </c>
      <c r="F7436">
        <v>4</v>
      </c>
      <c r="G7436" t="s">
        <v>14</v>
      </c>
      <c r="H7436" t="s">
        <v>14960</v>
      </c>
      <c r="I7436" t="s">
        <v>30540</v>
      </c>
    </row>
    <row r="7437" spans="1:9">
      <c r="A7437" s="1">
        <v>5.2191774674213987E-2</v>
      </c>
      <c r="B7437" s="1"/>
      <c r="C7437">
        <v>12</v>
      </c>
      <c r="D7437" t="s">
        <v>14947</v>
      </c>
      <c r="E7437" t="s">
        <v>33065</v>
      </c>
      <c r="F7437">
        <v>4</v>
      </c>
      <c r="G7437" t="s">
        <v>14</v>
      </c>
      <c r="H7437" t="s">
        <v>14948</v>
      </c>
      <c r="I7437" t="s">
        <v>30540</v>
      </c>
    </row>
    <row r="7438" spans="1:9">
      <c r="A7438" s="1">
        <v>0.79343246677860035</v>
      </c>
      <c r="B7438" s="1"/>
      <c r="C7438">
        <v>1</v>
      </c>
      <c r="D7438" t="s">
        <v>14945</v>
      </c>
      <c r="E7438" t="s">
        <v>33065</v>
      </c>
      <c r="F7438">
        <v>3</v>
      </c>
      <c r="G7438" t="s">
        <v>14</v>
      </c>
      <c r="H7438" t="s">
        <v>14946</v>
      </c>
      <c r="I7438" t="s">
        <v>30540</v>
      </c>
    </row>
    <row r="7439" spans="1:9">
      <c r="A7439" s="1">
        <v>0.18096481068857295</v>
      </c>
      <c r="B7439" s="1"/>
      <c r="C7439">
        <v>20</v>
      </c>
      <c r="D7439" t="s">
        <v>14943</v>
      </c>
      <c r="E7439" t="s">
        <v>33066</v>
      </c>
      <c r="F7439">
        <v>5</v>
      </c>
      <c r="G7439" t="s">
        <v>14</v>
      </c>
      <c r="H7439" t="s">
        <v>14944</v>
      </c>
      <c r="I7439" t="s">
        <v>30540</v>
      </c>
    </row>
    <row r="7440" spans="1:9">
      <c r="A7440" s="1">
        <v>0.91982713891978229</v>
      </c>
      <c r="B7440" s="1"/>
      <c r="C7440">
        <v>13</v>
      </c>
      <c r="D7440" t="s">
        <v>14937</v>
      </c>
      <c r="E7440" t="s">
        <v>33066</v>
      </c>
      <c r="F7440">
        <v>5</v>
      </c>
      <c r="G7440" t="s">
        <v>1</v>
      </c>
      <c r="H7440" t="s">
        <v>14938</v>
      </c>
      <c r="I7440" t="s">
        <v>30540</v>
      </c>
    </row>
    <row r="7441" spans="1:9">
      <c r="A7441" s="1">
        <v>0.66291978104758653</v>
      </c>
      <c r="B7441" s="1"/>
      <c r="C7441">
        <v>17</v>
      </c>
      <c r="D7441" t="s">
        <v>14939</v>
      </c>
      <c r="E7441" t="s">
        <v>33066</v>
      </c>
      <c r="F7441">
        <v>5</v>
      </c>
      <c r="G7441" t="s">
        <v>1</v>
      </c>
      <c r="H7441" t="s">
        <v>14940</v>
      </c>
      <c r="I7441" t="s">
        <v>30540</v>
      </c>
    </row>
    <row r="7442" spans="1:9">
      <c r="A7442" s="1">
        <v>0.43400758652522553</v>
      </c>
      <c r="B7442" s="1"/>
      <c r="C7442">
        <v>12</v>
      </c>
      <c r="D7442" t="s">
        <v>14935</v>
      </c>
      <c r="E7442" t="s">
        <v>33066</v>
      </c>
      <c r="F7442">
        <v>4</v>
      </c>
      <c r="G7442" t="s">
        <v>14</v>
      </c>
      <c r="H7442" t="s">
        <v>14936</v>
      </c>
      <c r="I7442" t="s">
        <v>30540</v>
      </c>
    </row>
    <row r="7443" spans="1:9">
      <c r="A7443" s="1">
        <v>0.21141703395049949</v>
      </c>
      <c r="B7443" s="1"/>
      <c r="C7443">
        <v>4</v>
      </c>
      <c r="D7443" t="s">
        <v>14931</v>
      </c>
      <c r="E7443" t="s">
        <v>33066</v>
      </c>
      <c r="F7443">
        <v>4</v>
      </c>
      <c r="G7443" t="s">
        <v>13</v>
      </c>
      <c r="H7443" t="s">
        <v>14932</v>
      </c>
      <c r="I7443" t="s">
        <v>30540</v>
      </c>
    </row>
    <row r="7444" spans="1:9">
      <c r="A7444" s="1">
        <v>0.82302813849995227</v>
      </c>
      <c r="B7444" s="1"/>
      <c r="C7444">
        <v>3</v>
      </c>
      <c r="D7444" t="s">
        <v>14929</v>
      </c>
      <c r="E7444" t="s">
        <v>33066</v>
      </c>
      <c r="F7444">
        <v>4</v>
      </c>
      <c r="G7444" t="s">
        <v>10</v>
      </c>
      <c r="H7444" t="s">
        <v>14930</v>
      </c>
      <c r="I7444" t="s">
        <v>30540</v>
      </c>
    </row>
    <row r="7445" spans="1:9">
      <c r="A7445" s="1">
        <v>0.63942876825033745</v>
      </c>
      <c r="B7445" s="1"/>
      <c r="C7445">
        <v>18</v>
      </c>
      <c r="D7445" t="s">
        <v>14941</v>
      </c>
      <c r="E7445" t="s">
        <v>33066</v>
      </c>
      <c r="F7445">
        <v>4</v>
      </c>
      <c r="G7445" t="s">
        <v>14</v>
      </c>
      <c r="H7445" t="s">
        <v>14942</v>
      </c>
      <c r="I7445" t="s">
        <v>30540</v>
      </c>
    </row>
    <row r="7446" spans="1:9">
      <c r="A7446" s="1">
        <v>4.9407424007578027E-2</v>
      </c>
      <c r="B7446" s="1"/>
      <c r="C7446">
        <v>9</v>
      </c>
      <c r="D7446" t="s">
        <v>14933</v>
      </c>
      <c r="E7446" t="s">
        <v>33066</v>
      </c>
      <c r="F7446">
        <v>4</v>
      </c>
      <c r="G7446" t="s">
        <v>2</v>
      </c>
      <c r="H7446" t="s">
        <v>14934</v>
      </c>
      <c r="I7446" t="s">
        <v>30540</v>
      </c>
    </row>
    <row r="7447" spans="1:9">
      <c r="A7447" s="1">
        <v>0.38556885114188133</v>
      </c>
      <c r="B7447" s="1"/>
      <c r="C7447">
        <v>18</v>
      </c>
      <c r="D7447" t="s">
        <v>14925</v>
      </c>
      <c r="E7447" t="s">
        <v>33067</v>
      </c>
      <c r="F7447">
        <v>4</v>
      </c>
      <c r="G7447" t="s">
        <v>14</v>
      </c>
      <c r="H7447" t="s">
        <v>14926</v>
      </c>
      <c r="I7447" t="s">
        <v>30540</v>
      </c>
    </row>
    <row r="7448" spans="1:9">
      <c r="A7448" s="1">
        <v>0.96532397393860458</v>
      </c>
      <c r="B7448" s="1"/>
      <c r="C7448">
        <v>4</v>
      </c>
      <c r="D7448" t="s">
        <v>14917</v>
      </c>
      <c r="E7448" t="s">
        <v>33067</v>
      </c>
      <c r="F7448">
        <v>4</v>
      </c>
      <c r="G7448" t="s">
        <v>15</v>
      </c>
      <c r="H7448" t="s">
        <v>14918</v>
      </c>
      <c r="I7448" t="s">
        <v>30540</v>
      </c>
    </row>
    <row r="7449" spans="1:9">
      <c r="A7449" s="1">
        <v>0.47970273366551741</v>
      </c>
      <c r="B7449" s="1"/>
      <c r="C7449">
        <v>14</v>
      </c>
      <c r="D7449" t="s">
        <v>14923</v>
      </c>
      <c r="E7449" t="s">
        <v>33067</v>
      </c>
      <c r="F7449">
        <v>4</v>
      </c>
      <c r="G7449" t="s">
        <v>1</v>
      </c>
      <c r="H7449" t="s">
        <v>14924</v>
      </c>
      <c r="I7449" t="s">
        <v>30540</v>
      </c>
    </row>
    <row r="7450" spans="1:9">
      <c r="A7450" s="1">
        <v>0.9416927917859953</v>
      </c>
      <c r="B7450" s="1"/>
      <c r="C7450">
        <v>7</v>
      </c>
      <c r="D7450" t="s">
        <v>14919</v>
      </c>
      <c r="E7450" t="s">
        <v>33067</v>
      </c>
      <c r="F7450">
        <v>4</v>
      </c>
      <c r="G7450" t="s">
        <v>15</v>
      </c>
      <c r="H7450" t="s">
        <v>14920</v>
      </c>
      <c r="I7450" t="s">
        <v>30540</v>
      </c>
    </row>
    <row r="7451" spans="1:9">
      <c r="A7451" s="1">
        <v>0.66425647069052107</v>
      </c>
      <c r="B7451" s="1"/>
      <c r="C7451">
        <v>19</v>
      </c>
      <c r="D7451" t="s">
        <v>14927</v>
      </c>
      <c r="E7451" t="s">
        <v>33067</v>
      </c>
      <c r="F7451">
        <v>4</v>
      </c>
      <c r="G7451" t="s">
        <v>0</v>
      </c>
      <c r="H7451" t="s">
        <v>14928</v>
      </c>
      <c r="I7451" t="s">
        <v>30540</v>
      </c>
    </row>
    <row r="7452" spans="1:9">
      <c r="A7452" s="1">
        <v>0.46381909575942126</v>
      </c>
      <c r="B7452" s="1"/>
      <c r="C7452">
        <v>13</v>
      </c>
      <c r="D7452" t="s">
        <v>14921</v>
      </c>
      <c r="E7452" t="s">
        <v>33067</v>
      </c>
      <c r="F7452">
        <v>3</v>
      </c>
      <c r="G7452" t="s">
        <v>2</v>
      </c>
      <c r="H7452" t="s">
        <v>14922</v>
      </c>
      <c r="I7452" t="s">
        <v>30540</v>
      </c>
    </row>
    <row r="7453" spans="1:9">
      <c r="A7453" s="1">
        <v>0.89128881630409329</v>
      </c>
      <c r="B7453" s="1"/>
      <c r="C7453">
        <v>6</v>
      </c>
      <c r="D7453" t="s">
        <v>14903</v>
      </c>
      <c r="E7453" t="s">
        <v>33068</v>
      </c>
      <c r="F7453">
        <v>5</v>
      </c>
      <c r="G7453" t="s">
        <v>15</v>
      </c>
      <c r="H7453" t="s">
        <v>14904</v>
      </c>
      <c r="I7453" t="s">
        <v>30540</v>
      </c>
    </row>
    <row r="7454" spans="1:9">
      <c r="A7454" s="1">
        <v>0.23169073631559323</v>
      </c>
      <c r="B7454" s="1"/>
      <c r="C7454">
        <v>1</v>
      </c>
      <c r="D7454" t="s">
        <v>14899</v>
      </c>
      <c r="E7454" t="s">
        <v>33068</v>
      </c>
      <c r="F7454">
        <v>5</v>
      </c>
      <c r="G7454" t="s">
        <v>10</v>
      </c>
      <c r="H7454" t="s">
        <v>14900</v>
      </c>
      <c r="I7454" t="s">
        <v>30540</v>
      </c>
    </row>
    <row r="7455" spans="1:9">
      <c r="A7455" s="1">
        <v>0.61443542464118606</v>
      </c>
      <c r="B7455" s="1"/>
      <c r="C7455">
        <v>12</v>
      </c>
      <c r="D7455" t="s">
        <v>14909</v>
      </c>
      <c r="E7455" t="s">
        <v>33068</v>
      </c>
      <c r="F7455">
        <v>4</v>
      </c>
      <c r="G7455" t="s">
        <v>0</v>
      </c>
      <c r="H7455" t="s">
        <v>14910</v>
      </c>
      <c r="I7455" t="s">
        <v>30540</v>
      </c>
    </row>
    <row r="7456" spans="1:9">
      <c r="A7456" s="1">
        <v>0.14984195250042831</v>
      </c>
      <c r="B7456" s="1"/>
      <c r="C7456">
        <v>19</v>
      </c>
      <c r="D7456" t="s">
        <v>14915</v>
      </c>
      <c r="E7456" t="s">
        <v>33068</v>
      </c>
      <c r="F7456">
        <v>4</v>
      </c>
      <c r="G7456" t="s">
        <v>14</v>
      </c>
      <c r="H7456" t="s">
        <v>14916</v>
      </c>
      <c r="I7456" t="s">
        <v>30540</v>
      </c>
    </row>
    <row r="7457" spans="1:9">
      <c r="A7457" s="1">
        <v>0.89214808210612984</v>
      </c>
      <c r="B7457" s="1"/>
      <c r="C7457">
        <v>9</v>
      </c>
      <c r="D7457" t="s">
        <v>14905</v>
      </c>
      <c r="E7457" t="s">
        <v>33068</v>
      </c>
      <c r="F7457">
        <v>4</v>
      </c>
      <c r="G7457" t="s">
        <v>14</v>
      </c>
      <c r="H7457" t="s">
        <v>14906</v>
      </c>
      <c r="I7457" t="s">
        <v>30540</v>
      </c>
    </row>
    <row r="7458" spans="1:9">
      <c r="A7458" s="1">
        <v>0.29185640804932145</v>
      </c>
      <c r="B7458" s="1"/>
      <c r="C7458">
        <v>15</v>
      </c>
      <c r="D7458" t="s">
        <v>14911</v>
      </c>
      <c r="E7458" t="s">
        <v>33068</v>
      </c>
      <c r="F7458">
        <v>4</v>
      </c>
      <c r="G7458" t="s">
        <v>1</v>
      </c>
      <c r="H7458" t="s">
        <v>14912</v>
      </c>
      <c r="I7458" t="s">
        <v>30540</v>
      </c>
    </row>
    <row r="7459" spans="1:9">
      <c r="A7459" s="1">
        <v>0.12860894423845481</v>
      </c>
      <c r="B7459" s="1"/>
      <c r="C7459">
        <v>11</v>
      </c>
      <c r="D7459" t="s">
        <v>14907</v>
      </c>
      <c r="E7459" t="s">
        <v>33068</v>
      </c>
      <c r="F7459">
        <v>4</v>
      </c>
      <c r="G7459" t="s">
        <v>1</v>
      </c>
      <c r="H7459" t="s">
        <v>14908</v>
      </c>
      <c r="I7459" t="s">
        <v>30540</v>
      </c>
    </row>
    <row r="7460" spans="1:9">
      <c r="A7460" s="1">
        <v>0.1865020920494328</v>
      </c>
      <c r="B7460" s="1"/>
      <c r="C7460">
        <v>18</v>
      </c>
      <c r="D7460" t="s">
        <v>14913</v>
      </c>
      <c r="E7460" t="s">
        <v>33068</v>
      </c>
      <c r="F7460">
        <v>4</v>
      </c>
      <c r="G7460" t="s">
        <v>14</v>
      </c>
      <c r="H7460" t="s">
        <v>14914</v>
      </c>
      <c r="I7460" t="s">
        <v>30540</v>
      </c>
    </row>
    <row r="7461" spans="1:9">
      <c r="A7461" s="1">
        <v>0.67791933399628435</v>
      </c>
      <c r="B7461" s="1"/>
      <c r="C7461">
        <v>17</v>
      </c>
      <c r="D7461" t="s">
        <v>14897</v>
      </c>
      <c r="E7461" t="s">
        <v>33069</v>
      </c>
      <c r="F7461">
        <v>5</v>
      </c>
      <c r="G7461" t="s">
        <v>1431</v>
      </c>
      <c r="H7461" t="s">
        <v>14898</v>
      </c>
      <c r="I7461" t="s">
        <v>30540</v>
      </c>
    </row>
    <row r="7462" spans="1:9">
      <c r="A7462" s="1">
        <v>0.80364933140578065</v>
      </c>
      <c r="B7462" s="1"/>
      <c r="C7462">
        <v>11</v>
      </c>
      <c r="D7462" t="s">
        <v>14893</v>
      </c>
      <c r="E7462" t="s">
        <v>33069</v>
      </c>
      <c r="F7462">
        <v>4</v>
      </c>
      <c r="G7462" t="s">
        <v>3732</v>
      </c>
      <c r="H7462" t="s">
        <v>14894</v>
      </c>
      <c r="I7462" t="s">
        <v>30540</v>
      </c>
    </row>
    <row r="7463" spans="1:9">
      <c r="A7463" s="1">
        <v>1.2082140365721639E-2</v>
      </c>
      <c r="B7463" s="1"/>
      <c r="C7463">
        <v>14</v>
      </c>
      <c r="D7463" t="s">
        <v>14895</v>
      </c>
      <c r="E7463" t="s">
        <v>33069</v>
      </c>
      <c r="F7463">
        <v>4</v>
      </c>
      <c r="G7463" t="s">
        <v>775</v>
      </c>
      <c r="H7463" t="s">
        <v>14896</v>
      </c>
      <c r="I7463" t="s">
        <v>30540</v>
      </c>
    </row>
    <row r="7464" spans="1:9">
      <c r="A7464" s="1">
        <v>0.61631170103141253</v>
      </c>
      <c r="B7464" s="1"/>
      <c r="C7464">
        <v>17</v>
      </c>
      <c r="D7464" t="s">
        <v>14889</v>
      </c>
      <c r="E7464" t="s">
        <v>33070</v>
      </c>
      <c r="F7464">
        <v>4</v>
      </c>
      <c r="G7464" t="s">
        <v>1</v>
      </c>
      <c r="H7464" t="s">
        <v>14890</v>
      </c>
      <c r="I7464" t="s">
        <v>30540</v>
      </c>
    </row>
    <row r="7465" spans="1:9">
      <c r="A7465" s="1">
        <v>0.89438308011580425</v>
      </c>
      <c r="B7465" s="1"/>
      <c r="C7465">
        <v>19</v>
      </c>
      <c r="D7465" t="s">
        <v>14891</v>
      </c>
      <c r="E7465" t="s">
        <v>33070</v>
      </c>
      <c r="F7465">
        <v>4</v>
      </c>
      <c r="G7465" t="s">
        <v>14</v>
      </c>
      <c r="H7465" t="s">
        <v>14892</v>
      </c>
      <c r="I7465" t="s">
        <v>30540</v>
      </c>
    </row>
    <row r="7466" spans="1:9">
      <c r="A7466" s="1">
        <v>7.065350640400947E-2</v>
      </c>
      <c r="B7466" s="1"/>
      <c r="C7466">
        <v>6</v>
      </c>
      <c r="D7466" t="s">
        <v>14885</v>
      </c>
      <c r="E7466" t="s">
        <v>33070</v>
      </c>
      <c r="F7466">
        <v>4</v>
      </c>
      <c r="G7466" t="s">
        <v>14</v>
      </c>
      <c r="H7466" t="s">
        <v>14886</v>
      </c>
      <c r="I7466" t="s">
        <v>30540</v>
      </c>
    </row>
    <row r="7467" spans="1:9">
      <c r="A7467" s="1">
        <v>0.93563701402793353</v>
      </c>
      <c r="B7467" s="1"/>
      <c r="C7467">
        <v>8</v>
      </c>
      <c r="D7467" t="s">
        <v>14887</v>
      </c>
      <c r="E7467" t="s">
        <v>33070</v>
      </c>
      <c r="F7467">
        <v>4</v>
      </c>
      <c r="G7467" t="s">
        <v>14</v>
      </c>
      <c r="H7467" t="s">
        <v>14888</v>
      </c>
      <c r="I7467" t="s">
        <v>30540</v>
      </c>
    </row>
    <row r="7468" spans="1:9">
      <c r="A7468" s="1">
        <v>0.3612522275564406</v>
      </c>
      <c r="B7468" s="1"/>
      <c r="C7468">
        <v>15</v>
      </c>
      <c r="D7468" t="s">
        <v>14877</v>
      </c>
      <c r="E7468" t="s">
        <v>33071</v>
      </c>
      <c r="F7468">
        <v>5</v>
      </c>
      <c r="G7468" t="s">
        <v>14</v>
      </c>
      <c r="H7468" t="s">
        <v>14878</v>
      </c>
      <c r="I7468" t="s">
        <v>30540</v>
      </c>
    </row>
    <row r="7469" spans="1:9">
      <c r="A7469" s="1">
        <v>0.50620475825206324</v>
      </c>
      <c r="B7469" s="1"/>
      <c r="C7469">
        <v>19</v>
      </c>
      <c r="D7469" t="s">
        <v>14883</v>
      </c>
      <c r="E7469" t="s">
        <v>33071</v>
      </c>
      <c r="F7469">
        <v>5</v>
      </c>
      <c r="G7469" t="s">
        <v>10</v>
      </c>
      <c r="H7469" t="s">
        <v>14884</v>
      </c>
      <c r="I7469" t="s">
        <v>30540</v>
      </c>
    </row>
    <row r="7470" spans="1:9">
      <c r="A7470" s="1">
        <v>0.34802104247945842</v>
      </c>
      <c r="B7470" s="1"/>
      <c r="C7470">
        <v>8</v>
      </c>
      <c r="D7470" t="s">
        <v>14871</v>
      </c>
      <c r="E7470" t="s">
        <v>33071</v>
      </c>
      <c r="F7470">
        <v>4</v>
      </c>
      <c r="G7470" t="s">
        <v>14</v>
      </c>
      <c r="H7470" t="s">
        <v>14872</v>
      </c>
      <c r="I7470" t="s">
        <v>30540</v>
      </c>
    </row>
    <row r="7471" spans="1:9">
      <c r="A7471" s="1">
        <v>0.25054801766089807</v>
      </c>
      <c r="B7471" s="1"/>
      <c r="C7471">
        <v>11</v>
      </c>
      <c r="D7471" t="s">
        <v>14873</v>
      </c>
      <c r="E7471" t="s">
        <v>33071</v>
      </c>
      <c r="F7471">
        <v>4</v>
      </c>
      <c r="G7471" t="s">
        <v>0</v>
      </c>
      <c r="H7471" t="s">
        <v>14874</v>
      </c>
      <c r="I7471" t="s">
        <v>30540</v>
      </c>
    </row>
    <row r="7472" spans="1:9">
      <c r="A7472" s="1">
        <v>0.77449112392526642</v>
      </c>
      <c r="B7472" s="1"/>
      <c r="C7472">
        <v>6</v>
      </c>
      <c r="D7472" t="s">
        <v>14869</v>
      </c>
      <c r="E7472" t="s">
        <v>33071</v>
      </c>
      <c r="F7472">
        <v>4</v>
      </c>
      <c r="G7472" t="s">
        <v>13</v>
      </c>
      <c r="H7472" t="s">
        <v>14870</v>
      </c>
      <c r="I7472" t="s">
        <v>30540</v>
      </c>
    </row>
    <row r="7473" spans="1:9">
      <c r="A7473" s="1">
        <v>8.4042740416899075E-2</v>
      </c>
      <c r="B7473" s="1"/>
      <c r="C7473">
        <v>13</v>
      </c>
      <c r="D7473" t="s">
        <v>14875</v>
      </c>
      <c r="E7473" t="s">
        <v>33071</v>
      </c>
      <c r="F7473">
        <v>4</v>
      </c>
      <c r="G7473" t="s">
        <v>1</v>
      </c>
      <c r="H7473" t="s">
        <v>14876</v>
      </c>
      <c r="I7473" t="s">
        <v>30540</v>
      </c>
    </row>
    <row r="7474" spans="1:9">
      <c r="A7474" s="1">
        <v>9.870345842541739E-2</v>
      </c>
      <c r="B7474" s="1"/>
      <c r="C7474">
        <v>17</v>
      </c>
      <c r="D7474" t="s">
        <v>14881</v>
      </c>
      <c r="E7474" t="s">
        <v>33071</v>
      </c>
      <c r="F7474">
        <v>4</v>
      </c>
      <c r="G7474" t="s">
        <v>14</v>
      </c>
      <c r="H7474" t="s">
        <v>14882</v>
      </c>
      <c r="I7474" t="s">
        <v>30540</v>
      </c>
    </row>
    <row r="7475" spans="1:9">
      <c r="A7475" s="1">
        <v>0.36955164332486712</v>
      </c>
      <c r="B7475" s="1"/>
      <c r="C7475">
        <v>16</v>
      </c>
      <c r="D7475" t="s">
        <v>14879</v>
      </c>
      <c r="E7475" t="s">
        <v>33071</v>
      </c>
      <c r="F7475">
        <v>4</v>
      </c>
      <c r="G7475" t="s">
        <v>10</v>
      </c>
      <c r="H7475" t="s">
        <v>14880</v>
      </c>
      <c r="I7475" t="s">
        <v>30540</v>
      </c>
    </row>
    <row r="7476" spans="1:9">
      <c r="A7476" s="1">
        <v>0.73317125642993819</v>
      </c>
      <c r="B7476" s="1"/>
      <c r="C7476">
        <v>7</v>
      </c>
      <c r="D7476" t="s">
        <v>14861</v>
      </c>
      <c r="E7476" t="s">
        <v>33072</v>
      </c>
      <c r="F7476">
        <v>5</v>
      </c>
      <c r="G7476" t="s">
        <v>14</v>
      </c>
      <c r="H7476" t="s">
        <v>14862</v>
      </c>
      <c r="I7476" t="s">
        <v>30540</v>
      </c>
    </row>
    <row r="7477" spans="1:9">
      <c r="A7477" s="1">
        <v>0.65004794212125705</v>
      </c>
      <c r="B7477" s="1"/>
      <c r="C7477">
        <v>18</v>
      </c>
      <c r="D7477" t="s">
        <v>14867</v>
      </c>
      <c r="E7477" t="s">
        <v>33072</v>
      </c>
      <c r="F7477">
        <v>5</v>
      </c>
      <c r="G7477" t="s">
        <v>14</v>
      </c>
      <c r="H7477" t="s">
        <v>14868</v>
      </c>
      <c r="I7477" t="s">
        <v>30540</v>
      </c>
    </row>
    <row r="7478" spans="1:9">
      <c r="A7478" s="1">
        <v>0.39116715258012258</v>
      </c>
      <c r="B7478" s="1"/>
      <c r="C7478">
        <v>15</v>
      </c>
      <c r="D7478" t="s">
        <v>14865</v>
      </c>
      <c r="E7478" t="s">
        <v>33072</v>
      </c>
      <c r="F7478">
        <v>4</v>
      </c>
      <c r="G7478" t="s">
        <v>14</v>
      </c>
      <c r="H7478" t="s">
        <v>14866</v>
      </c>
      <c r="I7478" t="s">
        <v>30540</v>
      </c>
    </row>
    <row r="7479" spans="1:9">
      <c r="A7479" s="1">
        <v>0.79535518039316366</v>
      </c>
      <c r="B7479" s="1"/>
      <c r="C7479">
        <v>3</v>
      </c>
      <c r="D7479" t="s">
        <v>14859</v>
      </c>
      <c r="E7479" t="s">
        <v>33072</v>
      </c>
      <c r="F7479">
        <v>4</v>
      </c>
      <c r="G7479" t="s">
        <v>14</v>
      </c>
      <c r="H7479" t="s">
        <v>14860</v>
      </c>
      <c r="I7479" t="s">
        <v>30540</v>
      </c>
    </row>
    <row r="7480" spans="1:9">
      <c r="A7480" s="1">
        <v>0.5214029730447125</v>
      </c>
      <c r="B7480" s="1"/>
      <c r="C7480">
        <v>13</v>
      </c>
      <c r="D7480" t="s">
        <v>14863</v>
      </c>
      <c r="E7480" t="s">
        <v>33072</v>
      </c>
      <c r="F7480">
        <v>4</v>
      </c>
      <c r="G7480" t="s">
        <v>14</v>
      </c>
      <c r="H7480" t="s">
        <v>14864</v>
      </c>
      <c r="I7480" t="s">
        <v>30540</v>
      </c>
    </row>
    <row r="7481" spans="1:9">
      <c r="A7481" s="1">
        <v>0.33511789928972535</v>
      </c>
      <c r="B7481" s="1"/>
      <c r="C7481">
        <v>18</v>
      </c>
      <c r="D7481" t="s">
        <v>14857</v>
      </c>
      <c r="E7481" t="s">
        <v>33073</v>
      </c>
      <c r="F7481">
        <v>5</v>
      </c>
      <c r="G7481" t="s">
        <v>14</v>
      </c>
      <c r="H7481" t="s">
        <v>14858</v>
      </c>
      <c r="I7481" t="s">
        <v>30540</v>
      </c>
    </row>
    <row r="7482" spans="1:9">
      <c r="A7482" s="1">
        <v>0.95393626472061155</v>
      </c>
      <c r="B7482" s="1"/>
      <c r="C7482">
        <v>13</v>
      </c>
      <c r="D7482" t="s">
        <v>14855</v>
      </c>
      <c r="E7482" t="s">
        <v>33073</v>
      </c>
      <c r="F7482">
        <v>4</v>
      </c>
      <c r="G7482" t="s">
        <v>14</v>
      </c>
      <c r="H7482" t="s">
        <v>14856</v>
      </c>
      <c r="I7482" t="s">
        <v>30540</v>
      </c>
    </row>
    <row r="7483" spans="1:9">
      <c r="A7483" s="1">
        <v>0.10987445095640025</v>
      </c>
      <c r="B7483" s="1"/>
      <c r="C7483">
        <v>7</v>
      </c>
      <c r="D7483" t="s">
        <v>14853</v>
      </c>
      <c r="E7483" t="s">
        <v>33073</v>
      </c>
      <c r="F7483">
        <v>4</v>
      </c>
      <c r="G7483" t="s">
        <v>14</v>
      </c>
      <c r="H7483" t="s">
        <v>14854</v>
      </c>
      <c r="I7483" t="s">
        <v>30540</v>
      </c>
    </row>
    <row r="7484" spans="1:9">
      <c r="A7484" s="1">
        <v>0.86635467283404799</v>
      </c>
      <c r="B7484" s="1"/>
      <c r="C7484">
        <v>1</v>
      </c>
      <c r="D7484" t="s">
        <v>14851</v>
      </c>
      <c r="E7484" t="s">
        <v>33073</v>
      </c>
      <c r="F7484">
        <v>3</v>
      </c>
      <c r="G7484" t="s">
        <v>10</v>
      </c>
      <c r="H7484" t="s">
        <v>14852</v>
      </c>
      <c r="I7484" t="s">
        <v>30540</v>
      </c>
    </row>
    <row r="7485" spans="1:9">
      <c r="A7485" s="1">
        <v>0.97443639459689013</v>
      </c>
      <c r="B7485" s="1"/>
      <c r="C7485">
        <v>15</v>
      </c>
      <c r="D7485" t="s">
        <v>14847</v>
      </c>
      <c r="E7485" t="s">
        <v>33074</v>
      </c>
      <c r="F7485">
        <v>5</v>
      </c>
      <c r="G7485" t="s">
        <v>14</v>
      </c>
      <c r="H7485" t="s">
        <v>14848</v>
      </c>
      <c r="I7485" t="s">
        <v>30540</v>
      </c>
    </row>
    <row r="7486" spans="1:9">
      <c r="A7486" s="1">
        <v>0.6200534670136858</v>
      </c>
      <c r="B7486" s="1"/>
      <c r="C7486">
        <v>19</v>
      </c>
      <c r="D7486" t="s">
        <v>14849</v>
      </c>
      <c r="E7486" t="s">
        <v>33074</v>
      </c>
      <c r="F7486">
        <v>5</v>
      </c>
      <c r="G7486" t="s">
        <v>13</v>
      </c>
      <c r="H7486" t="s">
        <v>14850</v>
      </c>
      <c r="I7486" t="s">
        <v>30540</v>
      </c>
    </row>
    <row r="7487" spans="1:9">
      <c r="A7487" s="1">
        <v>0.66578325872508592</v>
      </c>
      <c r="B7487" s="1"/>
      <c r="C7487">
        <v>1</v>
      </c>
      <c r="D7487" t="s">
        <v>14843</v>
      </c>
      <c r="E7487" t="s">
        <v>33074</v>
      </c>
      <c r="F7487">
        <v>4</v>
      </c>
      <c r="G7487" t="s">
        <v>2738</v>
      </c>
      <c r="H7487" t="s">
        <v>14844</v>
      </c>
      <c r="I7487" t="s">
        <v>30540</v>
      </c>
    </row>
    <row r="7488" spans="1:9">
      <c r="A7488" s="1">
        <v>0.71710319456381311</v>
      </c>
      <c r="B7488" s="1"/>
      <c r="C7488">
        <v>8</v>
      </c>
      <c r="D7488" t="s">
        <v>14845</v>
      </c>
      <c r="E7488" t="s">
        <v>33074</v>
      </c>
      <c r="F7488">
        <v>3</v>
      </c>
      <c r="G7488" t="s">
        <v>3732</v>
      </c>
      <c r="H7488" t="s">
        <v>14846</v>
      </c>
      <c r="I7488" t="s">
        <v>30540</v>
      </c>
    </row>
    <row r="7489" spans="1:9">
      <c r="A7489" s="1">
        <v>0.32605975578949842</v>
      </c>
      <c r="B7489" s="1"/>
      <c r="C7489">
        <v>1</v>
      </c>
      <c r="D7489" t="s">
        <v>19470</v>
      </c>
      <c r="E7489" t="s">
        <v>33075</v>
      </c>
      <c r="F7489">
        <v>5</v>
      </c>
      <c r="G7489" t="s">
        <v>9</v>
      </c>
      <c r="H7489" t="s">
        <v>19471</v>
      </c>
      <c r="I7489" t="s">
        <v>30540</v>
      </c>
    </row>
    <row r="7490" spans="1:9">
      <c r="A7490" s="1">
        <v>0.8234662585739263</v>
      </c>
      <c r="B7490" s="1"/>
      <c r="C7490">
        <v>11</v>
      </c>
      <c r="D7490" t="s">
        <v>19476</v>
      </c>
      <c r="E7490" t="s">
        <v>33075</v>
      </c>
      <c r="F7490">
        <v>4</v>
      </c>
      <c r="G7490" t="s">
        <v>14</v>
      </c>
      <c r="H7490" t="s">
        <v>19477</v>
      </c>
      <c r="I7490" t="s">
        <v>30540</v>
      </c>
    </row>
    <row r="7491" spans="1:9">
      <c r="A7491" s="1">
        <v>0.94158284188214791</v>
      </c>
      <c r="B7491" s="1"/>
      <c r="C7491">
        <v>3</v>
      </c>
      <c r="D7491" t="s">
        <v>19472</v>
      </c>
      <c r="E7491" t="s">
        <v>33075</v>
      </c>
      <c r="F7491">
        <v>3</v>
      </c>
      <c r="G7491" t="s">
        <v>14</v>
      </c>
      <c r="H7491" t="s">
        <v>19473</v>
      </c>
      <c r="I7491" t="s">
        <v>30540</v>
      </c>
    </row>
    <row r="7492" spans="1:9">
      <c r="A7492" s="1">
        <v>0.43804327033698709</v>
      </c>
      <c r="B7492" s="1"/>
      <c r="C7492">
        <v>13</v>
      </c>
      <c r="D7492" t="s">
        <v>19478</v>
      </c>
      <c r="E7492" t="s">
        <v>33075</v>
      </c>
      <c r="F7492">
        <v>3</v>
      </c>
      <c r="G7492" t="s">
        <v>14</v>
      </c>
      <c r="H7492" t="s">
        <v>19479</v>
      </c>
      <c r="I7492" t="s">
        <v>30540</v>
      </c>
    </row>
    <row r="7493" spans="1:9">
      <c r="A7493" s="1">
        <v>0.92956105494933572</v>
      </c>
      <c r="B7493" s="1"/>
      <c r="C7493">
        <v>13</v>
      </c>
      <c r="D7493" t="s">
        <v>19464</v>
      </c>
      <c r="E7493" t="s">
        <v>33076</v>
      </c>
      <c r="F7493">
        <v>5</v>
      </c>
      <c r="G7493" t="s">
        <v>9</v>
      </c>
      <c r="H7493" t="s">
        <v>19465</v>
      </c>
      <c r="I7493" t="s">
        <v>30540</v>
      </c>
    </row>
    <row r="7494" spans="1:9">
      <c r="A7494" s="1">
        <v>0.12039623136230138</v>
      </c>
      <c r="B7494" s="1"/>
      <c r="C7494">
        <v>9</v>
      </c>
      <c r="D7494" t="s">
        <v>19460</v>
      </c>
      <c r="E7494" t="s">
        <v>33076</v>
      </c>
      <c r="F7494">
        <v>4</v>
      </c>
      <c r="G7494" t="s">
        <v>14</v>
      </c>
      <c r="H7494" t="s">
        <v>19461</v>
      </c>
      <c r="I7494" t="s">
        <v>30540</v>
      </c>
    </row>
    <row r="7495" spans="1:9">
      <c r="A7495" s="1">
        <v>0.50645403022527524</v>
      </c>
      <c r="B7495" s="1"/>
      <c r="C7495">
        <v>4</v>
      </c>
      <c r="D7495" t="s">
        <v>19456</v>
      </c>
      <c r="E7495" t="s">
        <v>33076</v>
      </c>
      <c r="F7495">
        <v>4</v>
      </c>
      <c r="G7495" t="s">
        <v>14</v>
      </c>
      <c r="H7495" t="s">
        <v>19457</v>
      </c>
      <c r="I7495" t="s">
        <v>30540</v>
      </c>
    </row>
    <row r="7496" spans="1:9">
      <c r="A7496" s="1">
        <v>0.86613409720173085</v>
      </c>
      <c r="B7496" s="1"/>
      <c r="C7496">
        <v>12</v>
      </c>
      <c r="D7496" t="s">
        <v>19462</v>
      </c>
      <c r="E7496" t="s">
        <v>33076</v>
      </c>
      <c r="F7496">
        <v>4</v>
      </c>
      <c r="G7496" t="s">
        <v>14</v>
      </c>
      <c r="H7496" t="s">
        <v>19463</v>
      </c>
      <c r="I7496" t="s">
        <v>30540</v>
      </c>
    </row>
    <row r="7497" spans="1:9">
      <c r="A7497" s="1">
        <v>0.2220337046833385</v>
      </c>
      <c r="B7497" s="1"/>
      <c r="C7497">
        <v>17</v>
      </c>
      <c r="D7497" t="s">
        <v>19466</v>
      </c>
      <c r="E7497" t="s">
        <v>33076</v>
      </c>
      <c r="F7497">
        <v>4</v>
      </c>
      <c r="G7497" t="s">
        <v>14</v>
      </c>
      <c r="H7497" t="s">
        <v>19467</v>
      </c>
      <c r="I7497" t="s">
        <v>30540</v>
      </c>
    </row>
    <row r="7498" spans="1:9">
      <c r="A7498" s="1">
        <v>0.4183404269306501</v>
      </c>
      <c r="B7498" s="1"/>
      <c r="C7498">
        <v>5</v>
      </c>
      <c r="D7498" t="s">
        <v>19458</v>
      </c>
      <c r="E7498" t="s">
        <v>33076</v>
      </c>
      <c r="F7498">
        <v>4</v>
      </c>
      <c r="G7498" t="s">
        <v>9</v>
      </c>
      <c r="H7498" t="s">
        <v>19459</v>
      </c>
      <c r="I7498" t="s">
        <v>30540</v>
      </c>
    </row>
    <row r="7499" spans="1:9">
      <c r="A7499" s="1">
        <v>0.57272656333116523</v>
      </c>
      <c r="B7499" s="1"/>
      <c r="C7499">
        <v>19</v>
      </c>
      <c r="D7499" t="s">
        <v>19452</v>
      </c>
      <c r="E7499" t="s">
        <v>33077</v>
      </c>
      <c r="F7499">
        <v>5</v>
      </c>
      <c r="G7499" t="s">
        <v>775</v>
      </c>
      <c r="H7499" t="s">
        <v>19453</v>
      </c>
      <c r="I7499" t="s">
        <v>30540</v>
      </c>
    </row>
    <row r="7500" spans="1:9">
      <c r="A7500" s="1">
        <v>0.86288627681781049</v>
      </c>
      <c r="B7500" s="1"/>
      <c r="C7500">
        <v>1</v>
      </c>
      <c r="D7500" t="s">
        <v>19446</v>
      </c>
      <c r="E7500" t="s">
        <v>33077</v>
      </c>
      <c r="F7500">
        <v>4</v>
      </c>
      <c r="G7500" t="s">
        <v>3732</v>
      </c>
      <c r="H7500" t="s">
        <v>19447</v>
      </c>
      <c r="I7500" t="s">
        <v>30540</v>
      </c>
    </row>
    <row r="7501" spans="1:9">
      <c r="A7501" s="1">
        <v>0.64476685314024584</v>
      </c>
      <c r="B7501" s="1"/>
      <c r="C7501">
        <v>10</v>
      </c>
      <c r="D7501" t="s">
        <v>19450</v>
      </c>
      <c r="E7501" t="s">
        <v>33077</v>
      </c>
      <c r="F7501">
        <v>4</v>
      </c>
      <c r="G7501" t="s">
        <v>14</v>
      </c>
      <c r="H7501" t="s">
        <v>19451</v>
      </c>
      <c r="I7501" t="s">
        <v>30540</v>
      </c>
    </row>
    <row r="7502" spans="1:9">
      <c r="A7502" s="1">
        <v>0.89398118094106249</v>
      </c>
      <c r="B7502" s="1"/>
      <c r="C7502">
        <v>9</v>
      </c>
      <c r="D7502" t="s">
        <v>19448</v>
      </c>
      <c r="E7502" t="s">
        <v>33077</v>
      </c>
      <c r="F7502">
        <v>4</v>
      </c>
      <c r="G7502" t="s">
        <v>15</v>
      </c>
      <c r="H7502" t="s">
        <v>19449</v>
      </c>
      <c r="I7502" t="s">
        <v>30540</v>
      </c>
    </row>
    <row r="7503" spans="1:9">
      <c r="A7503" s="1">
        <v>2.6885604967789356E-2</v>
      </c>
      <c r="B7503" s="1"/>
      <c r="C7503">
        <v>15</v>
      </c>
      <c r="D7503" t="s">
        <v>19442</v>
      </c>
      <c r="E7503" t="s">
        <v>33078</v>
      </c>
      <c r="F7503">
        <v>4</v>
      </c>
      <c r="G7503" t="s">
        <v>10</v>
      </c>
      <c r="H7503" t="s">
        <v>19443</v>
      </c>
      <c r="I7503" t="s">
        <v>30540</v>
      </c>
    </row>
    <row r="7504" spans="1:9">
      <c r="A7504" s="1">
        <v>0.3236567148518581</v>
      </c>
      <c r="B7504" s="1"/>
      <c r="C7504">
        <v>17</v>
      </c>
      <c r="D7504" t="s">
        <v>19444</v>
      </c>
      <c r="E7504" t="s">
        <v>33078</v>
      </c>
      <c r="F7504">
        <v>4</v>
      </c>
      <c r="G7504" t="s">
        <v>10</v>
      </c>
      <c r="H7504" t="s">
        <v>19445</v>
      </c>
      <c r="I7504" t="s">
        <v>30540</v>
      </c>
    </row>
    <row r="7505" spans="1:9">
      <c r="A7505" s="1">
        <v>0.29603642677479658</v>
      </c>
      <c r="B7505" s="1"/>
      <c r="C7505">
        <v>12</v>
      </c>
      <c r="D7505" t="s">
        <v>19434</v>
      </c>
      <c r="E7505" t="s">
        <v>33079</v>
      </c>
      <c r="F7505">
        <v>5</v>
      </c>
      <c r="G7505" t="s">
        <v>14</v>
      </c>
      <c r="H7505" t="s">
        <v>19435</v>
      </c>
      <c r="I7505" t="s">
        <v>30540</v>
      </c>
    </row>
    <row r="7506" spans="1:9">
      <c r="A7506" s="1">
        <v>0.64313648891266084</v>
      </c>
      <c r="B7506" s="1"/>
      <c r="C7506">
        <v>1</v>
      </c>
      <c r="D7506" t="s">
        <v>19430</v>
      </c>
      <c r="E7506" t="s">
        <v>33079</v>
      </c>
      <c r="F7506">
        <v>4</v>
      </c>
      <c r="G7506" t="s">
        <v>10</v>
      </c>
      <c r="H7506" t="s">
        <v>19431</v>
      </c>
      <c r="I7506" t="s">
        <v>30540</v>
      </c>
    </row>
    <row r="7507" spans="1:9">
      <c r="A7507" s="1">
        <v>0.43647230316854524</v>
      </c>
      <c r="B7507" s="1"/>
      <c r="C7507">
        <v>10</v>
      </c>
      <c r="D7507" t="s">
        <v>19432</v>
      </c>
      <c r="E7507" t="s">
        <v>33079</v>
      </c>
      <c r="F7507">
        <v>4</v>
      </c>
      <c r="G7507" t="s">
        <v>14</v>
      </c>
      <c r="H7507" t="s">
        <v>19433</v>
      </c>
      <c r="I7507" t="s">
        <v>30540</v>
      </c>
    </row>
    <row r="7508" spans="1:9">
      <c r="A7508" s="1">
        <v>0.38838044714297271</v>
      </c>
      <c r="B7508" s="1"/>
      <c r="C7508">
        <v>20</v>
      </c>
      <c r="D7508" t="s">
        <v>19440</v>
      </c>
      <c r="E7508" t="s">
        <v>33079</v>
      </c>
      <c r="F7508">
        <v>4</v>
      </c>
      <c r="G7508" t="s">
        <v>14</v>
      </c>
      <c r="H7508" t="s">
        <v>19441</v>
      </c>
      <c r="I7508" t="s">
        <v>30540</v>
      </c>
    </row>
    <row r="7509" spans="1:9">
      <c r="A7509" s="1">
        <v>0.36753355498401785</v>
      </c>
      <c r="B7509" s="1"/>
      <c r="C7509">
        <v>19</v>
      </c>
      <c r="D7509" t="s">
        <v>19438</v>
      </c>
      <c r="E7509" t="s">
        <v>33079</v>
      </c>
      <c r="F7509">
        <v>4</v>
      </c>
      <c r="G7509" t="s">
        <v>14</v>
      </c>
      <c r="H7509" t="s">
        <v>19439</v>
      </c>
      <c r="I7509" t="s">
        <v>30540</v>
      </c>
    </row>
    <row r="7510" spans="1:9">
      <c r="A7510" s="1">
        <v>0.2085446066017963</v>
      </c>
      <c r="B7510" s="1"/>
      <c r="C7510">
        <v>12</v>
      </c>
      <c r="D7510" t="s">
        <v>19422</v>
      </c>
      <c r="E7510" t="s">
        <v>33080</v>
      </c>
      <c r="F7510">
        <v>5</v>
      </c>
      <c r="G7510" t="s">
        <v>14</v>
      </c>
      <c r="H7510" t="s">
        <v>19423</v>
      </c>
      <c r="I7510" t="s">
        <v>30540</v>
      </c>
    </row>
    <row r="7511" spans="1:9">
      <c r="A7511" s="1">
        <v>3.896648760228183E-2</v>
      </c>
      <c r="B7511" s="1"/>
      <c r="C7511">
        <v>15</v>
      </c>
      <c r="D7511" t="s">
        <v>19426</v>
      </c>
      <c r="E7511" t="s">
        <v>33080</v>
      </c>
      <c r="F7511">
        <v>5</v>
      </c>
      <c r="G7511" t="s">
        <v>14</v>
      </c>
      <c r="H7511" t="s">
        <v>19427</v>
      </c>
      <c r="I7511" t="s">
        <v>30540</v>
      </c>
    </row>
    <row r="7512" spans="1:9">
      <c r="A7512" s="1">
        <v>0.7293725893730677</v>
      </c>
      <c r="B7512" s="1"/>
      <c r="C7512">
        <v>18</v>
      </c>
      <c r="D7512" t="s">
        <v>19428</v>
      </c>
      <c r="E7512" t="s">
        <v>33080</v>
      </c>
      <c r="F7512">
        <v>5</v>
      </c>
      <c r="G7512" t="s">
        <v>1</v>
      </c>
      <c r="H7512" t="s">
        <v>19429</v>
      </c>
      <c r="I7512" t="s">
        <v>30540</v>
      </c>
    </row>
    <row r="7513" spans="1:9">
      <c r="A7513" s="1">
        <v>0.49129464620762298</v>
      </c>
      <c r="B7513" s="1"/>
      <c r="C7513">
        <v>10</v>
      </c>
      <c r="D7513" t="s">
        <v>19420</v>
      </c>
      <c r="E7513" t="s">
        <v>33080</v>
      </c>
      <c r="F7513">
        <v>4</v>
      </c>
      <c r="G7513" t="s">
        <v>14</v>
      </c>
      <c r="H7513" t="s">
        <v>19421</v>
      </c>
      <c r="I7513" t="s">
        <v>30540</v>
      </c>
    </row>
    <row r="7514" spans="1:9">
      <c r="A7514" s="1">
        <v>0.37961781902546854</v>
      </c>
      <c r="B7514" s="1"/>
      <c r="C7514">
        <v>13</v>
      </c>
      <c r="D7514" t="s">
        <v>19424</v>
      </c>
      <c r="E7514" t="s">
        <v>33080</v>
      </c>
      <c r="F7514">
        <v>4</v>
      </c>
      <c r="G7514" t="s">
        <v>0</v>
      </c>
      <c r="H7514" t="s">
        <v>19425</v>
      </c>
      <c r="I7514" t="s">
        <v>30540</v>
      </c>
    </row>
    <row r="7515" spans="1:9">
      <c r="A7515" s="1">
        <v>0.71089021477453584</v>
      </c>
      <c r="B7515" s="1"/>
      <c r="C7515">
        <v>2</v>
      </c>
      <c r="D7515" t="s">
        <v>19408</v>
      </c>
      <c r="E7515" t="s">
        <v>33081</v>
      </c>
      <c r="F7515">
        <v>5</v>
      </c>
      <c r="G7515" t="s">
        <v>15</v>
      </c>
      <c r="H7515" t="s">
        <v>19409</v>
      </c>
      <c r="I7515" t="s">
        <v>30540</v>
      </c>
    </row>
    <row r="7516" spans="1:9">
      <c r="A7516" s="1">
        <v>0.22784233004647436</v>
      </c>
      <c r="B7516" s="1"/>
      <c r="C7516">
        <v>13</v>
      </c>
      <c r="D7516" t="s">
        <v>19414</v>
      </c>
      <c r="E7516" t="s">
        <v>33081</v>
      </c>
      <c r="F7516">
        <v>4</v>
      </c>
      <c r="G7516" t="s">
        <v>14</v>
      </c>
      <c r="H7516" t="s">
        <v>19415</v>
      </c>
      <c r="I7516" t="s">
        <v>30540</v>
      </c>
    </row>
    <row r="7517" spans="1:9">
      <c r="A7517" s="1">
        <v>0.19484878024831909</v>
      </c>
      <c r="B7517" s="1"/>
      <c r="C7517">
        <v>8</v>
      </c>
      <c r="D7517" t="s">
        <v>19410</v>
      </c>
      <c r="E7517" t="s">
        <v>33081</v>
      </c>
      <c r="F7517">
        <v>4</v>
      </c>
      <c r="G7517" t="s">
        <v>1</v>
      </c>
      <c r="H7517" t="s">
        <v>19411</v>
      </c>
      <c r="I7517" t="s">
        <v>30540</v>
      </c>
    </row>
    <row r="7518" spans="1:9">
      <c r="A7518" s="1">
        <v>0.12386010610257525</v>
      </c>
      <c r="B7518" s="1"/>
      <c r="C7518">
        <v>12</v>
      </c>
      <c r="D7518" t="s">
        <v>19412</v>
      </c>
      <c r="E7518" t="s">
        <v>33081</v>
      </c>
      <c r="F7518">
        <v>4</v>
      </c>
      <c r="G7518" t="s">
        <v>13</v>
      </c>
      <c r="H7518" t="s">
        <v>19413</v>
      </c>
      <c r="I7518" t="s">
        <v>30540</v>
      </c>
    </row>
    <row r="7519" spans="1:9">
      <c r="A7519" s="1">
        <v>0.78393529116674487</v>
      </c>
      <c r="B7519" s="1"/>
      <c r="C7519">
        <v>17</v>
      </c>
      <c r="D7519" t="s">
        <v>19404</v>
      </c>
      <c r="E7519" t="s">
        <v>33082</v>
      </c>
      <c r="F7519">
        <v>4</v>
      </c>
      <c r="G7519" t="s">
        <v>14</v>
      </c>
      <c r="H7519" t="s">
        <v>19405</v>
      </c>
      <c r="I7519" t="s">
        <v>30540</v>
      </c>
    </row>
    <row r="7520" spans="1:9">
      <c r="A7520" s="1">
        <v>0.8211464400211953</v>
      </c>
      <c r="B7520" s="1"/>
      <c r="C7520">
        <v>7</v>
      </c>
      <c r="D7520" t="s">
        <v>19402</v>
      </c>
      <c r="E7520" t="s">
        <v>33082</v>
      </c>
      <c r="F7520">
        <v>3</v>
      </c>
      <c r="G7520" t="s">
        <v>14</v>
      </c>
      <c r="H7520" t="s">
        <v>19403</v>
      </c>
      <c r="I7520" t="s">
        <v>30540</v>
      </c>
    </row>
    <row r="7521" spans="1:9">
      <c r="A7521" s="1">
        <v>0.50727013061766946</v>
      </c>
      <c r="B7521" s="1"/>
      <c r="C7521">
        <v>17</v>
      </c>
      <c r="D7521" t="s">
        <v>19400</v>
      </c>
      <c r="E7521" t="s">
        <v>33083</v>
      </c>
      <c r="F7521">
        <v>4</v>
      </c>
      <c r="G7521" t="s">
        <v>14</v>
      </c>
      <c r="H7521" t="s">
        <v>19401</v>
      </c>
      <c r="I7521" t="s">
        <v>30540</v>
      </c>
    </row>
    <row r="7522" spans="1:9">
      <c r="A7522" s="1">
        <v>0.2459344073812576</v>
      </c>
      <c r="B7522" s="1"/>
      <c r="C7522">
        <v>6</v>
      </c>
      <c r="D7522" t="s">
        <v>19392</v>
      </c>
      <c r="E7522" t="s">
        <v>33083</v>
      </c>
      <c r="F7522">
        <v>4</v>
      </c>
      <c r="G7522" t="s">
        <v>13</v>
      </c>
      <c r="H7522" t="s">
        <v>19393</v>
      </c>
      <c r="I7522" t="s">
        <v>30540</v>
      </c>
    </row>
    <row r="7523" spans="1:9">
      <c r="A7523" s="1">
        <v>9.918091738314716E-2</v>
      </c>
      <c r="B7523" s="1"/>
      <c r="C7523">
        <v>14</v>
      </c>
      <c r="D7523" t="s">
        <v>19398</v>
      </c>
      <c r="E7523" t="s">
        <v>33083</v>
      </c>
      <c r="F7523">
        <v>4</v>
      </c>
      <c r="G7523" t="s">
        <v>14</v>
      </c>
      <c r="H7523" t="s">
        <v>19399</v>
      </c>
      <c r="I7523" t="s">
        <v>30540</v>
      </c>
    </row>
    <row r="7524" spans="1:9">
      <c r="A7524" s="1">
        <v>0.72620623945067764</v>
      </c>
      <c r="B7524" s="1"/>
      <c r="C7524">
        <v>9</v>
      </c>
      <c r="D7524" t="s">
        <v>19396</v>
      </c>
      <c r="E7524" t="s">
        <v>33083</v>
      </c>
      <c r="F7524">
        <v>4</v>
      </c>
      <c r="G7524" t="s">
        <v>14</v>
      </c>
      <c r="H7524" t="s">
        <v>19397</v>
      </c>
      <c r="I7524" t="s">
        <v>30540</v>
      </c>
    </row>
    <row r="7525" spans="1:9">
      <c r="A7525" s="1">
        <v>7.1540891762258196E-2</v>
      </c>
      <c r="B7525" s="1"/>
      <c r="C7525">
        <v>4</v>
      </c>
      <c r="D7525" t="s">
        <v>19390</v>
      </c>
      <c r="E7525" t="s">
        <v>33083</v>
      </c>
      <c r="F7525">
        <v>4</v>
      </c>
      <c r="G7525" t="s">
        <v>13</v>
      </c>
      <c r="H7525" t="s">
        <v>19391</v>
      </c>
      <c r="I7525" t="s">
        <v>30540</v>
      </c>
    </row>
    <row r="7526" spans="1:9">
      <c r="A7526" s="1">
        <v>0.19798948941351258</v>
      </c>
      <c r="B7526" s="1"/>
      <c r="C7526">
        <v>8</v>
      </c>
      <c r="D7526" t="s">
        <v>19394</v>
      </c>
      <c r="E7526" t="s">
        <v>33083</v>
      </c>
      <c r="F7526">
        <v>3</v>
      </c>
      <c r="G7526" t="s">
        <v>1</v>
      </c>
      <c r="H7526" t="s">
        <v>19395</v>
      </c>
      <c r="I7526" t="s">
        <v>30540</v>
      </c>
    </row>
    <row r="7527" spans="1:9">
      <c r="A7527" s="1">
        <v>0.27409509740724325</v>
      </c>
      <c r="B7527" s="1"/>
      <c r="C7527">
        <v>11</v>
      </c>
      <c r="D7527" t="s">
        <v>19378</v>
      </c>
      <c r="E7527" t="s">
        <v>33084</v>
      </c>
      <c r="F7527">
        <v>4</v>
      </c>
      <c r="G7527" t="s">
        <v>14</v>
      </c>
      <c r="H7527" t="s">
        <v>19379</v>
      </c>
      <c r="I7527" t="s">
        <v>30540</v>
      </c>
    </row>
    <row r="7528" spans="1:9">
      <c r="A7528" s="1">
        <v>0.28673831864956822</v>
      </c>
      <c r="B7528" s="1"/>
      <c r="C7528">
        <v>17</v>
      </c>
      <c r="D7528" t="s">
        <v>19384</v>
      </c>
      <c r="E7528" t="s">
        <v>33084</v>
      </c>
      <c r="F7528">
        <v>4</v>
      </c>
      <c r="G7528" t="s">
        <v>14</v>
      </c>
      <c r="H7528" t="s">
        <v>19385</v>
      </c>
      <c r="I7528" t="s">
        <v>30540</v>
      </c>
    </row>
    <row r="7529" spans="1:9">
      <c r="A7529" s="1">
        <v>0.32534994475453338</v>
      </c>
      <c r="B7529" s="1"/>
      <c r="C7529">
        <v>3</v>
      </c>
      <c r="D7529" t="s">
        <v>19374</v>
      </c>
      <c r="E7529" t="s">
        <v>33084</v>
      </c>
      <c r="F7529">
        <v>4</v>
      </c>
      <c r="G7529" t="s">
        <v>13</v>
      </c>
      <c r="H7529" t="s">
        <v>19375</v>
      </c>
      <c r="I7529" t="s">
        <v>30540</v>
      </c>
    </row>
    <row r="7530" spans="1:9">
      <c r="A7530" s="1">
        <v>0.98560843407392851</v>
      </c>
      <c r="B7530" s="1"/>
      <c r="C7530">
        <v>15</v>
      </c>
      <c r="D7530" t="s">
        <v>19382</v>
      </c>
      <c r="E7530" t="s">
        <v>33084</v>
      </c>
      <c r="F7530">
        <v>4</v>
      </c>
      <c r="G7530" t="s">
        <v>14</v>
      </c>
      <c r="H7530" t="s">
        <v>19383</v>
      </c>
      <c r="I7530" t="s">
        <v>30540</v>
      </c>
    </row>
    <row r="7531" spans="1:9">
      <c r="A7531" s="1">
        <v>6.0668311166845235E-2</v>
      </c>
      <c r="B7531" s="1"/>
      <c r="C7531">
        <v>19</v>
      </c>
      <c r="D7531" t="s">
        <v>19386</v>
      </c>
      <c r="E7531" t="s">
        <v>33084</v>
      </c>
      <c r="F7531">
        <v>4</v>
      </c>
      <c r="G7531" t="s">
        <v>1</v>
      </c>
      <c r="H7531" t="s">
        <v>19387</v>
      </c>
      <c r="I7531" t="s">
        <v>30540</v>
      </c>
    </row>
    <row r="7532" spans="1:9">
      <c r="A7532" s="1">
        <v>0.15557466346812587</v>
      </c>
      <c r="B7532" s="1"/>
      <c r="C7532">
        <v>7</v>
      </c>
      <c r="D7532" t="s">
        <v>19376</v>
      </c>
      <c r="E7532" t="s">
        <v>33084</v>
      </c>
      <c r="F7532">
        <v>3</v>
      </c>
      <c r="G7532" t="s">
        <v>10</v>
      </c>
      <c r="H7532" t="s">
        <v>19377</v>
      </c>
      <c r="I7532" t="s">
        <v>30540</v>
      </c>
    </row>
    <row r="7533" spans="1:9">
      <c r="A7533" s="1">
        <v>0.29878244745311811</v>
      </c>
      <c r="B7533" s="1"/>
      <c r="C7533">
        <v>14</v>
      </c>
      <c r="D7533" t="s">
        <v>19368</v>
      </c>
      <c r="E7533" t="s">
        <v>33085</v>
      </c>
      <c r="F7533">
        <v>5</v>
      </c>
      <c r="G7533" t="s">
        <v>14</v>
      </c>
      <c r="H7533" t="s">
        <v>19369</v>
      </c>
      <c r="I7533" t="s">
        <v>30540</v>
      </c>
    </row>
    <row r="7534" spans="1:9">
      <c r="A7534" s="1">
        <v>0.74730214988856181</v>
      </c>
      <c r="B7534" s="1"/>
      <c r="C7534">
        <v>17</v>
      </c>
      <c r="D7534" t="s">
        <v>19370</v>
      </c>
      <c r="E7534" t="s">
        <v>33085</v>
      </c>
      <c r="F7534">
        <v>5</v>
      </c>
      <c r="G7534" t="s">
        <v>14</v>
      </c>
      <c r="H7534" t="s">
        <v>19371</v>
      </c>
      <c r="I7534" t="s">
        <v>30540</v>
      </c>
    </row>
    <row r="7535" spans="1:9">
      <c r="A7535" s="1">
        <v>0.62954790578191189</v>
      </c>
      <c r="B7535" s="1"/>
      <c r="C7535">
        <v>6</v>
      </c>
      <c r="D7535" t="s">
        <v>19364</v>
      </c>
      <c r="E7535" t="s">
        <v>33085</v>
      </c>
      <c r="F7535">
        <v>4</v>
      </c>
      <c r="G7535" t="s">
        <v>10</v>
      </c>
      <c r="H7535" t="s">
        <v>19365</v>
      </c>
      <c r="I7535" t="s">
        <v>30540</v>
      </c>
    </row>
    <row r="7536" spans="1:9">
      <c r="A7536" s="1">
        <v>0.33413004143602665</v>
      </c>
      <c r="B7536" s="1"/>
      <c r="C7536">
        <v>1</v>
      </c>
      <c r="D7536" t="s">
        <v>19360</v>
      </c>
      <c r="E7536" t="s">
        <v>33085</v>
      </c>
      <c r="F7536">
        <v>4</v>
      </c>
      <c r="G7536" t="s">
        <v>9</v>
      </c>
      <c r="H7536" t="s">
        <v>19361</v>
      </c>
      <c r="I7536" t="s">
        <v>30540</v>
      </c>
    </row>
    <row r="7537" spans="1:9">
      <c r="A7537" s="1">
        <v>0.29187210670520092</v>
      </c>
      <c r="B7537" s="1"/>
      <c r="C7537">
        <v>8</v>
      </c>
      <c r="D7537" t="s">
        <v>19366</v>
      </c>
      <c r="E7537" t="s">
        <v>33085</v>
      </c>
      <c r="F7537">
        <v>4</v>
      </c>
      <c r="G7537" t="s">
        <v>14</v>
      </c>
      <c r="H7537" t="s">
        <v>19367</v>
      </c>
      <c r="I7537" t="s">
        <v>30540</v>
      </c>
    </row>
    <row r="7538" spans="1:9">
      <c r="A7538" s="1">
        <v>0.14850915619397032</v>
      </c>
      <c r="B7538" s="1"/>
      <c r="C7538">
        <v>19</v>
      </c>
      <c r="D7538" t="s">
        <v>19372</v>
      </c>
      <c r="E7538" t="s">
        <v>33085</v>
      </c>
      <c r="F7538">
        <v>4</v>
      </c>
      <c r="G7538" t="s">
        <v>14</v>
      </c>
      <c r="H7538" t="s">
        <v>19373</v>
      </c>
      <c r="I7538" t="s">
        <v>30540</v>
      </c>
    </row>
    <row r="7539" spans="1:9">
      <c r="A7539" s="1">
        <v>0.28309349314112975</v>
      </c>
      <c r="B7539" s="1"/>
      <c r="C7539">
        <v>18</v>
      </c>
      <c r="D7539" t="s">
        <v>19358</v>
      </c>
      <c r="E7539" t="s">
        <v>33086</v>
      </c>
      <c r="F7539">
        <v>5</v>
      </c>
      <c r="G7539" t="s">
        <v>0</v>
      </c>
      <c r="H7539" t="s">
        <v>19359</v>
      </c>
      <c r="I7539" t="s">
        <v>30540</v>
      </c>
    </row>
    <row r="7540" spans="1:9">
      <c r="A7540" s="1">
        <v>0.40648603581138887</v>
      </c>
      <c r="B7540" s="1"/>
      <c r="C7540">
        <v>5</v>
      </c>
      <c r="D7540" t="s">
        <v>19350</v>
      </c>
      <c r="E7540" t="s">
        <v>33086</v>
      </c>
      <c r="F7540">
        <v>4</v>
      </c>
      <c r="G7540" t="s">
        <v>13</v>
      </c>
      <c r="H7540" t="s">
        <v>19351</v>
      </c>
      <c r="I7540" t="s">
        <v>30540</v>
      </c>
    </row>
    <row r="7541" spans="1:9">
      <c r="A7541" s="1">
        <v>0.46632947306796224</v>
      </c>
      <c r="B7541" s="1"/>
      <c r="C7541">
        <v>15</v>
      </c>
      <c r="D7541" t="s">
        <v>19356</v>
      </c>
      <c r="E7541" t="s">
        <v>33086</v>
      </c>
      <c r="F7541">
        <v>4</v>
      </c>
      <c r="G7541" t="s">
        <v>0</v>
      </c>
      <c r="H7541" t="s">
        <v>19357</v>
      </c>
      <c r="I7541" t="s">
        <v>30540</v>
      </c>
    </row>
    <row r="7542" spans="1:9">
      <c r="A7542" s="1">
        <v>0.70991403955895183</v>
      </c>
      <c r="B7542" s="1"/>
      <c r="C7542">
        <v>12</v>
      </c>
      <c r="D7542" t="s">
        <v>19354</v>
      </c>
      <c r="E7542" t="s">
        <v>33086</v>
      </c>
      <c r="F7542">
        <v>4</v>
      </c>
      <c r="G7542" t="s">
        <v>14</v>
      </c>
      <c r="H7542" t="s">
        <v>19355</v>
      </c>
      <c r="I7542" t="s">
        <v>30540</v>
      </c>
    </row>
    <row r="7543" spans="1:9">
      <c r="A7543" s="1">
        <v>0.51197463097325047</v>
      </c>
      <c r="B7543" s="1"/>
      <c r="C7543">
        <v>11</v>
      </c>
      <c r="D7543" t="s">
        <v>19352</v>
      </c>
      <c r="E7543" t="s">
        <v>33086</v>
      </c>
      <c r="F7543">
        <v>4</v>
      </c>
      <c r="G7543" t="s">
        <v>14</v>
      </c>
      <c r="H7543" t="s">
        <v>19353</v>
      </c>
      <c r="I7543" t="s">
        <v>30540</v>
      </c>
    </row>
    <row r="7544" spans="1:9">
      <c r="A7544" s="1">
        <v>0.2011126150100061</v>
      </c>
      <c r="B7544" s="1"/>
      <c r="C7544">
        <v>14</v>
      </c>
      <c r="D7544" t="s">
        <v>19346</v>
      </c>
      <c r="E7544" t="s">
        <v>33087</v>
      </c>
      <c r="F7544">
        <v>4</v>
      </c>
      <c r="G7544" t="s">
        <v>1</v>
      </c>
      <c r="H7544" t="s">
        <v>19347</v>
      </c>
      <c r="I7544" t="s">
        <v>30540</v>
      </c>
    </row>
    <row r="7545" spans="1:9">
      <c r="A7545" s="1">
        <v>0.67120214101256115</v>
      </c>
      <c r="B7545" s="1"/>
      <c r="C7545">
        <v>5</v>
      </c>
      <c r="D7545" t="s">
        <v>19340</v>
      </c>
      <c r="E7545" t="s">
        <v>33087</v>
      </c>
      <c r="F7545">
        <v>4</v>
      </c>
      <c r="G7545" t="s">
        <v>3732</v>
      </c>
      <c r="H7545" t="s">
        <v>19341</v>
      </c>
      <c r="I7545" t="s">
        <v>30540</v>
      </c>
    </row>
    <row r="7546" spans="1:9">
      <c r="A7546" s="1">
        <v>0.37601782188635424</v>
      </c>
      <c r="B7546" s="1"/>
      <c r="C7546">
        <v>19</v>
      </c>
      <c r="D7546" t="s">
        <v>19348</v>
      </c>
      <c r="E7546" t="s">
        <v>33087</v>
      </c>
      <c r="F7546">
        <v>4</v>
      </c>
      <c r="G7546" t="s">
        <v>14</v>
      </c>
      <c r="H7546" t="s">
        <v>19349</v>
      </c>
      <c r="I7546" t="s">
        <v>30540</v>
      </c>
    </row>
    <row r="7547" spans="1:9">
      <c r="A7547" s="1">
        <v>0.54972458219134912</v>
      </c>
      <c r="B7547" s="1"/>
      <c r="C7547">
        <v>8</v>
      </c>
      <c r="D7547" t="s">
        <v>19342</v>
      </c>
      <c r="E7547" t="s">
        <v>33087</v>
      </c>
      <c r="F7547">
        <v>4</v>
      </c>
      <c r="G7547" t="s">
        <v>14</v>
      </c>
      <c r="H7547" t="s">
        <v>19343</v>
      </c>
      <c r="I7547" t="s">
        <v>30540</v>
      </c>
    </row>
    <row r="7548" spans="1:9">
      <c r="A7548" s="1">
        <v>0.79189840882948981</v>
      </c>
      <c r="B7548" s="1"/>
      <c r="C7548">
        <v>9</v>
      </c>
      <c r="D7548" t="s">
        <v>19332</v>
      </c>
      <c r="E7548" t="s">
        <v>33088</v>
      </c>
      <c r="F7548">
        <v>5</v>
      </c>
      <c r="G7548" t="s">
        <v>0</v>
      </c>
      <c r="H7548" t="s">
        <v>19333</v>
      </c>
      <c r="I7548" t="s">
        <v>30540</v>
      </c>
    </row>
    <row r="7549" spans="1:9">
      <c r="A7549" s="1">
        <v>0.87810112122383188</v>
      </c>
      <c r="B7549" s="1"/>
      <c r="C7549">
        <v>16</v>
      </c>
      <c r="D7549" t="s">
        <v>19338</v>
      </c>
      <c r="E7549" t="s">
        <v>33088</v>
      </c>
      <c r="F7549">
        <v>4</v>
      </c>
      <c r="G7549" t="s">
        <v>0</v>
      </c>
      <c r="H7549" t="s">
        <v>19339</v>
      </c>
      <c r="I7549" t="s">
        <v>30540</v>
      </c>
    </row>
    <row r="7550" spans="1:9">
      <c r="A7550" s="1">
        <v>0.97037640132960734</v>
      </c>
      <c r="B7550" s="1"/>
      <c r="C7550">
        <v>12</v>
      </c>
      <c r="D7550" t="s">
        <v>19336</v>
      </c>
      <c r="E7550" t="s">
        <v>33088</v>
      </c>
      <c r="F7550">
        <v>4</v>
      </c>
      <c r="G7550" t="s">
        <v>13</v>
      </c>
      <c r="H7550" t="s">
        <v>19337</v>
      </c>
      <c r="I7550" t="s">
        <v>30540</v>
      </c>
    </row>
    <row r="7551" spans="1:9">
      <c r="A7551" s="1">
        <v>0.93968659246366659</v>
      </c>
      <c r="B7551" s="1"/>
      <c r="C7551">
        <v>11</v>
      </c>
      <c r="D7551" t="s">
        <v>19334</v>
      </c>
      <c r="E7551" t="s">
        <v>33088</v>
      </c>
      <c r="F7551">
        <v>4</v>
      </c>
      <c r="G7551" t="s">
        <v>14</v>
      </c>
      <c r="H7551" t="s">
        <v>19335</v>
      </c>
      <c r="I7551" t="s">
        <v>30540</v>
      </c>
    </row>
    <row r="7552" spans="1:9">
      <c r="A7552" s="1">
        <v>0.81699782123220976</v>
      </c>
      <c r="B7552" s="1"/>
      <c r="C7552">
        <v>1</v>
      </c>
      <c r="D7552" t="s">
        <v>19320</v>
      </c>
      <c r="E7552" t="s">
        <v>33089</v>
      </c>
      <c r="F7552">
        <v>5</v>
      </c>
      <c r="G7552" t="s">
        <v>10</v>
      </c>
      <c r="H7552" t="s">
        <v>19321</v>
      </c>
      <c r="I7552" t="s">
        <v>30540</v>
      </c>
    </row>
    <row r="7553" spans="1:9">
      <c r="A7553" s="1">
        <v>0.36730856661596645</v>
      </c>
      <c r="B7553" s="1"/>
      <c r="C7553">
        <v>20</v>
      </c>
      <c r="D7553" t="s">
        <v>19330</v>
      </c>
      <c r="E7553" t="s">
        <v>33089</v>
      </c>
      <c r="F7553">
        <v>4</v>
      </c>
      <c r="G7553" t="s">
        <v>14</v>
      </c>
      <c r="H7553" t="s">
        <v>19331</v>
      </c>
      <c r="I7553" t="s">
        <v>30540</v>
      </c>
    </row>
    <row r="7554" spans="1:9">
      <c r="A7554" s="1">
        <v>0.49210525329447197</v>
      </c>
      <c r="B7554" s="1"/>
      <c r="C7554">
        <v>16</v>
      </c>
      <c r="D7554" t="s">
        <v>19326</v>
      </c>
      <c r="E7554" t="s">
        <v>33089</v>
      </c>
      <c r="F7554">
        <v>4</v>
      </c>
      <c r="G7554" t="s">
        <v>14</v>
      </c>
      <c r="H7554" t="s">
        <v>19327</v>
      </c>
      <c r="I7554" t="s">
        <v>30540</v>
      </c>
    </row>
    <row r="7555" spans="1:9">
      <c r="A7555" s="1">
        <v>0.33328619616676558</v>
      </c>
      <c r="B7555" s="1"/>
      <c r="C7555">
        <v>19</v>
      </c>
      <c r="D7555" t="s">
        <v>19328</v>
      </c>
      <c r="E7555" t="s">
        <v>33089</v>
      </c>
      <c r="F7555">
        <v>4</v>
      </c>
      <c r="G7555" t="s">
        <v>0</v>
      </c>
      <c r="H7555" t="s">
        <v>19329</v>
      </c>
      <c r="I7555" t="s">
        <v>30540</v>
      </c>
    </row>
    <row r="7556" spans="1:9">
      <c r="A7556" s="1">
        <v>0.54641025640964258</v>
      </c>
      <c r="B7556" s="1"/>
      <c r="C7556">
        <v>4</v>
      </c>
      <c r="D7556" t="s">
        <v>19322</v>
      </c>
      <c r="E7556" t="s">
        <v>33089</v>
      </c>
      <c r="F7556">
        <v>4</v>
      </c>
      <c r="G7556" t="s">
        <v>1</v>
      </c>
      <c r="H7556" t="s">
        <v>19323</v>
      </c>
      <c r="I7556" t="s">
        <v>30540</v>
      </c>
    </row>
    <row r="7557" spans="1:9">
      <c r="A7557" s="1">
        <v>0.83194748260450302</v>
      </c>
      <c r="B7557" s="1"/>
      <c r="C7557">
        <v>15</v>
      </c>
      <c r="D7557" t="s">
        <v>19324</v>
      </c>
      <c r="E7557" t="s">
        <v>33089</v>
      </c>
      <c r="F7557">
        <v>4</v>
      </c>
      <c r="G7557" t="s">
        <v>14</v>
      </c>
      <c r="H7557" t="s">
        <v>19325</v>
      </c>
      <c r="I7557" t="s">
        <v>30540</v>
      </c>
    </row>
    <row r="7558" spans="1:9">
      <c r="A7558" s="1">
        <v>0.29403235850497633</v>
      </c>
      <c r="B7558" s="1"/>
      <c r="C7558">
        <v>1</v>
      </c>
      <c r="D7558" t="s">
        <v>19308</v>
      </c>
      <c r="E7558" t="s">
        <v>33090</v>
      </c>
      <c r="F7558">
        <v>5</v>
      </c>
      <c r="G7558" t="s">
        <v>9</v>
      </c>
      <c r="H7558" t="s">
        <v>19309</v>
      </c>
      <c r="I7558" t="s">
        <v>30540</v>
      </c>
    </row>
    <row r="7559" spans="1:9">
      <c r="A7559" s="1">
        <v>0.25707931327346756</v>
      </c>
      <c r="B7559" s="1"/>
      <c r="C7559">
        <v>11</v>
      </c>
      <c r="D7559" t="s">
        <v>19316</v>
      </c>
      <c r="E7559" t="s">
        <v>33090</v>
      </c>
      <c r="F7559">
        <v>4</v>
      </c>
      <c r="G7559" t="s">
        <v>13</v>
      </c>
      <c r="H7559" t="s">
        <v>19317</v>
      </c>
      <c r="I7559" t="s">
        <v>30540</v>
      </c>
    </row>
    <row r="7560" spans="1:9">
      <c r="A7560" s="1">
        <v>0.81366500452712998</v>
      </c>
      <c r="B7560" s="1"/>
      <c r="C7560">
        <v>12</v>
      </c>
      <c r="D7560" t="s">
        <v>19318</v>
      </c>
      <c r="E7560" t="s">
        <v>33090</v>
      </c>
      <c r="F7560">
        <v>4</v>
      </c>
      <c r="G7560" t="s">
        <v>14</v>
      </c>
      <c r="H7560" t="s">
        <v>19319</v>
      </c>
      <c r="I7560" t="s">
        <v>30540</v>
      </c>
    </row>
    <row r="7561" spans="1:9">
      <c r="A7561" s="1">
        <v>0.5777091224554135</v>
      </c>
      <c r="B7561" s="1"/>
      <c r="C7561">
        <v>4</v>
      </c>
      <c r="D7561" t="s">
        <v>19310</v>
      </c>
      <c r="E7561" t="s">
        <v>33090</v>
      </c>
      <c r="F7561">
        <v>4</v>
      </c>
      <c r="G7561" t="s">
        <v>2</v>
      </c>
      <c r="H7561" t="s">
        <v>19311</v>
      </c>
      <c r="I7561" t="s">
        <v>30540</v>
      </c>
    </row>
    <row r="7562" spans="1:9">
      <c r="A7562" s="1">
        <v>0.50254740536790687</v>
      </c>
      <c r="B7562" s="1"/>
      <c r="C7562">
        <v>5</v>
      </c>
      <c r="D7562" t="s">
        <v>19312</v>
      </c>
      <c r="E7562" t="s">
        <v>33090</v>
      </c>
      <c r="F7562">
        <v>4</v>
      </c>
      <c r="G7562" t="s">
        <v>14</v>
      </c>
      <c r="H7562" t="s">
        <v>19313</v>
      </c>
      <c r="I7562" t="s">
        <v>30540</v>
      </c>
    </row>
    <row r="7563" spans="1:9">
      <c r="A7563" s="1">
        <v>5.2092291943717228E-4</v>
      </c>
      <c r="B7563" s="1"/>
      <c r="C7563">
        <v>8</v>
      </c>
      <c r="D7563" t="s">
        <v>19314</v>
      </c>
      <c r="E7563" t="s">
        <v>33090</v>
      </c>
      <c r="F7563">
        <v>4</v>
      </c>
      <c r="G7563" t="s">
        <v>2</v>
      </c>
      <c r="H7563" t="s">
        <v>19315</v>
      </c>
      <c r="I7563" t="s">
        <v>30540</v>
      </c>
    </row>
    <row r="7564" spans="1:9">
      <c r="A7564" s="1">
        <v>0.81488161314038743</v>
      </c>
      <c r="B7564" s="1"/>
      <c r="C7564">
        <v>12</v>
      </c>
      <c r="D7564" t="s">
        <v>19302</v>
      </c>
      <c r="E7564" t="s">
        <v>33091</v>
      </c>
      <c r="F7564">
        <v>4</v>
      </c>
      <c r="G7564" t="s">
        <v>14</v>
      </c>
      <c r="H7564" t="s">
        <v>19303</v>
      </c>
      <c r="I7564" t="s">
        <v>30540</v>
      </c>
    </row>
    <row r="7565" spans="1:9">
      <c r="A7565" s="1">
        <v>0.69985267832553866</v>
      </c>
      <c r="B7565" s="1"/>
      <c r="C7565">
        <v>9</v>
      </c>
      <c r="D7565" t="s">
        <v>19300</v>
      </c>
      <c r="E7565" t="s">
        <v>33091</v>
      </c>
      <c r="F7565">
        <v>4</v>
      </c>
      <c r="G7565" t="s">
        <v>13</v>
      </c>
      <c r="H7565" t="s">
        <v>19301</v>
      </c>
      <c r="I7565" t="s">
        <v>30540</v>
      </c>
    </row>
    <row r="7566" spans="1:9">
      <c r="A7566" s="1">
        <v>0.46494829681683214</v>
      </c>
      <c r="B7566" s="1"/>
      <c r="C7566">
        <v>5</v>
      </c>
      <c r="D7566" t="s">
        <v>19296</v>
      </c>
      <c r="E7566" t="s">
        <v>33091</v>
      </c>
      <c r="F7566">
        <v>4</v>
      </c>
      <c r="G7566" t="s">
        <v>9</v>
      </c>
      <c r="H7566" t="s">
        <v>19297</v>
      </c>
      <c r="I7566" t="s">
        <v>30540</v>
      </c>
    </row>
    <row r="7567" spans="1:9">
      <c r="A7567" s="1">
        <v>0.32364874421787326</v>
      </c>
      <c r="B7567" s="1"/>
      <c r="C7567">
        <v>6</v>
      </c>
      <c r="D7567" t="s">
        <v>19298</v>
      </c>
      <c r="E7567" t="s">
        <v>33091</v>
      </c>
      <c r="F7567">
        <v>4</v>
      </c>
      <c r="G7567" t="s">
        <v>14</v>
      </c>
      <c r="H7567" t="s">
        <v>19299</v>
      </c>
      <c r="I7567" t="s">
        <v>30540</v>
      </c>
    </row>
    <row r="7568" spans="1:9">
      <c r="A7568" s="1">
        <v>0.60170114381924433</v>
      </c>
      <c r="B7568" s="1"/>
      <c r="C7568">
        <v>18</v>
      </c>
      <c r="D7568" t="s">
        <v>19306</v>
      </c>
      <c r="E7568" t="s">
        <v>33091</v>
      </c>
      <c r="F7568">
        <v>4</v>
      </c>
      <c r="G7568" t="s">
        <v>14</v>
      </c>
      <c r="H7568" t="s">
        <v>19307</v>
      </c>
      <c r="I7568" t="s">
        <v>30540</v>
      </c>
    </row>
    <row r="7569" spans="1:9">
      <c r="A7569" s="1">
        <v>0.89302940394839636</v>
      </c>
      <c r="B7569" s="1"/>
      <c r="C7569">
        <v>10</v>
      </c>
      <c r="D7569" t="s">
        <v>19286</v>
      </c>
      <c r="E7569" t="s">
        <v>33092</v>
      </c>
      <c r="F7569">
        <v>5</v>
      </c>
      <c r="G7569" t="s">
        <v>775</v>
      </c>
      <c r="H7569" t="s">
        <v>19287</v>
      </c>
      <c r="I7569" t="s">
        <v>30540</v>
      </c>
    </row>
    <row r="7570" spans="1:9">
      <c r="A7570" s="1">
        <v>0.73909938449896218</v>
      </c>
      <c r="B7570" s="1"/>
      <c r="C7570">
        <v>11</v>
      </c>
      <c r="D7570" t="s">
        <v>19288</v>
      </c>
      <c r="E7570" t="s">
        <v>33092</v>
      </c>
      <c r="F7570">
        <v>5</v>
      </c>
      <c r="G7570" t="s">
        <v>766</v>
      </c>
      <c r="H7570" t="s">
        <v>19289</v>
      </c>
      <c r="I7570" t="s">
        <v>30540</v>
      </c>
    </row>
    <row r="7571" spans="1:9">
      <c r="A7571" s="1">
        <v>0.26989498483850982</v>
      </c>
      <c r="B7571" s="1"/>
      <c r="C7571">
        <v>4</v>
      </c>
      <c r="D7571" t="s">
        <v>19284</v>
      </c>
      <c r="E7571" t="s">
        <v>33092</v>
      </c>
      <c r="F7571">
        <v>5</v>
      </c>
      <c r="G7571" t="s">
        <v>14</v>
      </c>
      <c r="H7571" t="s">
        <v>19285</v>
      </c>
      <c r="I7571" t="s">
        <v>30540</v>
      </c>
    </row>
    <row r="7572" spans="1:9">
      <c r="A7572" s="1">
        <v>0.37308698563220744</v>
      </c>
      <c r="B7572" s="1"/>
      <c r="C7572">
        <v>16</v>
      </c>
      <c r="D7572" t="s">
        <v>19292</v>
      </c>
      <c r="E7572" t="s">
        <v>33092</v>
      </c>
      <c r="F7572">
        <v>4</v>
      </c>
      <c r="G7572" t="s">
        <v>14</v>
      </c>
      <c r="H7572" t="s">
        <v>19293</v>
      </c>
      <c r="I7572" t="s">
        <v>30540</v>
      </c>
    </row>
    <row r="7573" spans="1:9">
      <c r="A7573" s="1">
        <v>3.8154151942243475E-2</v>
      </c>
      <c r="B7573" s="1"/>
      <c r="C7573">
        <v>20</v>
      </c>
      <c r="D7573" t="s">
        <v>19294</v>
      </c>
      <c r="E7573" t="s">
        <v>33092</v>
      </c>
      <c r="F7573">
        <v>4</v>
      </c>
      <c r="G7573" t="s">
        <v>762</v>
      </c>
      <c r="H7573" t="s">
        <v>19295</v>
      </c>
      <c r="I7573" t="s">
        <v>30540</v>
      </c>
    </row>
    <row r="7574" spans="1:9">
      <c r="A7574" s="1">
        <v>0.57301735892694072</v>
      </c>
      <c r="B7574" s="1"/>
      <c r="C7574">
        <v>12</v>
      </c>
      <c r="D7574" t="s">
        <v>19290</v>
      </c>
      <c r="E7574" t="s">
        <v>33092</v>
      </c>
      <c r="F7574">
        <v>3</v>
      </c>
      <c r="G7574" t="s">
        <v>14</v>
      </c>
      <c r="H7574" t="s">
        <v>19291</v>
      </c>
      <c r="I7574" t="s">
        <v>30540</v>
      </c>
    </row>
    <row r="7575" spans="1:9">
      <c r="A7575" s="1">
        <v>0.7118866807184373</v>
      </c>
      <c r="B7575" s="1"/>
      <c r="C7575">
        <v>1</v>
      </c>
      <c r="D7575" t="s">
        <v>19280</v>
      </c>
      <c r="E7575" t="s">
        <v>33092</v>
      </c>
      <c r="F7575">
        <v>3</v>
      </c>
      <c r="G7575" t="s">
        <v>2</v>
      </c>
      <c r="H7575" t="s">
        <v>19281</v>
      </c>
      <c r="I7575" t="s">
        <v>30540</v>
      </c>
    </row>
    <row r="7576" spans="1:9">
      <c r="A7576" s="1">
        <v>0.70173428548205119</v>
      </c>
      <c r="B7576" s="1"/>
      <c r="C7576">
        <v>12</v>
      </c>
      <c r="D7576" t="s">
        <v>19276</v>
      </c>
      <c r="E7576" t="s">
        <v>33093</v>
      </c>
      <c r="F7576">
        <v>4</v>
      </c>
      <c r="G7576" t="s">
        <v>14</v>
      </c>
      <c r="H7576" t="s">
        <v>19277</v>
      </c>
      <c r="I7576" t="s">
        <v>30540</v>
      </c>
    </row>
    <row r="7577" spans="1:9">
      <c r="A7577" s="1">
        <v>0.99597461184784442</v>
      </c>
      <c r="B7577" s="1"/>
      <c r="C7577">
        <v>1</v>
      </c>
      <c r="D7577" t="s">
        <v>19270</v>
      </c>
      <c r="E7577" t="s">
        <v>33093</v>
      </c>
      <c r="F7577">
        <v>4</v>
      </c>
      <c r="G7577" t="s">
        <v>2</v>
      </c>
      <c r="H7577" t="s">
        <v>19271</v>
      </c>
      <c r="I7577" t="s">
        <v>30540</v>
      </c>
    </row>
    <row r="7578" spans="1:9">
      <c r="A7578" s="1">
        <v>0.74615395819807695</v>
      </c>
      <c r="B7578" s="1"/>
      <c r="C7578">
        <v>2</v>
      </c>
      <c r="D7578" t="s">
        <v>19272</v>
      </c>
      <c r="E7578" t="s">
        <v>33093</v>
      </c>
      <c r="F7578">
        <v>4</v>
      </c>
      <c r="G7578" t="s">
        <v>15</v>
      </c>
      <c r="H7578" t="s">
        <v>19273</v>
      </c>
      <c r="I7578" t="s">
        <v>30540</v>
      </c>
    </row>
    <row r="7579" spans="1:9">
      <c r="A7579" s="1">
        <v>0.69195559705224952</v>
      </c>
      <c r="B7579" s="1"/>
      <c r="C7579">
        <v>15</v>
      </c>
      <c r="D7579" t="s">
        <v>19278</v>
      </c>
      <c r="E7579" t="s">
        <v>33093</v>
      </c>
      <c r="F7579">
        <v>3</v>
      </c>
      <c r="G7579" t="s">
        <v>14</v>
      </c>
      <c r="H7579" t="s">
        <v>19279</v>
      </c>
      <c r="I7579" t="s">
        <v>30540</v>
      </c>
    </row>
    <row r="7580" spans="1:9">
      <c r="A7580" s="1">
        <v>0.76862096421148873</v>
      </c>
      <c r="B7580" s="1"/>
      <c r="C7580">
        <v>20</v>
      </c>
      <c r="D7580" t="s">
        <v>19268</v>
      </c>
      <c r="E7580" t="s">
        <v>33094</v>
      </c>
      <c r="F7580">
        <v>5</v>
      </c>
      <c r="G7580" t="s">
        <v>14</v>
      </c>
      <c r="H7580" t="s">
        <v>19269</v>
      </c>
      <c r="I7580" t="s">
        <v>30540</v>
      </c>
    </row>
    <row r="7581" spans="1:9">
      <c r="A7581" s="1">
        <v>0.16576844060142781</v>
      </c>
      <c r="B7581" s="1"/>
      <c r="C7581">
        <v>17</v>
      </c>
      <c r="D7581" t="s">
        <v>19266</v>
      </c>
      <c r="E7581" t="s">
        <v>33094</v>
      </c>
      <c r="F7581">
        <v>4</v>
      </c>
      <c r="G7581" t="s">
        <v>14</v>
      </c>
      <c r="H7581" t="s">
        <v>19267</v>
      </c>
      <c r="I7581" t="s">
        <v>30540</v>
      </c>
    </row>
    <row r="7582" spans="1:9">
      <c r="A7582" s="1">
        <v>0.34670171887782575</v>
      </c>
      <c r="B7582" s="1"/>
      <c r="C7582">
        <v>10</v>
      </c>
      <c r="D7582" t="s">
        <v>19264</v>
      </c>
      <c r="E7582" t="s">
        <v>33094</v>
      </c>
      <c r="F7582">
        <v>4</v>
      </c>
      <c r="G7582" t="s">
        <v>13</v>
      </c>
      <c r="H7582" t="s">
        <v>19265</v>
      </c>
      <c r="I7582" t="s">
        <v>30540</v>
      </c>
    </row>
    <row r="7583" spans="1:9">
      <c r="A7583" s="1">
        <v>0.19201011806118495</v>
      </c>
      <c r="B7583" s="1"/>
      <c r="C7583">
        <v>9</v>
      </c>
      <c r="D7583" t="s">
        <v>19262</v>
      </c>
      <c r="E7583" t="s">
        <v>33094</v>
      </c>
      <c r="F7583">
        <v>3</v>
      </c>
      <c r="G7583" t="s">
        <v>14</v>
      </c>
      <c r="H7583" t="s">
        <v>19263</v>
      </c>
      <c r="I7583" t="s">
        <v>30540</v>
      </c>
    </row>
    <row r="7584" spans="1:9">
      <c r="A7584" s="1">
        <v>7.9608292538398739E-2</v>
      </c>
      <c r="B7584" s="1"/>
      <c r="C7584">
        <v>3</v>
      </c>
      <c r="D7584" t="s">
        <v>19254</v>
      </c>
      <c r="E7584" t="s">
        <v>33095</v>
      </c>
      <c r="F7584">
        <v>5</v>
      </c>
      <c r="G7584" t="s">
        <v>10</v>
      </c>
      <c r="H7584" t="s">
        <v>19255</v>
      </c>
      <c r="I7584" t="s">
        <v>30540</v>
      </c>
    </row>
    <row r="7585" spans="1:9">
      <c r="A7585" s="1">
        <v>0.67089004167196864</v>
      </c>
      <c r="B7585" s="1"/>
      <c r="C7585">
        <v>14</v>
      </c>
      <c r="D7585" t="s">
        <v>19260</v>
      </c>
      <c r="E7585" t="s">
        <v>33095</v>
      </c>
      <c r="F7585">
        <v>4</v>
      </c>
      <c r="G7585" t="s">
        <v>9</v>
      </c>
      <c r="H7585" t="s">
        <v>19261</v>
      </c>
      <c r="I7585" t="s">
        <v>30540</v>
      </c>
    </row>
    <row r="7586" spans="1:9">
      <c r="A7586" s="1">
        <v>0.94541266865358897</v>
      </c>
      <c r="B7586" s="1"/>
      <c r="C7586">
        <v>12</v>
      </c>
      <c r="D7586" t="s">
        <v>19258</v>
      </c>
      <c r="E7586" t="s">
        <v>33095</v>
      </c>
      <c r="F7586">
        <v>4</v>
      </c>
      <c r="G7586" t="s">
        <v>1</v>
      </c>
      <c r="H7586" t="s">
        <v>19259</v>
      </c>
      <c r="I7586" t="s">
        <v>30540</v>
      </c>
    </row>
    <row r="7587" spans="1:9">
      <c r="A7587" s="1">
        <v>0.47248867549056939</v>
      </c>
      <c r="B7587" s="1"/>
      <c r="C7587">
        <v>11</v>
      </c>
      <c r="D7587" t="s">
        <v>19256</v>
      </c>
      <c r="E7587" t="s">
        <v>33095</v>
      </c>
      <c r="F7587">
        <v>4</v>
      </c>
      <c r="G7587" t="s">
        <v>14</v>
      </c>
      <c r="H7587" t="s">
        <v>19257</v>
      </c>
      <c r="I7587" t="s">
        <v>30540</v>
      </c>
    </row>
    <row r="7588" spans="1:9">
      <c r="A7588" s="1">
        <v>0.32188870378061996</v>
      </c>
      <c r="B7588" s="1"/>
      <c r="C7588">
        <v>2</v>
      </c>
      <c r="D7588" t="s">
        <v>19252</v>
      </c>
      <c r="E7588" t="s">
        <v>33095</v>
      </c>
      <c r="F7588">
        <v>4</v>
      </c>
      <c r="G7588" t="s">
        <v>14</v>
      </c>
      <c r="H7588" t="s">
        <v>19253</v>
      </c>
      <c r="I7588" t="s">
        <v>30540</v>
      </c>
    </row>
    <row r="7589" spans="1:9">
      <c r="A7589" s="1">
        <v>0.83018287067989527</v>
      </c>
      <c r="B7589" s="1"/>
      <c r="C7589">
        <v>3</v>
      </c>
      <c r="D7589" t="s">
        <v>19236</v>
      </c>
      <c r="E7589" t="s">
        <v>33096</v>
      </c>
      <c r="F7589">
        <v>5</v>
      </c>
      <c r="G7589" t="s">
        <v>10</v>
      </c>
      <c r="H7589" t="s">
        <v>19237</v>
      </c>
      <c r="I7589" t="s">
        <v>30540</v>
      </c>
    </row>
    <row r="7590" spans="1:9">
      <c r="A7590" s="1">
        <v>0.58940140670415087</v>
      </c>
      <c r="B7590" s="1"/>
      <c r="C7590">
        <v>4</v>
      </c>
      <c r="D7590" t="s">
        <v>19238</v>
      </c>
      <c r="E7590" t="s">
        <v>33096</v>
      </c>
      <c r="F7590">
        <v>5</v>
      </c>
      <c r="G7590" t="s">
        <v>14</v>
      </c>
      <c r="H7590" t="s">
        <v>19239</v>
      </c>
      <c r="I7590" t="s">
        <v>30540</v>
      </c>
    </row>
    <row r="7591" spans="1:9">
      <c r="A7591" s="1">
        <v>0.48904504452505404</v>
      </c>
      <c r="B7591" s="1"/>
      <c r="C7591">
        <v>7</v>
      </c>
      <c r="D7591" t="s">
        <v>19242</v>
      </c>
      <c r="E7591" t="s">
        <v>33096</v>
      </c>
      <c r="F7591">
        <v>4</v>
      </c>
      <c r="G7591" t="s">
        <v>13</v>
      </c>
      <c r="H7591" t="s">
        <v>19243</v>
      </c>
      <c r="I7591" t="s">
        <v>30540</v>
      </c>
    </row>
    <row r="7592" spans="1:9">
      <c r="A7592" s="1">
        <v>0.38652444294537447</v>
      </c>
      <c r="B7592" s="1"/>
      <c r="C7592">
        <v>5</v>
      </c>
      <c r="D7592" t="s">
        <v>19240</v>
      </c>
      <c r="E7592" t="s">
        <v>33096</v>
      </c>
      <c r="F7592">
        <v>4</v>
      </c>
      <c r="G7592" t="s">
        <v>13</v>
      </c>
      <c r="H7592" t="s">
        <v>19241</v>
      </c>
      <c r="I7592" t="s">
        <v>30540</v>
      </c>
    </row>
    <row r="7593" spans="1:9">
      <c r="A7593" s="1">
        <v>0.87398916803515447</v>
      </c>
      <c r="B7593" s="1"/>
      <c r="C7593">
        <v>18</v>
      </c>
      <c r="D7593" t="s">
        <v>19248</v>
      </c>
      <c r="E7593" t="s">
        <v>33096</v>
      </c>
      <c r="F7593">
        <v>4</v>
      </c>
      <c r="G7593" t="s">
        <v>14</v>
      </c>
      <c r="H7593" t="s">
        <v>19249</v>
      </c>
      <c r="I7593" t="s">
        <v>30540</v>
      </c>
    </row>
    <row r="7594" spans="1:9">
      <c r="A7594" s="1">
        <v>1.1847371012649988E-2</v>
      </c>
      <c r="B7594" s="1"/>
      <c r="C7594">
        <v>1</v>
      </c>
      <c r="D7594" t="s">
        <v>19234</v>
      </c>
      <c r="E7594" t="s">
        <v>33096</v>
      </c>
      <c r="F7594">
        <v>4</v>
      </c>
      <c r="G7594" t="s">
        <v>2</v>
      </c>
      <c r="H7594" t="s">
        <v>19235</v>
      </c>
      <c r="I7594" t="s">
        <v>30540</v>
      </c>
    </row>
    <row r="7595" spans="1:9">
      <c r="A7595" s="1">
        <v>0.72589488625780629</v>
      </c>
      <c r="B7595" s="1"/>
      <c r="C7595">
        <v>15</v>
      </c>
      <c r="D7595" t="s">
        <v>19246</v>
      </c>
      <c r="E7595" t="s">
        <v>33096</v>
      </c>
      <c r="F7595">
        <v>4</v>
      </c>
      <c r="G7595" t="s">
        <v>14</v>
      </c>
      <c r="H7595" t="s">
        <v>19247</v>
      </c>
      <c r="I7595" t="s">
        <v>30540</v>
      </c>
    </row>
    <row r="7596" spans="1:9">
      <c r="A7596" s="1">
        <v>0.70520080519977002</v>
      </c>
      <c r="B7596" s="1"/>
      <c r="C7596">
        <v>20</v>
      </c>
      <c r="D7596" t="s">
        <v>19250</v>
      </c>
      <c r="E7596" t="s">
        <v>33096</v>
      </c>
      <c r="F7596">
        <v>4</v>
      </c>
      <c r="G7596" t="s">
        <v>13</v>
      </c>
      <c r="H7596" t="s">
        <v>19251</v>
      </c>
      <c r="I7596" t="s">
        <v>30540</v>
      </c>
    </row>
    <row r="7597" spans="1:9">
      <c r="A7597" s="1">
        <v>6.5097016332732016E-2</v>
      </c>
      <c r="B7597" s="1"/>
      <c r="C7597">
        <v>13</v>
      </c>
      <c r="D7597" t="s">
        <v>19244</v>
      </c>
      <c r="E7597" t="s">
        <v>33096</v>
      </c>
      <c r="F7597">
        <v>3</v>
      </c>
      <c r="G7597" t="s">
        <v>1</v>
      </c>
      <c r="H7597" t="s">
        <v>19245</v>
      </c>
      <c r="I7597" t="s">
        <v>30540</v>
      </c>
    </row>
    <row r="7598" spans="1:9">
      <c r="A7598" s="1">
        <v>0.30161211249188846</v>
      </c>
      <c r="B7598" s="1"/>
      <c r="C7598">
        <v>3</v>
      </c>
      <c r="D7598" t="s">
        <v>19226</v>
      </c>
      <c r="E7598" t="s">
        <v>33097</v>
      </c>
      <c r="F7598">
        <v>4</v>
      </c>
      <c r="G7598" t="s">
        <v>762</v>
      </c>
      <c r="H7598" t="s">
        <v>19227</v>
      </c>
      <c r="I7598" t="s">
        <v>30540</v>
      </c>
    </row>
    <row r="7599" spans="1:9">
      <c r="A7599" s="1">
        <v>0.48086976148579363</v>
      </c>
      <c r="B7599" s="1"/>
      <c r="C7599">
        <v>5</v>
      </c>
      <c r="D7599" t="s">
        <v>19228</v>
      </c>
      <c r="E7599" t="s">
        <v>33097</v>
      </c>
      <c r="F7599">
        <v>4</v>
      </c>
      <c r="G7599" t="s">
        <v>15</v>
      </c>
      <c r="H7599" t="s">
        <v>19229</v>
      </c>
      <c r="I7599" t="s">
        <v>30540</v>
      </c>
    </row>
    <row r="7600" spans="1:9">
      <c r="A7600" s="1">
        <v>0.13254080561744508</v>
      </c>
      <c r="B7600" s="1"/>
      <c r="C7600">
        <v>11</v>
      </c>
      <c r="D7600" t="s">
        <v>19232</v>
      </c>
      <c r="E7600" t="s">
        <v>33097</v>
      </c>
      <c r="F7600">
        <v>4</v>
      </c>
      <c r="G7600" t="s">
        <v>1431</v>
      </c>
      <c r="H7600" t="s">
        <v>19233</v>
      </c>
      <c r="I7600" t="s">
        <v>30540</v>
      </c>
    </row>
    <row r="7601" spans="1:9">
      <c r="A7601" s="1">
        <v>0.21592152238266726</v>
      </c>
      <c r="B7601" s="1"/>
      <c r="C7601">
        <v>8</v>
      </c>
      <c r="D7601" t="s">
        <v>19230</v>
      </c>
      <c r="E7601" t="s">
        <v>33097</v>
      </c>
      <c r="F7601">
        <v>4</v>
      </c>
      <c r="G7601" t="s">
        <v>3732</v>
      </c>
      <c r="H7601" t="s">
        <v>19231</v>
      </c>
      <c r="I7601" t="s">
        <v>30540</v>
      </c>
    </row>
    <row r="7602" spans="1:9">
      <c r="A7602" s="1">
        <v>0.82383102307820311</v>
      </c>
      <c r="B7602" s="1"/>
      <c r="C7602">
        <v>1</v>
      </c>
      <c r="D7602" t="s">
        <v>19218</v>
      </c>
      <c r="E7602" t="s">
        <v>33098</v>
      </c>
      <c r="F7602">
        <v>5</v>
      </c>
      <c r="G7602" t="s">
        <v>2</v>
      </c>
      <c r="H7602" t="s">
        <v>19219</v>
      </c>
      <c r="I7602" t="s">
        <v>30540</v>
      </c>
    </row>
    <row r="7603" spans="1:9">
      <c r="A7603" s="1">
        <v>0.81161364384485724</v>
      </c>
      <c r="B7603" s="1"/>
      <c r="C7603">
        <v>2</v>
      </c>
      <c r="D7603" t="s">
        <v>19220</v>
      </c>
      <c r="E7603" t="s">
        <v>33098</v>
      </c>
      <c r="F7603">
        <v>5</v>
      </c>
      <c r="G7603" t="s">
        <v>13</v>
      </c>
      <c r="H7603" t="s">
        <v>19221</v>
      </c>
      <c r="I7603" t="s">
        <v>30540</v>
      </c>
    </row>
    <row r="7604" spans="1:9">
      <c r="A7604" s="1">
        <v>0.55064361009535279</v>
      </c>
      <c r="B7604" s="1"/>
      <c r="C7604">
        <v>12</v>
      </c>
      <c r="D7604" t="s">
        <v>19222</v>
      </c>
      <c r="E7604" t="s">
        <v>33098</v>
      </c>
      <c r="F7604">
        <v>4</v>
      </c>
      <c r="G7604" t="s">
        <v>14</v>
      </c>
      <c r="H7604" t="s">
        <v>19223</v>
      </c>
      <c r="I7604" t="s">
        <v>30540</v>
      </c>
    </row>
    <row r="7605" spans="1:9">
      <c r="A7605" s="1">
        <v>0.91922775816542723</v>
      </c>
      <c r="B7605" s="1"/>
      <c r="C7605">
        <v>16</v>
      </c>
      <c r="D7605" t="s">
        <v>19224</v>
      </c>
      <c r="E7605" t="s">
        <v>33098</v>
      </c>
      <c r="F7605">
        <v>4</v>
      </c>
      <c r="G7605" t="s">
        <v>14</v>
      </c>
      <c r="H7605" t="s">
        <v>19225</v>
      </c>
      <c r="I7605" t="s">
        <v>30540</v>
      </c>
    </row>
    <row r="7606" spans="1:9">
      <c r="A7606" s="1">
        <v>0.12806556792851054</v>
      </c>
      <c r="B7606" s="1"/>
      <c r="C7606">
        <v>2</v>
      </c>
      <c r="D7606" t="s">
        <v>19202</v>
      </c>
      <c r="E7606" t="s">
        <v>33099</v>
      </c>
      <c r="F7606">
        <v>4</v>
      </c>
      <c r="G7606" t="s">
        <v>10</v>
      </c>
      <c r="H7606" t="s">
        <v>19203</v>
      </c>
      <c r="I7606" t="s">
        <v>30540</v>
      </c>
    </row>
    <row r="7607" spans="1:9">
      <c r="A7607" s="1">
        <v>0.95978056444511906</v>
      </c>
      <c r="B7607" s="1"/>
      <c r="C7607">
        <v>1</v>
      </c>
      <c r="D7607" t="s">
        <v>19200</v>
      </c>
      <c r="E7607" t="s">
        <v>33099</v>
      </c>
      <c r="F7607">
        <v>4</v>
      </c>
      <c r="G7607" t="s">
        <v>2</v>
      </c>
      <c r="H7607" t="s">
        <v>19201</v>
      </c>
      <c r="I7607" t="s">
        <v>30540</v>
      </c>
    </row>
    <row r="7608" spans="1:9">
      <c r="A7608" s="1">
        <v>0.80881076793288187</v>
      </c>
      <c r="B7608" s="1"/>
      <c r="C7608">
        <v>6</v>
      </c>
      <c r="D7608" t="s">
        <v>19206</v>
      </c>
      <c r="E7608" t="s">
        <v>33099</v>
      </c>
      <c r="F7608">
        <v>4</v>
      </c>
      <c r="G7608" t="s">
        <v>14</v>
      </c>
      <c r="H7608" t="s">
        <v>19207</v>
      </c>
      <c r="I7608" t="s">
        <v>30540</v>
      </c>
    </row>
    <row r="7609" spans="1:9">
      <c r="A7609" s="1">
        <v>0.88237100926057577</v>
      </c>
      <c r="B7609" s="1"/>
      <c r="C7609">
        <v>9</v>
      </c>
      <c r="D7609" t="s">
        <v>19210</v>
      </c>
      <c r="E7609" t="s">
        <v>33099</v>
      </c>
      <c r="F7609">
        <v>4</v>
      </c>
      <c r="G7609" t="s">
        <v>14</v>
      </c>
      <c r="H7609" t="s">
        <v>19211</v>
      </c>
      <c r="I7609" t="s">
        <v>30540</v>
      </c>
    </row>
    <row r="7610" spans="1:9">
      <c r="A7610" s="1">
        <v>0.66536541243733582</v>
      </c>
      <c r="B7610" s="1"/>
      <c r="C7610">
        <v>5</v>
      </c>
      <c r="D7610" t="s">
        <v>19204</v>
      </c>
      <c r="E7610" t="s">
        <v>33099</v>
      </c>
      <c r="F7610">
        <v>4</v>
      </c>
      <c r="G7610" t="s">
        <v>10</v>
      </c>
      <c r="H7610" t="s">
        <v>19205</v>
      </c>
      <c r="I7610" t="s">
        <v>30540</v>
      </c>
    </row>
    <row r="7611" spans="1:9">
      <c r="A7611" s="1">
        <v>0.80440829372511802</v>
      </c>
      <c r="B7611" s="1"/>
      <c r="C7611">
        <v>12</v>
      </c>
      <c r="D7611" t="s">
        <v>19212</v>
      </c>
      <c r="E7611" t="s">
        <v>33099</v>
      </c>
      <c r="F7611">
        <v>4</v>
      </c>
      <c r="G7611" t="s">
        <v>14</v>
      </c>
      <c r="H7611" t="s">
        <v>19213</v>
      </c>
      <c r="I7611" t="s">
        <v>30540</v>
      </c>
    </row>
    <row r="7612" spans="1:9">
      <c r="A7612" s="1">
        <v>0.27888552287827895</v>
      </c>
      <c r="B7612" s="1"/>
      <c r="C7612">
        <v>17</v>
      </c>
      <c r="D7612" t="s">
        <v>19216</v>
      </c>
      <c r="E7612" t="s">
        <v>33099</v>
      </c>
      <c r="F7612">
        <v>4</v>
      </c>
      <c r="G7612" t="s">
        <v>9</v>
      </c>
      <c r="H7612" t="s">
        <v>19217</v>
      </c>
      <c r="I7612" t="s">
        <v>30540</v>
      </c>
    </row>
    <row r="7613" spans="1:9">
      <c r="A7613" s="1">
        <v>0.30251248605569325</v>
      </c>
      <c r="B7613" s="1"/>
      <c r="C7613">
        <v>7</v>
      </c>
      <c r="D7613" t="s">
        <v>19192</v>
      </c>
      <c r="E7613" t="s">
        <v>33100</v>
      </c>
      <c r="F7613">
        <v>5</v>
      </c>
      <c r="G7613" t="s">
        <v>2</v>
      </c>
      <c r="H7613" t="s">
        <v>19193</v>
      </c>
      <c r="I7613" t="s">
        <v>30540</v>
      </c>
    </row>
    <row r="7614" spans="1:9">
      <c r="A7614" s="1">
        <v>0.34430852638544451</v>
      </c>
      <c r="B7614" s="1"/>
      <c r="C7614">
        <v>6</v>
      </c>
      <c r="D7614" t="s">
        <v>19190</v>
      </c>
      <c r="E7614" t="s">
        <v>33100</v>
      </c>
      <c r="F7614">
        <v>4</v>
      </c>
      <c r="G7614" t="s">
        <v>14</v>
      </c>
      <c r="H7614" t="s">
        <v>19191</v>
      </c>
      <c r="I7614" t="s">
        <v>30540</v>
      </c>
    </row>
    <row r="7615" spans="1:9">
      <c r="A7615" s="1">
        <v>0.26122034227809521</v>
      </c>
      <c r="B7615" s="1"/>
      <c r="C7615">
        <v>2</v>
      </c>
      <c r="D7615" t="s">
        <v>19188</v>
      </c>
      <c r="E7615" t="s">
        <v>33100</v>
      </c>
      <c r="F7615">
        <v>4</v>
      </c>
      <c r="G7615" t="s">
        <v>10</v>
      </c>
      <c r="H7615" t="s">
        <v>19189</v>
      </c>
      <c r="I7615" t="s">
        <v>30540</v>
      </c>
    </row>
    <row r="7616" spans="1:9">
      <c r="A7616" s="1">
        <v>0.78175550375568015</v>
      </c>
      <c r="B7616" s="1"/>
      <c r="C7616">
        <v>20</v>
      </c>
      <c r="D7616" t="s">
        <v>19198</v>
      </c>
      <c r="E7616" t="s">
        <v>33100</v>
      </c>
      <c r="F7616">
        <v>4</v>
      </c>
      <c r="G7616" t="s">
        <v>14</v>
      </c>
      <c r="H7616" t="s">
        <v>19199</v>
      </c>
      <c r="I7616" t="s">
        <v>30540</v>
      </c>
    </row>
    <row r="7617" spans="1:9">
      <c r="A7617" s="1">
        <v>0.34172585396246802</v>
      </c>
      <c r="B7617" s="1"/>
      <c r="C7617">
        <v>14</v>
      </c>
      <c r="D7617" t="s">
        <v>19194</v>
      </c>
      <c r="E7617" t="s">
        <v>33100</v>
      </c>
      <c r="F7617">
        <v>4</v>
      </c>
      <c r="G7617" t="s">
        <v>14</v>
      </c>
      <c r="H7617" t="s">
        <v>19195</v>
      </c>
      <c r="I7617" t="s">
        <v>30540</v>
      </c>
    </row>
    <row r="7618" spans="1:9">
      <c r="A7618" s="1">
        <v>0.70751176005164351</v>
      </c>
      <c r="B7618" s="1"/>
      <c r="C7618">
        <v>18</v>
      </c>
      <c r="D7618" t="s">
        <v>19196</v>
      </c>
      <c r="E7618" t="s">
        <v>33100</v>
      </c>
      <c r="F7618">
        <v>3</v>
      </c>
      <c r="G7618" t="s">
        <v>14</v>
      </c>
      <c r="H7618" t="s">
        <v>19197</v>
      </c>
      <c r="I7618" t="s">
        <v>30540</v>
      </c>
    </row>
    <row r="7619" spans="1:9">
      <c r="A7619" s="1">
        <v>0.33757111578376464</v>
      </c>
      <c r="B7619" s="1"/>
      <c r="C7619">
        <v>5</v>
      </c>
      <c r="D7619" t="s">
        <v>19178</v>
      </c>
      <c r="E7619" t="s">
        <v>33101</v>
      </c>
      <c r="F7619">
        <v>5</v>
      </c>
      <c r="G7619" t="s">
        <v>14</v>
      </c>
      <c r="H7619" t="s">
        <v>19179</v>
      </c>
      <c r="I7619" t="s">
        <v>30540</v>
      </c>
    </row>
    <row r="7620" spans="1:9">
      <c r="A7620" s="1">
        <v>0.46577554237187468</v>
      </c>
      <c r="B7620" s="1"/>
      <c r="C7620">
        <v>1</v>
      </c>
      <c r="D7620" t="s">
        <v>19176</v>
      </c>
      <c r="E7620" t="s">
        <v>33101</v>
      </c>
      <c r="F7620">
        <v>5</v>
      </c>
      <c r="G7620" t="s">
        <v>10</v>
      </c>
      <c r="H7620" t="s">
        <v>19177</v>
      </c>
      <c r="I7620" t="s">
        <v>30540</v>
      </c>
    </row>
    <row r="7621" spans="1:9">
      <c r="A7621" s="1">
        <v>0.35539268592601014</v>
      </c>
      <c r="B7621" s="1"/>
      <c r="C7621">
        <v>7</v>
      </c>
      <c r="D7621" t="s">
        <v>19182</v>
      </c>
      <c r="E7621" t="s">
        <v>33101</v>
      </c>
      <c r="F7621">
        <v>4</v>
      </c>
      <c r="G7621" t="s">
        <v>13</v>
      </c>
      <c r="H7621" t="s">
        <v>19183</v>
      </c>
      <c r="I7621" t="s">
        <v>30540</v>
      </c>
    </row>
    <row r="7622" spans="1:9">
      <c r="A7622" s="1">
        <v>0.13278464677651458</v>
      </c>
      <c r="B7622" s="1"/>
      <c r="C7622">
        <v>9</v>
      </c>
      <c r="D7622" t="s">
        <v>19184</v>
      </c>
      <c r="E7622" t="s">
        <v>33101</v>
      </c>
      <c r="F7622">
        <v>4</v>
      </c>
      <c r="G7622" t="s">
        <v>14</v>
      </c>
      <c r="H7622" t="s">
        <v>19185</v>
      </c>
      <c r="I7622" t="s">
        <v>30540</v>
      </c>
    </row>
    <row r="7623" spans="1:9">
      <c r="A7623" s="1">
        <v>0.21946988988427374</v>
      </c>
      <c r="B7623" s="1"/>
      <c r="C7623">
        <v>6</v>
      </c>
      <c r="D7623" t="s">
        <v>19180</v>
      </c>
      <c r="E7623" t="s">
        <v>33101</v>
      </c>
      <c r="F7623">
        <v>3</v>
      </c>
      <c r="G7623" t="s">
        <v>14</v>
      </c>
      <c r="H7623" t="s">
        <v>19181</v>
      </c>
      <c r="I7623" t="s">
        <v>30540</v>
      </c>
    </row>
    <row r="7624" spans="1:9">
      <c r="A7624" s="1">
        <v>0.46511802066395258</v>
      </c>
      <c r="B7624" s="1"/>
      <c r="C7624">
        <v>3</v>
      </c>
      <c r="D7624" t="s">
        <v>19156</v>
      </c>
      <c r="E7624" t="s">
        <v>33102</v>
      </c>
      <c r="F7624">
        <v>5</v>
      </c>
      <c r="G7624" t="s">
        <v>2</v>
      </c>
      <c r="H7624" t="s">
        <v>19157</v>
      </c>
      <c r="I7624" t="s">
        <v>30540</v>
      </c>
    </row>
    <row r="7625" spans="1:9">
      <c r="A7625" s="1">
        <v>0.6502577614279087</v>
      </c>
      <c r="B7625" s="1"/>
      <c r="C7625">
        <v>5</v>
      </c>
      <c r="D7625" t="s">
        <v>19158</v>
      </c>
      <c r="E7625" t="s">
        <v>33102</v>
      </c>
      <c r="F7625">
        <v>5</v>
      </c>
      <c r="G7625" t="s">
        <v>14</v>
      </c>
      <c r="H7625" t="s">
        <v>19159</v>
      </c>
      <c r="I7625" t="s">
        <v>30540</v>
      </c>
    </row>
    <row r="7626" spans="1:9">
      <c r="A7626" s="1">
        <v>0.70694363489950585</v>
      </c>
      <c r="B7626" s="1"/>
      <c r="C7626">
        <v>11</v>
      </c>
      <c r="D7626" t="s">
        <v>19162</v>
      </c>
      <c r="E7626" t="s">
        <v>33102</v>
      </c>
      <c r="F7626">
        <v>5</v>
      </c>
      <c r="G7626" t="s">
        <v>1431</v>
      </c>
      <c r="H7626" t="s">
        <v>19163</v>
      </c>
      <c r="I7626" t="s">
        <v>30540</v>
      </c>
    </row>
    <row r="7627" spans="1:9">
      <c r="A7627" s="1">
        <v>0.84132619653804885</v>
      </c>
      <c r="B7627" s="1"/>
      <c r="C7627">
        <v>10</v>
      </c>
      <c r="D7627" t="s">
        <v>19160</v>
      </c>
      <c r="E7627" t="s">
        <v>33102</v>
      </c>
      <c r="F7627">
        <v>5</v>
      </c>
      <c r="G7627" t="s">
        <v>775</v>
      </c>
      <c r="H7627" t="s">
        <v>19161</v>
      </c>
      <c r="I7627" t="s">
        <v>30540</v>
      </c>
    </row>
    <row r="7628" spans="1:9">
      <c r="A7628" s="1">
        <v>2.6838483330052787E-2</v>
      </c>
      <c r="B7628" s="1"/>
      <c r="C7628">
        <v>20</v>
      </c>
      <c r="D7628" t="s">
        <v>19174</v>
      </c>
      <c r="E7628" t="s">
        <v>33102</v>
      </c>
      <c r="F7628">
        <v>4</v>
      </c>
      <c r="G7628" t="s">
        <v>14</v>
      </c>
      <c r="H7628" t="s">
        <v>19175</v>
      </c>
      <c r="I7628" t="s">
        <v>30540</v>
      </c>
    </row>
    <row r="7629" spans="1:9">
      <c r="A7629" s="1">
        <v>0.17810733763153419</v>
      </c>
      <c r="B7629" s="1"/>
      <c r="C7629">
        <v>14</v>
      </c>
      <c r="D7629" t="s">
        <v>19166</v>
      </c>
      <c r="E7629" t="s">
        <v>33102</v>
      </c>
      <c r="F7629">
        <v>4</v>
      </c>
      <c r="G7629" t="s">
        <v>1</v>
      </c>
      <c r="H7629" t="s">
        <v>19167</v>
      </c>
      <c r="I7629" t="s">
        <v>30540</v>
      </c>
    </row>
    <row r="7630" spans="1:9">
      <c r="A7630" s="1">
        <v>0.81683581854399379</v>
      </c>
      <c r="B7630" s="1"/>
      <c r="C7630">
        <v>13</v>
      </c>
      <c r="D7630" t="s">
        <v>19164</v>
      </c>
      <c r="E7630" t="s">
        <v>33102</v>
      </c>
      <c r="F7630">
        <v>4</v>
      </c>
      <c r="G7630" t="s">
        <v>1426</v>
      </c>
      <c r="H7630" t="s">
        <v>19165</v>
      </c>
      <c r="I7630" t="s">
        <v>30540</v>
      </c>
    </row>
    <row r="7631" spans="1:9">
      <c r="A7631" s="1">
        <v>0.79582099695058217</v>
      </c>
      <c r="B7631" s="1"/>
      <c r="C7631">
        <v>18</v>
      </c>
      <c r="D7631" t="s">
        <v>19172</v>
      </c>
      <c r="E7631" t="s">
        <v>33102</v>
      </c>
      <c r="F7631">
        <v>3</v>
      </c>
      <c r="G7631" t="s">
        <v>775</v>
      </c>
      <c r="H7631" t="s">
        <v>19173</v>
      </c>
      <c r="I7631" t="s">
        <v>30540</v>
      </c>
    </row>
    <row r="7632" spans="1:9">
      <c r="A7632" s="1">
        <v>0.4159762656355428</v>
      </c>
      <c r="B7632" s="1"/>
      <c r="C7632">
        <v>16</v>
      </c>
      <c r="D7632" t="s">
        <v>19168</v>
      </c>
      <c r="E7632" t="s">
        <v>33102</v>
      </c>
      <c r="F7632">
        <v>3</v>
      </c>
      <c r="G7632" t="s">
        <v>2229</v>
      </c>
      <c r="H7632" t="s">
        <v>19169</v>
      </c>
      <c r="I7632" t="s">
        <v>30540</v>
      </c>
    </row>
    <row r="7633" spans="1:9">
      <c r="A7633" s="1">
        <v>0.6581585989535782</v>
      </c>
      <c r="B7633" s="1"/>
      <c r="C7633">
        <v>6</v>
      </c>
      <c r="D7633" t="s">
        <v>19150</v>
      </c>
      <c r="E7633" t="s">
        <v>33103</v>
      </c>
      <c r="F7633">
        <v>5</v>
      </c>
      <c r="G7633" t="s">
        <v>15</v>
      </c>
      <c r="H7633" t="s">
        <v>19151</v>
      </c>
      <c r="I7633" t="s">
        <v>30540</v>
      </c>
    </row>
    <row r="7634" spans="1:9">
      <c r="A7634" s="1">
        <v>0.95028861896190076</v>
      </c>
      <c r="B7634" s="1"/>
      <c r="C7634">
        <v>12</v>
      </c>
      <c r="D7634" t="s">
        <v>19154</v>
      </c>
      <c r="E7634" t="s">
        <v>33103</v>
      </c>
      <c r="F7634">
        <v>4</v>
      </c>
      <c r="G7634" t="s">
        <v>14</v>
      </c>
      <c r="H7634" t="s">
        <v>19155</v>
      </c>
      <c r="I7634" t="s">
        <v>30540</v>
      </c>
    </row>
    <row r="7635" spans="1:9">
      <c r="A7635" s="1">
        <v>5.9247295224502117E-2</v>
      </c>
      <c r="B7635" s="1"/>
      <c r="C7635">
        <v>4</v>
      </c>
      <c r="D7635" t="s">
        <v>19148</v>
      </c>
      <c r="E7635" t="s">
        <v>33103</v>
      </c>
      <c r="F7635">
        <v>3</v>
      </c>
      <c r="G7635" t="s">
        <v>15</v>
      </c>
      <c r="H7635" t="s">
        <v>19149</v>
      </c>
      <c r="I7635" t="s">
        <v>30540</v>
      </c>
    </row>
    <row r="7636" spans="1:9">
      <c r="A7636" s="1">
        <v>0.12639112891849769</v>
      </c>
      <c r="B7636" s="1"/>
      <c r="C7636">
        <v>16</v>
      </c>
      <c r="D7636" t="s">
        <v>19140</v>
      </c>
      <c r="E7636" t="s">
        <v>33104</v>
      </c>
      <c r="F7636">
        <v>5</v>
      </c>
      <c r="G7636" t="s">
        <v>14</v>
      </c>
      <c r="H7636" t="s">
        <v>19141</v>
      </c>
      <c r="I7636" t="s">
        <v>30540</v>
      </c>
    </row>
    <row r="7637" spans="1:9">
      <c r="A7637" s="1">
        <v>6.1677428959833969E-2</v>
      </c>
      <c r="B7637" s="1"/>
      <c r="C7637">
        <v>9</v>
      </c>
      <c r="D7637" t="s">
        <v>19138</v>
      </c>
      <c r="E7637" t="s">
        <v>33104</v>
      </c>
      <c r="F7637">
        <v>5</v>
      </c>
      <c r="G7637" t="s">
        <v>14</v>
      </c>
      <c r="H7637" t="s">
        <v>19139</v>
      </c>
      <c r="I7637" t="s">
        <v>30540</v>
      </c>
    </row>
    <row r="7638" spans="1:9">
      <c r="A7638" s="1">
        <v>0.75475589094447892</v>
      </c>
      <c r="B7638" s="1"/>
      <c r="C7638">
        <v>18</v>
      </c>
      <c r="D7638" t="s">
        <v>19142</v>
      </c>
      <c r="E7638" t="s">
        <v>33104</v>
      </c>
      <c r="F7638">
        <v>5</v>
      </c>
      <c r="G7638" t="s">
        <v>14</v>
      </c>
      <c r="H7638" t="s">
        <v>19143</v>
      </c>
      <c r="I7638" t="s">
        <v>30540</v>
      </c>
    </row>
    <row r="7639" spans="1:9">
      <c r="A7639" s="1">
        <v>0.85547696798475936</v>
      </c>
      <c r="B7639" s="1"/>
      <c r="C7639">
        <v>19</v>
      </c>
      <c r="D7639" t="s">
        <v>19144</v>
      </c>
      <c r="E7639" t="s">
        <v>33104</v>
      </c>
      <c r="F7639">
        <v>4</v>
      </c>
      <c r="G7639" t="s">
        <v>9</v>
      </c>
      <c r="H7639" t="s">
        <v>19145</v>
      </c>
      <c r="I7639" t="s">
        <v>30540</v>
      </c>
    </row>
    <row r="7640" spans="1:9">
      <c r="A7640" s="1">
        <v>0.37369308918431743</v>
      </c>
      <c r="B7640" s="1"/>
      <c r="C7640">
        <v>20</v>
      </c>
      <c r="D7640" t="s">
        <v>19146</v>
      </c>
      <c r="E7640" t="s">
        <v>33104</v>
      </c>
      <c r="F7640">
        <v>3</v>
      </c>
      <c r="G7640" t="s">
        <v>14</v>
      </c>
      <c r="H7640" t="s">
        <v>19147</v>
      </c>
      <c r="I7640" t="s">
        <v>30540</v>
      </c>
    </row>
    <row r="7641" spans="1:9">
      <c r="A7641" s="1">
        <v>0.97846046557749378</v>
      </c>
      <c r="B7641" s="1"/>
      <c r="C7641">
        <v>19</v>
      </c>
      <c r="D7641" t="s">
        <v>19134</v>
      </c>
      <c r="E7641" t="s">
        <v>33105</v>
      </c>
      <c r="F7641">
        <v>5</v>
      </c>
      <c r="G7641" t="s">
        <v>1</v>
      </c>
      <c r="H7641" t="s">
        <v>19135</v>
      </c>
      <c r="I7641" t="s">
        <v>30540</v>
      </c>
    </row>
    <row r="7642" spans="1:9">
      <c r="A7642" s="1">
        <v>0.95889111737359101</v>
      </c>
      <c r="B7642" s="1"/>
      <c r="C7642">
        <v>10</v>
      </c>
      <c r="D7642" t="s">
        <v>19128</v>
      </c>
      <c r="E7642" t="s">
        <v>33105</v>
      </c>
      <c r="F7642">
        <v>4</v>
      </c>
      <c r="G7642" t="s">
        <v>14</v>
      </c>
      <c r="H7642" t="s">
        <v>19129</v>
      </c>
      <c r="I7642" t="s">
        <v>30540</v>
      </c>
    </row>
    <row r="7643" spans="1:9">
      <c r="A7643" s="1">
        <v>5.0342359925590996E-2</v>
      </c>
      <c r="B7643" s="1"/>
      <c r="C7643">
        <v>7</v>
      </c>
      <c r="D7643" t="s">
        <v>19126</v>
      </c>
      <c r="E7643" t="s">
        <v>33105</v>
      </c>
      <c r="F7643">
        <v>4</v>
      </c>
      <c r="G7643" t="s">
        <v>14</v>
      </c>
      <c r="H7643" t="s">
        <v>19127</v>
      </c>
      <c r="I7643" t="s">
        <v>30540</v>
      </c>
    </row>
    <row r="7644" spans="1:9">
      <c r="A7644" s="1">
        <v>0.81598763606915647</v>
      </c>
      <c r="B7644" s="1"/>
      <c r="C7644">
        <v>13</v>
      </c>
      <c r="D7644" t="s">
        <v>19130</v>
      </c>
      <c r="E7644" t="s">
        <v>33105</v>
      </c>
      <c r="F7644">
        <v>4</v>
      </c>
      <c r="G7644" t="s">
        <v>14</v>
      </c>
      <c r="H7644" t="s">
        <v>19131</v>
      </c>
      <c r="I7644" t="s">
        <v>30540</v>
      </c>
    </row>
    <row r="7645" spans="1:9">
      <c r="A7645" s="1">
        <v>0.82340210590744778</v>
      </c>
      <c r="B7645" s="1"/>
      <c r="C7645">
        <v>18</v>
      </c>
      <c r="D7645" t="s">
        <v>19132</v>
      </c>
      <c r="E7645" t="s">
        <v>33105</v>
      </c>
      <c r="F7645">
        <v>4</v>
      </c>
      <c r="G7645" t="s">
        <v>14</v>
      </c>
      <c r="H7645" t="s">
        <v>19133</v>
      </c>
      <c r="I7645" t="s">
        <v>30540</v>
      </c>
    </row>
    <row r="7646" spans="1:9">
      <c r="A7646" s="1">
        <v>0.33388081063020991</v>
      </c>
      <c r="B7646" s="1"/>
      <c r="C7646">
        <v>20</v>
      </c>
      <c r="D7646" t="s">
        <v>19136</v>
      </c>
      <c r="E7646" t="s">
        <v>33105</v>
      </c>
      <c r="F7646">
        <v>3</v>
      </c>
      <c r="G7646" t="s">
        <v>14</v>
      </c>
      <c r="H7646" t="s">
        <v>19137</v>
      </c>
      <c r="I7646" t="s">
        <v>30540</v>
      </c>
    </row>
    <row r="7647" spans="1:9">
      <c r="A7647" s="1">
        <v>0.13198532910701033</v>
      </c>
      <c r="B7647" s="1"/>
      <c r="C7647">
        <v>8</v>
      </c>
      <c r="D7647" t="s">
        <v>19122</v>
      </c>
      <c r="E7647" t="s">
        <v>33106</v>
      </c>
      <c r="F7647">
        <v>5</v>
      </c>
      <c r="G7647" t="s">
        <v>13</v>
      </c>
      <c r="H7647" t="s">
        <v>19123</v>
      </c>
      <c r="I7647" t="s">
        <v>30540</v>
      </c>
    </row>
    <row r="7648" spans="1:9">
      <c r="A7648" s="1">
        <v>0.12883731608666926</v>
      </c>
      <c r="B7648" s="1"/>
      <c r="C7648">
        <v>1</v>
      </c>
      <c r="D7648" t="s">
        <v>19118</v>
      </c>
      <c r="E7648" t="s">
        <v>33106</v>
      </c>
      <c r="F7648">
        <v>5</v>
      </c>
      <c r="G7648" t="s">
        <v>10</v>
      </c>
      <c r="H7648" t="s">
        <v>19119</v>
      </c>
      <c r="I7648" t="s">
        <v>30540</v>
      </c>
    </row>
    <row r="7649" spans="1:9">
      <c r="A7649" s="1">
        <v>0.80806615624781675</v>
      </c>
      <c r="B7649" s="1"/>
      <c r="C7649">
        <v>6</v>
      </c>
      <c r="D7649" t="s">
        <v>19120</v>
      </c>
      <c r="E7649" t="s">
        <v>33106</v>
      </c>
      <c r="F7649">
        <v>4</v>
      </c>
      <c r="G7649" t="s">
        <v>14</v>
      </c>
      <c r="H7649" t="s">
        <v>19121</v>
      </c>
      <c r="I7649" t="s">
        <v>30540</v>
      </c>
    </row>
    <row r="7650" spans="1:9">
      <c r="A7650" s="1">
        <v>0.87686170469405167</v>
      </c>
      <c r="B7650" s="1"/>
      <c r="C7650">
        <v>16</v>
      </c>
      <c r="D7650" t="s">
        <v>19116</v>
      </c>
      <c r="E7650" t="s">
        <v>33107</v>
      </c>
      <c r="F7650">
        <v>4</v>
      </c>
      <c r="G7650" t="s">
        <v>766</v>
      </c>
      <c r="H7650" t="s">
        <v>19117</v>
      </c>
      <c r="I7650" t="s">
        <v>30540</v>
      </c>
    </row>
    <row r="7651" spans="1:9">
      <c r="A7651" s="1">
        <v>0.90358658977509698</v>
      </c>
      <c r="B7651" s="1"/>
      <c r="C7651">
        <v>3</v>
      </c>
      <c r="D7651" t="s">
        <v>19108</v>
      </c>
      <c r="E7651" t="s">
        <v>33107</v>
      </c>
      <c r="F7651">
        <v>4</v>
      </c>
      <c r="G7651" t="s">
        <v>762</v>
      </c>
      <c r="H7651" t="s">
        <v>19109</v>
      </c>
      <c r="I7651" t="s">
        <v>30540</v>
      </c>
    </row>
    <row r="7652" spans="1:9">
      <c r="A7652" s="1">
        <v>0.2090172275385257</v>
      </c>
      <c r="B7652" s="1"/>
      <c r="C7652">
        <v>12</v>
      </c>
      <c r="D7652" t="s">
        <v>19112</v>
      </c>
      <c r="E7652" t="s">
        <v>33107</v>
      </c>
      <c r="F7652">
        <v>4</v>
      </c>
      <c r="G7652" t="s">
        <v>762</v>
      </c>
      <c r="H7652" t="s">
        <v>19113</v>
      </c>
      <c r="I7652" t="s">
        <v>30540</v>
      </c>
    </row>
    <row r="7653" spans="1:9">
      <c r="A7653" s="1">
        <v>0.69349224460221981</v>
      </c>
      <c r="B7653" s="1"/>
      <c r="C7653">
        <v>14</v>
      </c>
      <c r="D7653" t="s">
        <v>19114</v>
      </c>
      <c r="E7653" t="s">
        <v>33107</v>
      </c>
      <c r="F7653">
        <v>4</v>
      </c>
      <c r="G7653" t="s">
        <v>2</v>
      </c>
      <c r="H7653" t="s">
        <v>19115</v>
      </c>
      <c r="I7653" t="s">
        <v>30540</v>
      </c>
    </row>
    <row r="7654" spans="1:9">
      <c r="A7654" s="1">
        <v>0.41982114776425583</v>
      </c>
      <c r="B7654" s="1"/>
      <c r="C7654">
        <v>5</v>
      </c>
      <c r="D7654" t="s">
        <v>19110</v>
      </c>
      <c r="E7654" t="s">
        <v>33107</v>
      </c>
      <c r="F7654">
        <v>4</v>
      </c>
      <c r="G7654" t="s">
        <v>2</v>
      </c>
      <c r="H7654" t="s">
        <v>19111</v>
      </c>
      <c r="I7654" t="s">
        <v>30540</v>
      </c>
    </row>
    <row r="7655" spans="1:9">
      <c r="A7655" s="1">
        <v>0.76701359299187821</v>
      </c>
      <c r="B7655" s="1"/>
      <c r="C7655">
        <v>7</v>
      </c>
      <c r="D7655" t="s">
        <v>19102</v>
      </c>
      <c r="E7655" t="s">
        <v>33108</v>
      </c>
      <c r="F7655">
        <v>5</v>
      </c>
      <c r="G7655" t="s">
        <v>1</v>
      </c>
      <c r="H7655" t="s">
        <v>19103</v>
      </c>
      <c r="I7655" t="s">
        <v>30540</v>
      </c>
    </row>
    <row r="7656" spans="1:9">
      <c r="A7656" s="1">
        <v>0.56980670090561247</v>
      </c>
      <c r="B7656" s="1"/>
      <c r="C7656">
        <v>2</v>
      </c>
      <c r="D7656" t="s">
        <v>19096</v>
      </c>
      <c r="E7656" t="s">
        <v>33108</v>
      </c>
      <c r="F7656">
        <v>5</v>
      </c>
      <c r="G7656" t="s">
        <v>2</v>
      </c>
      <c r="H7656" t="s">
        <v>19097</v>
      </c>
      <c r="I7656" t="s">
        <v>30540</v>
      </c>
    </row>
    <row r="7657" spans="1:9">
      <c r="A7657" s="1">
        <v>8.7006587078103381E-3</v>
      </c>
      <c r="B7657" s="1"/>
      <c r="C7657">
        <v>13</v>
      </c>
      <c r="D7657" t="s">
        <v>19106</v>
      </c>
      <c r="E7657" t="s">
        <v>33108</v>
      </c>
      <c r="F7657">
        <v>4</v>
      </c>
      <c r="G7657" t="s">
        <v>14</v>
      </c>
      <c r="H7657" t="s">
        <v>19107</v>
      </c>
      <c r="I7657" t="s">
        <v>30540</v>
      </c>
    </row>
    <row r="7658" spans="1:9">
      <c r="A7658" s="1">
        <v>0.41450655822845495</v>
      </c>
      <c r="B7658" s="1"/>
      <c r="C7658">
        <v>3</v>
      </c>
      <c r="D7658" t="s">
        <v>19098</v>
      </c>
      <c r="E7658" t="s">
        <v>33108</v>
      </c>
      <c r="F7658">
        <v>4</v>
      </c>
      <c r="G7658" t="s">
        <v>1</v>
      </c>
      <c r="H7658" t="s">
        <v>19099</v>
      </c>
      <c r="I7658" t="s">
        <v>30540</v>
      </c>
    </row>
    <row r="7659" spans="1:9">
      <c r="A7659" s="1">
        <v>0.43057711838468038</v>
      </c>
      <c r="B7659" s="1"/>
      <c r="C7659">
        <v>5</v>
      </c>
      <c r="D7659" t="s">
        <v>19100</v>
      </c>
      <c r="E7659" t="s">
        <v>33108</v>
      </c>
      <c r="F7659">
        <v>3</v>
      </c>
      <c r="G7659" t="s">
        <v>0</v>
      </c>
      <c r="H7659" t="s">
        <v>19101</v>
      </c>
      <c r="I7659" t="s">
        <v>30540</v>
      </c>
    </row>
    <row r="7660" spans="1:9">
      <c r="A7660" s="1">
        <v>0.22629182591269958</v>
      </c>
      <c r="B7660" s="1"/>
      <c r="C7660">
        <v>11</v>
      </c>
      <c r="D7660" t="s">
        <v>19086</v>
      </c>
      <c r="E7660" t="s">
        <v>33109</v>
      </c>
      <c r="F7660">
        <v>4</v>
      </c>
      <c r="G7660" t="s">
        <v>15</v>
      </c>
      <c r="H7660" t="s">
        <v>19087</v>
      </c>
      <c r="I7660" t="s">
        <v>30540</v>
      </c>
    </row>
    <row r="7661" spans="1:9">
      <c r="A7661" s="1">
        <v>0.21888661238583851</v>
      </c>
      <c r="B7661" s="1"/>
      <c r="C7661">
        <v>19</v>
      </c>
      <c r="D7661" t="s">
        <v>19092</v>
      </c>
      <c r="E7661" t="s">
        <v>33109</v>
      </c>
      <c r="F7661">
        <v>4</v>
      </c>
      <c r="G7661" t="s">
        <v>10</v>
      </c>
      <c r="H7661" t="s">
        <v>19093</v>
      </c>
      <c r="I7661" t="s">
        <v>30540</v>
      </c>
    </row>
    <row r="7662" spans="1:9">
      <c r="A7662" s="1">
        <v>9.5605422612715429E-2</v>
      </c>
      <c r="B7662" s="1"/>
      <c r="C7662">
        <v>10</v>
      </c>
      <c r="D7662" t="s">
        <v>19084</v>
      </c>
      <c r="E7662" t="s">
        <v>33109</v>
      </c>
      <c r="F7662">
        <v>4</v>
      </c>
      <c r="G7662" t="s">
        <v>9</v>
      </c>
      <c r="H7662" t="s">
        <v>19085</v>
      </c>
      <c r="I7662" t="s">
        <v>30540</v>
      </c>
    </row>
    <row r="7663" spans="1:9">
      <c r="A7663" s="1">
        <v>0.82047931703433064</v>
      </c>
      <c r="B7663" s="1"/>
      <c r="C7663">
        <v>3</v>
      </c>
      <c r="D7663" t="s">
        <v>19080</v>
      </c>
      <c r="E7663" t="s">
        <v>33109</v>
      </c>
      <c r="F7663">
        <v>4</v>
      </c>
      <c r="G7663" t="s">
        <v>9</v>
      </c>
      <c r="H7663" t="s">
        <v>19081</v>
      </c>
      <c r="I7663" t="s">
        <v>30540</v>
      </c>
    </row>
    <row r="7664" spans="1:9">
      <c r="A7664" s="1">
        <v>0.59760099683046741</v>
      </c>
      <c r="B7664" s="1"/>
      <c r="C7664">
        <v>15</v>
      </c>
      <c r="D7664" t="s">
        <v>19088</v>
      </c>
      <c r="E7664" t="s">
        <v>33109</v>
      </c>
      <c r="F7664">
        <v>4</v>
      </c>
      <c r="G7664" t="s">
        <v>14</v>
      </c>
      <c r="H7664" t="s">
        <v>19089</v>
      </c>
      <c r="I7664" t="s">
        <v>30540</v>
      </c>
    </row>
    <row r="7665" spans="1:9">
      <c r="A7665" s="1">
        <v>0.98668325287726366</v>
      </c>
      <c r="B7665" s="1"/>
      <c r="C7665">
        <v>20</v>
      </c>
      <c r="D7665" t="s">
        <v>19094</v>
      </c>
      <c r="E7665" t="s">
        <v>33109</v>
      </c>
      <c r="F7665">
        <v>4</v>
      </c>
      <c r="G7665" t="s">
        <v>14</v>
      </c>
      <c r="H7665" t="s">
        <v>19095</v>
      </c>
      <c r="I7665" t="s">
        <v>30540</v>
      </c>
    </row>
    <row r="7666" spans="1:9">
      <c r="A7666" s="1">
        <v>0.91298312170638996</v>
      </c>
      <c r="B7666" s="1"/>
      <c r="C7666">
        <v>2</v>
      </c>
      <c r="D7666" t="s">
        <v>19078</v>
      </c>
      <c r="E7666" t="s">
        <v>33109</v>
      </c>
      <c r="F7666">
        <v>3</v>
      </c>
      <c r="G7666" t="s">
        <v>13</v>
      </c>
      <c r="H7666" t="s">
        <v>19079</v>
      </c>
      <c r="I7666" t="s">
        <v>30540</v>
      </c>
    </row>
    <row r="7667" spans="1:9">
      <c r="A7667" s="1">
        <v>0.67717223295467122</v>
      </c>
      <c r="B7667" s="1"/>
      <c r="C7667">
        <v>4</v>
      </c>
      <c r="D7667" t="s">
        <v>19082</v>
      </c>
      <c r="E7667" t="s">
        <v>33109</v>
      </c>
      <c r="F7667">
        <v>3</v>
      </c>
      <c r="G7667" t="s">
        <v>10</v>
      </c>
      <c r="H7667" t="s">
        <v>19083</v>
      </c>
      <c r="I7667" t="s">
        <v>30540</v>
      </c>
    </row>
    <row r="7668" spans="1:9">
      <c r="A7668" s="1">
        <v>0.50613927689565252</v>
      </c>
      <c r="B7668" s="1"/>
      <c r="C7668">
        <v>17</v>
      </c>
      <c r="D7668" t="s">
        <v>19090</v>
      </c>
      <c r="E7668" t="s">
        <v>33109</v>
      </c>
      <c r="F7668">
        <v>3</v>
      </c>
      <c r="G7668" t="s">
        <v>0</v>
      </c>
      <c r="H7668" t="s">
        <v>19091</v>
      </c>
      <c r="I7668" t="s">
        <v>30540</v>
      </c>
    </row>
    <row r="7669" spans="1:9">
      <c r="A7669" s="1">
        <v>0.77333451948482623</v>
      </c>
      <c r="B7669" s="1"/>
      <c r="C7669">
        <v>12</v>
      </c>
      <c r="D7669" t="s">
        <v>19074</v>
      </c>
      <c r="E7669" t="s">
        <v>33110</v>
      </c>
      <c r="F7669">
        <v>4</v>
      </c>
      <c r="G7669" t="s">
        <v>0</v>
      </c>
      <c r="H7669" t="s">
        <v>19075</v>
      </c>
      <c r="I7669" t="s">
        <v>30540</v>
      </c>
    </row>
    <row r="7670" spans="1:9">
      <c r="A7670" s="1">
        <v>0.82833842610207942</v>
      </c>
      <c r="B7670" s="1"/>
      <c r="C7670">
        <v>19</v>
      </c>
      <c r="D7670" t="s">
        <v>19076</v>
      </c>
      <c r="E7670" t="s">
        <v>33110</v>
      </c>
      <c r="F7670">
        <v>4</v>
      </c>
      <c r="G7670" t="s">
        <v>0</v>
      </c>
      <c r="H7670" t="s">
        <v>19077</v>
      </c>
      <c r="I7670" t="s">
        <v>30540</v>
      </c>
    </row>
    <row r="7671" spans="1:9">
      <c r="A7671" s="1">
        <v>0.64792371937928539</v>
      </c>
      <c r="B7671" s="1"/>
      <c r="C7671">
        <v>9</v>
      </c>
      <c r="D7671" t="s">
        <v>19070</v>
      </c>
      <c r="E7671" t="s">
        <v>33110</v>
      </c>
      <c r="F7671">
        <v>4</v>
      </c>
      <c r="G7671" t="s">
        <v>14</v>
      </c>
      <c r="H7671" t="s">
        <v>19071</v>
      </c>
      <c r="I7671" t="s">
        <v>30540</v>
      </c>
    </row>
    <row r="7672" spans="1:9">
      <c r="A7672" s="1">
        <v>0.34087006068174208</v>
      </c>
      <c r="B7672" s="1"/>
      <c r="C7672">
        <v>5</v>
      </c>
      <c r="D7672" t="s">
        <v>19068</v>
      </c>
      <c r="E7672" t="s">
        <v>33110</v>
      </c>
      <c r="F7672">
        <v>3</v>
      </c>
      <c r="G7672" t="s">
        <v>14</v>
      </c>
      <c r="H7672" t="s">
        <v>19069</v>
      </c>
      <c r="I7672" t="s">
        <v>30540</v>
      </c>
    </row>
    <row r="7673" spans="1:9">
      <c r="A7673" s="1">
        <v>0.36342016944414002</v>
      </c>
      <c r="B7673" s="1"/>
      <c r="C7673">
        <v>3</v>
      </c>
      <c r="D7673" t="s">
        <v>19060</v>
      </c>
      <c r="E7673" t="s">
        <v>33111</v>
      </c>
      <c r="F7673">
        <v>4</v>
      </c>
      <c r="G7673" t="s">
        <v>2</v>
      </c>
      <c r="H7673" t="s">
        <v>19061</v>
      </c>
      <c r="I7673" t="s">
        <v>30540</v>
      </c>
    </row>
    <row r="7674" spans="1:9">
      <c r="A7674" s="1">
        <v>0.95736119620403093</v>
      </c>
      <c r="B7674" s="1"/>
      <c r="C7674">
        <v>1</v>
      </c>
      <c r="D7674" t="s">
        <v>19058</v>
      </c>
      <c r="E7674" t="s">
        <v>33111</v>
      </c>
      <c r="F7674">
        <v>4</v>
      </c>
      <c r="G7674" t="s">
        <v>1</v>
      </c>
      <c r="H7674" t="s">
        <v>19059</v>
      </c>
      <c r="I7674" t="s">
        <v>30540</v>
      </c>
    </row>
    <row r="7675" spans="1:9">
      <c r="A7675" s="1">
        <v>0.69829433504985561</v>
      </c>
      <c r="B7675" s="1"/>
      <c r="C7675">
        <v>4</v>
      </c>
      <c r="D7675" t="s">
        <v>19062</v>
      </c>
      <c r="E7675" t="s">
        <v>33111</v>
      </c>
      <c r="F7675">
        <v>4</v>
      </c>
      <c r="G7675" t="s">
        <v>14</v>
      </c>
      <c r="H7675" t="s">
        <v>19063</v>
      </c>
      <c r="I7675" t="s">
        <v>30540</v>
      </c>
    </row>
    <row r="7676" spans="1:9">
      <c r="A7676" s="1">
        <v>0.64770615867072467</v>
      </c>
      <c r="B7676" s="1"/>
      <c r="C7676">
        <v>17</v>
      </c>
      <c r="D7676" t="s">
        <v>19054</v>
      </c>
      <c r="E7676" t="s">
        <v>33112</v>
      </c>
      <c r="F7676">
        <v>4</v>
      </c>
      <c r="G7676" t="s">
        <v>775</v>
      </c>
      <c r="H7676" t="s">
        <v>19055</v>
      </c>
      <c r="I7676" t="s">
        <v>30540</v>
      </c>
    </row>
    <row r="7677" spans="1:9">
      <c r="A7677" s="1">
        <v>0.92973713943676883</v>
      </c>
      <c r="B7677" s="1"/>
      <c r="C7677">
        <v>16</v>
      </c>
      <c r="D7677" t="s">
        <v>19052</v>
      </c>
      <c r="E7677" t="s">
        <v>33112</v>
      </c>
      <c r="F7677">
        <v>4</v>
      </c>
      <c r="G7677" t="s">
        <v>13</v>
      </c>
      <c r="H7677" t="s">
        <v>19053</v>
      </c>
      <c r="I7677" t="s">
        <v>30540</v>
      </c>
    </row>
    <row r="7678" spans="1:9">
      <c r="A7678" s="1">
        <v>0.11556621828408853</v>
      </c>
      <c r="B7678" s="1"/>
      <c r="C7678">
        <v>20</v>
      </c>
      <c r="D7678" t="s">
        <v>19056</v>
      </c>
      <c r="E7678" t="s">
        <v>33112</v>
      </c>
      <c r="F7678">
        <v>4</v>
      </c>
      <c r="G7678" t="s">
        <v>14</v>
      </c>
      <c r="H7678" t="s">
        <v>19057</v>
      </c>
      <c r="I7678" t="s">
        <v>30540</v>
      </c>
    </row>
    <row r="7679" spans="1:9">
      <c r="A7679" s="1">
        <v>3.5038232613298526E-2</v>
      </c>
      <c r="B7679" s="1"/>
      <c r="C7679">
        <v>2</v>
      </c>
      <c r="D7679" t="s">
        <v>19048</v>
      </c>
      <c r="E7679" t="s">
        <v>33112</v>
      </c>
      <c r="F7679">
        <v>3</v>
      </c>
      <c r="G7679" t="s">
        <v>15</v>
      </c>
      <c r="H7679" t="s">
        <v>19049</v>
      </c>
      <c r="I7679" t="s">
        <v>30540</v>
      </c>
    </row>
    <row r="7680" spans="1:9">
      <c r="A7680" s="1">
        <v>0.48366888175895828</v>
      </c>
      <c r="B7680" s="1"/>
      <c r="C7680">
        <v>5</v>
      </c>
      <c r="D7680" t="s">
        <v>19050</v>
      </c>
      <c r="E7680" t="s">
        <v>33112</v>
      </c>
      <c r="F7680">
        <v>3</v>
      </c>
      <c r="G7680" t="s">
        <v>762</v>
      </c>
      <c r="H7680" t="s">
        <v>19051</v>
      </c>
      <c r="I7680" t="s">
        <v>30540</v>
      </c>
    </row>
    <row r="7681" spans="1:9">
      <c r="A7681" s="1">
        <v>0.99809964386270278</v>
      </c>
      <c r="B7681" s="1"/>
      <c r="C7681">
        <v>11</v>
      </c>
      <c r="D7681" t="s">
        <v>19044</v>
      </c>
      <c r="E7681" t="s">
        <v>33113</v>
      </c>
      <c r="F7681">
        <v>4</v>
      </c>
      <c r="G7681" t="s">
        <v>15</v>
      </c>
      <c r="H7681" t="s">
        <v>19045</v>
      </c>
      <c r="I7681" t="s">
        <v>30540</v>
      </c>
    </row>
    <row r="7682" spans="1:9">
      <c r="A7682" s="1">
        <v>0.66955446102308425</v>
      </c>
      <c r="B7682" s="1"/>
      <c r="C7682">
        <v>15</v>
      </c>
      <c r="D7682" t="s">
        <v>19046</v>
      </c>
      <c r="E7682" t="s">
        <v>33113</v>
      </c>
      <c r="F7682">
        <v>4</v>
      </c>
      <c r="G7682" t="s">
        <v>15</v>
      </c>
      <c r="H7682" t="s">
        <v>19047</v>
      </c>
      <c r="I7682" t="s">
        <v>30540</v>
      </c>
    </row>
    <row r="7683" spans="1:9">
      <c r="A7683" s="1">
        <v>0.65275086039842967</v>
      </c>
      <c r="B7683" s="1"/>
      <c r="C7683">
        <v>7</v>
      </c>
      <c r="D7683" t="s">
        <v>19036</v>
      </c>
      <c r="E7683" t="s">
        <v>33114</v>
      </c>
      <c r="F7683">
        <v>5</v>
      </c>
      <c r="G7683" t="s">
        <v>1</v>
      </c>
      <c r="H7683" t="s">
        <v>19037</v>
      </c>
      <c r="I7683" t="s">
        <v>30540</v>
      </c>
    </row>
    <row r="7684" spans="1:9">
      <c r="A7684" s="1">
        <v>0.8550403684876231</v>
      </c>
      <c r="B7684" s="1"/>
      <c r="C7684">
        <v>1</v>
      </c>
      <c r="D7684" t="s">
        <v>19032</v>
      </c>
      <c r="E7684" t="s">
        <v>33114</v>
      </c>
      <c r="F7684">
        <v>5</v>
      </c>
      <c r="G7684" t="s">
        <v>15</v>
      </c>
      <c r="H7684" t="s">
        <v>19033</v>
      </c>
      <c r="I7684" t="s">
        <v>30540</v>
      </c>
    </row>
    <row r="7685" spans="1:9">
      <c r="A7685" s="1">
        <v>7.0168725150409061E-3</v>
      </c>
      <c r="B7685" s="1"/>
      <c r="C7685">
        <v>3</v>
      </c>
      <c r="D7685" t="s">
        <v>19034</v>
      </c>
      <c r="E7685" t="s">
        <v>33114</v>
      </c>
      <c r="F7685">
        <v>4</v>
      </c>
      <c r="G7685" t="s">
        <v>13</v>
      </c>
      <c r="H7685" t="s">
        <v>19035</v>
      </c>
      <c r="I7685" t="s">
        <v>30540</v>
      </c>
    </row>
    <row r="7686" spans="1:9">
      <c r="A7686" s="1">
        <v>6.2803980043843355E-2</v>
      </c>
      <c r="B7686" s="1"/>
      <c r="C7686">
        <v>17</v>
      </c>
      <c r="D7686" t="s">
        <v>19042</v>
      </c>
      <c r="E7686" t="s">
        <v>33114</v>
      </c>
      <c r="F7686">
        <v>4</v>
      </c>
      <c r="G7686" t="s">
        <v>9</v>
      </c>
      <c r="H7686" t="s">
        <v>19043</v>
      </c>
      <c r="I7686" t="s">
        <v>30540</v>
      </c>
    </row>
    <row r="7687" spans="1:9">
      <c r="A7687" s="1">
        <v>0.52438523064899145</v>
      </c>
      <c r="B7687" s="1"/>
      <c r="C7687">
        <v>15</v>
      </c>
      <c r="D7687" t="s">
        <v>19040</v>
      </c>
      <c r="E7687" t="s">
        <v>33114</v>
      </c>
      <c r="F7687">
        <v>4</v>
      </c>
      <c r="G7687" t="s">
        <v>9</v>
      </c>
      <c r="H7687" t="s">
        <v>19041</v>
      </c>
      <c r="I7687" t="s">
        <v>30540</v>
      </c>
    </row>
    <row r="7688" spans="1:9">
      <c r="A7688" s="1">
        <v>0.54837367607124088</v>
      </c>
      <c r="B7688" s="1"/>
      <c r="C7688">
        <v>12</v>
      </c>
      <c r="D7688" t="s">
        <v>19026</v>
      </c>
      <c r="E7688" t="s">
        <v>33115</v>
      </c>
      <c r="F7688">
        <v>4</v>
      </c>
      <c r="G7688" t="s">
        <v>1</v>
      </c>
      <c r="H7688" t="s">
        <v>19027</v>
      </c>
      <c r="I7688" t="s">
        <v>30540</v>
      </c>
    </row>
    <row r="7689" spans="1:9">
      <c r="A7689" s="1">
        <v>0.75519259730235599</v>
      </c>
      <c r="B7689" s="1"/>
      <c r="C7689">
        <v>6</v>
      </c>
      <c r="D7689" t="s">
        <v>19024</v>
      </c>
      <c r="E7689" t="s">
        <v>33115</v>
      </c>
      <c r="F7689">
        <v>4</v>
      </c>
      <c r="G7689" t="s">
        <v>15</v>
      </c>
      <c r="H7689" t="s">
        <v>19025</v>
      </c>
      <c r="I7689" t="s">
        <v>30540</v>
      </c>
    </row>
    <row r="7690" spans="1:9">
      <c r="A7690" s="1">
        <v>0.55603684785817709</v>
      </c>
      <c r="B7690" s="1"/>
      <c r="C7690">
        <v>18</v>
      </c>
      <c r="D7690" t="s">
        <v>19030</v>
      </c>
      <c r="E7690" t="s">
        <v>33115</v>
      </c>
      <c r="F7690">
        <v>4</v>
      </c>
      <c r="G7690" t="s">
        <v>15</v>
      </c>
      <c r="H7690" t="s">
        <v>19031</v>
      </c>
      <c r="I7690" t="s">
        <v>30540</v>
      </c>
    </row>
    <row r="7691" spans="1:9">
      <c r="A7691" s="1">
        <v>0.70519598776270087</v>
      </c>
      <c r="B7691" s="1"/>
      <c r="C7691">
        <v>17</v>
      </c>
      <c r="D7691" t="s">
        <v>19028</v>
      </c>
      <c r="E7691" t="s">
        <v>33115</v>
      </c>
      <c r="F7691">
        <v>3</v>
      </c>
      <c r="G7691" t="s">
        <v>15</v>
      </c>
      <c r="H7691" t="s">
        <v>19029</v>
      </c>
      <c r="I7691" t="s">
        <v>30540</v>
      </c>
    </row>
    <row r="7692" spans="1:9">
      <c r="A7692" s="1">
        <v>0.6496661234288007</v>
      </c>
      <c r="B7692" s="1"/>
      <c r="C7692">
        <v>3</v>
      </c>
      <c r="D7692" t="s">
        <v>19020</v>
      </c>
      <c r="E7692" t="s">
        <v>33116</v>
      </c>
      <c r="F7692">
        <v>5</v>
      </c>
      <c r="G7692" t="s">
        <v>15</v>
      </c>
      <c r="H7692" t="s">
        <v>19021</v>
      </c>
      <c r="I7692" t="s">
        <v>30540</v>
      </c>
    </row>
    <row r="7693" spans="1:9">
      <c r="A7693" s="1">
        <v>0.55899124375200415</v>
      </c>
      <c r="B7693" s="1"/>
      <c r="C7693">
        <v>11</v>
      </c>
      <c r="D7693" t="s">
        <v>19022</v>
      </c>
      <c r="E7693" t="s">
        <v>33116</v>
      </c>
      <c r="F7693">
        <v>4</v>
      </c>
      <c r="G7693" t="s">
        <v>15</v>
      </c>
      <c r="H7693" t="s">
        <v>19023</v>
      </c>
      <c r="I7693" t="s">
        <v>30540</v>
      </c>
    </row>
    <row r="7694" spans="1:9">
      <c r="A7694" s="1">
        <v>0.92467387189627093</v>
      </c>
      <c r="B7694" s="1"/>
      <c r="C7694">
        <v>16</v>
      </c>
      <c r="D7694" t="s">
        <v>19014</v>
      </c>
      <c r="E7694" t="s">
        <v>33117</v>
      </c>
      <c r="F7694">
        <v>5</v>
      </c>
      <c r="G7694" t="s">
        <v>762</v>
      </c>
      <c r="H7694" t="s">
        <v>19015</v>
      </c>
      <c r="I7694" t="s">
        <v>30540</v>
      </c>
    </row>
    <row r="7695" spans="1:9">
      <c r="A7695" s="1">
        <v>0.18159269127016531</v>
      </c>
      <c r="B7695" s="1"/>
      <c r="C7695">
        <v>8</v>
      </c>
      <c r="D7695" t="s">
        <v>19010</v>
      </c>
      <c r="E7695" t="s">
        <v>33117</v>
      </c>
      <c r="F7695">
        <v>4</v>
      </c>
      <c r="G7695" t="s">
        <v>15</v>
      </c>
      <c r="H7695" t="s">
        <v>19011</v>
      </c>
      <c r="I7695" t="s">
        <v>30540</v>
      </c>
    </row>
    <row r="7696" spans="1:9">
      <c r="A7696" s="1">
        <v>0.10291130476599841</v>
      </c>
      <c r="B7696" s="1"/>
      <c r="C7696">
        <v>10</v>
      </c>
      <c r="D7696" t="s">
        <v>19012</v>
      </c>
      <c r="E7696" t="s">
        <v>33117</v>
      </c>
      <c r="F7696">
        <v>4</v>
      </c>
      <c r="G7696" t="s">
        <v>15</v>
      </c>
      <c r="H7696" t="s">
        <v>19013</v>
      </c>
      <c r="I7696" t="s">
        <v>30540</v>
      </c>
    </row>
    <row r="7697" spans="1:9">
      <c r="A7697" s="1">
        <v>0.5965206703390421</v>
      </c>
      <c r="B7697" s="1"/>
      <c r="C7697">
        <v>18</v>
      </c>
      <c r="D7697" t="s">
        <v>19016</v>
      </c>
      <c r="E7697" t="s">
        <v>33117</v>
      </c>
      <c r="F7697">
        <v>4</v>
      </c>
      <c r="G7697" t="s">
        <v>3732</v>
      </c>
      <c r="H7697" t="s">
        <v>19017</v>
      </c>
      <c r="I7697" t="s">
        <v>30540</v>
      </c>
    </row>
    <row r="7698" spans="1:9">
      <c r="A7698" s="1">
        <v>0.6632785777371637</v>
      </c>
      <c r="B7698" s="1"/>
      <c r="C7698">
        <v>6</v>
      </c>
      <c r="D7698" t="s">
        <v>19008</v>
      </c>
      <c r="E7698" t="s">
        <v>33117</v>
      </c>
      <c r="F7698">
        <v>4</v>
      </c>
      <c r="G7698" t="s">
        <v>3732</v>
      </c>
      <c r="H7698" t="s">
        <v>19009</v>
      </c>
      <c r="I7698" t="s">
        <v>30540</v>
      </c>
    </row>
    <row r="7699" spans="1:9">
      <c r="A7699" s="1">
        <v>0.9498752476287835</v>
      </c>
      <c r="B7699" s="1"/>
      <c r="C7699">
        <v>19</v>
      </c>
      <c r="D7699" t="s">
        <v>19018</v>
      </c>
      <c r="E7699" t="s">
        <v>33117</v>
      </c>
      <c r="F7699">
        <v>3</v>
      </c>
      <c r="G7699" t="s">
        <v>0</v>
      </c>
      <c r="H7699" t="s">
        <v>19019</v>
      </c>
      <c r="I7699" t="s">
        <v>30540</v>
      </c>
    </row>
    <row r="7700" spans="1:9">
      <c r="A7700" s="1">
        <v>0.68674474387376439</v>
      </c>
      <c r="B7700" s="1"/>
      <c r="C7700">
        <v>18</v>
      </c>
      <c r="D7700" t="s">
        <v>19006</v>
      </c>
      <c r="E7700" t="s">
        <v>33118</v>
      </c>
      <c r="F7700">
        <v>5</v>
      </c>
      <c r="G7700" t="s">
        <v>0</v>
      </c>
      <c r="H7700" t="s">
        <v>19007</v>
      </c>
      <c r="I7700" t="s">
        <v>30540</v>
      </c>
    </row>
    <row r="7701" spans="1:9">
      <c r="A7701" s="1">
        <v>0.69278987241642964</v>
      </c>
      <c r="B7701" s="1"/>
      <c r="C7701">
        <v>6</v>
      </c>
      <c r="D7701" t="s">
        <v>19000</v>
      </c>
      <c r="E7701" t="s">
        <v>33118</v>
      </c>
      <c r="F7701">
        <v>4</v>
      </c>
      <c r="G7701" t="s">
        <v>15</v>
      </c>
      <c r="H7701" t="s">
        <v>19001</v>
      </c>
      <c r="I7701" t="s">
        <v>30540</v>
      </c>
    </row>
    <row r="7702" spans="1:9">
      <c r="A7702" s="1">
        <v>0.39807452534080412</v>
      </c>
      <c r="B7702" s="1"/>
      <c r="C7702">
        <v>4</v>
      </c>
      <c r="D7702" t="s">
        <v>18998</v>
      </c>
      <c r="E7702" t="s">
        <v>33118</v>
      </c>
      <c r="F7702">
        <v>4</v>
      </c>
      <c r="G7702" t="s">
        <v>9</v>
      </c>
      <c r="H7702" t="s">
        <v>18999</v>
      </c>
      <c r="I7702" t="s">
        <v>30540</v>
      </c>
    </row>
    <row r="7703" spans="1:9">
      <c r="A7703" s="1">
        <v>0.74666459259187679</v>
      </c>
      <c r="B7703" s="1"/>
      <c r="C7703">
        <v>16</v>
      </c>
      <c r="D7703" t="s">
        <v>19004</v>
      </c>
      <c r="E7703" t="s">
        <v>33118</v>
      </c>
      <c r="F7703">
        <v>4</v>
      </c>
      <c r="G7703" t="s">
        <v>15</v>
      </c>
      <c r="H7703" t="s">
        <v>19005</v>
      </c>
      <c r="I7703" t="s">
        <v>30540</v>
      </c>
    </row>
    <row r="7704" spans="1:9">
      <c r="A7704" s="1">
        <v>0.72887402198447138</v>
      </c>
      <c r="B7704" s="1"/>
      <c r="C7704">
        <v>10</v>
      </c>
      <c r="D7704" t="s">
        <v>18994</v>
      </c>
      <c r="E7704" t="s">
        <v>33119</v>
      </c>
      <c r="F7704">
        <v>5</v>
      </c>
      <c r="G7704" t="s">
        <v>15</v>
      </c>
      <c r="H7704" t="s">
        <v>18995</v>
      </c>
      <c r="I7704" t="s">
        <v>30540</v>
      </c>
    </row>
    <row r="7705" spans="1:9">
      <c r="A7705" s="1">
        <v>0.88855474052754635</v>
      </c>
      <c r="B7705" s="1"/>
      <c r="C7705">
        <v>6</v>
      </c>
      <c r="D7705" t="s">
        <v>18990</v>
      </c>
      <c r="E7705" t="s">
        <v>33119</v>
      </c>
      <c r="F7705">
        <v>4</v>
      </c>
      <c r="G7705" t="s">
        <v>15</v>
      </c>
      <c r="H7705" t="s">
        <v>18991</v>
      </c>
      <c r="I7705" t="s">
        <v>30540</v>
      </c>
    </row>
    <row r="7706" spans="1:9">
      <c r="A7706" s="1">
        <v>0.86480471748931365</v>
      </c>
      <c r="B7706" s="1"/>
      <c r="C7706">
        <v>5</v>
      </c>
      <c r="D7706" t="s">
        <v>18978</v>
      </c>
      <c r="E7706" t="s">
        <v>33120</v>
      </c>
      <c r="F7706">
        <v>4</v>
      </c>
      <c r="G7706" t="s">
        <v>15</v>
      </c>
      <c r="H7706" t="s">
        <v>18979</v>
      </c>
      <c r="I7706" t="s">
        <v>30540</v>
      </c>
    </row>
    <row r="7707" spans="1:9">
      <c r="A7707" s="1">
        <v>1.3985000840852191E-2</v>
      </c>
      <c r="B7707" s="1"/>
      <c r="C7707">
        <v>10</v>
      </c>
      <c r="D7707" t="s">
        <v>18982</v>
      </c>
      <c r="E7707" t="s">
        <v>33120</v>
      </c>
      <c r="F7707">
        <v>4</v>
      </c>
      <c r="G7707" t="s">
        <v>9</v>
      </c>
      <c r="H7707" t="s">
        <v>18983</v>
      </c>
      <c r="I7707" t="s">
        <v>30540</v>
      </c>
    </row>
    <row r="7708" spans="1:9">
      <c r="A7708" s="1">
        <v>0.84517414845938044</v>
      </c>
      <c r="B7708" s="1"/>
      <c r="C7708">
        <v>17</v>
      </c>
      <c r="D7708" t="s">
        <v>18988</v>
      </c>
      <c r="E7708" t="s">
        <v>33120</v>
      </c>
      <c r="F7708">
        <v>4</v>
      </c>
      <c r="G7708" t="s">
        <v>9</v>
      </c>
      <c r="H7708" t="s">
        <v>18989</v>
      </c>
      <c r="I7708" t="s">
        <v>30540</v>
      </c>
    </row>
    <row r="7709" spans="1:9">
      <c r="A7709" s="1">
        <v>0.79822635082348192</v>
      </c>
      <c r="B7709" s="1"/>
      <c r="C7709">
        <v>14</v>
      </c>
      <c r="D7709" t="s">
        <v>18986</v>
      </c>
      <c r="E7709" t="s">
        <v>33120</v>
      </c>
      <c r="F7709">
        <v>4</v>
      </c>
      <c r="G7709" t="s">
        <v>15</v>
      </c>
      <c r="H7709" t="s">
        <v>18987</v>
      </c>
      <c r="I7709" t="s">
        <v>30540</v>
      </c>
    </row>
    <row r="7710" spans="1:9">
      <c r="A7710" s="1">
        <v>0.30309226397262923</v>
      </c>
      <c r="B7710" s="1"/>
      <c r="C7710">
        <v>13</v>
      </c>
      <c r="D7710" t="s">
        <v>18984</v>
      </c>
      <c r="E7710" t="s">
        <v>33120</v>
      </c>
      <c r="F7710">
        <v>4</v>
      </c>
      <c r="G7710" t="s">
        <v>1</v>
      </c>
      <c r="H7710" t="s">
        <v>18985</v>
      </c>
      <c r="I7710" t="s">
        <v>30540</v>
      </c>
    </row>
    <row r="7711" spans="1:9">
      <c r="A7711" s="1">
        <v>0.50066258395115726</v>
      </c>
      <c r="B7711" s="1"/>
      <c r="C7711">
        <v>9</v>
      </c>
      <c r="D7711" t="s">
        <v>18980</v>
      </c>
      <c r="E7711" t="s">
        <v>33120</v>
      </c>
      <c r="F7711">
        <v>3</v>
      </c>
      <c r="G7711" t="s">
        <v>13</v>
      </c>
      <c r="H7711" t="s">
        <v>18981</v>
      </c>
      <c r="I7711" t="s">
        <v>30540</v>
      </c>
    </row>
    <row r="7712" spans="1:9">
      <c r="A7712" s="1">
        <v>0.94383299898332906</v>
      </c>
      <c r="B7712" s="1"/>
      <c r="C7712">
        <v>12</v>
      </c>
      <c r="D7712" t="s">
        <v>18974</v>
      </c>
      <c r="E7712" t="s">
        <v>33121</v>
      </c>
      <c r="F7712">
        <v>4</v>
      </c>
      <c r="G7712" t="s">
        <v>15</v>
      </c>
      <c r="H7712" t="s">
        <v>18975</v>
      </c>
      <c r="I7712" t="s">
        <v>30540</v>
      </c>
    </row>
    <row r="7713" spans="1:9">
      <c r="A7713" s="1">
        <v>0.11425136900278032</v>
      </c>
      <c r="B7713" s="1"/>
      <c r="C7713">
        <v>1</v>
      </c>
      <c r="D7713" t="s">
        <v>18966</v>
      </c>
      <c r="E7713" t="s">
        <v>33121</v>
      </c>
      <c r="F7713">
        <v>4</v>
      </c>
      <c r="G7713" t="s">
        <v>15</v>
      </c>
      <c r="H7713" t="s">
        <v>18967</v>
      </c>
      <c r="I7713" t="s">
        <v>30540</v>
      </c>
    </row>
    <row r="7714" spans="1:9">
      <c r="A7714" s="1">
        <v>0.68086037317049519</v>
      </c>
      <c r="B7714" s="1"/>
      <c r="C7714">
        <v>5</v>
      </c>
      <c r="D7714" t="s">
        <v>18970</v>
      </c>
      <c r="E7714" t="s">
        <v>33121</v>
      </c>
      <c r="F7714">
        <v>4</v>
      </c>
      <c r="G7714" t="s">
        <v>13</v>
      </c>
      <c r="H7714" t="s">
        <v>18971</v>
      </c>
      <c r="I7714" t="s">
        <v>30540</v>
      </c>
    </row>
    <row r="7715" spans="1:9">
      <c r="A7715" s="1">
        <v>0.33583917146738695</v>
      </c>
      <c r="B7715" s="1"/>
      <c r="C7715">
        <v>2</v>
      </c>
      <c r="D7715" t="s">
        <v>18968</v>
      </c>
      <c r="E7715" t="s">
        <v>33121</v>
      </c>
      <c r="F7715">
        <v>4</v>
      </c>
      <c r="G7715" t="s">
        <v>15</v>
      </c>
      <c r="H7715" t="s">
        <v>18969</v>
      </c>
      <c r="I7715" t="s">
        <v>30540</v>
      </c>
    </row>
    <row r="7716" spans="1:9">
      <c r="A7716" s="1">
        <v>0.92025473588474838</v>
      </c>
      <c r="B7716" s="1"/>
      <c r="C7716">
        <v>6</v>
      </c>
      <c r="D7716" t="s">
        <v>18972</v>
      </c>
      <c r="E7716" t="s">
        <v>33121</v>
      </c>
      <c r="F7716">
        <v>4</v>
      </c>
      <c r="G7716" t="s">
        <v>10</v>
      </c>
      <c r="H7716" t="s">
        <v>18973</v>
      </c>
      <c r="I7716" t="s">
        <v>30540</v>
      </c>
    </row>
    <row r="7717" spans="1:9">
      <c r="A7717" s="1">
        <v>0.1101818503119163</v>
      </c>
      <c r="B7717" s="1"/>
      <c r="C7717">
        <v>17</v>
      </c>
      <c r="D7717" t="s">
        <v>18964</v>
      </c>
      <c r="E7717" t="s">
        <v>33122</v>
      </c>
      <c r="F7717">
        <v>4</v>
      </c>
      <c r="G7717" t="s">
        <v>9</v>
      </c>
      <c r="H7717" t="s">
        <v>18965</v>
      </c>
      <c r="I7717" t="s">
        <v>30540</v>
      </c>
    </row>
    <row r="7718" spans="1:9">
      <c r="A7718" s="1">
        <v>0.27935254275350085</v>
      </c>
      <c r="B7718" s="1"/>
      <c r="C7718">
        <v>14</v>
      </c>
      <c r="D7718" t="s">
        <v>18962</v>
      </c>
      <c r="E7718" t="s">
        <v>33122</v>
      </c>
      <c r="F7718">
        <v>4</v>
      </c>
      <c r="G7718" t="s">
        <v>10</v>
      </c>
      <c r="H7718" t="s">
        <v>18963</v>
      </c>
      <c r="I7718" t="s">
        <v>30540</v>
      </c>
    </row>
    <row r="7719" spans="1:9">
      <c r="A7719" s="1">
        <v>0.67163952437518182</v>
      </c>
      <c r="B7719" s="1"/>
      <c r="C7719">
        <v>19</v>
      </c>
      <c r="D7719" t="s">
        <v>18958</v>
      </c>
      <c r="E7719" t="s">
        <v>33123</v>
      </c>
      <c r="F7719">
        <v>5</v>
      </c>
      <c r="G7719" t="s">
        <v>14</v>
      </c>
      <c r="H7719" t="s">
        <v>18959</v>
      </c>
      <c r="I7719" t="s">
        <v>30540</v>
      </c>
    </row>
    <row r="7720" spans="1:9">
      <c r="A7720" s="1">
        <v>0.24065881750401896</v>
      </c>
      <c r="B7720" s="1"/>
      <c r="C7720">
        <v>16</v>
      </c>
      <c r="D7720" t="s">
        <v>18956</v>
      </c>
      <c r="E7720" t="s">
        <v>33123</v>
      </c>
      <c r="F7720">
        <v>4</v>
      </c>
      <c r="G7720" t="s">
        <v>14</v>
      </c>
      <c r="H7720" t="s">
        <v>18957</v>
      </c>
      <c r="I7720" t="s">
        <v>30540</v>
      </c>
    </row>
    <row r="7721" spans="1:9">
      <c r="A7721" s="1">
        <v>0.39524509547419595</v>
      </c>
      <c r="B7721" s="1"/>
      <c r="C7721">
        <v>14</v>
      </c>
      <c r="D7721" t="s">
        <v>18954</v>
      </c>
      <c r="E7721" t="s">
        <v>33123</v>
      </c>
      <c r="F7721">
        <v>4</v>
      </c>
      <c r="G7721" t="s">
        <v>14</v>
      </c>
      <c r="H7721" t="s">
        <v>18955</v>
      </c>
      <c r="I7721" t="s">
        <v>30540</v>
      </c>
    </row>
    <row r="7722" spans="1:9">
      <c r="A7722" s="1">
        <v>0.19264099124872702</v>
      </c>
      <c r="B7722" s="1"/>
      <c r="C7722">
        <v>4</v>
      </c>
      <c r="D7722" t="s">
        <v>18952</v>
      </c>
      <c r="E7722" t="s">
        <v>33123</v>
      </c>
      <c r="F7722">
        <v>4</v>
      </c>
      <c r="G7722" t="s">
        <v>2</v>
      </c>
      <c r="H7722" t="s">
        <v>18953</v>
      </c>
      <c r="I7722" t="s">
        <v>30540</v>
      </c>
    </row>
    <row r="7723" spans="1:9">
      <c r="A7723" s="1">
        <v>0.46958368625707736</v>
      </c>
      <c r="B7723" s="1"/>
      <c r="C7723">
        <v>2</v>
      </c>
      <c r="D7723" t="s">
        <v>18950</v>
      </c>
      <c r="E7723" t="s">
        <v>33123</v>
      </c>
      <c r="F7723">
        <v>4</v>
      </c>
      <c r="G7723" t="s">
        <v>13</v>
      </c>
      <c r="H7723" t="s">
        <v>18951</v>
      </c>
      <c r="I7723" t="s">
        <v>30540</v>
      </c>
    </row>
    <row r="7724" spans="1:9">
      <c r="A7724" s="1">
        <v>9.3529506649631777E-2</v>
      </c>
      <c r="B7724" s="1"/>
      <c r="C7724">
        <v>11</v>
      </c>
      <c r="D7724" t="s">
        <v>18946</v>
      </c>
      <c r="E7724" t="s">
        <v>33124</v>
      </c>
      <c r="F7724">
        <v>4</v>
      </c>
      <c r="G7724" t="s">
        <v>14</v>
      </c>
      <c r="H7724" t="s">
        <v>18947</v>
      </c>
      <c r="I7724" t="s">
        <v>30540</v>
      </c>
    </row>
    <row r="7725" spans="1:9">
      <c r="A7725" s="1">
        <v>0.6549532291735839</v>
      </c>
      <c r="B7725" s="1"/>
      <c r="C7725">
        <v>3</v>
      </c>
      <c r="D7725" t="s">
        <v>18938</v>
      </c>
      <c r="E7725" t="s">
        <v>33124</v>
      </c>
      <c r="F7725">
        <v>4</v>
      </c>
      <c r="G7725" t="s">
        <v>10</v>
      </c>
      <c r="H7725" t="s">
        <v>18939</v>
      </c>
      <c r="I7725" t="s">
        <v>30540</v>
      </c>
    </row>
    <row r="7726" spans="1:9">
      <c r="A7726" s="1">
        <v>5.325221749448128E-2</v>
      </c>
      <c r="B7726" s="1"/>
      <c r="C7726">
        <v>6</v>
      </c>
      <c r="D7726" t="s">
        <v>18942</v>
      </c>
      <c r="E7726" t="s">
        <v>33124</v>
      </c>
      <c r="F7726">
        <v>4</v>
      </c>
      <c r="G7726" t="s">
        <v>13</v>
      </c>
      <c r="H7726" t="s">
        <v>18943</v>
      </c>
      <c r="I7726" t="s">
        <v>30540</v>
      </c>
    </row>
    <row r="7727" spans="1:9">
      <c r="A7727" s="1">
        <v>0.31651419901022804</v>
      </c>
      <c r="B7727" s="1"/>
      <c r="C7727">
        <v>4</v>
      </c>
      <c r="D7727" t="s">
        <v>18940</v>
      </c>
      <c r="E7727" t="s">
        <v>33124</v>
      </c>
      <c r="F7727">
        <v>4</v>
      </c>
      <c r="G7727" t="s">
        <v>9</v>
      </c>
      <c r="H7727" t="s">
        <v>18941</v>
      </c>
      <c r="I7727" t="s">
        <v>30540</v>
      </c>
    </row>
    <row r="7728" spans="1:9">
      <c r="A7728" s="1">
        <v>0.71886784449457852</v>
      </c>
      <c r="B7728" s="1"/>
      <c r="C7728">
        <v>9</v>
      </c>
      <c r="D7728" t="s">
        <v>18944</v>
      </c>
      <c r="E7728" t="s">
        <v>33124</v>
      </c>
      <c r="F7728">
        <v>4</v>
      </c>
      <c r="G7728" t="s">
        <v>9</v>
      </c>
      <c r="H7728" t="s">
        <v>18945</v>
      </c>
      <c r="I7728" t="s">
        <v>30540</v>
      </c>
    </row>
    <row r="7729" spans="1:9">
      <c r="A7729" s="1">
        <v>0.77924005002191232</v>
      </c>
      <c r="B7729" s="1"/>
      <c r="C7729">
        <v>20</v>
      </c>
      <c r="D7729" t="s">
        <v>18948</v>
      </c>
      <c r="E7729" t="s">
        <v>33124</v>
      </c>
      <c r="F7729">
        <v>4</v>
      </c>
      <c r="G7729" t="s">
        <v>1</v>
      </c>
      <c r="H7729" t="s">
        <v>18949</v>
      </c>
      <c r="I7729" t="s">
        <v>30540</v>
      </c>
    </row>
    <row r="7730" spans="1:9">
      <c r="A7730" s="1">
        <v>0.18799219843811121</v>
      </c>
      <c r="B7730" s="1"/>
      <c r="C7730">
        <v>14</v>
      </c>
      <c r="D7730" t="s">
        <v>18934</v>
      </c>
      <c r="E7730" t="s">
        <v>33125</v>
      </c>
      <c r="F7730">
        <v>3</v>
      </c>
      <c r="G7730" t="s">
        <v>14</v>
      </c>
      <c r="H7730" t="s">
        <v>18935</v>
      </c>
      <c r="I7730" t="s">
        <v>30540</v>
      </c>
    </row>
    <row r="7731" spans="1:9">
      <c r="A7731" s="1">
        <v>0.27498482029465188</v>
      </c>
      <c r="B7731" s="1"/>
      <c r="C7731">
        <v>1</v>
      </c>
      <c r="D7731" t="s">
        <v>18932</v>
      </c>
      <c r="E7731" t="s">
        <v>33125</v>
      </c>
      <c r="F7731">
        <v>3</v>
      </c>
      <c r="G7731" t="s">
        <v>14</v>
      </c>
      <c r="H7731" t="s">
        <v>18933</v>
      </c>
      <c r="I7731" t="s">
        <v>30540</v>
      </c>
    </row>
    <row r="7732" spans="1:9">
      <c r="A7732" s="1">
        <v>0.80703492056298787</v>
      </c>
      <c r="B7732" s="1"/>
      <c r="C7732">
        <v>8</v>
      </c>
      <c r="D7732" t="s">
        <v>18920</v>
      </c>
      <c r="E7732" t="s">
        <v>33126</v>
      </c>
      <c r="F7732">
        <v>4</v>
      </c>
      <c r="G7732" t="s">
        <v>13</v>
      </c>
      <c r="H7732" t="s">
        <v>18921</v>
      </c>
      <c r="I7732" t="s">
        <v>30540</v>
      </c>
    </row>
    <row r="7733" spans="1:9">
      <c r="A7733" s="1">
        <v>0.32344460292860422</v>
      </c>
      <c r="B7733" s="1"/>
      <c r="C7733">
        <v>3</v>
      </c>
      <c r="D7733" t="s">
        <v>18914</v>
      </c>
      <c r="E7733" t="s">
        <v>33126</v>
      </c>
      <c r="F7733">
        <v>4</v>
      </c>
      <c r="G7733" t="s">
        <v>10</v>
      </c>
      <c r="H7733" t="s">
        <v>18915</v>
      </c>
      <c r="I7733" t="s">
        <v>30540</v>
      </c>
    </row>
    <row r="7734" spans="1:9">
      <c r="A7734" s="1">
        <v>0.51395951657229177</v>
      </c>
      <c r="B7734" s="1"/>
      <c r="C7734">
        <v>14</v>
      </c>
      <c r="D7734" t="s">
        <v>18928</v>
      </c>
      <c r="E7734" t="s">
        <v>33126</v>
      </c>
      <c r="F7734">
        <v>4</v>
      </c>
      <c r="G7734" t="s">
        <v>9</v>
      </c>
      <c r="H7734" t="s">
        <v>18929</v>
      </c>
      <c r="I7734" t="s">
        <v>30540</v>
      </c>
    </row>
    <row r="7735" spans="1:9">
      <c r="A7735" s="1">
        <v>0.2611581116158298</v>
      </c>
      <c r="B7735" s="1"/>
      <c r="C7735">
        <v>17</v>
      </c>
      <c r="D7735" t="s">
        <v>18930</v>
      </c>
      <c r="E7735" t="s">
        <v>33126</v>
      </c>
      <c r="F7735">
        <v>4</v>
      </c>
      <c r="G7735" t="s">
        <v>10</v>
      </c>
      <c r="H7735" t="s">
        <v>18931</v>
      </c>
      <c r="I7735" t="s">
        <v>30540</v>
      </c>
    </row>
    <row r="7736" spans="1:9">
      <c r="A7736" s="1">
        <v>0.70218111888289014</v>
      </c>
      <c r="B7736" s="1"/>
      <c r="C7736">
        <v>6</v>
      </c>
      <c r="D7736" t="s">
        <v>18918</v>
      </c>
      <c r="E7736" t="s">
        <v>33126</v>
      </c>
      <c r="F7736">
        <v>4</v>
      </c>
      <c r="G7736" t="s">
        <v>14</v>
      </c>
      <c r="H7736" t="s">
        <v>18919</v>
      </c>
      <c r="I7736" t="s">
        <v>30540</v>
      </c>
    </row>
    <row r="7737" spans="1:9">
      <c r="A7737" s="1">
        <v>0.45546212403742758</v>
      </c>
      <c r="B7737" s="1"/>
      <c r="C7737">
        <v>4</v>
      </c>
      <c r="D7737" t="s">
        <v>18916</v>
      </c>
      <c r="E7737" t="s">
        <v>33126</v>
      </c>
      <c r="F7737">
        <v>4</v>
      </c>
      <c r="G7737" t="s">
        <v>10</v>
      </c>
      <c r="H7737" t="s">
        <v>18917</v>
      </c>
      <c r="I7737" t="s">
        <v>30540</v>
      </c>
    </row>
    <row r="7738" spans="1:9">
      <c r="A7738" s="1">
        <v>0.36348725495086132</v>
      </c>
      <c r="B7738" s="1"/>
      <c r="C7738">
        <v>11</v>
      </c>
      <c r="D7738" t="s">
        <v>18924</v>
      </c>
      <c r="E7738" t="s">
        <v>33126</v>
      </c>
      <c r="F7738">
        <v>3</v>
      </c>
      <c r="G7738" t="s">
        <v>14</v>
      </c>
      <c r="H7738" t="s">
        <v>18925</v>
      </c>
      <c r="I7738" t="s">
        <v>30540</v>
      </c>
    </row>
    <row r="7739" spans="1:9">
      <c r="A7739" s="1">
        <v>0.7933808069615419</v>
      </c>
      <c r="B7739" s="1"/>
      <c r="C7739">
        <v>9</v>
      </c>
      <c r="D7739" t="s">
        <v>18922</v>
      </c>
      <c r="E7739" t="s">
        <v>33126</v>
      </c>
      <c r="F7739">
        <v>3</v>
      </c>
      <c r="G7739" t="s">
        <v>15</v>
      </c>
      <c r="H7739" t="s">
        <v>18923</v>
      </c>
      <c r="I7739" t="s">
        <v>30540</v>
      </c>
    </row>
    <row r="7740" spans="1:9">
      <c r="A7740" s="1">
        <v>1.1415973399048096E-2</v>
      </c>
      <c r="B7740" s="1"/>
      <c r="C7740">
        <v>14</v>
      </c>
      <c r="D7740" t="s">
        <v>18912</v>
      </c>
      <c r="E7740" t="s">
        <v>33127</v>
      </c>
      <c r="F7740">
        <v>4</v>
      </c>
      <c r="G7740" t="s">
        <v>1295</v>
      </c>
      <c r="H7740" t="s">
        <v>18913</v>
      </c>
      <c r="I7740" t="s">
        <v>30540</v>
      </c>
    </row>
    <row r="7741" spans="1:9">
      <c r="A7741" s="1">
        <v>0.43154204166349286</v>
      </c>
      <c r="B7741" s="1"/>
      <c r="C7741">
        <v>10</v>
      </c>
      <c r="D7741" t="s">
        <v>18910</v>
      </c>
      <c r="E7741" t="s">
        <v>33127</v>
      </c>
      <c r="F7741">
        <v>4</v>
      </c>
      <c r="G7741" t="s">
        <v>775</v>
      </c>
      <c r="H7741" t="s">
        <v>18911</v>
      </c>
      <c r="I7741" t="s">
        <v>30540</v>
      </c>
    </row>
    <row r="7742" spans="1:9">
      <c r="A7742" s="1">
        <v>0.33868616132858009</v>
      </c>
      <c r="B7742" s="1"/>
      <c r="C7742">
        <v>2</v>
      </c>
      <c r="D7742" t="s">
        <v>18898</v>
      </c>
      <c r="E7742" t="s">
        <v>33128</v>
      </c>
      <c r="F7742">
        <v>5</v>
      </c>
      <c r="G7742" t="s">
        <v>9</v>
      </c>
      <c r="H7742" t="s">
        <v>18899</v>
      </c>
      <c r="I7742" t="s">
        <v>30540</v>
      </c>
    </row>
    <row r="7743" spans="1:9">
      <c r="A7743" s="1">
        <v>0.88600784385281484</v>
      </c>
      <c r="B7743" s="1"/>
      <c r="C7743">
        <v>12</v>
      </c>
      <c r="D7743" t="s">
        <v>18904</v>
      </c>
      <c r="E7743" t="s">
        <v>33128</v>
      </c>
      <c r="F7743">
        <v>4</v>
      </c>
      <c r="G7743" t="s">
        <v>0</v>
      </c>
      <c r="H7743" t="s">
        <v>18905</v>
      </c>
      <c r="I7743" t="s">
        <v>30540</v>
      </c>
    </row>
    <row r="7744" spans="1:9">
      <c r="A7744" s="1">
        <v>0.75851443204716673</v>
      </c>
      <c r="B7744" s="1"/>
      <c r="C7744">
        <v>6</v>
      </c>
      <c r="D7744" t="s">
        <v>18900</v>
      </c>
      <c r="E7744" t="s">
        <v>33128</v>
      </c>
      <c r="F7744">
        <v>4</v>
      </c>
      <c r="G7744" t="s">
        <v>10</v>
      </c>
      <c r="H7744" t="s">
        <v>18901</v>
      </c>
      <c r="I7744" t="s">
        <v>30540</v>
      </c>
    </row>
    <row r="7745" spans="1:9">
      <c r="A7745" s="1">
        <v>0.33967413739073415</v>
      </c>
      <c r="B7745" s="1"/>
      <c r="C7745">
        <v>14</v>
      </c>
      <c r="D7745" t="s">
        <v>18906</v>
      </c>
      <c r="E7745" t="s">
        <v>33128</v>
      </c>
      <c r="F7745">
        <v>4</v>
      </c>
      <c r="G7745" t="s">
        <v>1</v>
      </c>
      <c r="H7745" t="s">
        <v>18907</v>
      </c>
      <c r="I7745" t="s">
        <v>30540</v>
      </c>
    </row>
    <row r="7746" spans="1:9">
      <c r="A7746" s="1">
        <v>0.4506804861485143</v>
      </c>
      <c r="B7746" s="1"/>
      <c r="C7746">
        <v>17</v>
      </c>
      <c r="D7746" t="s">
        <v>18908</v>
      </c>
      <c r="E7746" t="s">
        <v>33128</v>
      </c>
      <c r="F7746">
        <v>4</v>
      </c>
      <c r="G7746" t="s">
        <v>14</v>
      </c>
      <c r="H7746" t="s">
        <v>18909</v>
      </c>
      <c r="I7746" t="s">
        <v>30540</v>
      </c>
    </row>
    <row r="7747" spans="1:9">
      <c r="A7747" s="1">
        <v>0.3621305192211185</v>
      </c>
      <c r="B7747" s="1"/>
      <c r="C7747">
        <v>9</v>
      </c>
      <c r="D7747" t="s">
        <v>18902</v>
      </c>
      <c r="E7747" t="s">
        <v>33128</v>
      </c>
      <c r="F7747">
        <v>4</v>
      </c>
      <c r="G7747" t="s">
        <v>14</v>
      </c>
      <c r="H7747" t="s">
        <v>18903</v>
      </c>
      <c r="I7747" t="s">
        <v>30540</v>
      </c>
    </row>
    <row r="7748" spans="1:9">
      <c r="A7748" s="1">
        <v>0.54413670107151635</v>
      </c>
      <c r="B7748" s="1"/>
      <c r="C7748">
        <v>14</v>
      </c>
      <c r="D7748" t="s">
        <v>18888</v>
      </c>
      <c r="E7748" t="s">
        <v>33129</v>
      </c>
      <c r="F7748">
        <v>5</v>
      </c>
      <c r="G7748" t="s">
        <v>10</v>
      </c>
      <c r="H7748" t="s">
        <v>18889</v>
      </c>
      <c r="I7748" t="s">
        <v>30540</v>
      </c>
    </row>
    <row r="7749" spans="1:9">
      <c r="A7749" s="1">
        <v>0.90789067326443051</v>
      </c>
      <c r="B7749" s="1"/>
      <c r="C7749">
        <v>19</v>
      </c>
      <c r="D7749" t="s">
        <v>18894</v>
      </c>
      <c r="E7749" t="s">
        <v>33129</v>
      </c>
      <c r="F7749">
        <v>4</v>
      </c>
      <c r="G7749" t="s">
        <v>10</v>
      </c>
      <c r="H7749" t="s">
        <v>18895</v>
      </c>
      <c r="I7749" t="s">
        <v>30540</v>
      </c>
    </row>
    <row r="7750" spans="1:9">
      <c r="A7750" s="1">
        <v>0.58360537453879113</v>
      </c>
      <c r="B7750" s="1"/>
      <c r="C7750">
        <v>2</v>
      </c>
      <c r="D7750" t="s">
        <v>18882</v>
      </c>
      <c r="E7750" t="s">
        <v>33129</v>
      </c>
      <c r="F7750">
        <v>4</v>
      </c>
      <c r="G7750" t="s">
        <v>2</v>
      </c>
      <c r="H7750" t="s">
        <v>18883</v>
      </c>
      <c r="I7750" t="s">
        <v>30540</v>
      </c>
    </row>
    <row r="7751" spans="1:9">
      <c r="A7751" s="1">
        <v>0.48530910868644095</v>
      </c>
      <c r="B7751" s="1"/>
      <c r="C7751">
        <v>1</v>
      </c>
      <c r="D7751" t="s">
        <v>18880</v>
      </c>
      <c r="E7751" t="s">
        <v>33129</v>
      </c>
      <c r="F7751">
        <v>4</v>
      </c>
      <c r="G7751" t="s">
        <v>2</v>
      </c>
      <c r="H7751" t="s">
        <v>18881</v>
      </c>
      <c r="I7751" t="s">
        <v>30540</v>
      </c>
    </row>
    <row r="7752" spans="1:9">
      <c r="A7752" s="1">
        <v>0.56355892435293498</v>
      </c>
      <c r="B7752" s="1"/>
      <c r="C7752">
        <v>17</v>
      </c>
      <c r="D7752" t="s">
        <v>18890</v>
      </c>
      <c r="E7752" t="s">
        <v>33129</v>
      </c>
      <c r="F7752">
        <v>4</v>
      </c>
      <c r="G7752" t="s">
        <v>10</v>
      </c>
      <c r="H7752" t="s">
        <v>18891</v>
      </c>
      <c r="I7752" t="s">
        <v>30540</v>
      </c>
    </row>
    <row r="7753" spans="1:9">
      <c r="A7753" s="1">
        <v>0.25795629734891445</v>
      </c>
      <c r="B7753" s="1"/>
      <c r="C7753">
        <v>5</v>
      </c>
      <c r="D7753" t="s">
        <v>18884</v>
      </c>
      <c r="E7753" t="s">
        <v>33129</v>
      </c>
      <c r="F7753">
        <v>4</v>
      </c>
      <c r="G7753" t="s">
        <v>2</v>
      </c>
      <c r="H7753" t="s">
        <v>18885</v>
      </c>
      <c r="I7753" t="s">
        <v>30540</v>
      </c>
    </row>
    <row r="7754" spans="1:9">
      <c r="A7754" s="1">
        <v>0.86563069315909758</v>
      </c>
      <c r="B7754" s="1"/>
      <c r="C7754">
        <v>20</v>
      </c>
      <c r="D7754" t="s">
        <v>18896</v>
      </c>
      <c r="E7754" t="s">
        <v>33129</v>
      </c>
      <c r="F7754">
        <v>4</v>
      </c>
      <c r="G7754" t="s">
        <v>10</v>
      </c>
      <c r="H7754" t="s">
        <v>18897</v>
      </c>
      <c r="I7754" t="s">
        <v>30540</v>
      </c>
    </row>
    <row r="7755" spans="1:9">
      <c r="A7755" s="1">
        <v>0.35188568126533126</v>
      </c>
      <c r="B7755" s="1"/>
      <c r="C7755">
        <v>19</v>
      </c>
      <c r="D7755" t="s">
        <v>18878</v>
      </c>
      <c r="E7755" t="s">
        <v>33130</v>
      </c>
      <c r="F7755">
        <v>4</v>
      </c>
      <c r="G7755" t="s">
        <v>14</v>
      </c>
      <c r="H7755" t="s">
        <v>18879</v>
      </c>
      <c r="I7755" t="s">
        <v>30540</v>
      </c>
    </row>
    <row r="7756" spans="1:9">
      <c r="A7756" s="1">
        <v>0.46696200015790745</v>
      </c>
      <c r="B7756" s="1"/>
      <c r="C7756">
        <v>8</v>
      </c>
      <c r="D7756" t="s">
        <v>18868</v>
      </c>
      <c r="E7756" t="s">
        <v>33130</v>
      </c>
      <c r="F7756">
        <v>4</v>
      </c>
      <c r="G7756" t="s">
        <v>13</v>
      </c>
      <c r="H7756" t="s">
        <v>18869</v>
      </c>
      <c r="I7756" t="s">
        <v>30540</v>
      </c>
    </row>
    <row r="7757" spans="1:9">
      <c r="A7757" s="1">
        <v>3.2424681924374532E-2</v>
      </c>
      <c r="B7757" s="1"/>
      <c r="C7757">
        <v>11</v>
      </c>
      <c r="D7757" t="s">
        <v>18870</v>
      </c>
      <c r="E7757" t="s">
        <v>33130</v>
      </c>
      <c r="F7757">
        <v>4</v>
      </c>
      <c r="G7757" t="s">
        <v>1</v>
      </c>
      <c r="H7757" t="s">
        <v>18871</v>
      </c>
      <c r="I7757" t="s">
        <v>30540</v>
      </c>
    </row>
    <row r="7758" spans="1:9">
      <c r="A7758" s="1">
        <v>0.13313268172267223</v>
      </c>
      <c r="B7758" s="1"/>
      <c r="C7758">
        <v>2</v>
      </c>
      <c r="D7758" t="s">
        <v>18866</v>
      </c>
      <c r="E7758" t="s">
        <v>33130</v>
      </c>
      <c r="F7758">
        <v>4</v>
      </c>
      <c r="G7758" t="s">
        <v>9</v>
      </c>
      <c r="H7758" t="s">
        <v>18867</v>
      </c>
      <c r="I7758" t="s">
        <v>30540</v>
      </c>
    </row>
    <row r="7759" spans="1:9">
      <c r="A7759" s="1">
        <v>0.16450843778645119</v>
      </c>
      <c r="B7759" s="1"/>
      <c r="C7759">
        <v>9</v>
      </c>
      <c r="D7759" t="s">
        <v>18864</v>
      </c>
      <c r="E7759" t="s">
        <v>33131</v>
      </c>
      <c r="F7759">
        <v>5</v>
      </c>
      <c r="G7759" t="s">
        <v>14</v>
      </c>
      <c r="H7759" t="s">
        <v>18865</v>
      </c>
      <c r="I7759" t="s">
        <v>30540</v>
      </c>
    </row>
    <row r="7760" spans="1:9">
      <c r="A7760" s="1">
        <v>0.890627639673506</v>
      </c>
      <c r="B7760" s="1"/>
      <c r="C7760">
        <v>20</v>
      </c>
      <c r="D7760" t="s">
        <v>18862</v>
      </c>
      <c r="E7760" t="s">
        <v>33132</v>
      </c>
      <c r="F7760">
        <v>5</v>
      </c>
      <c r="G7760" t="s">
        <v>775</v>
      </c>
      <c r="H7760" t="s">
        <v>18863</v>
      </c>
      <c r="I7760" t="s">
        <v>30540</v>
      </c>
    </row>
    <row r="7761" spans="1:9">
      <c r="A7761" s="1">
        <v>0.33888638722702669</v>
      </c>
      <c r="B7761" s="1"/>
      <c r="C7761">
        <v>13</v>
      </c>
      <c r="D7761" t="s">
        <v>18860</v>
      </c>
      <c r="E7761" t="s">
        <v>33132</v>
      </c>
      <c r="F7761">
        <v>4</v>
      </c>
      <c r="G7761" t="s">
        <v>3732</v>
      </c>
      <c r="H7761" t="s">
        <v>18861</v>
      </c>
      <c r="I7761" t="s">
        <v>30540</v>
      </c>
    </row>
    <row r="7762" spans="1:9">
      <c r="A7762" s="1">
        <v>2.1784382299872673E-2</v>
      </c>
      <c r="B7762" s="1"/>
      <c r="C7762">
        <v>9</v>
      </c>
      <c r="D7762" t="s">
        <v>18858</v>
      </c>
      <c r="E7762" t="s">
        <v>33132</v>
      </c>
      <c r="F7762">
        <v>4</v>
      </c>
      <c r="G7762" t="s">
        <v>14</v>
      </c>
      <c r="H7762" t="s">
        <v>18859</v>
      </c>
      <c r="I7762" t="s">
        <v>30540</v>
      </c>
    </row>
    <row r="7763" spans="1:9">
      <c r="A7763" s="1">
        <v>0.49333710664376973</v>
      </c>
      <c r="B7763" s="1"/>
      <c r="C7763">
        <v>4</v>
      </c>
      <c r="D7763" t="s">
        <v>18856</v>
      </c>
      <c r="E7763" t="s">
        <v>33132</v>
      </c>
      <c r="F7763">
        <v>3</v>
      </c>
      <c r="G7763" t="s">
        <v>1426</v>
      </c>
      <c r="H7763" t="s">
        <v>18857</v>
      </c>
      <c r="I7763" t="s">
        <v>30540</v>
      </c>
    </row>
    <row r="7764" spans="1:9">
      <c r="A7764" s="1">
        <v>0.25249595469248487</v>
      </c>
      <c r="B7764" s="1"/>
      <c r="C7764">
        <v>13</v>
      </c>
      <c r="D7764" t="s">
        <v>18850</v>
      </c>
      <c r="E7764" t="s">
        <v>33133</v>
      </c>
      <c r="F7764">
        <v>4</v>
      </c>
      <c r="G7764" t="s">
        <v>14</v>
      </c>
      <c r="H7764" t="s">
        <v>18851</v>
      </c>
      <c r="I7764" t="s">
        <v>30540</v>
      </c>
    </row>
    <row r="7765" spans="1:9">
      <c r="A7765" s="1">
        <v>0.69480682146368256</v>
      </c>
      <c r="B7765" s="1"/>
      <c r="C7765">
        <v>1</v>
      </c>
      <c r="D7765" t="s">
        <v>18848</v>
      </c>
      <c r="E7765" t="s">
        <v>33133</v>
      </c>
      <c r="F7765">
        <v>4</v>
      </c>
      <c r="G7765" t="s">
        <v>10</v>
      </c>
      <c r="H7765" t="s">
        <v>18849</v>
      </c>
      <c r="I7765" t="s">
        <v>30540</v>
      </c>
    </row>
    <row r="7766" spans="1:9">
      <c r="A7766" s="1">
        <v>0.92946393938606453</v>
      </c>
      <c r="B7766" s="1"/>
      <c r="C7766">
        <v>17</v>
      </c>
      <c r="D7766" t="s">
        <v>18854</v>
      </c>
      <c r="E7766" t="s">
        <v>33133</v>
      </c>
      <c r="F7766">
        <v>4</v>
      </c>
      <c r="G7766" t="s">
        <v>14</v>
      </c>
      <c r="H7766" t="s">
        <v>18855</v>
      </c>
      <c r="I7766" t="s">
        <v>30540</v>
      </c>
    </row>
    <row r="7767" spans="1:9">
      <c r="A7767" s="1">
        <v>9.1995649859889284E-2</v>
      </c>
      <c r="B7767" s="1"/>
      <c r="C7767">
        <v>14</v>
      </c>
      <c r="D7767" t="s">
        <v>18852</v>
      </c>
      <c r="E7767" t="s">
        <v>33133</v>
      </c>
      <c r="F7767">
        <v>3</v>
      </c>
      <c r="G7767" t="s">
        <v>14</v>
      </c>
      <c r="H7767" t="s">
        <v>18853</v>
      </c>
      <c r="I7767" t="s">
        <v>30540</v>
      </c>
    </row>
    <row r="7768" spans="1:9">
      <c r="A7768" s="1">
        <v>0.2019257121865502</v>
      </c>
      <c r="B7768" s="1"/>
      <c r="C7768">
        <v>9</v>
      </c>
      <c r="D7768" t="s">
        <v>18846</v>
      </c>
      <c r="E7768" t="s">
        <v>33134</v>
      </c>
      <c r="F7768">
        <v>4</v>
      </c>
      <c r="G7768" t="s">
        <v>14</v>
      </c>
      <c r="H7768" t="s">
        <v>18847</v>
      </c>
      <c r="I7768" t="s">
        <v>30540</v>
      </c>
    </row>
    <row r="7769" spans="1:9">
      <c r="A7769" s="1">
        <v>0.37377105866687388</v>
      </c>
      <c r="B7769" s="1"/>
      <c r="C7769">
        <v>5</v>
      </c>
      <c r="D7769" t="s">
        <v>18842</v>
      </c>
      <c r="E7769" t="s">
        <v>33134</v>
      </c>
      <c r="F7769">
        <v>4</v>
      </c>
      <c r="G7769" t="s">
        <v>2</v>
      </c>
      <c r="H7769" t="s">
        <v>18843</v>
      </c>
      <c r="I7769" t="s">
        <v>30540</v>
      </c>
    </row>
    <row r="7770" spans="1:9">
      <c r="A7770" s="1">
        <v>0.10420860131349907</v>
      </c>
      <c r="B7770" s="1"/>
      <c r="C7770">
        <v>17</v>
      </c>
      <c r="D7770" t="s">
        <v>18838</v>
      </c>
      <c r="E7770" t="s">
        <v>33135</v>
      </c>
      <c r="F7770">
        <v>4</v>
      </c>
      <c r="G7770" t="s">
        <v>14</v>
      </c>
      <c r="H7770" t="s">
        <v>18839</v>
      </c>
      <c r="I7770" t="s">
        <v>30540</v>
      </c>
    </row>
    <row r="7771" spans="1:9">
      <c r="A7771" s="1">
        <v>0.40618036633710186</v>
      </c>
      <c r="B7771" s="1"/>
      <c r="C7771">
        <v>19</v>
      </c>
      <c r="D7771" t="s">
        <v>18840</v>
      </c>
      <c r="E7771" t="s">
        <v>33135</v>
      </c>
      <c r="F7771">
        <v>3</v>
      </c>
      <c r="G7771" t="s">
        <v>14</v>
      </c>
      <c r="H7771" t="s">
        <v>18841</v>
      </c>
      <c r="I7771" t="s">
        <v>30540</v>
      </c>
    </row>
    <row r="7772" spans="1:9">
      <c r="A7772" s="1">
        <v>0.74341304811093623</v>
      </c>
      <c r="B7772" s="1"/>
      <c r="C7772">
        <v>10</v>
      </c>
      <c r="D7772" t="s">
        <v>18832</v>
      </c>
      <c r="E7772" t="s">
        <v>33136</v>
      </c>
      <c r="F7772">
        <v>5</v>
      </c>
      <c r="G7772" t="s">
        <v>10</v>
      </c>
      <c r="H7772" t="s">
        <v>18833</v>
      </c>
      <c r="I7772" t="s">
        <v>30540</v>
      </c>
    </row>
    <row r="7773" spans="1:9">
      <c r="A7773" s="1">
        <v>0.15475017920967804</v>
      </c>
      <c r="B7773" s="1"/>
      <c r="C7773">
        <v>1</v>
      </c>
      <c r="D7773" t="s">
        <v>18824</v>
      </c>
      <c r="E7773" t="s">
        <v>33136</v>
      </c>
      <c r="F7773">
        <v>4</v>
      </c>
      <c r="G7773" t="s">
        <v>2</v>
      </c>
      <c r="H7773" t="s">
        <v>18825</v>
      </c>
      <c r="I7773" t="s">
        <v>30540</v>
      </c>
    </row>
    <row r="7774" spans="1:9">
      <c r="A7774" s="1">
        <v>0.38071746727502775</v>
      </c>
      <c r="B7774" s="1"/>
      <c r="C7774">
        <v>7</v>
      </c>
      <c r="D7774" t="s">
        <v>18830</v>
      </c>
      <c r="E7774" t="s">
        <v>33136</v>
      </c>
      <c r="F7774">
        <v>4</v>
      </c>
      <c r="G7774" t="s">
        <v>14</v>
      </c>
      <c r="H7774" t="s">
        <v>18831</v>
      </c>
      <c r="I7774" t="s">
        <v>30540</v>
      </c>
    </row>
    <row r="7775" spans="1:9">
      <c r="A7775" s="1">
        <v>0.95469338412715854</v>
      </c>
      <c r="B7775" s="1"/>
      <c r="C7775">
        <v>3</v>
      </c>
      <c r="D7775" t="s">
        <v>18826</v>
      </c>
      <c r="E7775" t="s">
        <v>33136</v>
      </c>
      <c r="F7775">
        <v>4</v>
      </c>
      <c r="G7775" t="s">
        <v>0</v>
      </c>
      <c r="H7775" t="s">
        <v>18827</v>
      </c>
      <c r="I7775" t="s">
        <v>30540</v>
      </c>
    </row>
    <row r="7776" spans="1:9">
      <c r="A7776" s="1">
        <v>0.3768036200646605</v>
      </c>
      <c r="B7776" s="1"/>
      <c r="C7776">
        <v>20</v>
      </c>
      <c r="D7776" t="s">
        <v>18834</v>
      </c>
      <c r="E7776" t="s">
        <v>33136</v>
      </c>
      <c r="F7776">
        <v>4</v>
      </c>
      <c r="G7776" t="s">
        <v>14</v>
      </c>
      <c r="H7776" t="s">
        <v>18835</v>
      </c>
      <c r="I7776" t="s">
        <v>30540</v>
      </c>
    </row>
    <row r="7777" spans="1:9">
      <c r="A7777" s="1">
        <v>7.420183380021661E-2</v>
      </c>
      <c r="B7777" s="1"/>
      <c r="C7777">
        <v>12</v>
      </c>
      <c r="D7777" t="s">
        <v>18820</v>
      </c>
      <c r="E7777" t="s">
        <v>33137</v>
      </c>
      <c r="F7777">
        <v>4</v>
      </c>
      <c r="G7777" t="s">
        <v>2</v>
      </c>
      <c r="H7777" t="s">
        <v>18821</v>
      </c>
      <c r="I7777" t="s">
        <v>30540</v>
      </c>
    </row>
    <row r="7778" spans="1:9">
      <c r="A7778" s="1">
        <v>4.6882017381928875E-2</v>
      </c>
      <c r="B7778" s="1"/>
      <c r="C7778">
        <v>17</v>
      </c>
      <c r="D7778" t="s">
        <v>18822</v>
      </c>
      <c r="E7778" t="s">
        <v>33137</v>
      </c>
      <c r="F7778">
        <v>4</v>
      </c>
      <c r="G7778" t="s">
        <v>14</v>
      </c>
      <c r="H7778" t="s">
        <v>18823</v>
      </c>
      <c r="I7778" t="s">
        <v>30540</v>
      </c>
    </row>
    <row r="7779" spans="1:9">
      <c r="A7779" s="1">
        <v>0.84008833474626687</v>
      </c>
      <c r="B7779" s="1"/>
      <c r="C7779">
        <v>3</v>
      </c>
      <c r="D7779" t="s">
        <v>18818</v>
      </c>
      <c r="E7779" t="s">
        <v>33137</v>
      </c>
      <c r="F7779">
        <v>4</v>
      </c>
      <c r="G7779" t="s">
        <v>14</v>
      </c>
      <c r="H7779" t="s">
        <v>18819</v>
      </c>
      <c r="I7779" t="s">
        <v>30540</v>
      </c>
    </row>
    <row r="7780" spans="1:9">
      <c r="A7780" s="1">
        <v>0.55413710424617857</v>
      </c>
      <c r="B7780" s="1"/>
      <c r="C7780">
        <v>1</v>
      </c>
      <c r="D7780" t="s">
        <v>18810</v>
      </c>
      <c r="E7780" t="s">
        <v>33138</v>
      </c>
      <c r="F7780">
        <v>5</v>
      </c>
      <c r="G7780" t="s">
        <v>10</v>
      </c>
      <c r="H7780" t="s">
        <v>18811</v>
      </c>
      <c r="I7780" t="s">
        <v>30540</v>
      </c>
    </row>
    <row r="7781" spans="1:9">
      <c r="A7781" s="1">
        <v>0.40167992714669321</v>
      </c>
      <c r="B7781" s="1"/>
      <c r="C7781">
        <v>13</v>
      </c>
      <c r="D7781" t="s">
        <v>18814</v>
      </c>
      <c r="E7781" t="s">
        <v>33138</v>
      </c>
      <c r="F7781">
        <v>4</v>
      </c>
      <c r="G7781" t="s">
        <v>1</v>
      </c>
      <c r="H7781" t="s">
        <v>18815</v>
      </c>
      <c r="I7781" t="s">
        <v>30540</v>
      </c>
    </row>
    <row r="7782" spans="1:9">
      <c r="A7782" s="1">
        <v>0.16626422830906207</v>
      </c>
      <c r="B7782" s="1"/>
      <c r="C7782">
        <v>15</v>
      </c>
      <c r="D7782" t="s">
        <v>18816</v>
      </c>
      <c r="E7782" t="s">
        <v>33138</v>
      </c>
      <c r="F7782">
        <v>4</v>
      </c>
      <c r="G7782" t="s">
        <v>14</v>
      </c>
      <c r="H7782" t="s">
        <v>18817</v>
      </c>
      <c r="I7782" t="s">
        <v>30540</v>
      </c>
    </row>
    <row r="7783" spans="1:9">
      <c r="A7783" s="1">
        <v>0.15190316659279046</v>
      </c>
      <c r="B7783" s="1"/>
      <c r="C7783">
        <v>11</v>
      </c>
      <c r="D7783" t="s">
        <v>18806</v>
      </c>
      <c r="E7783" t="s">
        <v>33139</v>
      </c>
      <c r="F7783">
        <v>5</v>
      </c>
      <c r="G7783" t="s">
        <v>762</v>
      </c>
      <c r="H7783" t="s">
        <v>18807</v>
      </c>
      <c r="I7783" t="s">
        <v>30540</v>
      </c>
    </row>
    <row r="7784" spans="1:9">
      <c r="A7784" s="1">
        <v>0.28053437163176154</v>
      </c>
      <c r="B7784" s="1"/>
      <c r="C7784">
        <v>7</v>
      </c>
      <c r="D7784" t="s">
        <v>18804</v>
      </c>
      <c r="E7784" t="s">
        <v>33139</v>
      </c>
      <c r="F7784">
        <v>4</v>
      </c>
      <c r="G7784" t="s">
        <v>15</v>
      </c>
      <c r="H7784" t="s">
        <v>18805</v>
      </c>
      <c r="I7784" t="s">
        <v>30540</v>
      </c>
    </row>
    <row r="7785" spans="1:9">
      <c r="A7785" s="1">
        <v>0.67201409900783082</v>
      </c>
      <c r="B7785" s="1"/>
      <c r="C7785">
        <v>14</v>
      </c>
      <c r="D7785" t="s">
        <v>18800</v>
      </c>
      <c r="E7785" t="s">
        <v>33140</v>
      </c>
      <c r="F7785">
        <v>5</v>
      </c>
      <c r="G7785" t="s">
        <v>14</v>
      </c>
      <c r="H7785" t="s">
        <v>18801</v>
      </c>
      <c r="I7785" t="s">
        <v>30540</v>
      </c>
    </row>
    <row r="7786" spans="1:9">
      <c r="A7786" s="1">
        <v>0.90134755237394926</v>
      </c>
      <c r="B7786" s="1"/>
      <c r="C7786">
        <v>7</v>
      </c>
      <c r="D7786" t="s">
        <v>18794</v>
      </c>
      <c r="E7786" t="s">
        <v>33140</v>
      </c>
      <c r="F7786">
        <v>5</v>
      </c>
      <c r="G7786" t="s">
        <v>14</v>
      </c>
      <c r="H7786" t="s">
        <v>18795</v>
      </c>
      <c r="I7786" t="s">
        <v>30540</v>
      </c>
    </row>
    <row r="7787" spans="1:9">
      <c r="A7787" s="1">
        <v>0.20273790082302023</v>
      </c>
      <c r="B7787" s="1"/>
      <c r="C7787">
        <v>2</v>
      </c>
      <c r="D7787" t="s">
        <v>18790</v>
      </c>
      <c r="E7787" t="s">
        <v>33140</v>
      </c>
      <c r="F7787">
        <v>4</v>
      </c>
      <c r="G7787" t="s">
        <v>2</v>
      </c>
      <c r="H7787" t="s">
        <v>18791</v>
      </c>
      <c r="I7787" t="s">
        <v>30540</v>
      </c>
    </row>
    <row r="7788" spans="1:9">
      <c r="A7788" s="1">
        <v>0.84395494488713529</v>
      </c>
      <c r="B7788" s="1"/>
      <c r="C7788">
        <v>16</v>
      </c>
      <c r="D7788" t="s">
        <v>18802</v>
      </c>
      <c r="E7788" t="s">
        <v>33140</v>
      </c>
      <c r="F7788">
        <v>4</v>
      </c>
      <c r="G7788" t="s">
        <v>13</v>
      </c>
      <c r="H7788" t="s">
        <v>18803</v>
      </c>
      <c r="I7788" t="s">
        <v>30540</v>
      </c>
    </row>
    <row r="7789" spans="1:9">
      <c r="A7789" s="1">
        <v>0.97086686384970788</v>
      </c>
      <c r="B7789" s="1"/>
      <c r="C7789">
        <v>10</v>
      </c>
      <c r="D7789" t="s">
        <v>18796</v>
      </c>
      <c r="E7789" t="s">
        <v>33140</v>
      </c>
      <c r="F7789">
        <v>4</v>
      </c>
      <c r="G7789" t="s">
        <v>14</v>
      </c>
      <c r="H7789" t="s">
        <v>18797</v>
      </c>
      <c r="I7789" t="s">
        <v>30540</v>
      </c>
    </row>
    <row r="7790" spans="1:9">
      <c r="A7790" s="1">
        <v>0.12855758302682663</v>
      </c>
      <c r="B7790" s="1"/>
      <c r="C7790">
        <v>3</v>
      </c>
      <c r="D7790" t="s">
        <v>18792</v>
      </c>
      <c r="E7790" t="s">
        <v>33140</v>
      </c>
      <c r="F7790">
        <v>4</v>
      </c>
      <c r="G7790" t="s">
        <v>1</v>
      </c>
      <c r="H7790" t="s">
        <v>18793</v>
      </c>
      <c r="I7790" t="s">
        <v>30540</v>
      </c>
    </row>
    <row r="7791" spans="1:9">
      <c r="A7791" s="1">
        <v>0.94620102553222485</v>
      </c>
      <c r="B7791" s="1"/>
      <c r="C7791">
        <v>13</v>
      </c>
      <c r="D7791" t="s">
        <v>18798</v>
      </c>
      <c r="E7791" t="s">
        <v>33140</v>
      </c>
      <c r="F7791">
        <v>4</v>
      </c>
      <c r="G7791" t="s">
        <v>9</v>
      </c>
      <c r="H7791" t="s">
        <v>18799</v>
      </c>
      <c r="I7791" t="s">
        <v>30540</v>
      </c>
    </row>
    <row r="7792" spans="1:9">
      <c r="A7792" s="1">
        <v>0.8228095750337463</v>
      </c>
      <c r="B7792" s="1"/>
      <c r="C7792">
        <v>11</v>
      </c>
      <c r="D7792" t="s">
        <v>18784</v>
      </c>
      <c r="E7792" t="s">
        <v>33141</v>
      </c>
      <c r="F7792">
        <v>5</v>
      </c>
      <c r="G7792" t="s">
        <v>14</v>
      </c>
      <c r="H7792" t="s">
        <v>18785</v>
      </c>
      <c r="I7792" t="s">
        <v>30540</v>
      </c>
    </row>
    <row r="7793" spans="1:9">
      <c r="A7793" s="1">
        <v>0.51431090287321068</v>
      </c>
      <c r="B7793" s="1"/>
      <c r="C7793">
        <v>6</v>
      </c>
      <c r="D7793" t="s">
        <v>18778</v>
      </c>
      <c r="E7793" t="s">
        <v>33141</v>
      </c>
      <c r="F7793">
        <v>4</v>
      </c>
      <c r="G7793" t="s">
        <v>14</v>
      </c>
      <c r="H7793" t="s">
        <v>18779</v>
      </c>
      <c r="I7793" t="s">
        <v>30540</v>
      </c>
    </row>
    <row r="7794" spans="1:9">
      <c r="A7794" s="1">
        <v>0.52073087690862108</v>
      </c>
      <c r="B7794" s="1"/>
      <c r="C7794">
        <v>13</v>
      </c>
      <c r="D7794" t="s">
        <v>18786</v>
      </c>
      <c r="E7794" t="s">
        <v>33141</v>
      </c>
      <c r="F7794">
        <v>4</v>
      </c>
      <c r="G7794" t="s">
        <v>9</v>
      </c>
      <c r="H7794" t="s">
        <v>18787</v>
      </c>
      <c r="I7794" t="s">
        <v>30540</v>
      </c>
    </row>
    <row r="7795" spans="1:9">
      <c r="A7795" s="1">
        <v>0.26449616884519644</v>
      </c>
      <c r="B7795" s="1"/>
      <c r="C7795">
        <v>9</v>
      </c>
      <c r="D7795" t="s">
        <v>18780</v>
      </c>
      <c r="E7795" t="s">
        <v>33141</v>
      </c>
      <c r="F7795">
        <v>4</v>
      </c>
      <c r="G7795" t="s">
        <v>9</v>
      </c>
      <c r="H7795" t="s">
        <v>18781</v>
      </c>
      <c r="I7795" t="s">
        <v>30540</v>
      </c>
    </row>
    <row r="7796" spans="1:9">
      <c r="A7796" s="1">
        <v>0.12536708333952307</v>
      </c>
      <c r="B7796" s="1"/>
      <c r="C7796">
        <v>10</v>
      </c>
      <c r="D7796" t="s">
        <v>18782</v>
      </c>
      <c r="E7796" t="s">
        <v>33141</v>
      </c>
      <c r="F7796">
        <v>4</v>
      </c>
      <c r="G7796" t="s">
        <v>14</v>
      </c>
      <c r="H7796" t="s">
        <v>18783</v>
      </c>
      <c r="I7796" t="s">
        <v>30540</v>
      </c>
    </row>
    <row r="7797" spans="1:9">
      <c r="A7797" s="1">
        <v>0.79699640967914354</v>
      </c>
      <c r="B7797" s="1"/>
      <c r="C7797">
        <v>16</v>
      </c>
      <c r="D7797" t="s">
        <v>18788</v>
      </c>
      <c r="E7797" t="s">
        <v>33141</v>
      </c>
      <c r="F7797">
        <v>3</v>
      </c>
      <c r="G7797" t="s">
        <v>9</v>
      </c>
      <c r="H7797" t="s">
        <v>18789</v>
      </c>
      <c r="I7797" t="s">
        <v>30540</v>
      </c>
    </row>
    <row r="7798" spans="1:9">
      <c r="A7798" s="1">
        <v>0.84978614731580526</v>
      </c>
      <c r="B7798" s="1"/>
      <c r="C7798">
        <v>18</v>
      </c>
      <c r="D7798" t="s">
        <v>18776</v>
      </c>
      <c r="E7798" t="s">
        <v>33142</v>
      </c>
      <c r="F7798">
        <v>5</v>
      </c>
      <c r="G7798" t="s">
        <v>14</v>
      </c>
      <c r="H7798" t="s">
        <v>18777</v>
      </c>
      <c r="I7798" t="s">
        <v>30540</v>
      </c>
    </row>
    <row r="7799" spans="1:9">
      <c r="A7799" s="1">
        <v>0.67940167801395268</v>
      </c>
      <c r="B7799" s="1"/>
      <c r="C7799">
        <v>17</v>
      </c>
      <c r="D7799" t="s">
        <v>18774</v>
      </c>
      <c r="E7799" t="s">
        <v>33142</v>
      </c>
      <c r="F7799">
        <v>4</v>
      </c>
      <c r="G7799" t="s">
        <v>1</v>
      </c>
      <c r="H7799" t="s">
        <v>18775</v>
      </c>
      <c r="I7799" t="s">
        <v>30540</v>
      </c>
    </row>
    <row r="7800" spans="1:9">
      <c r="A7800" s="1">
        <v>0.6513114340676881</v>
      </c>
      <c r="B7800" s="1"/>
      <c r="C7800">
        <v>6</v>
      </c>
      <c r="D7800" t="s">
        <v>18772</v>
      </c>
      <c r="E7800" t="s">
        <v>33142</v>
      </c>
      <c r="F7800">
        <v>3</v>
      </c>
      <c r="G7800" t="s">
        <v>14</v>
      </c>
      <c r="H7800" t="s">
        <v>18773</v>
      </c>
      <c r="I7800" t="s">
        <v>30540</v>
      </c>
    </row>
    <row r="7801" spans="1:9">
      <c r="A7801" s="1">
        <v>0.73125821696113569</v>
      </c>
      <c r="B7801" s="1"/>
      <c r="C7801">
        <v>4</v>
      </c>
      <c r="D7801" t="s">
        <v>18756</v>
      </c>
      <c r="E7801" t="s">
        <v>33143</v>
      </c>
      <c r="F7801">
        <v>5</v>
      </c>
      <c r="G7801" t="s">
        <v>14</v>
      </c>
      <c r="H7801" t="s">
        <v>18757</v>
      </c>
      <c r="I7801" t="s">
        <v>30540</v>
      </c>
    </row>
    <row r="7802" spans="1:9">
      <c r="A7802" s="1">
        <v>0.79877688342136866</v>
      </c>
      <c r="B7802" s="1"/>
      <c r="C7802">
        <v>8</v>
      </c>
      <c r="D7802" t="s">
        <v>18764</v>
      </c>
      <c r="E7802" t="s">
        <v>33143</v>
      </c>
      <c r="F7802">
        <v>5</v>
      </c>
      <c r="G7802" t="s">
        <v>2</v>
      </c>
      <c r="H7802" t="s">
        <v>18765</v>
      </c>
      <c r="I7802" t="s">
        <v>30540</v>
      </c>
    </row>
    <row r="7803" spans="1:9">
      <c r="A7803" s="1">
        <v>7.9736236135961702E-2</v>
      </c>
      <c r="B7803" s="1"/>
      <c r="C7803">
        <v>15</v>
      </c>
      <c r="D7803" t="s">
        <v>18770</v>
      </c>
      <c r="E7803" t="s">
        <v>33143</v>
      </c>
      <c r="F7803">
        <v>4</v>
      </c>
      <c r="G7803" t="s">
        <v>10</v>
      </c>
      <c r="H7803" t="s">
        <v>18771</v>
      </c>
      <c r="I7803" t="s">
        <v>30540</v>
      </c>
    </row>
    <row r="7804" spans="1:9">
      <c r="A7804" s="1">
        <v>0.70698298806457838</v>
      </c>
      <c r="B7804" s="1"/>
      <c r="C7804">
        <v>6</v>
      </c>
      <c r="D7804" t="s">
        <v>18760</v>
      </c>
      <c r="E7804" t="s">
        <v>33143</v>
      </c>
      <c r="F7804">
        <v>4</v>
      </c>
      <c r="G7804" t="s">
        <v>10</v>
      </c>
      <c r="H7804" t="s">
        <v>18761</v>
      </c>
      <c r="I7804" t="s">
        <v>30540</v>
      </c>
    </row>
    <row r="7805" spans="1:9">
      <c r="A7805" s="1">
        <v>0.9141004678452439</v>
      </c>
      <c r="B7805" s="1"/>
      <c r="C7805">
        <v>7</v>
      </c>
      <c r="D7805" t="s">
        <v>18762</v>
      </c>
      <c r="E7805" t="s">
        <v>33143</v>
      </c>
      <c r="F7805">
        <v>4</v>
      </c>
      <c r="G7805" t="s">
        <v>13</v>
      </c>
      <c r="H7805" t="s">
        <v>18763</v>
      </c>
      <c r="I7805" t="s">
        <v>30540</v>
      </c>
    </row>
    <row r="7806" spans="1:9">
      <c r="A7806" s="1">
        <v>0.9461827832409917</v>
      </c>
      <c r="B7806" s="1"/>
      <c r="C7806">
        <v>10</v>
      </c>
      <c r="D7806" t="s">
        <v>18766</v>
      </c>
      <c r="E7806" t="s">
        <v>33143</v>
      </c>
      <c r="F7806">
        <v>4</v>
      </c>
      <c r="G7806" t="s">
        <v>14</v>
      </c>
      <c r="H7806" t="s">
        <v>18767</v>
      </c>
      <c r="I7806" t="s">
        <v>30540</v>
      </c>
    </row>
    <row r="7807" spans="1:9">
      <c r="A7807" s="1">
        <v>0.54214513899144479</v>
      </c>
      <c r="B7807" s="1"/>
      <c r="C7807">
        <v>5</v>
      </c>
      <c r="D7807" t="s">
        <v>18758</v>
      </c>
      <c r="E7807" t="s">
        <v>33143</v>
      </c>
      <c r="F7807">
        <v>4</v>
      </c>
      <c r="G7807" t="s">
        <v>14</v>
      </c>
      <c r="H7807" t="s">
        <v>18759</v>
      </c>
      <c r="I7807" t="s">
        <v>30540</v>
      </c>
    </row>
    <row r="7808" spans="1:9">
      <c r="A7808" s="1">
        <v>6.1342776317484859E-2</v>
      </c>
      <c r="B7808" s="1"/>
      <c r="C7808">
        <v>11</v>
      </c>
      <c r="D7808" t="s">
        <v>18768</v>
      </c>
      <c r="E7808" t="s">
        <v>33143</v>
      </c>
      <c r="F7808">
        <v>3</v>
      </c>
      <c r="G7808" t="s">
        <v>14</v>
      </c>
      <c r="H7808" t="s">
        <v>18769</v>
      </c>
      <c r="I7808" t="s">
        <v>30540</v>
      </c>
    </row>
    <row r="7809" spans="1:9">
      <c r="A7809" s="1">
        <v>0.87218887569897441</v>
      </c>
      <c r="B7809" s="1"/>
      <c r="C7809">
        <v>17</v>
      </c>
      <c r="D7809" t="s">
        <v>18752</v>
      </c>
      <c r="E7809" t="s">
        <v>33144</v>
      </c>
      <c r="F7809">
        <v>5</v>
      </c>
      <c r="G7809" t="s">
        <v>3732</v>
      </c>
      <c r="H7809" t="s">
        <v>18753</v>
      </c>
      <c r="I7809" t="s">
        <v>30540</v>
      </c>
    </row>
    <row r="7810" spans="1:9">
      <c r="A7810" s="1">
        <v>0.19067645972331992</v>
      </c>
      <c r="B7810" s="1"/>
      <c r="C7810">
        <v>2</v>
      </c>
      <c r="D7810" t="s">
        <v>18746</v>
      </c>
      <c r="E7810" t="s">
        <v>33144</v>
      </c>
      <c r="F7810">
        <v>4</v>
      </c>
      <c r="G7810" t="s">
        <v>766</v>
      </c>
      <c r="H7810" t="s">
        <v>18747</v>
      </c>
      <c r="I7810" t="s">
        <v>30540</v>
      </c>
    </row>
    <row r="7811" spans="1:9">
      <c r="A7811" s="1">
        <v>0.20595365945026878</v>
      </c>
      <c r="B7811" s="1"/>
      <c r="C7811">
        <v>16</v>
      </c>
      <c r="D7811" t="s">
        <v>18750</v>
      </c>
      <c r="E7811" t="s">
        <v>33144</v>
      </c>
      <c r="F7811">
        <v>4</v>
      </c>
      <c r="G7811" t="s">
        <v>2</v>
      </c>
      <c r="H7811" t="s">
        <v>18751</v>
      </c>
      <c r="I7811" t="s">
        <v>30540</v>
      </c>
    </row>
    <row r="7812" spans="1:9">
      <c r="A7812" s="1">
        <v>0.80448290560138802</v>
      </c>
      <c r="B7812" s="1"/>
      <c r="C7812">
        <v>8</v>
      </c>
      <c r="D7812" t="s">
        <v>18740</v>
      </c>
      <c r="E7812" t="s">
        <v>33145</v>
      </c>
      <c r="F7812">
        <v>4</v>
      </c>
      <c r="G7812" t="s">
        <v>10</v>
      </c>
      <c r="H7812" t="s">
        <v>18741</v>
      </c>
      <c r="I7812" t="s">
        <v>30540</v>
      </c>
    </row>
    <row r="7813" spans="1:9">
      <c r="A7813" s="1">
        <v>0.1120301693381146</v>
      </c>
      <c r="B7813" s="1"/>
      <c r="C7813">
        <v>15</v>
      </c>
      <c r="D7813" t="s">
        <v>18742</v>
      </c>
      <c r="E7813" t="s">
        <v>33145</v>
      </c>
      <c r="F7813">
        <v>4</v>
      </c>
      <c r="G7813" t="s">
        <v>9</v>
      </c>
      <c r="H7813" t="s">
        <v>18743</v>
      </c>
      <c r="I7813" t="s">
        <v>30540</v>
      </c>
    </row>
    <row r="7814" spans="1:9">
      <c r="A7814" s="1">
        <v>0.41091576873210078</v>
      </c>
      <c r="B7814" s="1"/>
      <c r="C7814">
        <v>18</v>
      </c>
      <c r="D7814" t="s">
        <v>18744</v>
      </c>
      <c r="E7814" t="s">
        <v>33145</v>
      </c>
      <c r="F7814">
        <v>4</v>
      </c>
      <c r="G7814" t="s">
        <v>13</v>
      </c>
      <c r="H7814" t="s">
        <v>18745</v>
      </c>
      <c r="I7814" t="s">
        <v>30540</v>
      </c>
    </row>
    <row r="7815" spans="1:9">
      <c r="A7815" s="1">
        <v>0.45657660010976298</v>
      </c>
      <c r="B7815" s="1"/>
      <c r="C7815">
        <v>9</v>
      </c>
      <c r="D7815" t="s">
        <v>18728</v>
      </c>
      <c r="E7815" t="s">
        <v>33146</v>
      </c>
      <c r="F7815">
        <v>5</v>
      </c>
      <c r="G7815" t="s">
        <v>14</v>
      </c>
      <c r="H7815" t="s">
        <v>18729</v>
      </c>
      <c r="I7815" t="s">
        <v>30540</v>
      </c>
    </row>
    <row r="7816" spans="1:9">
      <c r="A7816" s="1">
        <v>0.92615122441884623</v>
      </c>
      <c r="B7816" s="1"/>
      <c r="C7816">
        <v>8</v>
      </c>
      <c r="D7816" t="s">
        <v>18726</v>
      </c>
      <c r="E7816" t="s">
        <v>33146</v>
      </c>
      <c r="F7816">
        <v>5</v>
      </c>
      <c r="G7816" t="s">
        <v>10</v>
      </c>
      <c r="H7816" t="s">
        <v>18727</v>
      </c>
      <c r="I7816" t="s">
        <v>30540</v>
      </c>
    </row>
    <row r="7817" spans="1:9">
      <c r="A7817" s="1">
        <v>4.4197655045204343E-2</v>
      </c>
      <c r="B7817" s="1"/>
      <c r="C7817">
        <v>20</v>
      </c>
      <c r="D7817" t="s">
        <v>18738</v>
      </c>
      <c r="E7817" t="s">
        <v>33146</v>
      </c>
      <c r="F7817">
        <v>4</v>
      </c>
      <c r="G7817" t="s">
        <v>10</v>
      </c>
      <c r="H7817" t="s">
        <v>18739</v>
      </c>
      <c r="I7817" t="s">
        <v>30540</v>
      </c>
    </row>
    <row r="7818" spans="1:9">
      <c r="A7818" s="1">
        <v>0.23865923191595639</v>
      </c>
      <c r="B7818" s="1"/>
      <c r="C7818">
        <v>18</v>
      </c>
      <c r="D7818" t="s">
        <v>18736</v>
      </c>
      <c r="E7818" t="s">
        <v>33146</v>
      </c>
      <c r="F7818">
        <v>4</v>
      </c>
      <c r="G7818" t="s">
        <v>14</v>
      </c>
      <c r="H7818" t="s">
        <v>18737</v>
      </c>
      <c r="I7818" t="s">
        <v>30540</v>
      </c>
    </row>
    <row r="7819" spans="1:9">
      <c r="A7819" s="1">
        <v>0.63050128266662331</v>
      </c>
      <c r="B7819" s="1"/>
      <c r="C7819">
        <v>12</v>
      </c>
      <c r="D7819" t="s">
        <v>18732</v>
      </c>
      <c r="E7819" t="s">
        <v>33146</v>
      </c>
      <c r="F7819">
        <v>4</v>
      </c>
      <c r="G7819" t="s">
        <v>14</v>
      </c>
      <c r="H7819" t="s">
        <v>18733</v>
      </c>
      <c r="I7819" t="s">
        <v>30540</v>
      </c>
    </row>
    <row r="7820" spans="1:9">
      <c r="A7820" s="1">
        <v>0.66469730012585848</v>
      </c>
      <c r="B7820" s="1"/>
      <c r="C7820">
        <v>10</v>
      </c>
      <c r="D7820" t="s">
        <v>18730</v>
      </c>
      <c r="E7820" t="s">
        <v>33146</v>
      </c>
      <c r="F7820">
        <v>4</v>
      </c>
      <c r="G7820" t="s">
        <v>9</v>
      </c>
      <c r="H7820" t="s">
        <v>18731</v>
      </c>
      <c r="I7820" t="s">
        <v>30540</v>
      </c>
    </row>
    <row r="7821" spans="1:9">
      <c r="A7821" s="1">
        <v>0.44553095718573421</v>
      </c>
      <c r="B7821" s="1"/>
      <c r="C7821">
        <v>15</v>
      </c>
      <c r="D7821" t="s">
        <v>18734</v>
      </c>
      <c r="E7821" t="s">
        <v>33146</v>
      </c>
      <c r="F7821">
        <v>4</v>
      </c>
      <c r="G7821" t="s">
        <v>10</v>
      </c>
      <c r="H7821" t="s">
        <v>18735</v>
      </c>
      <c r="I7821" t="s">
        <v>30540</v>
      </c>
    </row>
    <row r="7822" spans="1:9">
      <c r="A7822" s="1">
        <v>0.65706374369979181</v>
      </c>
      <c r="B7822" s="1"/>
      <c r="C7822">
        <v>17</v>
      </c>
      <c r="D7822" t="s">
        <v>18724</v>
      </c>
      <c r="E7822" t="s">
        <v>33147</v>
      </c>
      <c r="F7822">
        <v>5</v>
      </c>
      <c r="G7822" t="s">
        <v>14</v>
      </c>
      <c r="H7822" t="s">
        <v>18725</v>
      </c>
      <c r="I7822" t="s">
        <v>30540</v>
      </c>
    </row>
    <row r="7823" spans="1:9">
      <c r="A7823" s="1">
        <v>0.81050674330400296</v>
      </c>
      <c r="B7823" s="1"/>
      <c r="C7823">
        <v>15</v>
      </c>
      <c r="D7823" t="s">
        <v>18722</v>
      </c>
      <c r="E7823" t="s">
        <v>33147</v>
      </c>
      <c r="F7823">
        <v>4</v>
      </c>
      <c r="G7823" t="s">
        <v>14</v>
      </c>
      <c r="H7823" t="s">
        <v>18723</v>
      </c>
      <c r="I7823" t="s">
        <v>30540</v>
      </c>
    </row>
    <row r="7824" spans="1:9">
      <c r="A7824" s="1">
        <v>0.88419278278225566</v>
      </c>
      <c r="B7824" s="1"/>
      <c r="C7824">
        <v>11</v>
      </c>
      <c r="D7824" t="s">
        <v>18716</v>
      </c>
      <c r="E7824" t="s">
        <v>33148</v>
      </c>
      <c r="F7824">
        <v>5</v>
      </c>
      <c r="G7824" t="s">
        <v>14</v>
      </c>
      <c r="H7824" t="s">
        <v>18717</v>
      </c>
      <c r="I7824" t="s">
        <v>30540</v>
      </c>
    </row>
    <row r="7825" spans="1:9">
      <c r="A7825" s="1">
        <v>0.84168544279204605</v>
      </c>
      <c r="B7825" s="1"/>
      <c r="C7825">
        <v>4</v>
      </c>
      <c r="D7825" t="s">
        <v>18712</v>
      </c>
      <c r="E7825" t="s">
        <v>33148</v>
      </c>
      <c r="F7825">
        <v>4</v>
      </c>
      <c r="G7825" t="s">
        <v>14</v>
      </c>
      <c r="H7825" t="s">
        <v>18713</v>
      </c>
      <c r="I7825" t="s">
        <v>30540</v>
      </c>
    </row>
    <row r="7826" spans="1:9">
      <c r="A7826" s="1">
        <v>0.32506464238302102</v>
      </c>
      <c r="B7826" s="1"/>
      <c r="C7826">
        <v>16</v>
      </c>
      <c r="D7826" t="s">
        <v>18718</v>
      </c>
      <c r="E7826" t="s">
        <v>33148</v>
      </c>
      <c r="F7826">
        <v>4</v>
      </c>
      <c r="G7826" t="s">
        <v>13</v>
      </c>
      <c r="H7826" t="s">
        <v>18719</v>
      </c>
      <c r="I7826" t="s">
        <v>30540</v>
      </c>
    </row>
    <row r="7827" spans="1:9">
      <c r="A7827" s="1">
        <v>0.84184995398368789</v>
      </c>
      <c r="B7827" s="1"/>
      <c r="C7827">
        <v>20</v>
      </c>
      <c r="D7827" t="s">
        <v>18720</v>
      </c>
      <c r="E7827" t="s">
        <v>33148</v>
      </c>
      <c r="F7827">
        <v>4</v>
      </c>
      <c r="G7827" t="s">
        <v>14</v>
      </c>
      <c r="H7827" t="s">
        <v>18721</v>
      </c>
      <c r="I7827" t="s">
        <v>30540</v>
      </c>
    </row>
    <row r="7828" spans="1:9">
      <c r="A7828" s="1">
        <v>0.23743497205877884</v>
      </c>
      <c r="B7828" s="1"/>
      <c r="C7828">
        <v>8</v>
      </c>
      <c r="D7828" t="s">
        <v>18714</v>
      </c>
      <c r="E7828" t="s">
        <v>33148</v>
      </c>
      <c r="F7828">
        <v>4</v>
      </c>
      <c r="G7828" t="s">
        <v>0</v>
      </c>
      <c r="H7828" t="s">
        <v>18715</v>
      </c>
      <c r="I7828" t="s">
        <v>30540</v>
      </c>
    </row>
    <row r="7829" spans="1:9">
      <c r="A7829" s="1">
        <v>0.72564268494314632</v>
      </c>
      <c r="B7829" s="1"/>
      <c r="C7829">
        <v>20</v>
      </c>
      <c r="D7829" t="s">
        <v>18708</v>
      </c>
      <c r="E7829" t="s">
        <v>33149</v>
      </c>
      <c r="F7829">
        <v>5</v>
      </c>
      <c r="G7829" t="s">
        <v>775</v>
      </c>
      <c r="H7829" t="s">
        <v>18709</v>
      </c>
      <c r="I7829" t="s">
        <v>30540</v>
      </c>
    </row>
    <row r="7830" spans="1:9">
      <c r="A7830" s="1">
        <v>0.14624513019163654</v>
      </c>
      <c r="B7830" s="1"/>
      <c r="C7830">
        <v>11</v>
      </c>
      <c r="D7830" t="s">
        <v>18702</v>
      </c>
      <c r="E7830" t="s">
        <v>33149</v>
      </c>
      <c r="F7830">
        <v>4</v>
      </c>
      <c r="G7830" t="s">
        <v>1431</v>
      </c>
      <c r="H7830" t="s">
        <v>18703</v>
      </c>
      <c r="I7830" t="s">
        <v>30540</v>
      </c>
    </row>
    <row r="7831" spans="1:9">
      <c r="A7831" s="1">
        <v>0.80639815662559733</v>
      </c>
      <c r="B7831" s="1"/>
      <c r="C7831">
        <v>9</v>
      </c>
      <c r="D7831" t="s">
        <v>18700</v>
      </c>
      <c r="E7831" t="s">
        <v>33149</v>
      </c>
      <c r="F7831">
        <v>4</v>
      </c>
      <c r="G7831" t="s">
        <v>3732</v>
      </c>
      <c r="H7831" t="s">
        <v>18701</v>
      </c>
      <c r="I7831" t="s">
        <v>30540</v>
      </c>
    </row>
    <row r="7832" spans="1:9">
      <c r="A7832" s="1">
        <v>6.5012603199704144E-2</v>
      </c>
      <c r="B7832" s="1"/>
      <c r="C7832">
        <v>15</v>
      </c>
      <c r="D7832" t="s">
        <v>18704</v>
      </c>
      <c r="E7832" t="s">
        <v>33149</v>
      </c>
      <c r="F7832">
        <v>4</v>
      </c>
      <c r="G7832" t="s">
        <v>1426</v>
      </c>
      <c r="H7832" t="s">
        <v>18705</v>
      </c>
      <c r="I7832" t="s">
        <v>30540</v>
      </c>
    </row>
    <row r="7833" spans="1:9">
      <c r="A7833" s="1">
        <v>0.12116053830270623</v>
      </c>
      <c r="B7833" s="1"/>
      <c r="C7833">
        <v>2</v>
      </c>
      <c r="D7833" t="s">
        <v>18698</v>
      </c>
      <c r="E7833" t="s">
        <v>33149</v>
      </c>
      <c r="F7833">
        <v>4</v>
      </c>
      <c r="G7833" t="s">
        <v>1</v>
      </c>
      <c r="H7833" t="s">
        <v>18699</v>
      </c>
      <c r="I7833" t="s">
        <v>30540</v>
      </c>
    </row>
    <row r="7834" spans="1:9">
      <c r="A7834" s="1">
        <v>0.3586453236370043</v>
      </c>
      <c r="B7834" s="1"/>
      <c r="C7834">
        <v>7</v>
      </c>
      <c r="D7834" t="s">
        <v>18690</v>
      </c>
      <c r="E7834" t="s">
        <v>33150</v>
      </c>
      <c r="F7834">
        <v>5</v>
      </c>
      <c r="G7834" t="s">
        <v>1</v>
      </c>
      <c r="H7834" t="s">
        <v>18691</v>
      </c>
      <c r="I7834" t="s">
        <v>30540</v>
      </c>
    </row>
    <row r="7835" spans="1:9">
      <c r="A7835" s="1">
        <v>0.35583680016995678</v>
      </c>
      <c r="B7835" s="1"/>
      <c r="C7835">
        <v>16</v>
      </c>
      <c r="D7835" t="s">
        <v>18694</v>
      </c>
      <c r="E7835" t="s">
        <v>33150</v>
      </c>
      <c r="F7835">
        <v>5</v>
      </c>
      <c r="G7835" t="s">
        <v>14</v>
      </c>
      <c r="H7835" t="s">
        <v>18695</v>
      </c>
      <c r="I7835" t="s">
        <v>30540</v>
      </c>
    </row>
    <row r="7836" spans="1:9">
      <c r="A7836" s="1">
        <v>0.149993032157128</v>
      </c>
      <c r="B7836" s="1"/>
      <c r="C7836">
        <v>19</v>
      </c>
      <c r="D7836" t="s">
        <v>18696</v>
      </c>
      <c r="E7836" t="s">
        <v>33150</v>
      </c>
      <c r="F7836">
        <v>5</v>
      </c>
      <c r="G7836" t="s">
        <v>14</v>
      </c>
      <c r="H7836" t="s">
        <v>18697</v>
      </c>
      <c r="I7836" t="s">
        <v>30540</v>
      </c>
    </row>
    <row r="7837" spans="1:9">
      <c r="A7837" s="1">
        <v>0.44906845883160651</v>
      </c>
      <c r="B7837" s="1"/>
      <c r="C7837">
        <v>5</v>
      </c>
      <c r="D7837" t="s">
        <v>18686</v>
      </c>
      <c r="E7837" t="s">
        <v>33150</v>
      </c>
      <c r="F7837">
        <v>4</v>
      </c>
      <c r="G7837" t="s">
        <v>15</v>
      </c>
      <c r="H7837" t="s">
        <v>18687</v>
      </c>
      <c r="I7837" t="s">
        <v>30540</v>
      </c>
    </row>
    <row r="7838" spans="1:9">
      <c r="A7838" s="1">
        <v>0.97648511058411913</v>
      </c>
      <c r="B7838" s="1"/>
      <c r="C7838">
        <v>6</v>
      </c>
      <c r="D7838" t="s">
        <v>18688</v>
      </c>
      <c r="E7838" t="s">
        <v>33150</v>
      </c>
      <c r="F7838">
        <v>4</v>
      </c>
      <c r="G7838" t="s">
        <v>14</v>
      </c>
      <c r="H7838" t="s">
        <v>18689</v>
      </c>
      <c r="I7838" t="s">
        <v>30540</v>
      </c>
    </row>
    <row r="7839" spans="1:9">
      <c r="A7839" s="1">
        <v>0.80045872229959536</v>
      </c>
      <c r="B7839" s="1"/>
      <c r="C7839">
        <v>14</v>
      </c>
      <c r="D7839" t="s">
        <v>18678</v>
      </c>
      <c r="E7839" t="s">
        <v>33151</v>
      </c>
      <c r="F7839">
        <v>4</v>
      </c>
      <c r="G7839" t="s">
        <v>13</v>
      </c>
      <c r="H7839" t="s">
        <v>18679</v>
      </c>
      <c r="I7839" t="s">
        <v>30540</v>
      </c>
    </row>
    <row r="7840" spans="1:9">
      <c r="A7840" s="1">
        <v>0.90882343508559593</v>
      </c>
      <c r="B7840" s="1"/>
      <c r="C7840">
        <v>18</v>
      </c>
      <c r="D7840" t="s">
        <v>18682</v>
      </c>
      <c r="E7840" t="s">
        <v>33151</v>
      </c>
      <c r="F7840">
        <v>4</v>
      </c>
      <c r="G7840" t="s">
        <v>10</v>
      </c>
      <c r="H7840" t="s">
        <v>18683</v>
      </c>
      <c r="I7840" t="s">
        <v>30540</v>
      </c>
    </row>
    <row r="7841" spans="1:9">
      <c r="A7841" s="1">
        <v>0.26181741319014229</v>
      </c>
      <c r="B7841" s="1"/>
      <c r="C7841">
        <v>16</v>
      </c>
      <c r="D7841" t="s">
        <v>18680</v>
      </c>
      <c r="E7841" t="s">
        <v>33151</v>
      </c>
      <c r="F7841">
        <v>4</v>
      </c>
      <c r="G7841" t="s">
        <v>1</v>
      </c>
      <c r="H7841" t="s">
        <v>18681</v>
      </c>
      <c r="I7841" t="s">
        <v>30540</v>
      </c>
    </row>
    <row r="7842" spans="1:9">
      <c r="A7842" s="1">
        <v>0.9139041427754695</v>
      </c>
      <c r="B7842" s="1"/>
      <c r="C7842">
        <v>4</v>
      </c>
      <c r="D7842" t="s">
        <v>18676</v>
      </c>
      <c r="E7842" t="s">
        <v>33151</v>
      </c>
      <c r="F7842">
        <v>4</v>
      </c>
      <c r="G7842" t="s">
        <v>10</v>
      </c>
      <c r="H7842" t="s">
        <v>18677</v>
      </c>
      <c r="I7842" t="s">
        <v>30540</v>
      </c>
    </row>
    <row r="7843" spans="1:9">
      <c r="A7843" s="1">
        <v>0.68102175800769171</v>
      </c>
      <c r="B7843" s="1"/>
      <c r="C7843">
        <v>1</v>
      </c>
      <c r="D7843" t="s">
        <v>18674</v>
      </c>
      <c r="E7843" t="s">
        <v>33151</v>
      </c>
      <c r="F7843">
        <v>4</v>
      </c>
      <c r="G7843" t="s">
        <v>14</v>
      </c>
      <c r="H7843" t="s">
        <v>18675</v>
      </c>
      <c r="I7843" t="s">
        <v>30540</v>
      </c>
    </row>
    <row r="7844" spans="1:9">
      <c r="A7844" s="1">
        <v>0.40105921084872231</v>
      </c>
      <c r="B7844" s="1"/>
      <c r="C7844">
        <v>5</v>
      </c>
      <c r="D7844" t="s">
        <v>18666</v>
      </c>
      <c r="E7844" t="s">
        <v>33152</v>
      </c>
      <c r="F7844">
        <v>4</v>
      </c>
      <c r="G7844" t="s">
        <v>0</v>
      </c>
      <c r="H7844" t="s">
        <v>18667</v>
      </c>
      <c r="I7844" t="s">
        <v>30540</v>
      </c>
    </row>
    <row r="7845" spans="1:9">
      <c r="A7845" s="1">
        <v>7.9601070321050349E-3</v>
      </c>
      <c r="B7845" s="1"/>
      <c r="C7845">
        <v>17</v>
      </c>
      <c r="D7845" t="s">
        <v>18668</v>
      </c>
      <c r="E7845" t="s">
        <v>33152</v>
      </c>
      <c r="F7845">
        <v>4</v>
      </c>
      <c r="G7845" t="s">
        <v>3732</v>
      </c>
      <c r="H7845" t="s">
        <v>18669</v>
      </c>
      <c r="I7845" t="s">
        <v>30540</v>
      </c>
    </row>
    <row r="7846" spans="1:9">
      <c r="A7846" s="1">
        <v>0.76556629446432323</v>
      </c>
      <c r="B7846" s="1"/>
      <c r="C7846">
        <v>20</v>
      </c>
      <c r="D7846" t="s">
        <v>18672</v>
      </c>
      <c r="E7846" t="s">
        <v>33152</v>
      </c>
      <c r="F7846">
        <v>4</v>
      </c>
      <c r="G7846" t="s">
        <v>2</v>
      </c>
      <c r="H7846" t="s">
        <v>18673</v>
      </c>
      <c r="I7846" t="s">
        <v>30540</v>
      </c>
    </row>
    <row r="7847" spans="1:9">
      <c r="A7847" s="1">
        <v>0.49236507491691084</v>
      </c>
      <c r="B7847" s="1"/>
      <c r="C7847">
        <v>18</v>
      </c>
      <c r="D7847" t="s">
        <v>18670</v>
      </c>
      <c r="E7847" t="s">
        <v>33152</v>
      </c>
      <c r="F7847">
        <v>3</v>
      </c>
      <c r="G7847" t="s">
        <v>14</v>
      </c>
      <c r="H7847" t="s">
        <v>18671</v>
      </c>
      <c r="I7847" t="s">
        <v>30540</v>
      </c>
    </row>
    <row r="7848" spans="1:9">
      <c r="A7848" s="1">
        <v>0.73184027443902877</v>
      </c>
      <c r="B7848" s="1"/>
      <c r="C7848">
        <v>1</v>
      </c>
      <c r="D7848" t="s">
        <v>18664</v>
      </c>
      <c r="E7848" t="s">
        <v>33152</v>
      </c>
      <c r="F7848">
        <v>3</v>
      </c>
      <c r="G7848" t="s">
        <v>13</v>
      </c>
      <c r="H7848" t="s">
        <v>18665</v>
      </c>
      <c r="I7848" t="s">
        <v>30540</v>
      </c>
    </row>
    <row r="7849" spans="1:9">
      <c r="A7849" s="1">
        <v>0.94808060788685844</v>
      </c>
      <c r="B7849" s="1"/>
      <c r="C7849">
        <v>20</v>
      </c>
      <c r="D7849" t="s">
        <v>18662</v>
      </c>
      <c r="E7849" t="s">
        <v>33153</v>
      </c>
      <c r="F7849">
        <v>5</v>
      </c>
      <c r="G7849" t="s">
        <v>10</v>
      </c>
      <c r="H7849" t="s">
        <v>18663</v>
      </c>
      <c r="I7849" t="s">
        <v>30540</v>
      </c>
    </row>
    <row r="7850" spans="1:9">
      <c r="A7850" s="1">
        <v>0.97675806312353974</v>
      </c>
      <c r="B7850" s="1"/>
      <c r="C7850">
        <v>15</v>
      </c>
      <c r="D7850" t="s">
        <v>18656</v>
      </c>
      <c r="E7850" t="s">
        <v>33153</v>
      </c>
      <c r="F7850">
        <v>4</v>
      </c>
      <c r="G7850" t="s">
        <v>10</v>
      </c>
      <c r="H7850" t="s">
        <v>18657</v>
      </c>
      <c r="I7850" t="s">
        <v>30540</v>
      </c>
    </row>
    <row r="7851" spans="1:9">
      <c r="A7851" s="1">
        <v>0.46454969096701149</v>
      </c>
      <c r="B7851" s="1"/>
      <c r="C7851">
        <v>6</v>
      </c>
      <c r="D7851" t="s">
        <v>18644</v>
      </c>
      <c r="E7851" t="s">
        <v>33154</v>
      </c>
      <c r="F7851">
        <v>5</v>
      </c>
      <c r="G7851" t="s">
        <v>10</v>
      </c>
      <c r="H7851" t="s">
        <v>18645</v>
      </c>
      <c r="I7851" t="s">
        <v>30540</v>
      </c>
    </row>
    <row r="7852" spans="1:9">
      <c r="A7852" s="1">
        <v>0.84220946575760924</v>
      </c>
      <c r="B7852" s="1"/>
      <c r="C7852">
        <v>8</v>
      </c>
      <c r="D7852" t="s">
        <v>18648</v>
      </c>
      <c r="E7852" t="s">
        <v>33154</v>
      </c>
      <c r="F7852">
        <v>4</v>
      </c>
      <c r="G7852" t="s">
        <v>10</v>
      </c>
      <c r="H7852" t="s">
        <v>18649</v>
      </c>
      <c r="I7852" t="s">
        <v>30540</v>
      </c>
    </row>
    <row r="7853" spans="1:9">
      <c r="A7853" s="1">
        <v>0.76244565946198417</v>
      </c>
      <c r="B7853" s="1"/>
      <c r="C7853">
        <v>13</v>
      </c>
      <c r="D7853" t="s">
        <v>18652</v>
      </c>
      <c r="E7853" t="s">
        <v>33154</v>
      </c>
      <c r="F7853">
        <v>4</v>
      </c>
      <c r="G7853" t="s">
        <v>10</v>
      </c>
      <c r="H7853" t="s">
        <v>18653</v>
      </c>
      <c r="I7853" t="s">
        <v>30540</v>
      </c>
    </row>
    <row r="7854" spans="1:9">
      <c r="A7854" s="1">
        <v>0.25525490293522302</v>
      </c>
      <c r="B7854" s="1"/>
      <c r="C7854">
        <v>10</v>
      </c>
      <c r="D7854" t="s">
        <v>18650</v>
      </c>
      <c r="E7854" t="s">
        <v>33154</v>
      </c>
      <c r="F7854">
        <v>4</v>
      </c>
      <c r="G7854" t="s">
        <v>13</v>
      </c>
      <c r="H7854" t="s">
        <v>18651</v>
      </c>
      <c r="I7854" t="s">
        <v>30540</v>
      </c>
    </row>
    <row r="7855" spans="1:9">
      <c r="A7855" s="1">
        <v>0.44366081811067648</v>
      </c>
      <c r="B7855" s="1"/>
      <c r="C7855">
        <v>7</v>
      </c>
      <c r="D7855" t="s">
        <v>18646</v>
      </c>
      <c r="E7855" t="s">
        <v>33154</v>
      </c>
      <c r="F7855">
        <v>4</v>
      </c>
      <c r="G7855" t="s">
        <v>10</v>
      </c>
      <c r="H7855" t="s">
        <v>18647</v>
      </c>
      <c r="I7855" t="s">
        <v>30540</v>
      </c>
    </row>
    <row r="7856" spans="1:9">
      <c r="A7856" s="1">
        <v>3.8575718927341351E-2</v>
      </c>
      <c r="B7856" s="1"/>
      <c r="C7856">
        <v>12</v>
      </c>
      <c r="D7856" t="s">
        <v>18638</v>
      </c>
      <c r="E7856" t="s">
        <v>33155</v>
      </c>
      <c r="F7856">
        <v>5</v>
      </c>
      <c r="G7856" t="s">
        <v>13</v>
      </c>
      <c r="H7856" t="s">
        <v>18639</v>
      </c>
      <c r="I7856" t="s">
        <v>30540</v>
      </c>
    </row>
    <row r="7857" spans="1:9">
      <c r="A7857" s="1">
        <v>4.9652470463739773E-2</v>
      </c>
      <c r="B7857" s="1"/>
      <c r="C7857">
        <v>7</v>
      </c>
      <c r="D7857" t="s">
        <v>18636</v>
      </c>
      <c r="E7857" t="s">
        <v>33155</v>
      </c>
      <c r="F7857">
        <v>4</v>
      </c>
      <c r="G7857" t="s">
        <v>10</v>
      </c>
      <c r="H7857" t="s">
        <v>18637</v>
      </c>
      <c r="I7857" t="s">
        <v>30540</v>
      </c>
    </row>
    <row r="7858" spans="1:9">
      <c r="A7858" s="1">
        <v>0.8802463293962296</v>
      </c>
      <c r="B7858" s="1"/>
      <c r="C7858">
        <v>4</v>
      </c>
      <c r="D7858" t="s">
        <v>18634</v>
      </c>
      <c r="E7858" t="s">
        <v>33155</v>
      </c>
      <c r="F7858">
        <v>3</v>
      </c>
      <c r="G7858" t="s">
        <v>15</v>
      </c>
      <c r="H7858" t="s">
        <v>18635</v>
      </c>
      <c r="I7858" t="s">
        <v>30540</v>
      </c>
    </row>
    <row r="7859" spans="1:9">
      <c r="A7859" s="1">
        <v>1.4085522084051894E-2</v>
      </c>
      <c r="B7859" s="1"/>
      <c r="C7859">
        <v>17</v>
      </c>
      <c r="D7859" t="s">
        <v>18642</v>
      </c>
      <c r="E7859" t="s">
        <v>33155</v>
      </c>
      <c r="F7859">
        <v>3</v>
      </c>
      <c r="G7859" t="s">
        <v>10</v>
      </c>
      <c r="H7859" t="s">
        <v>18643</v>
      </c>
      <c r="I7859" t="s">
        <v>30540</v>
      </c>
    </row>
    <row r="7860" spans="1:9">
      <c r="A7860" s="1">
        <v>0.29740230235670861</v>
      </c>
      <c r="B7860" s="1"/>
      <c r="C7860">
        <v>8</v>
      </c>
      <c r="D7860" t="s">
        <v>18624</v>
      </c>
      <c r="E7860" t="s">
        <v>33156</v>
      </c>
      <c r="F7860">
        <v>4</v>
      </c>
      <c r="G7860" t="s">
        <v>14</v>
      </c>
      <c r="H7860" t="s">
        <v>18625</v>
      </c>
      <c r="I7860" t="s">
        <v>30540</v>
      </c>
    </row>
    <row r="7861" spans="1:9">
      <c r="A7861" s="1">
        <v>0.91108179037897408</v>
      </c>
      <c r="B7861" s="1"/>
      <c r="C7861">
        <v>14</v>
      </c>
      <c r="D7861" t="s">
        <v>18630</v>
      </c>
      <c r="E7861" t="s">
        <v>33156</v>
      </c>
      <c r="F7861">
        <v>4</v>
      </c>
      <c r="G7861" t="s">
        <v>14</v>
      </c>
      <c r="H7861" t="s">
        <v>18631</v>
      </c>
      <c r="I7861" t="s">
        <v>30540</v>
      </c>
    </row>
    <row r="7862" spans="1:9">
      <c r="A7862" s="1">
        <v>6.1985701821141714E-2</v>
      </c>
      <c r="B7862" s="1"/>
      <c r="C7862">
        <v>5</v>
      </c>
      <c r="D7862" t="s">
        <v>18620</v>
      </c>
      <c r="E7862" t="s">
        <v>33156</v>
      </c>
      <c r="F7862">
        <v>4</v>
      </c>
      <c r="G7862" t="s">
        <v>0</v>
      </c>
      <c r="H7862" t="s">
        <v>18621</v>
      </c>
      <c r="I7862" t="s">
        <v>30540</v>
      </c>
    </row>
    <row r="7863" spans="1:9">
      <c r="A7863" s="1">
        <v>0.39835112094138458</v>
      </c>
      <c r="B7863" s="1"/>
      <c r="C7863">
        <v>18</v>
      </c>
      <c r="D7863" t="s">
        <v>18632</v>
      </c>
      <c r="E7863" t="s">
        <v>33156</v>
      </c>
      <c r="F7863">
        <v>4</v>
      </c>
      <c r="G7863" t="s">
        <v>14</v>
      </c>
      <c r="H7863" t="s">
        <v>18633</v>
      </c>
      <c r="I7863" t="s">
        <v>30540</v>
      </c>
    </row>
    <row r="7864" spans="1:9">
      <c r="A7864" s="1">
        <v>0.18567134620684678</v>
      </c>
      <c r="B7864" s="1"/>
      <c r="C7864">
        <v>10</v>
      </c>
      <c r="D7864" t="s">
        <v>18626</v>
      </c>
      <c r="E7864" t="s">
        <v>33156</v>
      </c>
      <c r="F7864">
        <v>4</v>
      </c>
      <c r="G7864" t="s">
        <v>14</v>
      </c>
      <c r="H7864" t="s">
        <v>18627</v>
      </c>
      <c r="I7864" t="s">
        <v>30540</v>
      </c>
    </row>
    <row r="7865" spans="1:9">
      <c r="A7865" s="1">
        <v>0.96138924420924521</v>
      </c>
      <c r="B7865" s="1"/>
      <c r="C7865">
        <v>7</v>
      </c>
      <c r="D7865" t="s">
        <v>18608</v>
      </c>
      <c r="E7865" t="s">
        <v>33157</v>
      </c>
      <c r="F7865">
        <v>5</v>
      </c>
      <c r="G7865" t="s">
        <v>2</v>
      </c>
      <c r="H7865" t="s">
        <v>18609</v>
      </c>
      <c r="I7865" t="s">
        <v>30540</v>
      </c>
    </row>
    <row r="7866" spans="1:9">
      <c r="A7866" s="1">
        <v>0.66806933892435905</v>
      </c>
      <c r="B7866" s="1"/>
      <c r="C7866">
        <v>4</v>
      </c>
      <c r="D7866" t="s">
        <v>18606</v>
      </c>
      <c r="E7866" t="s">
        <v>33157</v>
      </c>
      <c r="F7866">
        <v>4</v>
      </c>
      <c r="G7866" t="s">
        <v>15</v>
      </c>
      <c r="H7866" t="s">
        <v>18607</v>
      </c>
      <c r="I7866" t="s">
        <v>30540</v>
      </c>
    </row>
    <row r="7867" spans="1:9">
      <c r="A7867" s="1">
        <v>0.81956942903123897</v>
      </c>
      <c r="B7867" s="1"/>
      <c r="C7867">
        <v>8</v>
      </c>
      <c r="D7867" t="s">
        <v>18610</v>
      </c>
      <c r="E7867" t="s">
        <v>33157</v>
      </c>
      <c r="F7867">
        <v>4</v>
      </c>
      <c r="G7867" t="s">
        <v>1</v>
      </c>
      <c r="H7867" t="s">
        <v>18611</v>
      </c>
      <c r="I7867" t="s">
        <v>30540</v>
      </c>
    </row>
    <row r="7868" spans="1:9">
      <c r="A7868" s="1">
        <v>0.6686451627625104</v>
      </c>
      <c r="B7868" s="1"/>
      <c r="C7868">
        <v>16</v>
      </c>
      <c r="D7868" t="s">
        <v>18616</v>
      </c>
      <c r="E7868" t="s">
        <v>33157</v>
      </c>
      <c r="F7868">
        <v>4</v>
      </c>
      <c r="G7868" t="s">
        <v>14</v>
      </c>
      <c r="H7868" t="s">
        <v>18617</v>
      </c>
      <c r="I7868" t="s">
        <v>30540</v>
      </c>
    </row>
    <row r="7869" spans="1:9">
      <c r="A7869" s="1">
        <v>0.14704142132042108</v>
      </c>
      <c r="B7869" s="1"/>
      <c r="C7869">
        <v>11</v>
      </c>
      <c r="D7869" t="s">
        <v>18614</v>
      </c>
      <c r="E7869" t="s">
        <v>33157</v>
      </c>
      <c r="F7869">
        <v>4</v>
      </c>
      <c r="G7869" t="s">
        <v>14</v>
      </c>
      <c r="H7869" t="s">
        <v>18615</v>
      </c>
      <c r="I7869" t="s">
        <v>30540</v>
      </c>
    </row>
    <row r="7870" spans="1:9">
      <c r="A7870" s="1">
        <v>0.3974064098462059</v>
      </c>
      <c r="B7870" s="1"/>
      <c r="C7870">
        <v>3</v>
      </c>
      <c r="D7870" t="s">
        <v>18604</v>
      </c>
      <c r="E7870" t="s">
        <v>33157</v>
      </c>
      <c r="F7870">
        <v>3</v>
      </c>
      <c r="G7870" t="s">
        <v>1431</v>
      </c>
      <c r="H7870" t="s">
        <v>18605</v>
      </c>
      <c r="I7870" t="s">
        <v>30540</v>
      </c>
    </row>
    <row r="7871" spans="1:9">
      <c r="A7871" s="1">
        <v>0.63858714835196384</v>
      </c>
      <c r="B7871" s="1"/>
      <c r="C7871">
        <v>9</v>
      </c>
      <c r="D7871" t="s">
        <v>18598</v>
      </c>
      <c r="E7871" t="s">
        <v>33158</v>
      </c>
      <c r="F7871">
        <v>5</v>
      </c>
      <c r="G7871" t="s">
        <v>14</v>
      </c>
      <c r="H7871" t="s">
        <v>18599</v>
      </c>
      <c r="I7871" t="s">
        <v>30540</v>
      </c>
    </row>
    <row r="7872" spans="1:9">
      <c r="A7872" s="1">
        <v>0.77463293187016502</v>
      </c>
      <c r="B7872" s="1"/>
      <c r="C7872">
        <v>13</v>
      </c>
      <c r="D7872" t="s">
        <v>18600</v>
      </c>
      <c r="E7872" t="s">
        <v>33158</v>
      </c>
      <c r="F7872">
        <v>4</v>
      </c>
      <c r="G7872" t="s">
        <v>1</v>
      </c>
      <c r="H7872" t="s">
        <v>18601</v>
      </c>
      <c r="I7872" t="s">
        <v>30540</v>
      </c>
    </row>
    <row r="7873" spans="1:9">
      <c r="A7873" s="1">
        <v>0.5806560491341759</v>
      </c>
      <c r="B7873" s="1"/>
      <c r="C7873">
        <v>6</v>
      </c>
      <c r="D7873" t="s">
        <v>18590</v>
      </c>
      <c r="E7873" t="s">
        <v>33159</v>
      </c>
      <c r="F7873">
        <v>5</v>
      </c>
      <c r="G7873" t="s">
        <v>14</v>
      </c>
      <c r="H7873" t="s">
        <v>18591</v>
      </c>
      <c r="I7873" t="s">
        <v>30540</v>
      </c>
    </row>
    <row r="7874" spans="1:9">
      <c r="A7874" s="1">
        <v>0.38709568412164663</v>
      </c>
      <c r="B7874" s="1"/>
      <c r="C7874">
        <v>2</v>
      </c>
      <c r="D7874" t="s">
        <v>18586</v>
      </c>
      <c r="E7874" t="s">
        <v>33159</v>
      </c>
      <c r="F7874">
        <v>4</v>
      </c>
      <c r="G7874" t="s">
        <v>10</v>
      </c>
      <c r="H7874" t="s">
        <v>18587</v>
      </c>
      <c r="I7874" t="s">
        <v>30540</v>
      </c>
    </row>
    <row r="7875" spans="1:9">
      <c r="A7875" s="1">
        <v>0.3491280363544409</v>
      </c>
      <c r="B7875" s="1"/>
      <c r="C7875">
        <v>15</v>
      </c>
      <c r="D7875" t="s">
        <v>18592</v>
      </c>
      <c r="E7875" t="s">
        <v>33159</v>
      </c>
      <c r="F7875">
        <v>4</v>
      </c>
      <c r="G7875" t="s">
        <v>0</v>
      </c>
      <c r="H7875" t="s">
        <v>18593</v>
      </c>
      <c r="I7875" t="s">
        <v>30540</v>
      </c>
    </row>
    <row r="7876" spans="1:9">
      <c r="A7876" s="1">
        <v>0.39981524267004998</v>
      </c>
      <c r="B7876" s="1"/>
      <c r="C7876">
        <v>18</v>
      </c>
      <c r="D7876" t="s">
        <v>18596</v>
      </c>
      <c r="E7876" t="s">
        <v>33159</v>
      </c>
      <c r="F7876">
        <v>4</v>
      </c>
      <c r="G7876" t="s">
        <v>14</v>
      </c>
      <c r="H7876" t="s">
        <v>18597</v>
      </c>
      <c r="I7876" t="s">
        <v>30540</v>
      </c>
    </row>
    <row r="7877" spans="1:9">
      <c r="A7877" s="1">
        <v>0.47123709190430585</v>
      </c>
      <c r="B7877" s="1"/>
      <c r="C7877">
        <v>3</v>
      </c>
      <c r="D7877" t="s">
        <v>18588</v>
      </c>
      <c r="E7877" t="s">
        <v>33159</v>
      </c>
      <c r="F7877">
        <v>3</v>
      </c>
      <c r="G7877" t="s">
        <v>10</v>
      </c>
      <c r="H7877" t="s">
        <v>18589</v>
      </c>
      <c r="I7877" t="s">
        <v>30540</v>
      </c>
    </row>
    <row r="7878" spans="1:9">
      <c r="A7878" s="1">
        <v>0.47122744797428073</v>
      </c>
      <c r="B7878" s="1"/>
      <c r="C7878">
        <v>17</v>
      </c>
      <c r="D7878" t="s">
        <v>18594</v>
      </c>
      <c r="E7878" t="s">
        <v>33159</v>
      </c>
      <c r="F7878">
        <v>3</v>
      </c>
      <c r="G7878" t="s">
        <v>0</v>
      </c>
      <c r="H7878" t="s">
        <v>18595</v>
      </c>
      <c r="I7878" t="s">
        <v>30540</v>
      </c>
    </row>
    <row r="7879" spans="1:9">
      <c r="A7879" s="1">
        <v>0.61255476869424341</v>
      </c>
      <c r="B7879" s="1"/>
      <c r="C7879">
        <v>8</v>
      </c>
      <c r="D7879" t="s">
        <v>18580</v>
      </c>
      <c r="E7879" t="s">
        <v>33160</v>
      </c>
      <c r="F7879">
        <v>5</v>
      </c>
      <c r="G7879" t="s">
        <v>14</v>
      </c>
      <c r="H7879" t="s">
        <v>18581</v>
      </c>
      <c r="I7879" t="s">
        <v>30540</v>
      </c>
    </row>
    <row r="7880" spans="1:9">
      <c r="A7880" s="1">
        <v>0.69199762781763952</v>
      </c>
      <c r="B7880" s="1"/>
      <c r="C7880">
        <v>18</v>
      </c>
      <c r="D7880" t="s">
        <v>18582</v>
      </c>
      <c r="E7880" t="s">
        <v>33160</v>
      </c>
      <c r="F7880">
        <v>5</v>
      </c>
      <c r="G7880" t="s">
        <v>14</v>
      </c>
      <c r="H7880" t="s">
        <v>18583</v>
      </c>
      <c r="I7880" t="s">
        <v>30540</v>
      </c>
    </row>
    <row r="7881" spans="1:9">
      <c r="A7881" s="1">
        <v>5.0998841042276033E-2</v>
      </c>
      <c r="B7881" s="1"/>
      <c r="C7881">
        <v>20</v>
      </c>
      <c r="D7881" t="s">
        <v>18584</v>
      </c>
      <c r="E7881" t="s">
        <v>33160</v>
      </c>
      <c r="F7881">
        <v>5</v>
      </c>
      <c r="G7881" t="s">
        <v>13</v>
      </c>
      <c r="H7881" t="s">
        <v>18585</v>
      </c>
      <c r="I7881" t="s">
        <v>30540</v>
      </c>
    </row>
    <row r="7882" spans="1:9">
      <c r="A7882" s="1">
        <v>0.13297297643120876</v>
      </c>
      <c r="B7882" s="1"/>
      <c r="C7882">
        <v>15</v>
      </c>
      <c r="D7882" t="s">
        <v>18576</v>
      </c>
      <c r="E7882" t="s">
        <v>33161</v>
      </c>
      <c r="F7882">
        <v>5</v>
      </c>
      <c r="G7882" t="s">
        <v>9</v>
      </c>
      <c r="H7882" t="s">
        <v>18577</v>
      </c>
      <c r="I7882" t="s">
        <v>30540</v>
      </c>
    </row>
    <row r="7883" spans="1:9">
      <c r="A7883" s="1">
        <v>0.58711794928955008</v>
      </c>
      <c r="B7883" s="1"/>
      <c r="C7883">
        <v>16</v>
      </c>
      <c r="D7883" t="s">
        <v>18578</v>
      </c>
      <c r="E7883" t="s">
        <v>33161</v>
      </c>
      <c r="F7883">
        <v>5</v>
      </c>
      <c r="G7883" t="s">
        <v>1</v>
      </c>
      <c r="H7883" t="s">
        <v>18579</v>
      </c>
      <c r="I7883" t="s">
        <v>30540</v>
      </c>
    </row>
    <row r="7884" spans="1:9">
      <c r="A7884" s="1">
        <v>0.3155305645792944</v>
      </c>
      <c r="B7884" s="1"/>
      <c r="C7884">
        <v>2</v>
      </c>
      <c r="D7884" t="s">
        <v>18568</v>
      </c>
      <c r="E7884" t="s">
        <v>33161</v>
      </c>
      <c r="F7884">
        <v>5</v>
      </c>
      <c r="G7884" t="s">
        <v>15</v>
      </c>
      <c r="H7884" t="s">
        <v>18569</v>
      </c>
      <c r="I7884" t="s">
        <v>30540</v>
      </c>
    </row>
    <row r="7885" spans="1:9">
      <c r="A7885" s="1">
        <v>0.27868466953052162</v>
      </c>
      <c r="B7885" s="1"/>
      <c r="C7885">
        <v>10</v>
      </c>
      <c r="D7885" t="s">
        <v>18572</v>
      </c>
      <c r="E7885" t="s">
        <v>33161</v>
      </c>
      <c r="F7885">
        <v>4</v>
      </c>
      <c r="G7885" t="s">
        <v>14</v>
      </c>
      <c r="H7885" t="s">
        <v>18573</v>
      </c>
      <c r="I7885" t="s">
        <v>30540</v>
      </c>
    </row>
    <row r="7886" spans="1:9">
      <c r="A7886" s="1">
        <v>0.45571428943549241</v>
      </c>
      <c r="B7886" s="1"/>
      <c r="C7886">
        <v>1</v>
      </c>
      <c r="D7886" t="s">
        <v>18566</v>
      </c>
      <c r="E7886" t="s">
        <v>33161</v>
      </c>
      <c r="F7886">
        <v>4</v>
      </c>
      <c r="G7886" t="s">
        <v>10</v>
      </c>
      <c r="H7886" t="s">
        <v>18567</v>
      </c>
      <c r="I7886" t="s">
        <v>30540</v>
      </c>
    </row>
    <row r="7887" spans="1:9">
      <c r="A7887" s="1">
        <v>0.375415403474887</v>
      </c>
      <c r="B7887" s="1"/>
      <c r="C7887">
        <v>8</v>
      </c>
      <c r="D7887" t="s">
        <v>18570</v>
      </c>
      <c r="E7887" t="s">
        <v>33161</v>
      </c>
      <c r="F7887">
        <v>4</v>
      </c>
      <c r="G7887" t="s">
        <v>14</v>
      </c>
      <c r="H7887" t="s">
        <v>18571</v>
      </c>
      <c r="I7887" t="s">
        <v>30540</v>
      </c>
    </row>
    <row r="7888" spans="1:9">
      <c r="A7888" s="1">
        <v>0.11321498518975504</v>
      </c>
      <c r="B7888" s="1"/>
      <c r="C7888">
        <v>14</v>
      </c>
      <c r="D7888" t="s">
        <v>18574</v>
      </c>
      <c r="E7888" t="s">
        <v>33161</v>
      </c>
      <c r="F7888">
        <v>4</v>
      </c>
      <c r="G7888" t="s">
        <v>14</v>
      </c>
      <c r="H7888" t="s">
        <v>18575</v>
      </c>
      <c r="I7888" t="s">
        <v>30540</v>
      </c>
    </row>
    <row r="7889" spans="1:9">
      <c r="A7889" s="1">
        <v>0.95073558582921469</v>
      </c>
      <c r="B7889" s="1"/>
      <c r="C7889">
        <v>18</v>
      </c>
      <c r="D7889" t="s">
        <v>18564</v>
      </c>
      <c r="E7889" t="s">
        <v>33162</v>
      </c>
      <c r="F7889">
        <v>4</v>
      </c>
      <c r="G7889" t="s">
        <v>2</v>
      </c>
      <c r="H7889" t="s">
        <v>18565</v>
      </c>
      <c r="I7889" t="s">
        <v>30540</v>
      </c>
    </row>
    <row r="7890" spans="1:9">
      <c r="A7890" s="1">
        <v>0.67970005651783594</v>
      </c>
      <c r="B7890" s="1"/>
      <c r="C7890">
        <v>9</v>
      </c>
      <c r="D7890" t="s">
        <v>18560</v>
      </c>
      <c r="E7890" t="s">
        <v>33162</v>
      </c>
      <c r="F7890">
        <v>4</v>
      </c>
      <c r="G7890" t="s">
        <v>762</v>
      </c>
      <c r="H7890" t="s">
        <v>18561</v>
      </c>
      <c r="I7890" t="s">
        <v>30540</v>
      </c>
    </row>
    <row r="7891" spans="1:9">
      <c r="A7891" s="1">
        <v>0.56501665454181016</v>
      </c>
      <c r="B7891" s="1"/>
      <c r="C7891">
        <v>12</v>
      </c>
      <c r="D7891" t="s">
        <v>18558</v>
      </c>
      <c r="E7891" t="s">
        <v>33163</v>
      </c>
      <c r="F7891">
        <v>4</v>
      </c>
      <c r="G7891" t="s">
        <v>14</v>
      </c>
      <c r="H7891" t="s">
        <v>18559</v>
      </c>
      <c r="I7891" t="s">
        <v>30540</v>
      </c>
    </row>
    <row r="7892" spans="1:9">
      <c r="A7892" s="1">
        <v>0.79377033504561323</v>
      </c>
      <c r="B7892" s="1"/>
      <c r="C7892">
        <v>7</v>
      </c>
      <c r="D7892" t="s">
        <v>18552</v>
      </c>
      <c r="E7892" t="s">
        <v>33163</v>
      </c>
      <c r="F7892">
        <v>4</v>
      </c>
      <c r="G7892" t="s">
        <v>14</v>
      </c>
      <c r="H7892" t="s">
        <v>18553</v>
      </c>
      <c r="I7892" t="s">
        <v>30540</v>
      </c>
    </row>
    <row r="7893" spans="1:9">
      <c r="A7893" s="1">
        <v>0.10147220539293145</v>
      </c>
      <c r="B7893" s="1"/>
      <c r="C7893">
        <v>10</v>
      </c>
      <c r="D7893" t="s">
        <v>18554</v>
      </c>
      <c r="E7893" t="s">
        <v>33163</v>
      </c>
      <c r="F7893">
        <v>4</v>
      </c>
      <c r="G7893" t="s">
        <v>9</v>
      </c>
      <c r="H7893" t="s">
        <v>18555</v>
      </c>
      <c r="I7893" t="s">
        <v>30540</v>
      </c>
    </row>
    <row r="7894" spans="1:9">
      <c r="A7894" s="1">
        <v>0.39686595442875161</v>
      </c>
      <c r="B7894" s="1"/>
      <c r="C7894">
        <v>14</v>
      </c>
      <c r="D7894" t="s">
        <v>18544</v>
      </c>
      <c r="E7894" t="s">
        <v>33164</v>
      </c>
      <c r="F7894">
        <v>5</v>
      </c>
      <c r="G7894" t="s">
        <v>14</v>
      </c>
      <c r="H7894" t="s">
        <v>18545</v>
      </c>
      <c r="I7894" t="s">
        <v>30540</v>
      </c>
    </row>
    <row r="7895" spans="1:9">
      <c r="A7895" s="1">
        <v>0.98564896712313887</v>
      </c>
      <c r="B7895" s="1"/>
      <c r="C7895">
        <v>10</v>
      </c>
      <c r="D7895" t="s">
        <v>18540</v>
      </c>
      <c r="E7895" t="s">
        <v>33164</v>
      </c>
      <c r="F7895">
        <v>5</v>
      </c>
      <c r="G7895" t="s">
        <v>14</v>
      </c>
      <c r="H7895" t="s">
        <v>18541</v>
      </c>
      <c r="I7895" t="s">
        <v>30540</v>
      </c>
    </row>
    <row r="7896" spans="1:9">
      <c r="A7896" s="1">
        <v>0.8366421630224361</v>
      </c>
      <c r="B7896" s="1"/>
      <c r="C7896">
        <v>17</v>
      </c>
      <c r="D7896" t="s">
        <v>18546</v>
      </c>
      <c r="E7896" t="s">
        <v>33164</v>
      </c>
      <c r="F7896">
        <v>4</v>
      </c>
      <c r="G7896" t="s">
        <v>14</v>
      </c>
      <c r="H7896" t="s">
        <v>18547</v>
      </c>
      <c r="I7896" t="s">
        <v>30540</v>
      </c>
    </row>
    <row r="7897" spans="1:9">
      <c r="A7897" s="1">
        <v>0.86597994965947567</v>
      </c>
      <c r="B7897" s="1"/>
      <c r="C7897">
        <v>19</v>
      </c>
      <c r="D7897" t="s">
        <v>18548</v>
      </c>
      <c r="E7897" t="s">
        <v>33164</v>
      </c>
      <c r="F7897">
        <v>4</v>
      </c>
      <c r="G7897" t="s">
        <v>14</v>
      </c>
      <c r="H7897" t="s">
        <v>18549</v>
      </c>
      <c r="I7897" t="s">
        <v>30540</v>
      </c>
    </row>
    <row r="7898" spans="1:9">
      <c r="A7898" s="1">
        <v>0.93994566781404776</v>
      </c>
      <c r="B7898" s="1"/>
      <c r="C7898">
        <v>20</v>
      </c>
      <c r="D7898" t="s">
        <v>18550</v>
      </c>
      <c r="E7898" t="s">
        <v>33164</v>
      </c>
      <c r="F7898">
        <v>4</v>
      </c>
      <c r="G7898" t="s">
        <v>13</v>
      </c>
      <c r="H7898" t="s">
        <v>18551</v>
      </c>
      <c r="I7898" t="s">
        <v>30540</v>
      </c>
    </row>
    <row r="7899" spans="1:9">
      <c r="A7899" s="1">
        <v>0.36761692438476923</v>
      </c>
      <c r="B7899" s="1"/>
      <c r="C7899">
        <v>3</v>
      </c>
      <c r="D7899" t="s">
        <v>18538</v>
      </c>
      <c r="E7899" t="s">
        <v>33164</v>
      </c>
      <c r="F7899">
        <v>4</v>
      </c>
      <c r="G7899" t="s">
        <v>13</v>
      </c>
      <c r="H7899" t="s">
        <v>18539</v>
      </c>
      <c r="I7899" t="s">
        <v>30540</v>
      </c>
    </row>
    <row r="7900" spans="1:9">
      <c r="A7900" s="1">
        <v>0.56522082627576808</v>
      </c>
      <c r="B7900" s="1"/>
      <c r="C7900">
        <v>12</v>
      </c>
      <c r="D7900" t="s">
        <v>18542</v>
      </c>
      <c r="E7900" t="s">
        <v>33164</v>
      </c>
      <c r="F7900">
        <v>4</v>
      </c>
      <c r="G7900" t="s">
        <v>1</v>
      </c>
      <c r="H7900" t="s">
        <v>18543</v>
      </c>
      <c r="I7900" t="s">
        <v>30540</v>
      </c>
    </row>
    <row r="7901" spans="1:9">
      <c r="A7901" s="1">
        <v>0.43367857554013367</v>
      </c>
      <c r="B7901" s="1"/>
      <c r="C7901">
        <v>10</v>
      </c>
      <c r="D7901" t="s">
        <v>18532</v>
      </c>
      <c r="E7901" t="s">
        <v>33165</v>
      </c>
      <c r="F7901">
        <v>5</v>
      </c>
      <c r="G7901" t="s">
        <v>10</v>
      </c>
      <c r="H7901" t="s">
        <v>18533</v>
      </c>
      <c r="I7901" t="s">
        <v>30540</v>
      </c>
    </row>
    <row r="7902" spans="1:9">
      <c r="A7902" s="1">
        <v>0.20798352470143444</v>
      </c>
      <c r="B7902" s="1"/>
      <c r="C7902">
        <v>5</v>
      </c>
      <c r="D7902" t="s">
        <v>18528</v>
      </c>
      <c r="E7902" t="s">
        <v>33165</v>
      </c>
      <c r="F7902">
        <v>5</v>
      </c>
      <c r="G7902" t="s">
        <v>2</v>
      </c>
      <c r="H7902" t="s">
        <v>18529</v>
      </c>
      <c r="I7902" t="s">
        <v>30540</v>
      </c>
    </row>
    <row r="7903" spans="1:9">
      <c r="A7903" s="1">
        <v>0.72126642558268328</v>
      </c>
      <c r="B7903" s="1"/>
      <c r="C7903">
        <v>8</v>
      </c>
      <c r="D7903" t="s">
        <v>18530</v>
      </c>
      <c r="E7903" t="s">
        <v>33165</v>
      </c>
      <c r="F7903">
        <v>4</v>
      </c>
      <c r="G7903" t="s">
        <v>2</v>
      </c>
      <c r="H7903" t="s">
        <v>18531</v>
      </c>
      <c r="I7903" t="s">
        <v>30540</v>
      </c>
    </row>
    <row r="7904" spans="1:9">
      <c r="A7904" s="1">
        <v>0.3590151618768046</v>
      </c>
      <c r="B7904" s="1"/>
      <c r="C7904">
        <v>12</v>
      </c>
      <c r="D7904" t="s">
        <v>18534</v>
      </c>
      <c r="E7904" t="s">
        <v>33165</v>
      </c>
      <c r="F7904">
        <v>4</v>
      </c>
      <c r="G7904" t="s">
        <v>15</v>
      </c>
      <c r="H7904" t="s">
        <v>18535</v>
      </c>
      <c r="I7904" t="s">
        <v>30540</v>
      </c>
    </row>
    <row r="7905" spans="1:9">
      <c r="A7905" s="1">
        <v>0.5208071021832712</v>
      </c>
      <c r="B7905" s="1"/>
      <c r="C7905">
        <v>8</v>
      </c>
      <c r="D7905" t="s">
        <v>18522</v>
      </c>
      <c r="E7905" t="s">
        <v>33166</v>
      </c>
      <c r="F7905">
        <v>4</v>
      </c>
      <c r="G7905" t="s">
        <v>10</v>
      </c>
      <c r="H7905" t="s">
        <v>18523</v>
      </c>
      <c r="I7905" t="s">
        <v>30540</v>
      </c>
    </row>
    <row r="7906" spans="1:9">
      <c r="A7906" s="1">
        <v>0.37066660572983801</v>
      </c>
      <c r="B7906" s="1"/>
      <c r="C7906">
        <v>7</v>
      </c>
      <c r="D7906" t="s">
        <v>18520</v>
      </c>
      <c r="E7906" t="s">
        <v>33166</v>
      </c>
      <c r="F7906">
        <v>4</v>
      </c>
      <c r="G7906" t="s">
        <v>14</v>
      </c>
      <c r="H7906" t="s">
        <v>18521</v>
      </c>
      <c r="I7906" t="s">
        <v>30540</v>
      </c>
    </row>
    <row r="7907" spans="1:9">
      <c r="A7907" s="1">
        <v>0.43141052504473643</v>
      </c>
      <c r="B7907" s="1"/>
      <c r="C7907">
        <v>16</v>
      </c>
      <c r="D7907" t="s">
        <v>18524</v>
      </c>
      <c r="E7907" t="s">
        <v>33166</v>
      </c>
      <c r="F7907">
        <v>4</v>
      </c>
      <c r="G7907" t="s">
        <v>14</v>
      </c>
      <c r="H7907" t="s">
        <v>18525</v>
      </c>
      <c r="I7907" t="s">
        <v>30540</v>
      </c>
    </row>
    <row r="7908" spans="1:9">
      <c r="A7908" s="1">
        <v>0.11982882985187926</v>
      </c>
      <c r="B7908" s="1"/>
      <c r="C7908">
        <v>18</v>
      </c>
      <c r="D7908" t="s">
        <v>18526</v>
      </c>
      <c r="E7908" t="s">
        <v>33166</v>
      </c>
      <c r="F7908">
        <v>3</v>
      </c>
      <c r="G7908" t="s">
        <v>14</v>
      </c>
      <c r="H7908" t="s">
        <v>18527</v>
      </c>
      <c r="I7908" t="s">
        <v>30540</v>
      </c>
    </row>
    <row r="7909" spans="1:9">
      <c r="A7909" s="1">
        <v>0.4957338883597322</v>
      </c>
      <c r="B7909" s="1"/>
      <c r="C7909">
        <v>18</v>
      </c>
      <c r="D7909" t="s">
        <v>18514</v>
      </c>
      <c r="E7909" t="s">
        <v>33167</v>
      </c>
      <c r="F7909">
        <v>4</v>
      </c>
      <c r="G7909" t="s">
        <v>14</v>
      </c>
      <c r="H7909" t="s">
        <v>18515</v>
      </c>
      <c r="I7909" t="s">
        <v>30540</v>
      </c>
    </row>
    <row r="7910" spans="1:9">
      <c r="A7910" s="1">
        <v>0.27735116241990043</v>
      </c>
      <c r="B7910" s="1"/>
      <c r="C7910">
        <v>7</v>
      </c>
      <c r="D7910" t="s">
        <v>18508</v>
      </c>
      <c r="E7910" t="s">
        <v>33168</v>
      </c>
      <c r="F7910">
        <v>4</v>
      </c>
      <c r="G7910" t="s">
        <v>14</v>
      </c>
      <c r="H7910" t="s">
        <v>18509</v>
      </c>
      <c r="I7910" t="s">
        <v>30540</v>
      </c>
    </row>
    <row r="7911" spans="1:9">
      <c r="A7911" s="1">
        <v>0.84732064041790067</v>
      </c>
      <c r="B7911" s="1"/>
      <c r="C7911">
        <v>2</v>
      </c>
      <c r="D7911" t="s">
        <v>18504</v>
      </c>
      <c r="E7911" t="s">
        <v>33168</v>
      </c>
      <c r="F7911">
        <v>4</v>
      </c>
      <c r="G7911" t="s">
        <v>15</v>
      </c>
      <c r="H7911" t="s">
        <v>18505</v>
      </c>
      <c r="I7911" t="s">
        <v>30540</v>
      </c>
    </row>
    <row r="7912" spans="1:9">
      <c r="A7912" s="1">
        <v>0.984953252016606</v>
      </c>
      <c r="B7912" s="1"/>
      <c r="C7912">
        <v>14</v>
      </c>
      <c r="D7912" t="s">
        <v>18510</v>
      </c>
      <c r="E7912" t="s">
        <v>33168</v>
      </c>
      <c r="F7912">
        <v>4</v>
      </c>
      <c r="G7912" t="s">
        <v>9</v>
      </c>
      <c r="H7912" t="s">
        <v>18511</v>
      </c>
      <c r="I7912" t="s">
        <v>30540</v>
      </c>
    </row>
    <row r="7913" spans="1:9">
      <c r="A7913" s="1">
        <v>0.71755350888574931</v>
      </c>
      <c r="B7913" s="1"/>
      <c r="C7913">
        <v>19</v>
      </c>
      <c r="D7913" t="s">
        <v>18512</v>
      </c>
      <c r="E7913" t="s">
        <v>33168</v>
      </c>
      <c r="F7913">
        <v>3</v>
      </c>
      <c r="G7913" t="s">
        <v>14</v>
      </c>
      <c r="H7913" t="s">
        <v>18513</v>
      </c>
      <c r="I7913" t="s">
        <v>30540</v>
      </c>
    </row>
    <row r="7914" spans="1:9">
      <c r="A7914" s="1">
        <v>0.27721931410950895</v>
      </c>
      <c r="B7914" s="1"/>
      <c r="C7914">
        <v>11</v>
      </c>
      <c r="D7914" t="s">
        <v>18502</v>
      </c>
      <c r="E7914" t="s">
        <v>33169</v>
      </c>
      <c r="F7914">
        <v>5</v>
      </c>
      <c r="G7914" t="s">
        <v>14</v>
      </c>
      <c r="H7914" t="s">
        <v>18503</v>
      </c>
      <c r="I7914" t="s">
        <v>30540</v>
      </c>
    </row>
    <row r="7915" spans="1:9">
      <c r="A7915" s="1">
        <v>0.81672488490704032</v>
      </c>
      <c r="B7915" s="1"/>
      <c r="C7915">
        <v>8</v>
      </c>
      <c r="D7915" t="s">
        <v>18500</v>
      </c>
      <c r="E7915" t="s">
        <v>33169</v>
      </c>
      <c r="F7915">
        <v>5</v>
      </c>
      <c r="G7915" t="s">
        <v>10</v>
      </c>
      <c r="H7915" t="s">
        <v>18501</v>
      </c>
      <c r="I7915" t="s">
        <v>30540</v>
      </c>
    </row>
    <row r="7916" spans="1:9">
      <c r="A7916" s="1">
        <v>0.83884575192544053</v>
      </c>
      <c r="B7916" s="1"/>
      <c r="C7916">
        <v>4</v>
      </c>
      <c r="D7916" t="s">
        <v>18498</v>
      </c>
      <c r="E7916" t="s">
        <v>33169</v>
      </c>
      <c r="F7916">
        <v>4</v>
      </c>
      <c r="G7916" t="s">
        <v>14</v>
      </c>
      <c r="H7916" t="s">
        <v>18499</v>
      </c>
      <c r="I7916" t="s">
        <v>30540</v>
      </c>
    </row>
    <row r="7917" spans="1:9">
      <c r="A7917" s="1">
        <v>0.72742801299930127</v>
      </c>
      <c r="B7917" s="1"/>
      <c r="C7917">
        <v>2</v>
      </c>
      <c r="D7917" t="s">
        <v>18496</v>
      </c>
      <c r="E7917" t="s">
        <v>33169</v>
      </c>
      <c r="F7917">
        <v>4</v>
      </c>
      <c r="G7917" t="s">
        <v>10</v>
      </c>
      <c r="H7917" t="s">
        <v>18497</v>
      </c>
      <c r="I7917" t="s">
        <v>30540</v>
      </c>
    </row>
    <row r="7918" spans="1:9">
      <c r="A7918" s="1">
        <v>0.50518531653171761</v>
      </c>
      <c r="B7918" s="1"/>
      <c r="C7918">
        <v>17</v>
      </c>
      <c r="D7918" t="s">
        <v>18490</v>
      </c>
      <c r="E7918" t="s">
        <v>33170</v>
      </c>
      <c r="F7918">
        <v>5</v>
      </c>
      <c r="G7918" t="s">
        <v>14</v>
      </c>
      <c r="H7918" t="s">
        <v>18491</v>
      </c>
      <c r="I7918" t="s">
        <v>30540</v>
      </c>
    </row>
    <row r="7919" spans="1:9">
      <c r="A7919" s="1">
        <v>0.56729897548210018</v>
      </c>
      <c r="B7919" s="1"/>
      <c r="C7919">
        <v>14</v>
      </c>
      <c r="D7919" t="s">
        <v>18488</v>
      </c>
      <c r="E7919" t="s">
        <v>33170</v>
      </c>
      <c r="F7919">
        <v>4</v>
      </c>
      <c r="G7919" t="s">
        <v>14</v>
      </c>
      <c r="H7919" t="s">
        <v>18489</v>
      </c>
      <c r="I7919" t="s">
        <v>30540</v>
      </c>
    </row>
    <row r="7920" spans="1:9">
      <c r="A7920" s="1">
        <v>0.31551661503538697</v>
      </c>
      <c r="B7920" s="1"/>
      <c r="C7920">
        <v>18</v>
      </c>
      <c r="D7920" t="s">
        <v>18492</v>
      </c>
      <c r="E7920" t="s">
        <v>33170</v>
      </c>
      <c r="F7920">
        <v>4</v>
      </c>
      <c r="G7920" t="s">
        <v>14</v>
      </c>
      <c r="H7920" t="s">
        <v>18493</v>
      </c>
      <c r="I7920" t="s">
        <v>30540</v>
      </c>
    </row>
    <row r="7921" spans="1:9">
      <c r="A7921" s="1">
        <v>3.7067039776119359E-2</v>
      </c>
      <c r="B7921" s="1"/>
      <c r="C7921">
        <v>12</v>
      </c>
      <c r="D7921" t="s">
        <v>18482</v>
      </c>
      <c r="E7921" t="s">
        <v>33171</v>
      </c>
      <c r="F7921">
        <v>5</v>
      </c>
      <c r="G7921" t="s">
        <v>10</v>
      </c>
      <c r="H7921" t="s">
        <v>18483</v>
      </c>
      <c r="I7921" t="s">
        <v>30540</v>
      </c>
    </row>
    <row r="7922" spans="1:9">
      <c r="A7922" s="1">
        <v>0.89063873122848813</v>
      </c>
      <c r="B7922" s="1"/>
      <c r="C7922">
        <v>1</v>
      </c>
      <c r="D7922" t="s">
        <v>18474</v>
      </c>
      <c r="E7922" t="s">
        <v>33171</v>
      </c>
      <c r="F7922">
        <v>4</v>
      </c>
      <c r="G7922" t="s">
        <v>9</v>
      </c>
      <c r="H7922" t="s">
        <v>18475</v>
      </c>
      <c r="I7922" t="s">
        <v>30540</v>
      </c>
    </row>
    <row r="7923" spans="1:9">
      <c r="A7923" s="1">
        <v>0.33881985424332839</v>
      </c>
      <c r="B7923" s="1"/>
      <c r="C7923">
        <v>5</v>
      </c>
      <c r="D7923" t="s">
        <v>18478</v>
      </c>
      <c r="E7923" t="s">
        <v>33171</v>
      </c>
      <c r="F7923">
        <v>4</v>
      </c>
      <c r="G7923" t="s">
        <v>1</v>
      </c>
      <c r="H7923" t="s">
        <v>18479</v>
      </c>
      <c r="I7923" t="s">
        <v>30540</v>
      </c>
    </row>
    <row r="7924" spans="1:9">
      <c r="A7924" s="1">
        <v>0.10843619617176992</v>
      </c>
      <c r="B7924" s="1"/>
      <c r="C7924">
        <v>4</v>
      </c>
      <c r="D7924" t="s">
        <v>18476</v>
      </c>
      <c r="E7924" t="s">
        <v>33171</v>
      </c>
      <c r="F7924">
        <v>4</v>
      </c>
      <c r="G7924" t="s">
        <v>10</v>
      </c>
      <c r="H7924" t="s">
        <v>18477</v>
      </c>
      <c r="I7924" t="s">
        <v>30540</v>
      </c>
    </row>
    <row r="7925" spans="1:9">
      <c r="A7925" s="1">
        <v>0.94023758448179218</v>
      </c>
      <c r="B7925" s="1"/>
      <c r="C7925">
        <v>6</v>
      </c>
      <c r="D7925" t="s">
        <v>18480</v>
      </c>
      <c r="E7925" t="s">
        <v>33171</v>
      </c>
      <c r="F7925">
        <v>4</v>
      </c>
      <c r="G7925" t="s">
        <v>10</v>
      </c>
      <c r="H7925" t="s">
        <v>18481</v>
      </c>
      <c r="I7925" t="s">
        <v>30540</v>
      </c>
    </row>
    <row r="7926" spans="1:9">
      <c r="A7926" s="1">
        <v>0.54321457659112626</v>
      </c>
      <c r="B7926" s="1"/>
      <c r="C7926">
        <v>18</v>
      </c>
      <c r="D7926" t="s">
        <v>18486</v>
      </c>
      <c r="E7926" t="s">
        <v>33171</v>
      </c>
      <c r="F7926">
        <v>4</v>
      </c>
      <c r="G7926" t="s">
        <v>10</v>
      </c>
      <c r="H7926" t="s">
        <v>18487</v>
      </c>
      <c r="I7926" t="s">
        <v>30540</v>
      </c>
    </row>
    <row r="7927" spans="1:9">
      <c r="A7927" s="1">
        <v>0.68303005367499547</v>
      </c>
      <c r="B7927" s="1"/>
      <c r="C7927">
        <v>13</v>
      </c>
      <c r="D7927" t="s">
        <v>18484</v>
      </c>
      <c r="E7927" t="s">
        <v>33171</v>
      </c>
      <c r="F7927">
        <v>4</v>
      </c>
      <c r="G7927" t="s">
        <v>10</v>
      </c>
      <c r="H7927" t="s">
        <v>18485</v>
      </c>
      <c r="I7927" t="s">
        <v>30540</v>
      </c>
    </row>
    <row r="7928" spans="1:9">
      <c r="A7928" s="1">
        <v>0.89604199242344285</v>
      </c>
      <c r="B7928" s="1"/>
      <c r="C7928">
        <v>20</v>
      </c>
      <c r="D7928" t="s">
        <v>18472</v>
      </c>
      <c r="E7928" t="s">
        <v>33172</v>
      </c>
      <c r="F7928">
        <v>5</v>
      </c>
      <c r="G7928" t="s">
        <v>2738</v>
      </c>
      <c r="H7928" t="s">
        <v>18473</v>
      </c>
      <c r="I7928" t="s">
        <v>30540</v>
      </c>
    </row>
    <row r="7929" spans="1:9">
      <c r="A7929" s="1">
        <v>7.88832777638524E-2</v>
      </c>
      <c r="B7929" s="1"/>
      <c r="C7929">
        <v>12</v>
      </c>
      <c r="D7929" t="s">
        <v>18470</v>
      </c>
      <c r="E7929" t="s">
        <v>33172</v>
      </c>
      <c r="F7929">
        <v>4</v>
      </c>
      <c r="G7929" t="s">
        <v>762</v>
      </c>
      <c r="H7929" t="s">
        <v>18471</v>
      </c>
      <c r="I7929" t="s">
        <v>30540</v>
      </c>
    </row>
    <row r="7930" spans="1:9">
      <c r="A7930" s="1">
        <v>0.13760112037591432</v>
      </c>
      <c r="B7930" s="1"/>
      <c r="C7930">
        <v>6</v>
      </c>
      <c r="D7930" t="s">
        <v>18468</v>
      </c>
      <c r="E7930" t="s">
        <v>33172</v>
      </c>
      <c r="F7930">
        <v>3</v>
      </c>
      <c r="G7930" t="s">
        <v>1431</v>
      </c>
      <c r="H7930" t="s">
        <v>18469</v>
      </c>
      <c r="I7930" t="s">
        <v>30540</v>
      </c>
    </row>
    <row r="7931" spans="1:9">
      <c r="A7931" s="1">
        <v>0.90999070277548399</v>
      </c>
      <c r="B7931" s="1"/>
      <c r="C7931">
        <v>9</v>
      </c>
      <c r="D7931" t="s">
        <v>18464</v>
      </c>
      <c r="E7931" t="s">
        <v>33173</v>
      </c>
      <c r="F7931">
        <v>5</v>
      </c>
      <c r="G7931" t="s">
        <v>14</v>
      </c>
      <c r="H7931" t="s">
        <v>18465</v>
      </c>
      <c r="I7931" t="s">
        <v>30540</v>
      </c>
    </row>
    <row r="7932" spans="1:9">
      <c r="A7932" s="1">
        <v>0.71776721930856646</v>
      </c>
      <c r="B7932" s="1"/>
      <c r="C7932">
        <v>14</v>
      </c>
      <c r="D7932" t="s">
        <v>18466</v>
      </c>
      <c r="E7932" t="s">
        <v>33173</v>
      </c>
      <c r="F7932">
        <v>4</v>
      </c>
      <c r="G7932" t="s">
        <v>14</v>
      </c>
      <c r="H7932" t="s">
        <v>18467</v>
      </c>
      <c r="I7932" t="s">
        <v>30540</v>
      </c>
    </row>
    <row r="7933" spans="1:9">
      <c r="A7933" s="1">
        <v>9.5125672467748723E-2</v>
      </c>
      <c r="B7933" s="1"/>
      <c r="C7933">
        <v>8</v>
      </c>
      <c r="D7933" t="s">
        <v>18456</v>
      </c>
      <c r="E7933" t="s">
        <v>33174</v>
      </c>
      <c r="F7933">
        <v>4</v>
      </c>
      <c r="G7933" t="s">
        <v>1</v>
      </c>
      <c r="H7933" t="s">
        <v>18457</v>
      </c>
      <c r="I7933" t="s">
        <v>30540</v>
      </c>
    </row>
    <row r="7934" spans="1:9">
      <c r="A7934" s="1">
        <v>0.46221510858405146</v>
      </c>
      <c r="B7934" s="1"/>
      <c r="C7934">
        <v>17</v>
      </c>
      <c r="D7934" t="s">
        <v>18462</v>
      </c>
      <c r="E7934" t="s">
        <v>33174</v>
      </c>
      <c r="F7934">
        <v>4</v>
      </c>
      <c r="G7934" t="s">
        <v>14</v>
      </c>
      <c r="H7934" t="s">
        <v>18463</v>
      </c>
      <c r="I7934" t="s">
        <v>30540</v>
      </c>
    </row>
    <row r="7935" spans="1:9">
      <c r="A7935" s="1">
        <v>0.44114396902303254</v>
      </c>
      <c r="B7935" s="1"/>
      <c r="C7935">
        <v>4</v>
      </c>
      <c r="D7935" t="s">
        <v>18452</v>
      </c>
      <c r="E7935" t="s">
        <v>33174</v>
      </c>
      <c r="F7935">
        <v>4</v>
      </c>
      <c r="G7935" t="s">
        <v>9</v>
      </c>
      <c r="H7935" t="s">
        <v>18453</v>
      </c>
      <c r="I7935" t="s">
        <v>30540</v>
      </c>
    </row>
    <row r="7936" spans="1:9">
      <c r="A7936" s="1">
        <v>0.54337143223947937</v>
      </c>
      <c r="B7936" s="1"/>
      <c r="C7936">
        <v>13</v>
      </c>
      <c r="D7936" t="s">
        <v>18458</v>
      </c>
      <c r="E7936" t="s">
        <v>33174</v>
      </c>
      <c r="F7936">
        <v>4</v>
      </c>
      <c r="G7936" t="s">
        <v>14</v>
      </c>
      <c r="H7936" t="s">
        <v>18459</v>
      </c>
      <c r="I7936" t="s">
        <v>30540</v>
      </c>
    </row>
    <row r="7937" spans="1:9">
      <c r="A7937" s="1">
        <v>0.68574067038619679</v>
      </c>
      <c r="B7937" s="1"/>
      <c r="C7937">
        <v>14</v>
      </c>
      <c r="D7937" t="s">
        <v>18460</v>
      </c>
      <c r="E7937" t="s">
        <v>33174</v>
      </c>
      <c r="F7937">
        <v>4</v>
      </c>
      <c r="G7937" t="s">
        <v>9</v>
      </c>
      <c r="H7937" t="s">
        <v>18461</v>
      </c>
      <c r="I7937" t="s">
        <v>30540</v>
      </c>
    </row>
    <row r="7938" spans="1:9">
      <c r="A7938" s="1">
        <v>0.54542240361698202</v>
      </c>
      <c r="B7938" s="1"/>
      <c r="C7938">
        <v>6</v>
      </c>
      <c r="D7938" t="s">
        <v>18454</v>
      </c>
      <c r="E7938" t="s">
        <v>33174</v>
      </c>
      <c r="F7938">
        <v>3</v>
      </c>
      <c r="G7938" t="s">
        <v>14</v>
      </c>
      <c r="H7938" t="s">
        <v>18455</v>
      </c>
      <c r="I7938" t="s">
        <v>30540</v>
      </c>
    </row>
    <row r="7939" spans="1:9">
      <c r="A7939" s="1">
        <v>0.74583353102887984</v>
      </c>
      <c r="B7939" s="1"/>
      <c r="C7939">
        <v>11</v>
      </c>
      <c r="D7939" t="s">
        <v>18448</v>
      </c>
      <c r="E7939" t="s">
        <v>33175</v>
      </c>
      <c r="F7939">
        <v>5</v>
      </c>
      <c r="G7939" t="s">
        <v>14</v>
      </c>
      <c r="H7939" t="s">
        <v>18449</v>
      </c>
      <c r="I7939" t="s">
        <v>30540</v>
      </c>
    </row>
    <row r="7940" spans="1:9">
      <c r="A7940" s="1">
        <v>0.73534046588680724</v>
      </c>
      <c r="B7940" s="1"/>
      <c r="C7940">
        <v>9</v>
      </c>
      <c r="D7940" t="s">
        <v>18446</v>
      </c>
      <c r="E7940" t="s">
        <v>33175</v>
      </c>
      <c r="F7940">
        <v>5</v>
      </c>
      <c r="G7940" t="s">
        <v>0</v>
      </c>
      <c r="H7940" t="s">
        <v>18447</v>
      </c>
      <c r="I7940" t="s">
        <v>30540</v>
      </c>
    </row>
    <row r="7941" spans="1:9">
      <c r="A7941" s="1">
        <v>0.24728929818045575</v>
      </c>
      <c r="B7941" s="1"/>
      <c r="C7941">
        <v>1</v>
      </c>
      <c r="D7941" t="s">
        <v>18444</v>
      </c>
      <c r="E7941" t="s">
        <v>33175</v>
      </c>
      <c r="F7941">
        <v>3</v>
      </c>
      <c r="G7941" t="s">
        <v>9</v>
      </c>
      <c r="H7941" t="s">
        <v>18445</v>
      </c>
      <c r="I7941" t="s">
        <v>30540</v>
      </c>
    </row>
    <row r="7942" spans="1:9">
      <c r="A7942" s="1">
        <v>0.64318004664860484</v>
      </c>
      <c r="B7942" s="1"/>
      <c r="C7942">
        <v>18</v>
      </c>
      <c r="D7942" t="s">
        <v>18440</v>
      </c>
      <c r="E7942" t="s">
        <v>33176</v>
      </c>
      <c r="F7942">
        <v>4</v>
      </c>
      <c r="G7942" t="s">
        <v>14</v>
      </c>
      <c r="H7942" t="s">
        <v>18441</v>
      </c>
      <c r="I7942" t="s">
        <v>30540</v>
      </c>
    </row>
    <row r="7943" spans="1:9">
      <c r="A7943" s="1">
        <v>0.33117764663102545</v>
      </c>
      <c r="B7943" s="1"/>
      <c r="C7943">
        <v>19</v>
      </c>
      <c r="D7943" t="s">
        <v>18442</v>
      </c>
      <c r="E7943" t="s">
        <v>33176</v>
      </c>
      <c r="F7943">
        <v>4</v>
      </c>
      <c r="G7943" t="s">
        <v>9</v>
      </c>
      <c r="H7943" t="s">
        <v>18443</v>
      </c>
      <c r="I7943" t="s">
        <v>30540</v>
      </c>
    </row>
    <row r="7944" spans="1:9">
      <c r="A7944" s="1">
        <v>0.70888812244126953</v>
      </c>
      <c r="B7944" s="1"/>
      <c r="C7944">
        <v>12</v>
      </c>
      <c r="D7944" t="s">
        <v>18430</v>
      </c>
      <c r="E7944" t="s">
        <v>33177</v>
      </c>
      <c r="F7944">
        <v>5</v>
      </c>
      <c r="G7944" t="s">
        <v>2738</v>
      </c>
      <c r="H7944" t="s">
        <v>18431</v>
      </c>
      <c r="I7944" t="s">
        <v>30540</v>
      </c>
    </row>
    <row r="7945" spans="1:9">
      <c r="A7945" s="1">
        <v>3.6666506801756982E-2</v>
      </c>
      <c r="B7945" s="1"/>
      <c r="C7945">
        <v>1</v>
      </c>
      <c r="D7945" t="s">
        <v>18424</v>
      </c>
      <c r="E7945" t="s">
        <v>33177</v>
      </c>
      <c r="F7945">
        <v>4</v>
      </c>
      <c r="G7945" t="s">
        <v>2</v>
      </c>
      <c r="H7945" t="s">
        <v>18425</v>
      </c>
      <c r="I7945" t="s">
        <v>30540</v>
      </c>
    </row>
    <row r="7946" spans="1:9">
      <c r="A7946" s="1">
        <v>0.73400499492209104</v>
      </c>
      <c r="B7946" s="1"/>
      <c r="C7946">
        <v>19</v>
      </c>
      <c r="D7946" t="s">
        <v>18432</v>
      </c>
      <c r="E7946" t="s">
        <v>33177</v>
      </c>
      <c r="F7946">
        <v>4</v>
      </c>
      <c r="G7946" t="s">
        <v>10</v>
      </c>
      <c r="H7946" t="s">
        <v>18433</v>
      </c>
      <c r="I7946" t="s">
        <v>30540</v>
      </c>
    </row>
    <row r="7947" spans="1:9">
      <c r="A7947" s="1">
        <v>0.97047481697567506</v>
      </c>
      <c r="B7947" s="1"/>
      <c r="C7947">
        <v>2</v>
      </c>
      <c r="D7947" t="s">
        <v>18426</v>
      </c>
      <c r="E7947" t="s">
        <v>33177</v>
      </c>
      <c r="F7947">
        <v>4</v>
      </c>
      <c r="G7947" t="s">
        <v>1431</v>
      </c>
      <c r="H7947" t="s">
        <v>18427</v>
      </c>
      <c r="I7947" t="s">
        <v>30540</v>
      </c>
    </row>
    <row r="7948" spans="1:9">
      <c r="A7948" s="1">
        <v>0.1285172889512517</v>
      </c>
      <c r="B7948" s="1"/>
      <c r="C7948">
        <v>14</v>
      </c>
      <c r="D7948" t="s">
        <v>18418</v>
      </c>
      <c r="E7948" t="s">
        <v>33178</v>
      </c>
      <c r="F7948">
        <v>4</v>
      </c>
      <c r="G7948" t="s">
        <v>1</v>
      </c>
      <c r="H7948" t="s">
        <v>18419</v>
      </c>
      <c r="I7948" t="s">
        <v>30540</v>
      </c>
    </row>
    <row r="7949" spans="1:9">
      <c r="A7949" s="1">
        <v>0.90147128411334887</v>
      </c>
      <c r="B7949" s="1"/>
      <c r="C7949">
        <v>18</v>
      </c>
      <c r="D7949" t="s">
        <v>18422</v>
      </c>
      <c r="E7949" t="s">
        <v>33178</v>
      </c>
      <c r="F7949">
        <v>4</v>
      </c>
      <c r="G7949" t="s">
        <v>14</v>
      </c>
      <c r="H7949" t="s">
        <v>18423</v>
      </c>
      <c r="I7949" t="s">
        <v>30540</v>
      </c>
    </row>
    <row r="7950" spans="1:9">
      <c r="A7950" s="1">
        <v>0.13625552873729929</v>
      </c>
      <c r="B7950" s="1"/>
      <c r="C7950">
        <v>5</v>
      </c>
      <c r="D7950" t="s">
        <v>18414</v>
      </c>
      <c r="E7950" t="s">
        <v>33178</v>
      </c>
      <c r="F7950">
        <v>3</v>
      </c>
      <c r="G7950" t="s">
        <v>9</v>
      </c>
      <c r="H7950" t="s">
        <v>18415</v>
      </c>
      <c r="I7950" t="s">
        <v>30540</v>
      </c>
    </row>
    <row r="7951" spans="1:9">
      <c r="A7951" s="1">
        <v>0.82421168199389938</v>
      </c>
      <c r="B7951" s="1"/>
      <c r="C7951">
        <v>11</v>
      </c>
      <c r="D7951" t="s">
        <v>18410</v>
      </c>
      <c r="E7951" t="s">
        <v>33179</v>
      </c>
      <c r="F7951">
        <v>5</v>
      </c>
      <c r="G7951" t="s">
        <v>13</v>
      </c>
      <c r="H7951" t="s">
        <v>18411</v>
      </c>
      <c r="I7951" t="s">
        <v>30540</v>
      </c>
    </row>
    <row r="7952" spans="1:9">
      <c r="A7952" s="1">
        <v>0.9373580256536751</v>
      </c>
      <c r="B7952" s="1"/>
      <c r="C7952">
        <v>9</v>
      </c>
      <c r="D7952" t="s">
        <v>18408</v>
      </c>
      <c r="E7952" t="s">
        <v>33179</v>
      </c>
      <c r="F7952">
        <v>5</v>
      </c>
      <c r="G7952" t="s">
        <v>14</v>
      </c>
      <c r="H7952" t="s">
        <v>18409</v>
      </c>
      <c r="I7952" t="s">
        <v>30540</v>
      </c>
    </row>
    <row r="7953" spans="1:9">
      <c r="A7953" s="1">
        <v>0.54300577348224366</v>
      </c>
      <c r="B7953" s="1"/>
      <c r="C7953">
        <v>20</v>
      </c>
      <c r="D7953" t="s">
        <v>18412</v>
      </c>
      <c r="E7953" t="s">
        <v>33179</v>
      </c>
      <c r="F7953">
        <v>4</v>
      </c>
      <c r="G7953" t="s">
        <v>14</v>
      </c>
      <c r="H7953" t="s">
        <v>18413</v>
      </c>
      <c r="I7953" t="s">
        <v>30540</v>
      </c>
    </row>
    <row r="7954" spans="1:9">
      <c r="A7954" s="1">
        <v>0.13400854534136797</v>
      </c>
      <c r="B7954" s="1"/>
      <c r="C7954">
        <v>1</v>
      </c>
      <c r="D7954" t="s">
        <v>18406</v>
      </c>
      <c r="E7954" t="s">
        <v>33179</v>
      </c>
      <c r="F7954">
        <v>4</v>
      </c>
      <c r="G7954" t="s">
        <v>2</v>
      </c>
      <c r="H7954" t="s">
        <v>18407</v>
      </c>
      <c r="I7954" t="s">
        <v>30540</v>
      </c>
    </row>
    <row r="7955" spans="1:9">
      <c r="A7955" s="1">
        <v>0.61909973832263099</v>
      </c>
      <c r="B7955" s="1"/>
      <c r="C7955">
        <v>15</v>
      </c>
      <c r="D7955" t="s">
        <v>18402</v>
      </c>
      <c r="E7955" t="s">
        <v>33180</v>
      </c>
      <c r="F7955">
        <v>5</v>
      </c>
      <c r="G7955" t="s">
        <v>14</v>
      </c>
      <c r="H7955" t="s">
        <v>18403</v>
      </c>
      <c r="I7955" t="s">
        <v>30540</v>
      </c>
    </row>
    <row r="7956" spans="1:9">
      <c r="A7956" s="1">
        <v>0.75420530430667232</v>
      </c>
      <c r="B7956" s="1"/>
      <c r="C7956">
        <v>18</v>
      </c>
      <c r="D7956" t="s">
        <v>18404</v>
      </c>
      <c r="E7956" t="s">
        <v>33180</v>
      </c>
      <c r="F7956">
        <v>5</v>
      </c>
      <c r="G7956" t="s">
        <v>0</v>
      </c>
      <c r="H7956" t="s">
        <v>18405</v>
      </c>
      <c r="I7956" t="s">
        <v>30540</v>
      </c>
    </row>
    <row r="7957" spans="1:9">
      <c r="A7957" s="1">
        <v>0.87048850161730196</v>
      </c>
      <c r="B7957" s="1"/>
      <c r="C7957">
        <v>3</v>
      </c>
      <c r="D7957" t="s">
        <v>18396</v>
      </c>
      <c r="E7957" t="s">
        <v>33180</v>
      </c>
      <c r="F7957">
        <v>4</v>
      </c>
      <c r="G7957" t="s">
        <v>15</v>
      </c>
      <c r="H7957" t="s">
        <v>18397</v>
      </c>
      <c r="I7957" t="s">
        <v>30540</v>
      </c>
    </row>
    <row r="7958" spans="1:9">
      <c r="A7958" s="1">
        <v>0.63098050623500812</v>
      </c>
      <c r="B7958" s="1"/>
      <c r="C7958">
        <v>15</v>
      </c>
      <c r="D7958" t="s">
        <v>18390</v>
      </c>
      <c r="E7958" t="s">
        <v>33181</v>
      </c>
      <c r="F7958">
        <v>5</v>
      </c>
      <c r="G7958" t="s">
        <v>9</v>
      </c>
      <c r="H7958" t="s">
        <v>18391</v>
      </c>
      <c r="I7958" t="s">
        <v>30540</v>
      </c>
    </row>
    <row r="7959" spans="1:9">
      <c r="A7959" s="1">
        <v>0.15440263271292209</v>
      </c>
      <c r="B7959" s="1"/>
      <c r="C7959">
        <v>7</v>
      </c>
      <c r="D7959" t="s">
        <v>18384</v>
      </c>
      <c r="E7959" t="s">
        <v>33181</v>
      </c>
      <c r="F7959">
        <v>5</v>
      </c>
      <c r="G7959" t="s">
        <v>14</v>
      </c>
      <c r="H7959" t="s">
        <v>18385</v>
      </c>
      <c r="I7959" t="s">
        <v>30540</v>
      </c>
    </row>
    <row r="7960" spans="1:9">
      <c r="A7960" s="1">
        <v>9.0357920872178976E-2</v>
      </c>
      <c r="B7960" s="1"/>
      <c r="C7960">
        <v>8</v>
      </c>
      <c r="D7960" t="s">
        <v>18386</v>
      </c>
      <c r="E7960" t="s">
        <v>33181</v>
      </c>
      <c r="F7960">
        <v>4</v>
      </c>
      <c r="G7960" t="s">
        <v>14</v>
      </c>
      <c r="H7960" t="s">
        <v>18387</v>
      </c>
      <c r="I7960" t="s">
        <v>30540</v>
      </c>
    </row>
    <row r="7961" spans="1:9">
      <c r="A7961" s="1">
        <v>0.56252200493403504</v>
      </c>
      <c r="B7961" s="1"/>
      <c r="C7961">
        <v>18</v>
      </c>
      <c r="D7961" t="s">
        <v>18394</v>
      </c>
      <c r="E7961" t="s">
        <v>33181</v>
      </c>
      <c r="F7961">
        <v>4</v>
      </c>
      <c r="G7961" t="s">
        <v>13</v>
      </c>
      <c r="H7961" t="s">
        <v>18395</v>
      </c>
      <c r="I7961" t="s">
        <v>30540</v>
      </c>
    </row>
    <row r="7962" spans="1:9">
      <c r="A7962" s="1">
        <v>0.30933239105326782</v>
      </c>
      <c r="B7962" s="1"/>
      <c r="C7962">
        <v>17</v>
      </c>
      <c r="D7962" t="s">
        <v>18392</v>
      </c>
      <c r="E7962" t="s">
        <v>33181</v>
      </c>
      <c r="F7962">
        <v>4</v>
      </c>
      <c r="G7962" t="s">
        <v>1</v>
      </c>
      <c r="H7962" t="s">
        <v>18393</v>
      </c>
      <c r="I7962" t="s">
        <v>30540</v>
      </c>
    </row>
    <row r="7963" spans="1:9">
      <c r="A7963" s="1">
        <v>0.20126021378131664</v>
      </c>
      <c r="B7963" s="1"/>
      <c r="C7963">
        <v>6</v>
      </c>
      <c r="D7963" t="s">
        <v>18382</v>
      </c>
      <c r="E7963" t="s">
        <v>33181</v>
      </c>
      <c r="F7963">
        <v>3</v>
      </c>
      <c r="G7963" t="s">
        <v>10</v>
      </c>
      <c r="H7963" t="s">
        <v>18383</v>
      </c>
      <c r="I7963" t="s">
        <v>30540</v>
      </c>
    </row>
    <row r="7964" spans="1:9">
      <c r="A7964" s="1">
        <v>0.68635156203737446</v>
      </c>
      <c r="B7964" s="1"/>
      <c r="C7964">
        <v>19</v>
      </c>
      <c r="D7964" t="s">
        <v>18380</v>
      </c>
      <c r="E7964" t="s">
        <v>33182</v>
      </c>
      <c r="F7964">
        <v>4</v>
      </c>
      <c r="G7964" t="s">
        <v>14</v>
      </c>
      <c r="H7964" t="s">
        <v>18381</v>
      </c>
      <c r="I7964" t="s">
        <v>30540</v>
      </c>
    </row>
    <row r="7965" spans="1:9">
      <c r="A7965" s="1">
        <v>0.82609110711483424</v>
      </c>
      <c r="B7965" s="1"/>
      <c r="C7965">
        <v>7</v>
      </c>
      <c r="D7965" t="s">
        <v>18376</v>
      </c>
      <c r="E7965" t="s">
        <v>33182</v>
      </c>
      <c r="F7965">
        <v>4</v>
      </c>
      <c r="G7965" t="s">
        <v>762</v>
      </c>
      <c r="H7965" t="s">
        <v>18377</v>
      </c>
      <c r="I7965" t="s">
        <v>30540</v>
      </c>
    </row>
    <row r="7966" spans="1:9">
      <c r="A7966" s="1">
        <v>2.4208525326873453E-2</v>
      </c>
      <c r="B7966" s="1"/>
      <c r="C7966">
        <v>8</v>
      </c>
      <c r="D7966" t="s">
        <v>18378</v>
      </c>
      <c r="E7966" t="s">
        <v>33182</v>
      </c>
      <c r="F7966">
        <v>4</v>
      </c>
      <c r="G7966" t="s">
        <v>1431</v>
      </c>
      <c r="H7966" t="s">
        <v>18379</v>
      </c>
      <c r="I7966" t="s">
        <v>30540</v>
      </c>
    </row>
    <row r="7967" spans="1:9">
      <c r="A7967" s="1">
        <v>0.81455554878097625</v>
      </c>
      <c r="B7967" s="1"/>
      <c r="C7967">
        <v>16</v>
      </c>
      <c r="D7967" t="s">
        <v>18374</v>
      </c>
      <c r="E7967" t="s">
        <v>33183</v>
      </c>
      <c r="F7967">
        <v>5</v>
      </c>
      <c r="G7967" t="s">
        <v>1</v>
      </c>
      <c r="H7967" t="s">
        <v>18375</v>
      </c>
      <c r="I7967" t="s">
        <v>30540</v>
      </c>
    </row>
    <row r="7968" spans="1:9">
      <c r="A7968" s="1">
        <v>0.33321785449931951</v>
      </c>
      <c r="B7968" s="1"/>
      <c r="C7968">
        <v>12</v>
      </c>
      <c r="D7968" t="s">
        <v>18370</v>
      </c>
      <c r="E7968" t="s">
        <v>33183</v>
      </c>
      <c r="F7968">
        <v>4</v>
      </c>
      <c r="G7968" t="s">
        <v>14</v>
      </c>
      <c r="H7968" t="s">
        <v>18371</v>
      </c>
      <c r="I7968" t="s">
        <v>30540</v>
      </c>
    </row>
    <row r="7969" spans="1:9">
      <c r="A7969" s="1">
        <v>0.97993519797774031</v>
      </c>
      <c r="B7969" s="1"/>
      <c r="C7969">
        <v>4</v>
      </c>
      <c r="D7969" t="s">
        <v>18368</v>
      </c>
      <c r="E7969" t="s">
        <v>33183</v>
      </c>
      <c r="F7969">
        <v>4</v>
      </c>
      <c r="G7969" t="s">
        <v>14</v>
      </c>
      <c r="H7969" t="s">
        <v>18369</v>
      </c>
      <c r="I7969" t="s">
        <v>30540</v>
      </c>
    </row>
    <row r="7970" spans="1:9">
      <c r="A7970" s="1">
        <v>0.75079326559854243</v>
      </c>
      <c r="B7970" s="1"/>
      <c r="C7970">
        <v>1</v>
      </c>
      <c r="D7970" t="s">
        <v>18354</v>
      </c>
      <c r="E7970" t="s">
        <v>33184</v>
      </c>
      <c r="F7970">
        <v>5</v>
      </c>
      <c r="G7970" t="s">
        <v>2</v>
      </c>
      <c r="H7970" t="s">
        <v>18355</v>
      </c>
      <c r="I7970" t="s">
        <v>30540</v>
      </c>
    </row>
    <row r="7971" spans="1:9">
      <c r="A7971" s="1">
        <v>0.72125081487556719</v>
      </c>
      <c r="B7971" s="1"/>
      <c r="C7971">
        <v>18</v>
      </c>
      <c r="D7971" t="s">
        <v>18366</v>
      </c>
      <c r="E7971" t="s">
        <v>33184</v>
      </c>
      <c r="F7971">
        <v>5</v>
      </c>
      <c r="G7971" t="s">
        <v>13</v>
      </c>
      <c r="H7971" t="s">
        <v>18367</v>
      </c>
      <c r="I7971" t="s">
        <v>30540</v>
      </c>
    </row>
    <row r="7972" spans="1:9">
      <c r="A7972" s="1">
        <v>0.73761946959369817</v>
      </c>
      <c r="B7972" s="1"/>
      <c r="C7972">
        <v>4</v>
      </c>
      <c r="D7972" t="s">
        <v>18360</v>
      </c>
      <c r="E7972" t="s">
        <v>33184</v>
      </c>
      <c r="F7972">
        <v>5</v>
      </c>
      <c r="G7972" t="s">
        <v>0</v>
      </c>
      <c r="H7972" t="s">
        <v>18361</v>
      </c>
      <c r="I7972" t="s">
        <v>30540</v>
      </c>
    </row>
    <row r="7973" spans="1:9">
      <c r="A7973" s="1">
        <v>0.14300473496537025</v>
      </c>
      <c r="B7973" s="1"/>
      <c r="C7973">
        <v>2</v>
      </c>
      <c r="D7973" t="s">
        <v>18356</v>
      </c>
      <c r="E7973" t="s">
        <v>33184</v>
      </c>
      <c r="F7973">
        <v>3</v>
      </c>
      <c r="G7973" t="s">
        <v>10</v>
      </c>
      <c r="H7973" t="s">
        <v>18357</v>
      </c>
      <c r="I7973" t="s">
        <v>30540</v>
      </c>
    </row>
    <row r="7974" spans="1:9">
      <c r="A7974" s="1">
        <v>0.69943544031497806</v>
      </c>
      <c r="B7974" s="1"/>
      <c r="C7974">
        <v>17</v>
      </c>
      <c r="D7974" t="s">
        <v>18364</v>
      </c>
      <c r="E7974" t="s">
        <v>33184</v>
      </c>
      <c r="F7974">
        <v>3</v>
      </c>
      <c r="G7974" t="s">
        <v>14</v>
      </c>
      <c r="H7974" t="s">
        <v>18365</v>
      </c>
      <c r="I7974" t="s">
        <v>30540</v>
      </c>
    </row>
    <row r="7975" spans="1:9">
      <c r="A7975" s="1">
        <v>0.77151388665453036</v>
      </c>
      <c r="B7975" s="1"/>
      <c r="C7975">
        <v>7</v>
      </c>
      <c r="D7975" t="s">
        <v>18352</v>
      </c>
      <c r="E7975" t="s">
        <v>33185</v>
      </c>
      <c r="F7975">
        <v>4</v>
      </c>
      <c r="G7975" t="s">
        <v>14</v>
      </c>
      <c r="H7975" t="s">
        <v>18353</v>
      </c>
      <c r="I7975" t="s">
        <v>30540</v>
      </c>
    </row>
    <row r="7976" spans="1:9">
      <c r="A7976" s="1">
        <v>0.92976024420296366</v>
      </c>
      <c r="B7976" s="1"/>
      <c r="C7976">
        <v>5</v>
      </c>
      <c r="D7976" t="s">
        <v>18346</v>
      </c>
      <c r="E7976" t="s">
        <v>33186</v>
      </c>
      <c r="F7976">
        <v>5</v>
      </c>
      <c r="G7976" t="s">
        <v>14</v>
      </c>
      <c r="H7976" t="s">
        <v>18347</v>
      </c>
      <c r="I7976" t="s">
        <v>30540</v>
      </c>
    </row>
    <row r="7977" spans="1:9">
      <c r="A7977" s="1">
        <v>0.78882468113106907</v>
      </c>
      <c r="B7977" s="1"/>
      <c r="C7977">
        <v>12</v>
      </c>
      <c r="D7977" t="s">
        <v>18350</v>
      </c>
      <c r="E7977" t="s">
        <v>33186</v>
      </c>
      <c r="F7977">
        <v>4</v>
      </c>
      <c r="G7977" t="s">
        <v>14</v>
      </c>
      <c r="H7977" t="s">
        <v>18351</v>
      </c>
      <c r="I7977" t="s">
        <v>30540</v>
      </c>
    </row>
    <row r="7978" spans="1:9">
      <c r="A7978" s="1">
        <v>9.2101918875690636E-2</v>
      </c>
      <c r="B7978" s="1"/>
      <c r="C7978">
        <v>10</v>
      </c>
      <c r="D7978" t="s">
        <v>18348</v>
      </c>
      <c r="E7978" t="s">
        <v>33186</v>
      </c>
      <c r="F7978">
        <v>4</v>
      </c>
      <c r="G7978" t="s">
        <v>9</v>
      </c>
      <c r="H7978" t="s">
        <v>18349</v>
      </c>
      <c r="I7978" t="s">
        <v>30540</v>
      </c>
    </row>
    <row r="7979" spans="1:9">
      <c r="A7979" s="1">
        <v>0.96670455996800508</v>
      </c>
      <c r="B7979" s="1"/>
      <c r="C7979">
        <v>15</v>
      </c>
      <c r="D7979" t="s">
        <v>18340</v>
      </c>
      <c r="E7979" t="s">
        <v>33187</v>
      </c>
      <c r="F7979">
        <v>5</v>
      </c>
      <c r="G7979" t="s">
        <v>14</v>
      </c>
      <c r="H7979" t="s">
        <v>18341</v>
      </c>
      <c r="I7979" t="s">
        <v>30540</v>
      </c>
    </row>
    <row r="7980" spans="1:9">
      <c r="A7980" s="1">
        <v>0.7255919883007933</v>
      </c>
      <c r="B7980" s="1"/>
      <c r="C7980">
        <v>19</v>
      </c>
      <c r="D7980" t="s">
        <v>18344</v>
      </c>
      <c r="E7980" t="s">
        <v>33187</v>
      </c>
      <c r="F7980">
        <v>5</v>
      </c>
      <c r="G7980" t="s">
        <v>14</v>
      </c>
      <c r="H7980" t="s">
        <v>18345</v>
      </c>
      <c r="I7980" t="s">
        <v>30540</v>
      </c>
    </row>
    <row r="7981" spans="1:9">
      <c r="A7981" s="1">
        <v>0.78197369126230254</v>
      </c>
      <c r="B7981" s="1"/>
      <c r="C7981">
        <v>17</v>
      </c>
      <c r="D7981" t="s">
        <v>18342</v>
      </c>
      <c r="E7981" t="s">
        <v>33187</v>
      </c>
      <c r="F7981">
        <v>4</v>
      </c>
      <c r="G7981" t="s">
        <v>0</v>
      </c>
      <c r="H7981" t="s">
        <v>18343</v>
      </c>
      <c r="I7981" t="s">
        <v>30540</v>
      </c>
    </row>
    <row r="7982" spans="1:9">
      <c r="A7982" s="1">
        <v>0.9157425236933322</v>
      </c>
      <c r="B7982" s="1"/>
      <c r="C7982">
        <v>11</v>
      </c>
      <c r="D7982" t="s">
        <v>18338</v>
      </c>
      <c r="E7982" t="s">
        <v>33187</v>
      </c>
      <c r="F7982">
        <v>4</v>
      </c>
      <c r="G7982" t="s">
        <v>14</v>
      </c>
      <c r="H7982" t="s">
        <v>18339</v>
      </c>
      <c r="I7982" t="s">
        <v>30540</v>
      </c>
    </row>
    <row r="7983" spans="1:9">
      <c r="A7983" s="1">
        <v>2.8554081935348141E-2</v>
      </c>
      <c r="B7983" s="1"/>
      <c r="C7983">
        <v>19</v>
      </c>
      <c r="D7983" t="s">
        <v>18334</v>
      </c>
      <c r="E7983" t="s">
        <v>33188</v>
      </c>
      <c r="F7983">
        <v>5</v>
      </c>
      <c r="G7983" t="s">
        <v>10</v>
      </c>
      <c r="H7983" t="s">
        <v>18335</v>
      </c>
      <c r="I7983" t="s">
        <v>30540</v>
      </c>
    </row>
    <row r="7984" spans="1:9">
      <c r="A7984" s="1">
        <v>0.49541982497048465</v>
      </c>
      <c r="B7984" s="1"/>
      <c r="C7984">
        <v>11</v>
      </c>
      <c r="D7984" t="s">
        <v>18328</v>
      </c>
      <c r="E7984" t="s">
        <v>33188</v>
      </c>
      <c r="F7984">
        <v>4</v>
      </c>
      <c r="G7984" t="s">
        <v>0</v>
      </c>
      <c r="H7984" t="s">
        <v>18329</v>
      </c>
      <c r="I7984" t="s">
        <v>30540</v>
      </c>
    </row>
    <row r="7985" spans="1:9">
      <c r="A7985" s="1">
        <v>5.2554389361864184E-2</v>
      </c>
      <c r="B7985" s="1"/>
      <c r="C7985">
        <v>2</v>
      </c>
      <c r="D7985" t="s">
        <v>18324</v>
      </c>
      <c r="E7985" t="s">
        <v>33188</v>
      </c>
      <c r="F7985">
        <v>4</v>
      </c>
      <c r="G7985" t="s">
        <v>9</v>
      </c>
      <c r="H7985" t="s">
        <v>18325</v>
      </c>
      <c r="I7985" t="s">
        <v>30540</v>
      </c>
    </row>
    <row r="7986" spans="1:9">
      <c r="A7986" s="1">
        <v>9.4797538325810393E-3</v>
      </c>
      <c r="B7986" s="1"/>
      <c r="C7986">
        <v>12</v>
      </c>
      <c r="D7986" t="s">
        <v>18330</v>
      </c>
      <c r="E7986" t="s">
        <v>33188</v>
      </c>
      <c r="F7986">
        <v>4</v>
      </c>
      <c r="G7986" t="s">
        <v>10</v>
      </c>
      <c r="H7986" t="s">
        <v>18331</v>
      </c>
      <c r="I7986" t="s">
        <v>30540</v>
      </c>
    </row>
    <row r="7987" spans="1:9">
      <c r="A7987" s="1">
        <v>7.9928010341713263E-2</v>
      </c>
      <c r="B7987" s="1"/>
      <c r="C7987">
        <v>10</v>
      </c>
      <c r="D7987" t="s">
        <v>18326</v>
      </c>
      <c r="E7987" t="s">
        <v>33188</v>
      </c>
      <c r="F7987">
        <v>4</v>
      </c>
      <c r="G7987" t="s">
        <v>10</v>
      </c>
      <c r="H7987" t="s">
        <v>18327</v>
      </c>
      <c r="I7987" t="s">
        <v>30540</v>
      </c>
    </row>
    <row r="7988" spans="1:9">
      <c r="A7988" s="1">
        <v>0.56365610713534409</v>
      </c>
      <c r="B7988" s="1"/>
      <c r="C7988">
        <v>13</v>
      </c>
      <c r="D7988" t="s">
        <v>18332</v>
      </c>
      <c r="E7988" t="s">
        <v>33188</v>
      </c>
      <c r="F7988">
        <v>4</v>
      </c>
      <c r="G7988" t="s">
        <v>10</v>
      </c>
      <c r="H7988" t="s">
        <v>18333</v>
      </c>
      <c r="I7988" t="s">
        <v>30540</v>
      </c>
    </row>
    <row r="7989" spans="1:9">
      <c r="A7989" s="1">
        <v>0.66317595910233029</v>
      </c>
      <c r="B7989" s="1"/>
      <c r="C7989">
        <v>20</v>
      </c>
      <c r="D7989" t="s">
        <v>18336</v>
      </c>
      <c r="E7989" t="s">
        <v>33188</v>
      </c>
      <c r="F7989">
        <v>3</v>
      </c>
      <c r="G7989" t="s">
        <v>13</v>
      </c>
      <c r="H7989" t="s">
        <v>18337</v>
      </c>
      <c r="I7989" t="s">
        <v>30540</v>
      </c>
    </row>
    <row r="7990" spans="1:9">
      <c r="A7990" s="1">
        <v>0.5668240869143919</v>
      </c>
      <c r="B7990" s="1"/>
      <c r="C7990">
        <v>14</v>
      </c>
      <c r="D7990" t="s">
        <v>18316</v>
      </c>
      <c r="E7990" t="s">
        <v>33189</v>
      </c>
      <c r="F7990">
        <v>4</v>
      </c>
      <c r="G7990" t="s">
        <v>14</v>
      </c>
      <c r="H7990" t="s">
        <v>18317</v>
      </c>
      <c r="I7990" t="s">
        <v>30540</v>
      </c>
    </row>
    <row r="7991" spans="1:9">
      <c r="A7991" s="1">
        <v>4.1497340687805861E-2</v>
      </c>
      <c r="B7991" s="1"/>
      <c r="C7991">
        <v>15</v>
      </c>
      <c r="D7991" t="s">
        <v>18318</v>
      </c>
      <c r="E7991" t="s">
        <v>33189</v>
      </c>
      <c r="F7991">
        <v>4</v>
      </c>
      <c r="G7991" t="s">
        <v>14</v>
      </c>
      <c r="H7991" t="s">
        <v>18319</v>
      </c>
      <c r="I7991" t="s">
        <v>30540</v>
      </c>
    </row>
    <row r="7992" spans="1:9">
      <c r="A7992" s="1">
        <v>0.93318105122147654</v>
      </c>
      <c r="B7992" s="1"/>
      <c r="C7992">
        <v>10</v>
      </c>
      <c r="D7992" t="s">
        <v>18310</v>
      </c>
      <c r="E7992" t="s">
        <v>33189</v>
      </c>
      <c r="F7992">
        <v>4</v>
      </c>
      <c r="G7992" t="s">
        <v>14</v>
      </c>
      <c r="H7992" t="s">
        <v>18311</v>
      </c>
      <c r="I7992" t="s">
        <v>30540</v>
      </c>
    </row>
    <row r="7993" spans="1:9">
      <c r="A7993" s="1">
        <v>0.14343509605323501</v>
      </c>
      <c r="B7993" s="1"/>
      <c r="C7993">
        <v>20</v>
      </c>
      <c r="D7993" t="s">
        <v>18322</v>
      </c>
      <c r="E7993" t="s">
        <v>33189</v>
      </c>
      <c r="F7993">
        <v>4</v>
      </c>
      <c r="G7993" t="s">
        <v>14</v>
      </c>
      <c r="H7993" t="s">
        <v>18323</v>
      </c>
      <c r="I7993" t="s">
        <v>30540</v>
      </c>
    </row>
    <row r="7994" spans="1:9">
      <c r="A7994" s="1">
        <v>0.16162155319337079</v>
      </c>
      <c r="B7994" s="1"/>
      <c r="C7994">
        <v>12</v>
      </c>
      <c r="D7994" t="s">
        <v>18314</v>
      </c>
      <c r="E7994" t="s">
        <v>33189</v>
      </c>
      <c r="F7994">
        <v>4</v>
      </c>
      <c r="G7994" t="s">
        <v>14</v>
      </c>
      <c r="H7994" t="s">
        <v>18315</v>
      </c>
      <c r="I7994" t="s">
        <v>30540</v>
      </c>
    </row>
    <row r="7995" spans="1:9">
      <c r="A7995" s="1">
        <v>0.56545792158348174</v>
      </c>
      <c r="B7995" s="1"/>
      <c r="C7995">
        <v>3</v>
      </c>
      <c r="D7995" t="s">
        <v>18308</v>
      </c>
      <c r="E7995" t="s">
        <v>33189</v>
      </c>
      <c r="F7995">
        <v>4</v>
      </c>
      <c r="G7995" t="s">
        <v>9</v>
      </c>
      <c r="H7995" t="s">
        <v>18309</v>
      </c>
      <c r="I7995" t="s">
        <v>30540</v>
      </c>
    </row>
    <row r="7996" spans="1:9">
      <c r="A7996" s="1">
        <v>0.59877504110656987</v>
      </c>
      <c r="B7996" s="1"/>
      <c r="C7996">
        <v>18</v>
      </c>
      <c r="D7996" t="s">
        <v>18320</v>
      </c>
      <c r="E7996" t="s">
        <v>33189</v>
      </c>
      <c r="F7996">
        <v>4</v>
      </c>
      <c r="G7996" t="s">
        <v>1</v>
      </c>
      <c r="H7996" t="s">
        <v>18321</v>
      </c>
      <c r="I7996" t="s">
        <v>30540</v>
      </c>
    </row>
    <row r="7997" spans="1:9">
      <c r="A7997" s="1">
        <v>0.98005383474217089</v>
      </c>
      <c r="B7997" s="1"/>
      <c r="C7997">
        <v>11</v>
      </c>
      <c r="D7997" t="s">
        <v>18312</v>
      </c>
      <c r="E7997" t="s">
        <v>33189</v>
      </c>
      <c r="F7997">
        <v>3</v>
      </c>
      <c r="G7997" t="s">
        <v>1</v>
      </c>
      <c r="H7997" t="s">
        <v>18313</v>
      </c>
      <c r="I7997" t="s">
        <v>30540</v>
      </c>
    </row>
    <row r="7998" spans="1:9">
      <c r="A7998" s="1">
        <v>0.92640940941573358</v>
      </c>
      <c r="B7998" s="1"/>
      <c r="C7998">
        <v>11</v>
      </c>
      <c r="D7998" t="s">
        <v>18300</v>
      </c>
      <c r="E7998" t="s">
        <v>33190</v>
      </c>
      <c r="F7998">
        <v>5</v>
      </c>
      <c r="G7998" t="s">
        <v>0</v>
      </c>
      <c r="H7998" t="s">
        <v>18301</v>
      </c>
      <c r="I7998" t="s">
        <v>30540</v>
      </c>
    </row>
    <row r="7999" spans="1:9">
      <c r="A7999" s="1">
        <v>0.97507094095992242</v>
      </c>
      <c r="B7999" s="1"/>
      <c r="C7999">
        <v>5</v>
      </c>
      <c r="D7999" t="s">
        <v>18296</v>
      </c>
      <c r="E7999" t="s">
        <v>33190</v>
      </c>
      <c r="F7999">
        <v>4</v>
      </c>
      <c r="G7999" t="s">
        <v>10</v>
      </c>
      <c r="H7999" t="s">
        <v>18297</v>
      </c>
      <c r="I7999" t="s">
        <v>30540</v>
      </c>
    </row>
    <row r="8000" spans="1:9">
      <c r="A8000" s="1">
        <v>0.53287860807895193</v>
      </c>
      <c r="B8000" s="1"/>
      <c r="C8000">
        <v>14</v>
      </c>
      <c r="D8000" t="s">
        <v>18304</v>
      </c>
      <c r="E8000" t="s">
        <v>33190</v>
      </c>
      <c r="F8000">
        <v>4</v>
      </c>
      <c r="G8000" t="s">
        <v>1</v>
      </c>
      <c r="H8000" t="s">
        <v>18305</v>
      </c>
      <c r="I8000" t="s">
        <v>30540</v>
      </c>
    </row>
    <row r="8001" spans="1:9">
      <c r="A8001" s="1">
        <v>0.69063151455484884</v>
      </c>
      <c r="B8001" s="1"/>
      <c r="C8001">
        <v>16</v>
      </c>
      <c r="D8001" t="s">
        <v>18306</v>
      </c>
      <c r="E8001" t="s">
        <v>33190</v>
      </c>
      <c r="F8001">
        <v>4</v>
      </c>
      <c r="G8001" t="s">
        <v>10</v>
      </c>
      <c r="H8001" t="s">
        <v>18307</v>
      </c>
      <c r="I8001" t="s">
        <v>30540</v>
      </c>
    </row>
    <row r="8002" spans="1:9">
      <c r="A8002" s="1">
        <v>0.49662820648377914</v>
      </c>
      <c r="B8002" s="1"/>
      <c r="C8002">
        <v>8</v>
      </c>
      <c r="D8002" t="s">
        <v>18298</v>
      </c>
      <c r="E8002" t="s">
        <v>33190</v>
      </c>
      <c r="F8002">
        <v>3</v>
      </c>
      <c r="G8002" t="s">
        <v>10</v>
      </c>
      <c r="H8002" t="s">
        <v>18299</v>
      </c>
      <c r="I8002" t="s">
        <v>30540</v>
      </c>
    </row>
    <row r="8003" spans="1:9">
      <c r="A8003" s="1">
        <v>0.60327431100731466</v>
      </c>
      <c r="B8003" s="1"/>
      <c r="C8003">
        <v>17</v>
      </c>
      <c r="D8003" t="s">
        <v>18292</v>
      </c>
      <c r="E8003" t="s">
        <v>33191</v>
      </c>
      <c r="F8003">
        <v>5</v>
      </c>
      <c r="G8003" t="s">
        <v>14</v>
      </c>
      <c r="H8003" t="s">
        <v>18293</v>
      </c>
      <c r="I8003" t="s">
        <v>30540</v>
      </c>
    </row>
    <row r="8004" spans="1:9">
      <c r="A8004" s="1">
        <v>0.95269373213391739</v>
      </c>
      <c r="B8004" s="1"/>
      <c r="C8004">
        <v>20</v>
      </c>
      <c r="D8004" t="s">
        <v>18294</v>
      </c>
      <c r="E8004" t="s">
        <v>33191</v>
      </c>
      <c r="F8004">
        <v>4</v>
      </c>
      <c r="G8004" t="s">
        <v>2738</v>
      </c>
      <c r="H8004" t="s">
        <v>18295</v>
      </c>
      <c r="I8004" t="s">
        <v>30540</v>
      </c>
    </row>
    <row r="8005" spans="1:9">
      <c r="A8005" s="1">
        <v>0.13345545278998572</v>
      </c>
      <c r="B8005" s="1"/>
      <c r="C8005">
        <v>4</v>
      </c>
      <c r="D8005" t="s">
        <v>18280</v>
      </c>
      <c r="E8005" t="s">
        <v>33192</v>
      </c>
      <c r="F8005">
        <v>5</v>
      </c>
      <c r="G8005" t="s">
        <v>14</v>
      </c>
      <c r="H8005" t="s">
        <v>18281</v>
      </c>
      <c r="I8005" t="s">
        <v>30540</v>
      </c>
    </row>
    <row r="8006" spans="1:9">
      <c r="A8006" s="1">
        <v>0.13506668008750944</v>
      </c>
      <c r="B8006" s="1"/>
      <c r="C8006">
        <v>6</v>
      </c>
      <c r="D8006" t="s">
        <v>18282</v>
      </c>
      <c r="E8006" t="s">
        <v>33192</v>
      </c>
      <c r="F8006">
        <v>4</v>
      </c>
      <c r="G8006" t="s">
        <v>14</v>
      </c>
      <c r="H8006" t="s">
        <v>18283</v>
      </c>
      <c r="I8006" t="s">
        <v>30540</v>
      </c>
    </row>
    <row r="8007" spans="1:9">
      <c r="A8007" s="1">
        <v>0.30732455936792225</v>
      </c>
      <c r="B8007" s="1"/>
      <c r="C8007">
        <v>17</v>
      </c>
      <c r="D8007" t="s">
        <v>18286</v>
      </c>
      <c r="E8007" t="s">
        <v>33192</v>
      </c>
      <c r="F8007">
        <v>4</v>
      </c>
      <c r="G8007" t="s">
        <v>14</v>
      </c>
      <c r="H8007" t="s">
        <v>18287</v>
      </c>
      <c r="I8007" t="s">
        <v>30540</v>
      </c>
    </row>
    <row r="8008" spans="1:9">
      <c r="A8008" s="1">
        <v>0.86011018443856357</v>
      </c>
      <c r="B8008" s="1"/>
      <c r="C8008">
        <v>20</v>
      </c>
      <c r="D8008" t="s">
        <v>18288</v>
      </c>
      <c r="E8008" t="s">
        <v>33192</v>
      </c>
      <c r="F8008">
        <v>4</v>
      </c>
      <c r="G8008" t="s">
        <v>1</v>
      </c>
      <c r="H8008" t="s">
        <v>18289</v>
      </c>
      <c r="I8008" t="s">
        <v>30540</v>
      </c>
    </row>
    <row r="8009" spans="1:9">
      <c r="A8009" s="1">
        <v>0.17827752058638513</v>
      </c>
      <c r="B8009" s="1"/>
      <c r="C8009">
        <v>2</v>
      </c>
      <c r="D8009" t="s">
        <v>18278</v>
      </c>
      <c r="E8009" t="s">
        <v>33192</v>
      </c>
      <c r="F8009">
        <v>4</v>
      </c>
      <c r="G8009" t="s">
        <v>2</v>
      </c>
      <c r="H8009" t="s">
        <v>18279</v>
      </c>
      <c r="I8009" t="s">
        <v>30540</v>
      </c>
    </row>
    <row r="8010" spans="1:9">
      <c r="A8010" s="1">
        <v>2.8039625055664485E-2</v>
      </c>
      <c r="B8010" s="1"/>
      <c r="C8010">
        <v>16</v>
      </c>
      <c r="D8010" t="s">
        <v>18284</v>
      </c>
      <c r="E8010" t="s">
        <v>33192</v>
      </c>
      <c r="F8010">
        <v>4</v>
      </c>
      <c r="G8010" t="s">
        <v>10</v>
      </c>
      <c r="H8010" t="s">
        <v>18285</v>
      </c>
      <c r="I8010" t="s">
        <v>30540</v>
      </c>
    </row>
    <row r="8011" spans="1:9">
      <c r="A8011" s="1">
        <v>0.25379762889578983</v>
      </c>
      <c r="B8011" s="1"/>
      <c r="C8011">
        <v>1</v>
      </c>
      <c r="D8011" t="s">
        <v>18266</v>
      </c>
      <c r="E8011" t="s">
        <v>33193</v>
      </c>
      <c r="F8011">
        <v>4</v>
      </c>
      <c r="G8011" t="s">
        <v>10</v>
      </c>
      <c r="H8011" t="s">
        <v>18267</v>
      </c>
      <c r="I8011" t="s">
        <v>30540</v>
      </c>
    </row>
    <row r="8012" spans="1:9">
      <c r="A8012" s="1">
        <v>0.21319129343837628</v>
      </c>
      <c r="B8012" s="1"/>
      <c r="C8012">
        <v>11</v>
      </c>
      <c r="D8012" t="s">
        <v>18272</v>
      </c>
      <c r="E8012" t="s">
        <v>33193</v>
      </c>
      <c r="F8012">
        <v>4</v>
      </c>
      <c r="G8012" t="s">
        <v>13</v>
      </c>
      <c r="H8012" t="s">
        <v>18273</v>
      </c>
      <c r="I8012" t="s">
        <v>30540</v>
      </c>
    </row>
    <row r="8013" spans="1:9">
      <c r="A8013" s="1">
        <v>0.62073115111514765</v>
      </c>
      <c r="B8013" s="1"/>
      <c r="C8013">
        <v>15</v>
      </c>
      <c r="D8013" t="s">
        <v>18274</v>
      </c>
      <c r="E8013" t="s">
        <v>33193</v>
      </c>
      <c r="F8013">
        <v>4</v>
      </c>
      <c r="G8013" t="s">
        <v>0</v>
      </c>
      <c r="H8013" t="s">
        <v>18275</v>
      </c>
      <c r="I8013" t="s">
        <v>30540</v>
      </c>
    </row>
    <row r="8014" spans="1:9">
      <c r="A8014" s="1">
        <v>4.0591405346921849E-2</v>
      </c>
      <c r="B8014" s="1"/>
      <c r="C8014">
        <v>9</v>
      </c>
      <c r="D8014" t="s">
        <v>18270</v>
      </c>
      <c r="E8014" t="s">
        <v>33193</v>
      </c>
      <c r="F8014">
        <v>4</v>
      </c>
      <c r="G8014" t="s">
        <v>14</v>
      </c>
      <c r="H8014" t="s">
        <v>18271</v>
      </c>
      <c r="I8014" t="s">
        <v>30540</v>
      </c>
    </row>
    <row r="8015" spans="1:9">
      <c r="A8015" s="1">
        <v>0.19448810278343609</v>
      </c>
      <c r="B8015" s="1"/>
      <c r="C8015">
        <v>18</v>
      </c>
      <c r="D8015" t="s">
        <v>18276</v>
      </c>
      <c r="E8015" t="s">
        <v>33193</v>
      </c>
      <c r="F8015">
        <v>3</v>
      </c>
      <c r="G8015" t="s">
        <v>14</v>
      </c>
      <c r="H8015" t="s">
        <v>18277</v>
      </c>
      <c r="I8015" t="s">
        <v>30540</v>
      </c>
    </row>
    <row r="8016" spans="1:9">
      <c r="A8016" s="1">
        <v>0.50312450523138619</v>
      </c>
      <c r="B8016" s="1"/>
      <c r="C8016">
        <v>20</v>
      </c>
      <c r="D8016" t="s">
        <v>18264</v>
      </c>
      <c r="E8016" t="s">
        <v>33194</v>
      </c>
      <c r="F8016">
        <v>5</v>
      </c>
      <c r="G8016" t="s">
        <v>14</v>
      </c>
      <c r="H8016" t="s">
        <v>18265</v>
      </c>
      <c r="I8016" t="s">
        <v>30540</v>
      </c>
    </row>
    <row r="8017" spans="1:9">
      <c r="A8017" s="1">
        <v>0.98052196224533983</v>
      </c>
      <c r="B8017" s="1"/>
      <c r="C8017">
        <v>3</v>
      </c>
      <c r="D8017" t="s">
        <v>18256</v>
      </c>
      <c r="E8017" t="s">
        <v>33194</v>
      </c>
      <c r="F8017">
        <v>4</v>
      </c>
      <c r="G8017" t="s">
        <v>15</v>
      </c>
      <c r="H8017" t="s">
        <v>18257</v>
      </c>
      <c r="I8017" t="s">
        <v>30540</v>
      </c>
    </row>
    <row r="8018" spans="1:9">
      <c r="A8018" s="1">
        <v>5.8059481104933197E-2</v>
      </c>
      <c r="B8018" s="1"/>
      <c r="C8018">
        <v>18</v>
      </c>
      <c r="D8018" t="s">
        <v>18262</v>
      </c>
      <c r="E8018" t="s">
        <v>33194</v>
      </c>
      <c r="F8018">
        <v>4</v>
      </c>
      <c r="G8018" t="s">
        <v>14</v>
      </c>
      <c r="H8018" t="s">
        <v>18263</v>
      </c>
      <c r="I8018" t="s">
        <v>30540</v>
      </c>
    </row>
    <row r="8019" spans="1:9">
      <c r="A8019" s="1">
        <v>0.22870834425900555</v>
      </c>
      <c r="B8019" s="1"/>
      <c r="C8019">
        <v>6</v>
      </c>
      <c r="D8019" t="s">
        <v>18258</v>
      </c>
      <c r="E8019" t="s">
        <v>33194</v>
      </c>
      <c r="F8019">
        <v>4</v>
      </c>
      <c r="G8019" t="s">
        <v>14</v>
      </c>
      <c r="H8019" t="s">
        <v>18259</v>
      </c>
      <c r="I8019" t="s">
        <v>30540</v>
      </c>
    </row>
    <row r="8020" spans="1:9">
      <c r="A8020" s="1">
        <v>0.41111392986239181</v>
      </c>
      <c r="B8020" s="1"/>
      <c r="C8020">
        <v>19</v>
      </c>
      <c r="D8020" t="s">
        <v>18254</v>
      </c>
      <c r="E8020" t="s">
        <v>33195</v>
      </c>
      <c r="F8020">
        <v>5</v>
      </c>
      <c r="G8020" t="s">
        <v>1</v>
      </c>
      <c r="H8020" t="s">
        <v>18255</v>
      </c>
      <c r="I8020" t="s">
        <v>30540</v>
      </c>
    </row>
    <row r="8021" spans="1:9">
      <c r="A8021" s="1">
        <v>0.82489665102615095</v>
      </c>
      <c r="B8021" s="1"/>
      <c r="C8021">
        <v>2</v>
      </c>
      <c r="D8021" t="s">
        <v>18246</v>
      </c>
      <c r="E8021" t="s">
        <v>33195</v>
      </c>
      <c r="F8021">
        <v>4</v>
      </c>
      <c r="G8021" t="s">
        <v>10</v>
      </c>
      <c r="H8021" t="s">
        <v>18247</v>
      </c>
      <c r="I8021" t="s">
        <v>30540</v>
      </c>
    </row>
    <row r="8022" spans="1:9">
      <c r="A8022" s="1">
        <v>0.59782952785985799</v>
      </c>
      <c r="B8022" s="1"/>
      <c r="C8022">
        <v>14</v>
      </c>
      <c r="D8022" t="s">
        <v>18250</v>
      </c>
      <c r="E8022" t="s">
        <v>33195</v>
      </c>
      <c r="F8022">
        <v>4</v>
      </c>
      <c r="G8022" t="s">
        <v>14</v>
      </c>
      <c r="H8022" t="s">
        <v>18251</v>
      </c>
      <c r="I8022" t="s">
        <v>30540</v>
      </c>
    </row>
    <row r="8023" spans="1:9">
      <c r="A8023" s="1">
        <v>0.18011305437836178</v>
      </c>
      <c r="B8023" s="1"/>
      <c r="C8023">
        <v>12</v>
      </c>
      <c r="D8023" t="s">
        <v>18248</v>
      </c>
      <c r="E8023" t="s">
        <v>33195</v>
      </c>
      <c r="F8023">
        <v>3</v>
      </c>
      <c r="G8023" t="s">
        <v>9</v>
      </c>
      <c r="H8023" t="s">
        <v>18249</v>
      </c>
      <c r="I8023" t="s">
        <v>30540</v>
      </c>
    </row>
    <row r="8024" spans="1:9">
      <c r="A8024" s="1">
        <v>6.5008783333299958E-2</v>
      </c>
      <c r="B8024" s="1"/>
      <c r="C8024">
        <v>16</v>
      </c>
      <c r="D8024" t="s">
        <v>18244</v>
      </c>
      <c r="E8024" t="s">
        <v>33196</v>
      </c>
      <c r="F8024">
        <v>5</v>
      </c>
      <c r="G8024" t="s">
        <v>9</v>
      </c>
      <c r="H8024" t="s">
        <v>18245</v>
      </c>
      <c r="I8024" t="s">
        <v>30540</v>
      </c>
    </row>
    <row r="8025" spans="1:9">
      <c r="A8025" s="1">
        <v>5.2440678093232718E-2</v>
      </c>
      <c r="B8025" s="1"/>
      <c r="C8025">
        <v>3</v>
      </c>
      <c r="D8025" t="s">
        <v>18240</v>
      </c>
      <c r="E8025" t="s">
        <v>33196</v>
      </c>
      <c r="F8025">
        <v>4</v>
      </c>
      <c r="G8025" t="s">
        <v>13</v>
      </c>
      <c r="H8025" t="s">
        <v>18241</v>
      </c>
      <c r="I8025" t="s">
        <v>30540</v>
      </c>
    </row>
    <row r="8026" spans="1:9">
      <c r="A8026" s="1">
        <v>0.23256176549973018</v>
      </c>
      <c r="B8026" s="1"/>
      <c r="C8026">
        <v>15</v>
      </c>
      <c r="D8026" t="s">
        <v>18236</v>
      </c>
      <c r="E8026" t="s">
        <v>33197</v>
      </c>
      <c r="F8026">
        <v>4</v>
      </c>
      <c r="G8026" t="s">
        <v>14</v>
      </c>
      <c r="H8026" t="s">
        <v>18237</v>
      </c>
      <c r="I8026" t="s">
        <v>30540</v>
      </c>
    </row>
    <row r="8027" spans="1:9">
      <c r="A8027" s="1">
        <v>0.19096394703339359</v>
      </c>
      <c r="B8027" s="1"/>
      <c r="C8027">
        <v>9</v>
      </c>
      <c r="D8027" t="s">
        <v>18232</v>
      </c>
      <c r="E8027" t="s">
        <v>33197</v>
      </c>
      <c r="F8027">
        <v>4</v>
      </c>
      <c r="G8027" t="s">
        <v>14</v>
      </c>
      <c r="H8027" t="s">
        <v>18233</v>
      </c>
      <c r="I8027" t="s">
        <v>30540</v>
      </c>
    </row>
    <row r="8028" spans="1:9">
      <c r="A8028" s="1">
        <v>0.65414150241551772</v>
      </c>
      <c r="B8028" s="1"/>
      <c r="C8028">
        <v>20</v>
      </c>
      <c r="D8028" t="s">
        <v>18238</v>
      </c>
      <c r="E8028" t="s">
        <v>33197</v>
      </c>
      <c r="F8028">
        <v>4</v>
      </c>
      <c r="G8028" t="s">
        <v>1</v>
      </c>
      <c r="H8028" t="s">
        <v>18239</v>
      </c>
      <c r="I8028" t="s">
        <v>30540</v>
      </c>
    </row>
    <row r="8029" spans="1:9">
      <c r="A8029" s="1">
        <v>0.91911349777430429</v>
      </c>
      <c r="B8029" s="1"/>
      <c r="C8029">
        <v>13</v>
      </c>
      <c r="D8029" t="s">
        <v>18234</v>
      </c>
      <c r="E8029" t="s">
        <v>33197</v>
      </c>
      <c r="F8029">
        <v>3</v>
      </c>
      <c r="G8029" t="s">
        <v>1</v>
      </c>
      <c r="H8029" t="s">
        <v>18235</v>
      </c>
      <c r="I8029" t="s">
        <v>30540</v>
      </c>
    </row>
    <row r="8030" spans="1:9">
      <c r="A8030" s="1">
        <v>0.30151745341510761</v>
      </c>
      <c r="B8030" s="1"/>
      <c r="C8030">
        <v>18</v>
      </c>
      <c r="D8030" t="s">
        <v>18228</v>
      </c>
      <c r="E8030" t="s">
        <v>33198</v>
      </c>
      <c r="F8030">
        <v>5</v>
      </c>
      <c r="G8030" t="s">
        <v>10</v>
      </c>
      <c r="H8030" t="s">
        <v>18229</v>
      </c>
      <c r="I8030" t="s">
        <v>30540</v>
      </c>
    </row>
    <row r="8031" spans="1:9">
      <c r="A8031" s="1">
        <v>0.24960225212622589</v>
      </c>
      <c r="B8031" s="1"/>
      <c r="C8031">
        <v>9</v>
      </c>
      <c r="D8031" t="s">
        <v>18220</v>
      </c>
      <c r="E8031" t="s">
        <v>33198</v>
      </c>
      <c r="F8031">
        <v>5</v>
      </c>
      <c r="G8031" t="s">
        <v>14</v>
      </c>
      <c r="H8031" t="s">
        <v>18221</v>
      </c>
      <c r="I8031" t="s">
        <v>30540</v>
      </c>
    </row>
    <row r="8032" spans="1:9">
      <c r="A8032" s="1">
        <v>0.82677438811913673</v>
      </c>
      <c r="B8032" s="1"/>
      <c r="C8032">
        <v>10</v>
      </c>
      <c r="D8032" t="s">
        <v>18222</v>
      </c>
      <c r="E8032" t="s">
        <v>33198</v>
      </c>
      <c r="F8032">
        <v>4</v>
      </c>
      <c r="G8032" t="s">
        <v>0</v>
      </c>
      <c r="H8032" t="s">
        <v>18223</v>
      </c>
      <c r="I8032" t="s">
        <v>30540</v>
      </c>
    </row>
    <row r="8033" spans="1:9">
      <c r="A8033" s="1">
        <v>0.10908798095929639</v>
      </c>
      <c r="B8033" s="1"/>
      <c r="C8033">
        <v>19</v>
      </c>
      <c r="D8033" t="s">
        <v>18230</v>
      </c>
      <c r="E8033" t="s">
        <v>33198</v>
      </c>
      <c r="F8033">
        <v>4</v>
      </c>
      <c r="G8033" t="s">
        <v>14</v>
      </c>
      <c r="H8033" t="s">
        <v>18231</v>
      </c>
      <c r="I8033" t="s">
        <v>30540</v>
      </c>
    </row>
    <row r="8034" spans="1:9">
      <c r="A8034" s="1">
        <v>0.36009195267981664</v>
      </c>
      <c r="B8034" s="1"/>
      <c r="C8034">
        <v>3</v>
      </c>
      <c r="D8034" t="s">
        <v>18216</v>
      </c>
      <c r="E8034" t="s">
        <v>33198</v>
      </c>
      <c r="F8034">
        <v>4</v>
      </c>
      <c r="G8034" t="s">
        <v>9</v>
      </c>
      <c r="H8034" t="s">
        <v>18217</v>
      </c>
      <c r="I8034" t="s">
        <v>30540</v>
      </c>
    </row>
    <row r="8035" spans="1:9">
      <c r="A8035" s="1">
        <v>0.66033867300477334</v>
      </c>
      <c r="B8035" s="1"/>
      <c r="C8035">
        <v>11</v>
      </c>
      <c r="D8035" t="s">
        <v>18224</v>
      </c>
      <c r="E8035" t="s">
        <v>33198</v>
      </c>
      <c r="F8035">
        <v>4</v>
      </c>
      <c r="G8035" t="s">
        <v>14</v>
      </c>
      <c r="H8035" t="s">
        <v>18225</v>
      </c>
      <c r="I8035" t="s">
        <v>30540</v>
      </c>
    </row>
    <row r="8036" spans="1:9">
      <c r="A8036" s="1">
        <v>0.9297978298204479</v>
      </c>
      <c r="B8036" s="1"/>
      <c r="C8036">
        <v>18</v>
      </c>
      <c r="D8036" t="s">
        <v>18212</v>
      </c>
      <c r="E8036" t="s">
        <v>33199</v>
      </c>
      <c r="F8036">
        <v>4</v>
      </c>
      <c r="G8036" t="s">
        <v>14</v>
      </c>
      <c r="H8036" t="s">
        <v>18213</v>
      </c>
      <c r="I8036" t="s">
        <v>30540</v>
      </c>
    </row>
    <row r="8037" spans="1:9">
      <c r="A8037" s="1">
        <v>0.66391363739700204</v>
      </c>
      <c r="B8037" s="1"/>
      <c r="C8037">
        <v>12</v>
      </c>
      <c r="D8037" t="s">
        <v>18208</v>
      </c>
      <c r="E8037" t="s">
        <v>33199</v>
      </c>
      <c r="F8037">
        <v>4</v>
      </c>
      <c r="G8037" t="s">
        <v>14</v>
      </c>
      <c r="H8037" t="s">
        <v>18209</v>
      </c>
      <c r="I8037" t="s">
        <v>30540</v>
      </c>
    </row>
    <row r="8038" spans="1:9">
      <c r="A8038" s="1">
        <v>0.79496868388120945</v>
      </c>
      <c r="B8038" s="1"/>
      <c r="C8038">
        <v>19</v>
      </c>
      <c r="D8038" t="s">
        <v>18214</v>
      </c>
      <c r="E8038" t="s">
        <v>33199</v>
      </c>
      <c r="F8038">
        <v>4</v>
      </c>
      <c r="G8038" t="s">
        <v>14</v>
      </c>
      <c r="H8038" t="s">
        <v>18215</v>
      </c>
      <c r="I8038" t="s">
        <v>30540</v>
      </c>
    </row>
    <row r="8039" spans="1:9">
      <c r="A8039" s="1">
        <v>0.92746053487533631</v>
      </c>
      <c r="B8039" s="1"/>
      <c r="C8039">
        <v>6</v>
      </c>
      <c r="D8039" t="s">
        <v>18204</v>
      </c>
      <c r="E8039" t="s">
        <v>33199</v>
      </c>
      <c r="F8039">
        <v>4</v>
      </c>
      <c r="G8039" t="s">
        <v>0</v>
      </c>
      <c r="H8039" t="s">
        <v>18205</v>
      </c>
      <c r="I8039" t="s">
        <v>30540</v>
      </c>
    </row>
    <row r="8040" spans="1:9">
      <c r="A8040" s="1">
        <v>0.63348810831039493</v>
      </c>
      <c r="B8040" s="1"/>
      <c r="C8040">
        <v>2</v>
      </c>
      <c r="D8040" t="s">
        <v>18202</v>
      </c>
      <c r="E8040" t="s">
        <v>33199</v>
      </c>
      <c r="F8040">
        <v>4</v>
      </c>
      <c r="G8040" t="s">
        <v>9</v>
      </c>
      <c r="H8040" t="s">
        <v>18203</v>
      </c>
      <c r="I8040" t="s">
        <v>30540</v>
      </c>
    </row>
    <row r="8041" spans="1:9">
      <c r="A8041" s="1">
        <v>0.53970988510445372</v>
      </c>
      <c r="B8041" s="1"/>
      <c r="C8041">
        <v>16</v>
      </c>
      <c r="D8041" t="s">
        <v>18210</v>
      </c>
      <c r="E8041" t="s">
        <v>33199</v>
      </c>
      <c r="F8041">
        <v>4</v>
      </c>
      <c r="G8041" t="s">
        <v>1</v>
      </c>
      <c r="H8041" t="s">
        <v>18211</v>
      </c>
      <c r="I8041" t="s">
        <v>30540</v>
      </c>
    </row>
    <row r="8042" spans="1:9">
      <c r="A8042" s="1">
        <v>0.74790779709947131</v>
      </c>
      <c r="B8042" s="1"/>
      <c r="C8042">
        <v>4</v>
      </c>
      <c r="D8042" t="s">
        <v>18194</v>
      </c>
      <c r="E8042" t="s">
        <v>33200</v>
      </c>
      <c r="F8042">
        <v>5</v>
      </c>
      <c r="G8042" t="s">
        <v>10</v>
      </c>
      <c r="H8042" t="s">
        <v>18195</v>
      </c>
      <c r="I8042" t="s">
        <v>30540</v>
      </c>
    </row>
    <row r="8043" spans="1:9">
      <c r="A8043" s="1">
        <v>9.0551072657787279E-2</v>
      </c>
      <c r="B8043" s="1"/>
      <c r="C8043">
        <v>2</v>
      </c>
      <c r="D8043" t="s">
        <v>18192</v>
      </c>
      <c r="E8043" t="s">
        <v>33200</v>
      </c>
      <c r="F8043">
        <v>4</v>
      </c>
      <c r="G8043" t="s">
        <v>10</v>
      </c>
      <c r="H8043" t="s">
        <v>18193</v>
      </c>
      <c r="I8043" t="s">
        <v>30540</v>
      </c>
    </row>
    <row r="8044" spans="1:9">
      <c r="A8044" s="1">
        <v>0.77326436881018246</v>
      </c>
      <c r="B8044" s="1"/>
      <c r="C8044">
        <v>9</v>
      </c>
      <c r="D8044" t="s">
        <v>18200</v>
      </c>
      <c r="E8044" t="s">
        <v>33200</v>
      </c>
      <c r="F8044">
        <v>4</v>
      </c>
      <c r="G8044" t="s">
        <v>14</v>
      </c>
      <c r="H8044" t="s">
        <v>18201</v>
      </c>
      <c r="I8044" t="s">
        <v>30540</v>
      </c>
    </row>
    <row r="8045" spans="1:9">
      <c r="A8045" s="1">
        <v>0.50568850980452029</v>
      </c>
      <c r="B8045" s="1"/>
      <c r="C8045">
        <v>5</v>
      </c>
      <c r="D8045" t="s">
        <v>18196</v>
      </c>
      <c r="E8045" t="s">
        <v>33200</v>
      </c>
      <c r="F8045">
        <v>4</v>
      </c>
      <c r="G8045" t="s">
        <v>2</v>
      </c>
      <c r="H8045" t="s">
        <v>18197</v>
      </c>
      <c r="I8045" t="s">
        <v>30540</v>
      </c>
    </row>
    <row r="8046" spans="1:9">
      <c r="A8046" s="1">
        <v>0.36044375364943437</v>
      </c>
      <c r="B8046" s="1"/>
      <c r="C8046">
        <v>8</v>
      </c>
      <c r="D8046" t="s">
        <v>18198</v>
      </c>
      <c r="E8046" t="s">
        <v>33200</v>
      </c>
      <c r="F8046">
        <v>4</v>
      </c>
      <c r="G8046" t="s">
        <v>14</v>
      </c>
      <c r="H8046" t="s">
        <v>18199</v>
      </c>
      <c r="I8046" t="s">
        <v>30540</v>
      </c>
    </row>
    <row r="8047" spans="1:9">
      <c r="A8047" s="1">
        <v>0.2518742683638755</v>
      </c>
      <c r="B8047" s="1"/>
      <c r="C8047">
        <v>12</v>
      </c>
      <c r="D8047" t="s">
        <v>18182</v>
      </c>
      <c r="E8047" t="s">
        <v>33201</v>
      </c>
      <c r="F8047">
        <v>5</v>
      </c>
      <c r="G8047" t="s">
        <v>14</v>
      </c>
      <c r="H8047" t="s">
        <v>18183</v>
      </c>
      <c r="I8047" t="s">
        <v>30540</v>
      </c>
    </row>
    <row r="8048" spans="1:9">
      <c r="A8048" s="1">
        <v>0.48583857280564025</v>
      </c>
      <c r="B8048" s="1"/>
      <c r="C8048">
        <v>20</v>
      </c>
      <c r="D8048" t="s">
        <v>18188</v>
      </c>
      <c r="E8048" t="s">
        <v>33201</v>
      </c>
      <c r="F8048">
        <v>4</v>
      </c>
      <c r="G8048" t="s">
        <v>1431</v>
      </c>
      <c r="H8048" t="s">
        <v>18189</v>
      </c>
      <c r="I8048" t="s">
        <v>30540</v>
      </c>
    </row>
    <row r="8049" spans="1:9">
      <c r="A8049" s="1">
        <v>4.4397238905783509E-2</v>
      </c>
      <c r="B8049" s="1"/>
      <c r="C8049">
        <v>18</v>
      </c>
      <c r="D8049" t="s">
        <v>18186</v>
      </c>
      <c r="E8049" t="s">
        <v>33201</v>
      </c>
      <c r="F8049">
        <v>4</v>
      </c>
      <c r="G8049" t="s">
        <v>14</v>
      </c>
      <c r="H8049" t="s">
        <v>18187</v>
      </c>
      <c r="I8049" t="s">
        <v>30540</v>
      </c>
    </row>
    <row r="8050" spans="1:9">
      <c r="A8050" s="1">
        <v>0.11414361741133761</v>
      </c>
      <c r="B8050" s="1"/>
      <c r="C8050">
        <v>3</v>
      </c>
      <c r="D8050" t="s">
        <v>18180</v>
      </c>
      <c r="E8050" t="s">
        <v>33201</v>
      </c>
      <c r="F8050">
        <v>4</v>
      </c>
      <c r="G8050" t="s">
        <v>762</v>
      </c>
      <c r="H8050" t="s">
        <v>18181</v>
      </c>
      <c r="I8050" t="s">
        <v>30540</v>
      </c>
    </row>
    <row r="8051" spans="1:9">
      <c r="A8051" s="1">
        <v>0.42724438479213778</v>
      </c>
      <c r="B8051" s="1"/>
      <c r="C8051">
        <v>1</v>
      </c>
      <c r="D8051" t="s">
        <v>18178</v>
      </c>
      <c r="E8051" t="s">
        <v>33201</v>
      </c>
      <c r="F8051">
        <v>4</v>
      </c>
      <c r="G8051" t="s">
        <v>15</v>
      </c>
      <c r="H8051" t="s">
        <v>18179</v>
      </c>
      <c r="I8051" t="s">
        <v>30540</v>
      </c>
    </row>
    <row r="8052" spans="1:9">
      <c r="A8052" s="1">
        <v>0.72141764428037092</v>
      </c>
      <c r="B8052" s="1"/>
      <c r="C8052">
        <v>16</v>
      </c>
      <c r="D8052" t="s">
        <v>18170</v>
      </c>
      <c r="E8052" t="s">
        <v>33202</v>
      </c>
      <c r="F8052">
        <v>5</v>
      </c>
      <c r="G8052" t="s">
        <v>0</v>
      </c>
      <c r="H8052" t="s">
        <v>18171</v>
      </c>
      <c r="I8052" t="s">
        <v>30540</v>
      </c>
    </row>
    <row r="8053" spans="1:9">
      <c r="A8053" s="1">
        <v>0.27918110137423702</v>
      </c>
      <c r="B8053" s="1"/>
      <c r="C8053">
        <v>4</v>
      </c>
      <c r="D8053" t="s">
        <v>18168</v>
      </c>
      <c r="E8053" t="s">
        <v>33202</v>
      </c>
      <c r="F8053">
        <v>4</v>
      </c>
      <c r="G8053" t="s">
        <v>13</v>
      </c>
      <c r="H8053" t="s">
        <v>18169</v>
      </c>
      <c r="I8053" t="s">
        <v>30540</v>
      </c>
    </row>
    <row r="8054" spans="1:9">
      <c r="A8054" s="1">
        <v>0.4322738366197717</v>
      </c>
      <c r="B8054" s="1"/>
      <c r="C8054">
        <v>20</v>
      </c>
      <c r="D8054" t="s">
        <v>18176</v>
      </c>
      <c r="E8054" t="s">
        <v>33202</v>
      </c>
      <c r="F8054">
        <v>4</v>
      </c>
      <c r="G8054" t="s">
        <v>10</v>
      </c>
      <c r="H8054" t="s">
        <v>18177</v>
      </c>
      <c r="I8054" t="s">
        <v>30540</v>
      </c>
    </row>
    <row r="8055" spans="1:9">
      <c r="A8055" s="1">
        <v>0.18067124432811188</v>
      </c>
      <c r="B8055" s="1"/>
      <c r="C8055">
        <v>17</v>
      </c>
      <c r="D8055" t="s">
        <v>18172</v>
      </c>
      <c r="E8055" t="s">
        <v>33202</v>
      </c>
      <c r="F8055">
        <v>3</v>
      </c>
      <c r="G8055" t="s">
        <v>2</v>
      </c>
      <c r="H8055" t="s">
        <v>18173</v>
      </c>
      <c r="I8055" t="s">
        <v>30540</v>
      </c>
    </row>
    <row r="8056" spans="1:9">
      <c r="A8056" s="1">
        <v>0.70090037541269379</v>
      </c>
      <c r="B8056" s="1"/>
      <c r="C8056">
        <v>12</v>
      </c>
      <c r="D8056" t="s">
        <v>18162</v>
      </c>
      <c r="E8056" t="s">
        <v>33203</v>
      </c>
      <c r="F8056">
        <v>4</v>
      </c>
      <c r="G8056" t="s">
        <v>14</v>
      </c>
      <c r="H8056" t="s">
        <v>18163</v>
      </c>
      <c r="I8056" t="s">
        <v>30540</v>
      </c>
    </row>
    <row r="8057" spans="1:9">
      <c r="A8057" s="1">
        <v>0.55353883984057672</v>
      </c>
      <c r="B8057" s="1"/>
      <c r="C8057">
        <v>9</v>
      </c>
      <c r="D8057" t="s">
        <v>18158</v>
      </c>
      <c r="E8057" t="s">
        <v>33203</v>
      </c>
      <c r="F8057">
        <v>4</v>
      </c>
      <c r="G8057" t="s">
        <v>14</v>
      </c>
      <c r="H8057" t="s">
        <v>18159</v>
      </c>
      <c r="I8057" t="s">
        <v>30540</v>
      </c>
    </row>
    <row r="8058" spans="1:9">
      <c r="A8058" s="1">
        <v>7.7015978564333953E-2</v>
      </c>
      <c r="B8058" s="1"/>
      <c r="C8058">
        <v>10</v>
      </c>
      <c r="D8058" t="s">
        <v>18160</v>
      </c>
      <c r="E8058" t="s">
        <v>33203</v>
      </c>
      <c r="F8058">
        <v>4</v>
      </c>
      <c r="G8058" t="s">
        <v>14</v>
      </c>
      <c r="H8058" t="s">
        <v>18161</v>
      </c>
      <c r="I8058" t="s">
        <v>30540</v>
      </c>
    </row>
    <row r="8059" spans="1:9">
      <c r="A8059" s="1">
        <v>0.60774858258761744</v>
      </c>
      <c r="B8059" s="1"/>
      <c r="C8059">
        <v>20</v>
      </c>
      <c r="D8059" t="s">
        <v>18166</v>
      </c>
      <c r="E8059" t="s">
        <v>33203</v>
      </c>
      <c r="F8059">
        <v>4</v>
      </c>
      <c r="G8059" t="s">
        <v>1</v>
      </c>
      <c r="H8059" t="s">
        <v>18167</v>
      </c>
      <c r="I8059" t="s">
        <v>30540</v>
      </c>
    </row>
    <row r="8060" spans="1:9">
      <c r="A8060" s="1">
        <v>0.38392411700731988</v>
      </c>
      <c r="B8060" s="1"/>
      <c r="C8060">
        <v>16</v>
      </c>
      <c r="D8060" t="s">
        <v>18164</v>
      </c>
      <c r="E8060" t="s">
        <v>33203</v>
      </c>
      <c r="F8060">
        <v>4</v>
      </c>
      <c r="G8060" t="s">
        <v>0</v>
      </c>
      <c r="H8060" t="s">
        <v>18165</v>
      </c>
      <c r="I8060" t="s">
        <v>30540</v>
      </c>
    </row>
    <row r="8061" spans="1:9">
      <c r="A8061" s="1">
        <v>0.57556371506118031</v>
      </c>
      <c r="B8061" s="1"/>
      <c r="C8061">
        <v>14</v>
      </c>
      <c r="D8061" t="s">
        <v>18150</v>
      </c>
      <c r="E8061" t="s">
        <v>33204</v>
      </c>
      <c r="F8061">
        <v>5</v>
      </c>
      <c r="G8061" t="s">
        <v>14</v>
      </c>
      <c r="H8061" t="s">
        <v>18151</v>
      </c>
      <c r="I8061" t="s">
        <v>30540</v>
      </c>
    </row>
    <row r="8062" spans="1:9">
      <c r="A8062" s="1">
        <v>0.57663763505526022</v>
      </c>
      <c r="B8062" s="1"/>
      <c r="C8062">
        <v>17</v>
      </c>
      <c r="D8062" t="s">
        <v>18152</v>
      </c>
      <c r="E8062" t="s">
        <v>33204</v>
      </c>
      <c r="F8062">
        <v>5</v>
      </c>
      <c r="G8062" t="s">
        <v>14</v>
      </c>
      <c r="H8062" t="s">
        <v>18153</v>
      </c>
      <c r="I8062" t="s">
        <v>30540</v>
      </c>
    </row>
    <row r="8063" spans="1:9">
      <c r="A8063" s="1">
        <v>0.99144369600705795</v>
      </c>
      <c r="B8063" s="1"/>
      <c r="C8063">
        <v>19</v>
      </c>
      <c r="D8063" t="s">
        <v>18156</v>
      </c>
      <c r="E8063" t="s">
        <v>33204</v>
      </c>
      <c r="F8063">
        <v>5</v>
      </c>
      <c r="G8063" t="s">
        <v>14</v>
      </c>
      <c r="H8063" t="s">
        <v>18157</v>
      </c>
      <c r="I8063" t="s">
        <v>30540</v>
      </c>
    </row>
    <row r="8064" spans="1:9">
      <c r="A8064" s="1">
        <v>0.66732548067327513</v>
      </c>
      <c r="B8064" s="1"/>
      <c r="C8064">
        <v>1</v>
      </c>
      <c r="D8064" t="s">
        <v>18146</v>
      </c>
      <c r="E8064" t="s">
        <v>33204</v>
      </c>
      <c r="F8064">
        <v>4</v>
      </c>
      <c r="G8064" t="s">
        <v>2</v>
      </c>
      <c r="H8064" t="s">
        <v>18147</v>
      </c>
      <c r="I8064" t="s">
        <v>30540</v>
      </c>
    </row>
    <row r="8065" spans="1:9">
      <c r="A8065" s="1">
        <v>0.68092239545903055</v>
      </c>
      <c r="B8065" s="1"/>
      <c r="C8065">
        <v>4</v>
      </c>
      <c r="D8065" t="s">
        <v>18148</v>
      </c>
      <c r="E8065" t="s">
        <v>33204</v>
      </c>
      <c r="F8065">
        <v>4</v>
      </c>
      <c r="G8065" t="s">
        <v>0</v>
      </c>
      <c r="H8065" t="s">
        <v>18149</v>
      </c>
      <c r="I8065" t="s">
        <v>30540</v>
      </c>
    </row>
    <row r="8066" spans="1:9">
      <c r="A8066" s="1">
        <v>0.66866338064373698</v>
      </c>
      <c r="B8066" s="1"/>
      <c r="C8066">
        <v>18</v>
      </c>
      <c r="D8066" t="s">
        <v>18154</v>
      </c>
      <c r="E8066" t="s">
        <v>33204</v>
      </c>
      <c r="F8066">
        <v>4</v>
      </c>
      <c r="G8066" t="s">
        <v>2</v>
      </c>
      <c r="H8066" t="s">
        <v>18155</v>
      </c>
      <c r="I8066" t="s">
        <v>30540</v>
      </c>
    </row>
    <row r="8067" spans="1:9">
      <c r="A8067" s="1">
        <v>0.7880980446492889</v>
      </c>
      <c r="B8067" s="1"/>
      <c r="C8067">
        <v>14</v>
      </c>
      <c r="D8067" t="s">
        <v>18138</v>
      </c>
      <c r="E8067" t="s">
        <v>33205</v>
      </c>
      <c r="F8067">
        <v>5</v>
      </c>
      <c r="G8067" t="s">
        <v>1</v>
      </c>
      <c r="H8067" t="s">
        <v>18139</v>
      </c>
      <c r="I8067" t="s">
        <v>30540</v>
      </c>
    </row>
    <row r="8068" spans="1:9">
      <c r="A8068" s="1">
        <v>4.2407056036044555E-3</v>
      </c>
      <c r="B8068" s="1"/>
      <c r="C8068">
        <v>19</v>
      </c>
      <c r="D8068" t="s">
        <v>18142</v>
      </c>
      <c r="E8068" t="s">
        <v>33205</v>
      </c>
      <c r="F8068">
        <v>5</v>
      </c>
      <c r="G8068" t="s">
        <v>14</v>
      </c>
      <c r="H8068" t="s">
        <v>18143</v>
      </c>
      <c r="I8068" t="s">
        <v>30540</v>
      </c>
    </row>
    <row r="8069" spans="1:9">
      <c r="A8069" s="1">
        <v>1.6857289017460864E-2</v>
      </c>
      <c r="B8069" s="1"/>
      <c r="C8069">
        <v>7</v>
      </c>
      <c r="D8069" t="s">
        <v>18136</v>
      </c>
      <c r="E8069" t="s">
        <v>33205</v>
      </c>
      <c r="F8069">
        <v>4</v>
      </c>
      <c r="G8069" t="s">
        <v>14</v>
      </c>
      <c r="H8069" t="s">
        <v>18137</v>
      </c>
      <c r="I8069" t="s">
        <v>30540</v>
      </c>
    </row>
    <row r="8070" spans="1:9">
      <c r="A8070" s="1">
        <v>8.5487635624339142E-2</v>
      </c>
      <c r="B8070" s="1"/>
      <c r="C8070">
        <v>20</v>
      </c>
      <c r="D8070" t="s">
        <v>18144</v>
      </c>
      <c r="E8070" t="s">
        <v>33205</v>
      </c>
      <c r="F8070">
        <v>4</v>
      </c>
      <c r="G8070" t="s">
        <v>0</v>
      </c>
      <c r="H8070" t="s">
        <v>18145</v>
      </c>
      <c r="I8070" t="s">
        <v>30540</v>
      </c>
    </row>
    <row r="8071" spans="1:9">
      <c r="A8071" s="1">
        <v>0.83341137072647853</v>
      </c>
      <c r="B8071" s="1"/>
      <c r="C8071">
        <v>18</v>
      </c>
      <c r="D8071" t="s">
        <v>18134</v>
      </c>
      <c r="E8071" t="s">
        <v>33206</v>
      </c>
      <c r="F8071">
        <v>5</v>
      </c>
      <c r="G8071" t="s">
        <v>13</v>
      </c>
      <c r="H8071" t="s">
        <v>18135</v>
      </c>
      <c r="I8071" t="s">
        <v>30540</v>
      </c>
    </row>
    <row r="8072" spans="1:9">
      <c r="A8072" s="1">
        <v>0.78413517072745409</v>
      </c>
      <c r="B8072" s="1"/>
      <c r="C8072">
        <v>17</v>
      </c>
      <c r="D8072" t="s">
        <v>18132</v>
      </c>
      <c r="E8072" t="s">
        <v>33206</v>
      </c>
      <c r="F8072">
        <v>4</v>
      </c>
      <c r="G8072" t="s">
        <v>762</v>
      </c>
      <c r="H8072" t="s">
        <v>18133</v>
      </c>
      <c r="I8072" t="s">
        <v>30540</v>
      </c>
    </row>
    <row r="8073" spans="1:9">
      <c r="A8073" s="1">
        <v>0.48579638404025904</v>
      </c>
      <c r="B8073" s="1"/>
      <c r="C8073">
        <v>20</v>
      </c>
      <c r="D8073" t="s">
        <v>18130</v>
      </c>
      <c r="E8073" t="s">
        <v>33207</v>
      </c>
      <c r="F8073">
        <v>5</v>
      </c>
      <c r="G8073" t="s">
        <v>14</v>
      </c>
      <c r="H8073" t="s">
        <v>18131</v>
      </c>
      <c r="I8073" t="s">
        <v>30540</v>
      </c>
    </row>
    <row r="8074" spans="1:9">
      <c r="A8074" s="1">
        <v>0.33020266854685687</v>
      </c>
      <c r="B8074" s="1"/>
      <c r="C8074">
        <v>17</v>
      </c>
      <c r="D8074" t="s">
        <v>18126</v>
      </c>
      <c r="E8074" t="s">
        <v>33207</v>
      </c>
      <c r="F8074">
        <v>4</v>
      </c>
      <c r="G8074" t="s">
        <v>14</v>
      </c>
      <c r="H8074" t="s">
        <v>18127</v>
      </c>
      <c r="I8074" t="s">
        <v>30540</v>
      </c>
    </row>
    <row r="8075" spans="1:9">
      <c r="A8075" s="1">
        <v>0.23846734416974169</v>
      </c>
      <c r="B8075" s="1"/>
      <c r="C8075">
        <v>10</v>
      </c>
      <c r="D8075" t="s">
        <v>18124</v>
      </c>
      <c r="E8075" t="s">
        <v>33207</v>
      </c>
      <c r="F8075">
        <v>4</v>
      </c>
      <c r="G8075" t="s">
        <v>9</v>
      </c>
      <c r="H8075" t="s">
        <v>18125</v>
      </c>
      <c r="I8075" t="s">
        <v>30540</v>
      </c>
    </row>
    <row r="8076" spans="1:9">
      <c r="A8076" s="1">
        <v>9.407195115875111E-2</v>
      </c>
      <c r="B8076" s="1"/>
      <c r="C8076">
        <v>18</v>
      </c>
      <c r="D8076" t="s">
        <v>18128</v>
      </c>
      <c r="E8076" t="s">
        <v>33207</v>
      </c>
      <c r="F8076">
        <v>4</v>
      </c>
      <c r="G8076" t="s">
        <v>10</v>
      </c>
      <c r="H8076" t="s">
        <v>18129</v>
      </c>
      <c r="I8076" t="s">
        <v>30540</v>
      </c>
    </row>
    <row r="8077" spans="1:9">
      <c r="A8077" s="1">
        <v>0.92230519241584574</v>
      </c>
      <c r="B8077" s="1"/>
      <c r="C8077">
        <v>5</v>
      </c>
      <c r="D8077" t="s">
        <v>18122</v>
      </c>
      <c r="E8077" t="s">
        <v>33207</v>
      </c>
      <c r="F8077">
        <v>3</v>
      </c>
      <c r="G8077" t="s">
        <v>2</v>
      </c>
      <c r="H8077" t="s">
        <v>18123</v>
      </c>
      <c r="I8077" t="s">
        <v>30540</v>
      </c>
    </row>
    <row r="8078" spans="1:9">
      <c r="A8078" s="1">
        <v>0.62040644797590416</v>
      </c>
      <c r="B8078" s="1"/>
      <c r="C8078">
        <v>3</v>
      </c>
      <c r="D8078" t="s">
        <v>18120</v>
      </c>
      <c r="E8078" t="s">
        <v>33207</v>
      </c>
      <c r="F8078">
        <v>3</v>
      </c>
      <c r="G8078" t="s">
        <v>1</v>
      </c>
      <c r="H8078" t="s">
        <v>18121</v>
      </c>
      <c r="I8078" t="s">
        <v>30540</v>
      </c>
    </row>
    <row r="8079" spans="1:9">
      <c r="A8079" s="1">
        <v>0.59651466243269213</v>
      </c>
      <c r="B8079" s="1"/>
      <c r="C8079">
        <v>7</v>
      </c>
      <c r="D8079" t="s">
        <v>18106</v>
      </c>
      <c r="E8079" t="s">
        <v>33208</v>
      </c>
      <c r="F8079">
        <v>4</v>
      </c>
      <c r="G8079" t="s">
        <v>15</v>
      </c>
      <c r="H8079" t="s">
        <v>18107</v>
      </c>
      <c r="I8079" t="s">
        <v>30540</v>
      </c>
    </row>
    <row r="8080" spans="1:9">
      <c r="A8080" s="1">
        <v>0.75921834878151218</v>
      </c>
      <c r="B8080" s="1"/>
      <c r="C8080">
        <v>20</v>
      </c>
      <c r="D8080" t="s">
        <v>18116</v>
      </c>
      <c r="E8080" t="s">
        <v>33208</v>
      </c>
      <c r="F8080">
        <v>4</v>
      </c>
      <c r="G8080" t="s">
        <v>1</v>
      </c>
      <c r="H8080" t="s">
        <v>18117</v>
      </c>
      <c r="I8080" t="s">
        <v>30540</v>
      </c>
    </row>
    <row r="8081" spans="1:9">
      <c r="A8081" s="1">
        <v>0.19507870740876165</v>
      </c>
      <c r="B8081" s="1"/>
      <c r="C8081">
        <v>18</v>
      </c>
      <c r="D8081" t="s">
        <v>18114</v>
      </c>
      <c r="E8081" t="s">
        <v>33208</v>
      </c>
      <c r="F8081">
        <v>4</v>
      </c>
      <c r="G8081" t="s">
        <v>9</v>
      </c>
      <c r="H8081" t="s">
        <v>18115</v>
      </c>
      <c r="I8081" t="s">
        <v>30540</v>
      </c>
    </row>
    <row r="8082" spans="1:9">
      <c r="A8082" s="1">
        <v>0.23070954508257946</v>
      </c>
      <c r="B8082" s="1"/>
      <c r="C8082">
        <v>14</v>
      </c>
      <c r="D8082" t="s">
        <v>18110</v>
      </c>
      <c r="E8082" t="s">
        <v>33208</v>
      </c>
      <c r="F8082">
        <v>3</v>
      </c>
      <c r="G8082" t="s">
        <v>14</v>
      </c>
      <c r="H8082" t="s">
        <v>18111</v>
      </c>
      <c r="I8082" t="s">
        <v>30540</v>
      </c>
    </row>
    <row r="8083" spans="1:9">
      <c r="A8083" s="1">
        <v>8.5182228738077237E-2</v>
      </c>
      <c r="B8083" s="1"/>
      <c r="C8083">
        <v>11</v>
      </c>
      <c r="D8083" t="s">
        <v>18108</v>
      </c>
      <c r="E8083" t="s">
        <v>33208</v>
      </c>
      <c r="F8083">
        <v>3</v>
      </c>
      <c r="G8083" t="s">
        <v>14</v>
      </c>
      <c r="H8083" t="s">
        <v>18109</v>
      </c>
      <c r="I8083" t="s">
        <v>30540</v>
      </c>
    </row>
    <row r="8084" spans="1:9">
      <c r="A8084" s="1">
        <v>0.64577979847549649</v>
      </c>
      <c r="B8084" s="1"/>
      <c r="C8084">
        <v>7</v>
      </c>
      <c r="D8084" t="s">
        <v>18098</v>
      </c>
      <c r="E8084" t="s">
        <v>33209</v>
      </c>
      <c r="F8084">
        <v>5</v>
      </c>
      <c r="G8084" t="s">
        <v>10</v>
      </c>
      <c r="H8084" t="s">
        <v>18099</v>
      </c>
      <c r="I8084" t="s">
        <v>30540</v>
      </c>
    </row>
    <row r="8085" spans="1:9">
      <c r="A8085" s="1">
        <v>0.63541073601165743</v>
      </c>
      <c r="B8085" s="1"/>
      <c r="C8085">
        <v>11</v>
      </c>
      <c r="D8085" t="s">
        <v>18100</v>
      </c>
      <c r="E8085" t="s">
        <v>33209</v>
      </c>
      <c r="F8085">
        <v>5</v>
      </c>
      <c r="G8085" t="s">
        <v>10</v>
      </c>
      <c r="H8085" t="s">
        <v>18101</v>
      </c>
      <c r="I8085" t="s">
        <v>30540</v>
      </c>
    </row>
    <row r="8086" spans="1:9">
      <c r="A8086" s="1">
        <v>0.7293877396434636</v>
      </c>
      <c r="B8086" s="1"/>
      <c r="C8086">
        <v>19</v>
      </c>
      <c r="D8086" t="s">
        <v>18104</v>
      </c>
      <c r="E8086" t="s">
        <v>33209</v>
      </c>
      <c r="F8086">
        <v>4</v>
      </c>
      <c r="G8086" t="s">
        <v>10</v>
      </c>
      <c r="H8086" t="s">
        <v>18105</v>
      </c>
      <c r="I8086" t="s">
        <v>30540</v>
      </c>
    </row>
    <row r="8087" spans="1:9">
      <c r="A8087" s="1">
        <v>0.92599679139669722</v>
      </c>
      <c r="B8087" s="1"/>
      <c r="C8087">
        <v>16</v>
      </c>
      <c r="D8087" t="s">
        <v>18102</v>
      </c>
      <c r="E8087" t="s">
        <v>33209</v>
      </c>
      <c r="F8087">
        <v>4</v>
      </c>
      <c r="G8087" t="s">
        <v>10</v>
      </c>
      <c r="H8087" t="s">
        <v>18103</v>
      </c>
      <c r="I8087" t="s">
        <v>30540</v>
      </c>
    </row>
    <row r="8088" spans="1:9">
      <c r="A8088" s="1">
        <v>0.5350526930917372</v>
      </c>
      <c r="B8088" s="1"/>
      <c r="C8088">
        <v>4</v>
      </c>
      <c r="D8088" t="s">
        <v>18096</v>
      </c>
      <c r="E8088" t="s">
        <v>33209</v>
      </c>
      <c r="F8088">
        <v>4</v>
      </c>
      <c r="G8088" t="s">
        <v>2</v>
      </c>
      <c r="H8088" t="s">
        <v>18097</v>
      </c>
      <c r="I8088" t="s">
        <v>30540</v>
      </c>
    </row>
    <row r="8089" spans="1:9">
      <c r="A8089" s="1">
        <v>0.79138982652216461</v>
      </c>
      <c r="B8089" s="1"/>
      <c r="C8089">
        <v>9</v>
      </c>
      <c r="D8089" t="s">
        <v>18088</v>
      </c>
      <c r="E8089" t="s">
        <v>33210</v>
      </c>
      <c r="F8089">
        <v>5</v>
      </c>
      <c r="G8089" t="s">
        <v>10</v>
      </c>
      <c r="H8089" t="s">
        <v>18089</v>
      </c>
      <c r="I8089" t="s">
        <v>30540</v>
      </c>
    </row>
    <row r="8090" spans="1:9">
      <c r="A8090" s="1">
        <v>0.73970048477015926</v>
      </c>
      <c r="B8090" s="1"/>
      <c r="C8090">
        <v>16</v>
      </c>
      <c r="D8090" t="s">
        <v>18092</v>
      </c>
      <c r="E8090" t="s">
        <v>33210</v>
      </c>
      <c r="F8090">
        <v>5</v>
      </c>
      <c r="G8090" t="s">
        <v>10</v>
      </c>
      <c r="H8090" t="s">
        <v>18093</v>
      </c>
      <c r="I8090" t="s">
        <v>30540</v>
      </c>
    </row>
    <row r="8091" spans="1:9">
      <c r="A8091" s="1">
        <v>0.35312846815535059</v>
      </c>
      <c r="B8091" s="1"/>
      <c r="C8091">
        <v>18</v>
      </c>
      <c r="D8091" t="s">
        <v>18094</v>
      </c>
      <c r="E8091" t="s">
        <v>33210</v>
      </c>
      <c r="F8091">
        <v>5</v>
      </c>
      <c r="G8091" t="s">
        <v>10</v>
      </c>
      <c r="H8091" t="s">
        <v>18095</v>
      </c>
      <c r="I8091" t="s">
        <v>30540</v>
      </c>
    </row>
    <row r="8092" spans="1:9">
      <c r="A8092" s="1">
        <v>0.41691603310543179</v>
      </c>
      <c r="B8092" s="1"/>
      <c r="C8092">
        <v>5</v>
      </c>
      <c r="D8092" t="s">
        <v>18084</v>
      </c>
      <c r="E8092" t="s">
        <v>33210</v>
      </c>
      <c r="F8092">
        <v>5</v>
      </c>
      <c r="G8092" t="s">
        <v>10</v>
      </c>
      <c r="H8092" t="s">
        <v>18085</v>
      </c>
      <c r="I8092" t="s">
        <v>30540</v>
      </c>
    </row>
    <row r="8093" spans="1:9">
      <c r="A8093" s="1">
        <v>0.56237233020691935</v>
      </c>
      <c r="B8093" s="1"/>
      <c r="C8093">
        <v>7</v>
      </c>
      <c r="D8093" t="s">
        <v>18086</v>
      </c>
      <c r="E8093" t="s">
        <v>33210</v>
      </c>
      <c r="F8093">
        <v>5</v>
      </c>
      <c r="G8093" t="s">
        <v>10</v>
      </c>
      <c r="H8093" t="s">
        <v>18087</v>
      </c>
      <c r="I8093" t="s">
        <v>30540</v>
      </c>
    </row>
    <row r="8094" spans="1:9">
      <c r="A8094" s="1">
        <v>0.99412980020724062</v>
      </c>
      <c r="B8094" s="1"/>
      <c r="C8094">
        <v>16</v>
      </c>
      <c r="D8094" t="s">
        <v>18082</v>
      </c>
      <c r="E8094" t="s">
        <v>33211</v>
      </c>
      <c r="F8094">
        <v>4</v>
      </c>
      <c r="G8094" t="s">
        <v>9</v>
      </c>
      <c r="H8094" t="s">
        <v>18083</v>
      </c>
      <c r="I8094" t="s">
        <v>30540</v>
      </c>
    </row>
    <row r="8095" spans="1:9">
      <c r="A8095" s="1">
        <v>0.6222209360751737</v>
      </c>
      <c r="B8095" s="1"/>
      <c r="C8095">
        <v>9</v>
      </c>
      <c r="D8095" t="s">
        <v>18078</v>
      </c>
      <c r="E8095" t="s">
        <v>33211</v>
      </c>
      <c r="F8095">
        <v>4</v>
      </c>
      <c r="G8095" t="s">
        <v>14</v>
      </c>
      <c r="H8095" t="s">
        <v>18079</v>
      </c>
      <c r="I8095" t="s">
        <v>30540</v>
      </c>
    </row>
    <row r="8096" spans="1:9">
      <c r="A8096" s="1">
        <v>0.60969931895486729</v>
      </c>
      <c r="B8096" s="1"/>
      <c r="C8096">
        <v>15</v>
      </c>
      <c r="D8096" t="s">
        <v>18080</v>
      </c>
      <c r="E8096" t="s">
        <v>33211</v>
      </c>
      <c r="F8096">
        <v>4</v>
      </c>
      <c r="G8096" t="s">
        <v>14</v>
      </c>
      <c r="H8096" t="s">
        <v>18081</v>
      </c>
      <c r="I8096" t="s">
        <v>30540</v>
      </c>
    </row>
    <row r="8097" spans="1:9">
      <c r="A8097" s="1">
        <v>0.5088497551651292</v>
      </c>
      <c r="B8097" s="1"/>
      <c r="C8097">
        <v>3</v>
      </c>
      <c r="D8097" t="s">
        <v>18076</v>
      </c>
      <c r="E8097" t="s">
        <v>33211</v>
      </c>
      <c r="F8097">
        <v>3</v>
      </c>
      <c r="G8097" t="s">
        <v>9</v>
      </c>
      <c r="H8097" t="s">
        <v>18077</v>
      </c>
      <c r="I8097" t="s">
        <v>30540</v>
      </c>
    </row>
    <row r="8098" spans="1:9">
      <c r="A8098" s="1">
        <v>0.78888584257165728</v>
      </c>
      <c r="B8098" s="1"/>
      <c r="C8098">
        <v>20</v>
      </c>
      <c r="D8098" t="s">
        <v>18074</v>
      </c>
      <c r="E8098" t="s">
        <v>33212</v>
      </c>
      <c r="F8098">
        <v>5</v>
      </c>
      <c r="G8098" t="s">
        <v>9</v>
      </c>
      <c r="H8098" t="s">
        <v>18075</v>
      </c>
      <c r="I8098" t="s">
        <v>30540</v>
      </c>
    </row>
    <row r="8099" spans="1:9">
      <c r="A8099" s="1">
        <v>0.5996188042640106</v>
      </c>
      <c r="B8099" s="1"/>
      <c r="C8099">
        <v>6</v>
      </c>
      <c r="D8099" t="s">
        <v>18068</v>
      </c>
      <c r="E8099" t="s">
        <v>33212</v>
      </c>
      <c r="F8099">
        <v>4</v>
      </c>
      <c r="G8099" t="s">
        <v>2</v>
      </c>
      <c r="H8099" t="s">
        <v>18069</v>
      </c>
      <c r="I8099" t="s">
        <v>30540</v>
      </c>
    </row>
    <row r="8100" spans="1:9">
      <c r="A8100" s="1">
        <v>0.24515353998742762</v>
      </c>
      <c r="B8100" s="1"/>
      <c r="C8100">
        <v>17</v>
      </c>
      <c r="D8100" t="s">
        <v>18070</v>
      </c>
      <c r="E8100" t="s">
        <v>33212</v>
      </c>
      <c r="F8100">
        <v>4</v>
      </c>
      <c r="G8100" t="s">
        <v>14</v>
      </c>
      <c r="H8100" t="s">
        <v>18071</v>
      </c>
      <c r="I8100" t="s">
        <v>30540</v>
      </c>
    </row>
    <row r="8101" spans="1:9">
      <c r="A8101" s="1">
        <v>0.4507390256911018</v>
      </c>
      <c r="B8101" s="1"/>
      <c r="C8101">
        <v>18</v>
      </c>
      <c r="D8101" t="s">
        <v>18072</v>
      </c>
      <c r="E8101" t="s">
        <v>33212</v>
      </c>
      <c r="F8101">
        <v>3</v>
      </c>
      <c r="G8101" t="s">
        <v>14</v>
      </c>
      <c r="H8101" t="s">
        <v>18073</v>
      </c>
      <c r="I8101" t="s">
        <v>30540</v>
      </c>
    </row>
    <row r="8102" spans="1:9">
      <c r="A8102" s="1">
        <v>0.38517723715852448</v>
      </c>
      <c r="B8102" s="1"/>
      <c r="C8102">
        <v>1</v>
      </c>
      <c r="D8102" t="s">
        <v>18064</v>
      </c>
      <c r="E8102" t="s">
        <v>33212</v>
      </c>
      <c r="F8102">
        <v>3</v>
      </c>
      <c r="G8102" t="s">
        <v>10</v>
      </c>
      <c r="H8102" t="s">
        <v>18065</v>
      </c>
      <c r="I8102" t="s">
        <v>30540</v>
      </c>
    </row>
    <row r="8103" spans="1:9">
      <c r="A8103" s="1">
        <v>0.36956678081455674</v>
      </c>
      <c r="B8103" s="1"/>
      <c r="C8103">
        <v>4</v>
      </c>
      <c r="D8103" t="s">
        <v>18066</v>
      </c>
      <c r="E8103" t="s">
        <v>33212</v>
      </c>
      <c r="F8103">
        <v>3</v>
      </c>
      <c r="G8103" t="s">
        <v>9</v>
      </c>
      <c r="H8103" t="s">
        <v>18067</v>
      </c>
      <c r="I8103" t="s">
        <v>30540</v>
      </c>
    </row>
    <row r="8104" spans="1:9">
      <c r="A8104" s="1">
        <v>0.5059737284609519</v>
      </c>
      <c r="B8104" s="1"/>
      <c r="C8104">
        <v>19</v>
      </c>
      <c r="D8104" t="s">
        <v>18062</v>
      </c>
      <c r="E8104" t="s">
        <v>33213</v>
      </c>
      <c r="F8104">
        <v>4</v>
      </c>
      <c r="G8104" t="s">
        <v>0</v>
      </c>
      <c r="H8104" t="s">
        <v>18063</v>
      </c>
      <c r="I8104" t="s">
        <v>30540</v>
      </c>
    </row>
    <row r="8105" spans="1:9">
      <c r="A8105" s="1">
        <v>0.17873632038767751</v>
      </c>
      <c r="B8105" s="1"/>
      <c r="C8105">
        <v>17</v>
      </c>
      <c r="D8105" t="s">
        <v>18060</v>
      </c>
      <c r="E8105" t="s">
        <v>33213</v>
      </c>
      <c r="F8105">
        <v>4</v>
      </c>
      <c r="G8105" t="s">
        <v>14</v>
      </c>
      <c r="H8105" t="s">
        <v>18061</v>
      </c>
      <c r="I8105" t="s">
        <v>30540</v>
      </c>
    </row>
    <row r="8106" spans="1:9">
      <c r="A8106" s="1">
        <v>0.80271794812817332</v>
      </c>
      <c r="B8106" s="1"/>
      <c r="C8106">
        <v>12</v>
      </c>
      <c r="D8106" t="s">
        <v>18056</v>
      </c>
      <c r="E8106" t="s">
        <v>33213</v>
      </c>
      <c r="F8106">
        <v>4</v>
      </c>
      <c r="G8106" t="s">
        <v>14</v>
      </c>
      <c r="H8106" t="s">
        <v>18057</v>
      </c>
      <c r="I8106" t="s">
        <v>30540</v>
      </c>
    </row>
    <row r="8107" spans="1:9">
      <c r="A8107" s="1">
        <v>0.83199967816359377</v>
      </c>
      <c r="B8107" s="1"/>
      <c r="C8107">
        <v>15</v>
      </c>
      <c r="D8107" t="s">
        <v>18050</v>
      </c>
      <c r="E8107" t="s">
        <v>33214</v>
      </c>
      <c r="F8107">
        <v>5</v>
      </c>
      <c r="G8107" t="s">
        <v>14</v>
      </c>
      <c r="H8107" t="s">
        <v>18051</v>
      </c>
      <c r="I8107" t="s">
        <v>30540</v>
      </c>
    </row>
    <row r="8108" spans="1:9">
      <c r="A8108" s="1">
        <v>0.93712510621422229</v>
      </c>
      <c r="B8108" s="1"/>
      <c r="C8108">
        <v>11</v>
      </c>
      <c r="D8108" t="s">
        <v>18048</v>
      </c>
      <c r="E8108" t="s">
        <v>33214</v>
      </c>
      <c r="F8108">
        <v>5</v>
      </c>
      <c r="G8108" t="s">
        <v>14</v>
      </c>
      <c r="H8108" t="s">
        <v>18049</v>
      </c>
      <c r="I8108" t="s">
        <v>30540</v>
      </c>
    </row>
    <row r="8109" spans="1:9">
      <c r="A8109" s="1">
        <v>0.76526788997043627</v>
      </c>
      <c r="B8109" s="1"/>
      <c r="C8109">
        <v>2</v>
      </c>
      <c r="D8109" t="s">
        <v>18044</v>
      </c>
      <c r="E8109" t="s">
        <v>33214</v>
      </c>
      <c r="F8109">
        <v>4</v>
      </c>
      <c r="G8109" t="s">
        <v>14</v>
      </c>
      <c r="H8109" t="s">
        <v>18045</v>
      </c>
      <c r="I8109" t="s">
        <v>30540</v>
      </c>
    </row>
    <row r="8110" spans="1:9">
      <c r="A8110" s="1">
        <v>0.73201483490034946</v>
      </c>
      <c r="B8110" s="1"/>
      <c r="C8110">
        <v>10</v>
      </c>
      <c r="D8110" t="s">
        <v>18046</v>
      </c>
      <c r="E8110" t="s">
        <v>33214</v>
      </c>
      <c r="F8110">
        <v>4</v>
      </c>
      <c r="G8110" t="s">
        <v>10</v>
      </c>
      <c r="H8110" t="s">
        <v>18047</v>
      </c>
      <c r="I8110" t="s">
        <v>30540</v>
      </c>
    </row>
    <row r="8111" spans="1:9">
      <c r="A8111" s="1">
        <v>0.62655464941535211</v>
      </c>
      <c r="B8111" s="1"/>
      <c r="C8111">
        <v>16</v>
      </c>
      <c r="D8111" t="s">
        <v>18052</v>
      </c>
      <c r="E8111" t="s">
        <v>33214</v>
      </c>
      <c r="F8111">
        <v>4</v>
      </c>
      <c r="G8111" t="s">
        <v>14</v>
      </c>
      <c r="H8111" t="s">
        <v>18053</v>
      </c>
      <c r="I8111" t="s">
        <v>30540</v>
      </c>
    </row>
    <row r="8112" spans="1:9">
      <c r="A8112" s="1">
        <v>0.15989339480207321</v>
      </c>
      <c r="B8112" s="1"/>
      <c r="C8112">
        <v>17</v>
      </c>
      <c r="D8112" t="s">
        <v>18054</v>
      </c>
      <c r="E8112" t="s">
        <v>33214</v>
      </c>
      <c r="F8112">
        <v>4</v>
      </c>
      <c r="G8112" t="s">
        <v>1</v>
      </c>
      <c r="H8112" t="s">
        <v>18055</v>
      </c>
      <c r="I8112" t="s">
        <v>30540</v>
      </c>
    </row>
    <row r="8113" spans="1:9">
      <c r="A8113" s="1">
        <v>0.47556631655121084</v>
      </c>
      <c r="B8113" s="1"/>
      <c r="C8113">
        <v>8</v>
      </c>
      <c r="D8113" t="s">
        <v>18038</v>
      </c>
      <c r="E8113" t="s">
        <v>33215</v>
      </c>
      <c r="F8113">
        <v>4</v>
      </c>
      <c r="G8113" t="s">
        <v>3732</v>
      </c>
      <c r="H8113" t="s">
        <v>18039</v>
      </c>
      <c r="I8113" t="s">
        <v>30540</v>
      </c>
    </row>
    <row r="8114" spans="1:9">
      <c r="A8114" s="1">
        <v>0.61635517261624051</v>
      </c>
      <c r="B8114" s="1"/>
      <c r="C8114">
        <v>7</v>
      </c>
      <c r="D8114" t="s">
        <v>18036</v>
      </c>
      <c r="E8114" t="s">
        <v>33215</v>
      </c>
      <c r="F8114">
        <v>3</v>
      </c>
      <c r="G8114" t="s">
        <v>2229</v>
      </c>
      <c r="H8114" t="s">
        <v>18037</v>
      </c>
      <c r="I8114" t="s">
        <v>30540</v>
      </c>
    </row>
    <row r="8115" spans="1:9">
      <c r="A8115" s="1">
        <v>0.78842472968078958</v>
      </c>
      <c r="B8115" s="1"/>
      <c r="C8115">
        <v>5</v>
      </c>
      <c r="D8115" t="s">
        <v>18032</v>
      </c>
      <c r="E8115" t="s">
        <v>33216</v>
      </c>
      <c r="F8115">
        <v>5</v>
      </c>
      <c r="G8115" t="s">
        <v>14</v>
      </c>
      <c r="H8115" t="s">
        <v>18033</v>
      </c>
      <c r="I8115" t="s">
        <v>30540</v>
      </c>
    </row>
    <row r="8116" spans="1:9">
      <c r="A8116" s="1">
        <v>0.8879923559355859</v>
      </c>
      <c r="B8116" s="1"/>
      <c r="C8116">
        <v>8</v>
      </c>
      <c r="D8116" t="s">
        <v>18034</v>
      </c>
      <c r="E8116" t="s">
        <v>33216</v>
      </c>
      <c r="F8116">
        <v>4</v>
      </c>
      <c r="G8116" t="s">
        <v>14</v>
      </c>
      <c r="H8116" t="s">
        <v>18035</v>
      </c>
      <c r="I8116" t="s">
        <v>30540</v>
      </c>
    </row>
    <row r="8117" spans="1:9">
      <c r="A8117" s="1">
        <v>6.9518816522148197E-2</v>
      </c>
      <c r="B8117" s="1"/>
      <c r="C8117">
        <v>1</v>
      </c>
      <c r="D8117" t="s">
        <v>18028</v>
      </c>
      <c r="E8117" t="s">
        <v>33216</v>
      </c>
      <c r="F8117">
        <v>4</v>
      </c>
      <c r="G8117" t="s">
        <v>2</v>
      </c>
      <c r="H8117" t="s">
        <v>18029</v>
      </c>
      <c r="I8117" t="s">
        <v>30540</v>
      </c>
    </row>
    <row r="8118" spans="1:9">
      <c r="A8118" s="1">
        <v>0.37012657152309436</v>
      </c>
      <c r="B8118" s="1"/>
      <c r="C8118">
        <v>4</v>
      </c>
      <c r="D8118" t="s">
        <v>18030</v>
      </c>
      <c r="E8118" t="s">
        <v>33216</v>
      </c>
      <c r="F8118">
        <v>4</v>
      </c>
      <c r="G8118" t="s">
        <v>10</v>
      </c>
      <c r="H8118" t="s">
        <v>18031</v>
      </c>
      <c r="I8118" t="s">
        <v>30540</v>
      </c>
    </row>
    <row r="8119" spans="1:9">
      <c r="A8119" s="1">
        <v>0.96303394873001658</v>
      </c>
      <c r="B8119" s="1"/>
      <c r="C8119">
        <v>13</v>
      </c>
      <c r="D8119" t="s">
        <v>18022</v>
      </c>
      <c r="E8119" t="s">
        <v>33217</v>
      </c>
      <c r="F8119">
        <v>5</v>
      </c>
      <c r="G8119" t="s">
        <v>14</v>
      </c>
      <c r="H8119" t="s">
        <v>18023</v>
      </c>
      <c r="I8119" t="s">
        <v>30540</v>
      </c>
    </row>
    <row r="8120" spans="1:9">
      <c r="A8120" s="1">
        <v>0.28502758771901715</v>
      </c>
      <c r="B8120" s="1"/>
      <c r="C8120">
        <v>9</v>
      </c>
      <c r="D8120" t="s">
        <v>18018</v>
      </c>
      <c r="E8120" t="s">
        <v>33217</v>
      </c>
      <c r="F8120">
        <v>4</v>
      </c>
      <c r="G8120" t="s">
        <v>14</v>
      </c>
      <c r="H8120" t="s">
        <v>18019</v>
      </c>
      <c r="I8120" t="s">
        <v>30540</v>
      </c>
    </row>
    <row r="8121" spans="1:9">
      <c r="A8121" s="1">
        <v>0.59879926052475807</v>
      </c>
      <c r="B8121" s="1"/>
      <c r="C8121">
        <v>16</v>
      </c>
      <c r="D8121" t="s">
        <v>18024</v>
      </c>
      <c r="E8121" t="s">
        <v>33217</v>
      </c>
      <c r="F8121">
        <v>4</v>
      </c>
      <c r="G8121" t="s">
        <v>9</v>
      </c>
      <c r="H8121" t="s">
        <v>18025</v>
      </c>
      <c r="I8121" t="s">
        <v>30540</v>
      </c>
    </row>
    <row r="8122" spans="1:9">
      <c r="A8122" s="1">
        <v>0.45519426676829999</v>
      </c>
      <c r="B8122" s="1"/>
      <c r="C8122">
        <v>7</v>
      </c>
      <c r="D8122" t="s">
        <v>18012</v>
      </c>
      <c r="E8122" t="s">
        <v>33218</v>
      </c>
      <c r="F8122">
        <v>4</v>
      </c>
      <c r="G8122" t="s">
        <v>14</v>
      </c>
      <c r="H8122" t="s">
        <v>18013</v>
      </c>
      <c r="I8122" t="s">
        <v>30540</v>
      </c>
    </row>
    <row r="8123" spans="1:9">
      <c r="A8123" s="1">
        <v>3.4277348836631027E-3</v>
      </c>
      <c r="B8123" s="1"/>
      <c r="C8123">
        <v>5</v>
      </c>
      <c r="D8123" t="s">
        <v>18010</v>
      </c>
      <c r="E8123" t="s">
        <v>33218</v>
      </c>
      <c r="F8123">
        <v>4</v>
      </c>
      <c r="G8123" t="s">
        <v>0</v>
      </c>
      <c r="H8123" t="s">
        <v>18011</v>
      </c>
      <c r="I8123" t="s">
        <v>30540</v>
      </c>
    </row>
    <row r="8124" spans="1:9">
      <c r="A8124" s="1">
        <v>0.74131838422951335</v>
      </c>
      <c r="B8124" s="1"/>
      <c r="C8124">
        <v>14</v>
      </c>
      <c r="D8124" t="s">
        <v>18004</v>
      </c>
      <c r="E8124" t="s">
        <v>33219</v>
      </c>
      <c r="F8124">
        <v>5</v>
      </c>
      <c r="G8124" t="s">
        <v>14</v>
      </c>
      <c r="H8124" t="s">
        <v>18005</v>
      </c>
      <c r="I8124" t="s">
        <v>30540</v>
      </c>
    </row>
    <row r="8125" spans="1:9">
      <c r="A8125" s="1">
        <v>0.17068588075685409</v>
      </c>
      <c r="B8125" s="1"/>
      <c r="C8125">
        <v>1</v>
      </c>
      <c r="D8125" t="s">
        <v>18000</v>
      </c>
      <c r="E8125" t="s">
        <v>33219</v>
      </c>
      <c r="F8125">
        <v>5</v>
      </c>
      <c r="G8125" t="s">
        <v>2</v>
      </c>
      <c r="H8125" t="s">
        <v>18001</v>
      </c>
      <c r="I8125" t="s">
        <v>30540</v>
      </c>
    </row>
    <row r="8126" spans="1:9">
      <c r="A8126" s="1">
        <v>0.31724450976856389</v>
      </c>
      <c r="B8126" s="1"/>
      <c r="C8126">
        <v>16</v>
      </c>
      <c r="D8126" t="s">
        <v>18006</v>
      </c>
      <c r="E8126" t="s">
        <v>33219</v>
      </c>
      <c r="F8126">
        <v>4</v>
      </c>
      <c r="G8126" t="s">
        <v>1</v>
      </c>
      <c r="H8126" t="s">
        <v>18007</v>
      </c>
      <c r="I8126" t="s">
        <v>30540</v>
      </c>
    </row>
    <row r="8127" spans="1:9">
      <c r="A8127" s="1">
        <v>0.47922092460480448</v>
      </c>
      <c r="B8127" s="1"/>
      <c r="C8127">
        <v>12</v>
      </c>
      <c r="D8127" t="s">
        <v>18002</v>
      </c>
      <c r="E8127" t="s">
        <v>33219</v>
      </c>
      <c r="F8127">
        <v>4</v>
      </c>
      <c r="G8127" t="s">
        <v>14</v>
      </c>
      <c r="H8127" t="s">
        <v>18003</v>
      </c>
      <c r="I8127" t="s">
        <v>30540</v>
      </c>
    </row>
    <row r="8128" spans="1:9">
      <c r="A8128" s="1">
        <v>0.83815497329224742</v>
      </c>
      <c r="B8128" s="1"/>
      <c r="C8128">
        <v>17</v>
      </c>
      <c r="D8128" t="s">
        <v>18008</v>
      </c>
      <c r="E8128" t="s">
        <v>33219</v>
      </c>
      <c r="F8128">
        <v>4</v>
      </c>
      <c r="G8128" t="s">
        <v>14</v>
      </c>
      <c r="H8128" t="s">
        <v>18009</v>
      </c>
      <c r="I8128" t="s">
        <v>30540</v>
      </c>
    </row>
    <row r="8129" spans="1:9">
      <c r="A8129" s="1">
        <v>0.13028704051099194</v>
      </c>
      <c r="B8129" s="1"/>
      <c r="C8129">
        <v>14</v>
      </c>
      <c r="D8129" t="s">
        <v>17996</v>
      </c>
      <c r="E8129" t="s">
        <v>33220</v>
      </c>
      <c r="F8129">
        <v>5</v>
      </c>
      <c r="G8129" t="s">
        <v>14</v>
      </c>
      <c r="H8129" t="s">
        <v>17997</v>
      </c>
      <c r="I8129" t="s">
        <v>30540</v>
      </c>
    </row>
    <row r="8130" spans="1:9">
      <c r="A8130" s="1">
        <v>0.34571531977392622</v>
      </c>
      <c r="B8130" s="1"/>
      <c r="C8130">
        <v>3</v>
      </c>
      <c r="D8130" t="s">
        <v>17994</v>
      </c>
      <c r="E8130" t="s">
        <v>33220</v>
      </c>
      <c r="F8130">
        <v>4</v>
      </c>
      <c r="G8130" t="s">
        <v>2226</v>
      </c>
      <c r="H8130" t="s">
        <v>17995</v>
      </c>
      <c r="I8130" t="s">
        <v>30540</v>
      </c>
    </row>
    <row r="8131" spans="1:9">
      <c r="A8131" s="1">
        <v>0.57324198589911135</v>
      </c>
      <c r="B8131" s="1"/>
      <c r="C8131">
        <v>17</v>
      </c>
      <c r="D8131" t="s">
        <v>17998</v>
      </c>
      <c r="E8131" t="s">
        <v>33220</v>
      </c>
      <c r="F8131">
        <v>4</v>
      </c>
      <c r="G8131" t="s">
        <v>765</v>
      </c>
      <c r="H8131" t="s">
        <v>17999</v>
      </c>
      <c r="I8131" t="s">
        <v>30540</v>
      </c>
    </row>
    <row r="8132" spans="1:9">
      <c r="A8132" s="1">
        <v>0.47588708677669056</v>
      </c>
      <c r="B8132" s="1"/>
      <c r="C8132">
        <v>7</v>
      </c>
      <c r="D8132" t="s">
        <v>17988</v>
      </c>
      <c r="E8132" t="s">
        <v>33221</v>
      </c>
      <c r="F8132">
        <v>5</v>
      </c>
      <c r="G8132" t="s">
        <v>9</v>
      </c>
      <c r="H8132" t="s">
        <v>17989</v>
      </c>
      <c r="I8132" t="s">
        <v>30540</v>
      </c>
    </row>
    <row r="8133" spans="1:9">
      <c r="A8133" s="1">
        <v>0.38005819166416732</v>
      </c>
      <c r="B8133" s="1"/>
      <c r="C8133">
        <v>5</v>
      </c>
      <c r="D8133" t="s">
        <v>17986</v>
      </c>
      <c r="E8133" t="s">
        <v>33221</v>
      </c>
      <c r="F8133">
        <v>4</v>
      </c>
      <c r="G8133" t="s">
        <v>13</v>
      </c>
      <c r="H8133" t="s">
        <v>17987</v>
      </c>
      <c r="I8133" t="s">
        <v>30540</v>
      </c>
    </row>
    <row r="8134" spans="1:9">
      <c r="A8134" s="1">
        <v>0.81127503441202964</v>
      </c>
      <c r="B8134" s="1"/>
      <c r="C8134">
        <v>9</v>
      </c>
      <c r="D8134" t="s">
        <v>17990</v>
      </c>
      <c r="E8134" t="s">
        <v>33221</v>
      </c>
      <c r="F8134">
        <v>4</v>
      </c>
      <c r="G8134" t="s">
        <v>14</v>
      </c>
      <c r="H8134" t="s">
        <v>17991</v>
      </c>
      <c r="I8134" t="s">
        <v>30540</v>
      </c>
    </row>
    <row r="8135" spans="1:9">
      <c r="A8135" s="1">
        <v>0.13762920232442322</v>
      </c>
      <c r="B8135" s="1"/>
      <c r="C8135">
        <v>17</v>
      </c>
      <c r="D8135" t="s">
        <v>17992</v>
      </c>
      <c r="E8135" t="s">
        <v>33221</v>
      </c>
      <c r="F8135">
        <v>3</v>
      </c>
      <c r="G8135" t="s">
        <v>14</v>
      </c>
      <c r="H8135" t="s">
        <v>17993</v>
      </c>
      <c r="I8135" t="s">
        <v>30540</v>
      </c>
    </row>
    <row r="8136" spans="1:9">
      <c r="A8136" s="1">
        <v>0.82762758723013108</v>
      </c>
      <c r="B8136" s="1"/>
      <c r="C8136">
        <v>15</v>
      </c>
      <c r="D8136" t="s">
        <v>17982</v>
      </c>
      <c r="E8136" t="s">
        <v>33222</v>
      </c>
      <c r="F8136">
        <v>5</v>
      </c>
      <c r="G8136" t="s">
        <v>10</v>
      </c>
      <c r="H8136" t="s">
        <v>17983</v>
      </c>
      <c r="I8136" t="s">
        <v>30540</v>
      </c>
    </row>
    <row r="8137" spans="1:9">
      <c r="A8137" s="1">
        <v>0.77360590262291162</v>
      </c>
      <c r="B8137" s="1"/>
      <c r="C8137">
        <v>1</v>
      </c>
      <c r="D8137" t="s">
        <v>17980</v>
      </c>
      <c r="E8137" t="s">
        <v>33222</v>
      </c>
      <c r="F8137">
        <v>5</v>
      </c>
      <c r="G8137" t="s">
        <v>10</v>
      </c>
      <c r="H8137" t="s">
        <v>17981</v>
      </c>
      <c r="I8137" t="s">
        <v>30540</v>
      </c>
    </row>
    <row r="8138" spans="1:9">
      <c r="A8138" s="1">
        <v>0.96074171360764282</v>
      </c>
      <c r="B8138" s="1"/>
      <c r="C8138">
        <v>17</v>
      </c>
      <c r="D8138" t="s">
        <v>17984</v>
      </c>
      <c r="E8138" t="s">
        <v>33222</v>
      </c>
      <c r="F8138">
        <v>4</v>
      </c>
      <c r="G8138" t="s">
        <v>14</v>
      </c>
      <c r="H8138" t="s">
        <v>17985</v>
      </c>
      <c r="I8138" t="s">
        <v>30540</v>
      </c>
    </row>
    <row r="8139" spans="1:9">
      <c r="A8139" s="1">
        <v>0.84368872380830084</v>
      </c>
      <c r="B8139" s="1"/>
      <c r="C8139">
        <v>12</v>
      </c>
      <c r="D8139" t="s">
        <v>17974</v>
      </c>
      <c r="E8139" t="s">
        <v>33223</v>
      </c>
      <c r="F8139">
        <v>4</v>
      </c>
      <c r="G8139" t="s">
        <v>14</v>
      </c>
      <c r="H8139" t="s">
        <v>17975</v>
      </c>
      <c r="I8139" t="s">
        <v>30540</v>
      </c>
    </row>
    <row r="8140" spans="1:9">
      <c r="A8140" s="1">
        <v>0.23511349333578158</v>
      </c>
      <c r="B8140" s="1"/>
      <c r="C8140">
        <v>11</v>
      </c>
      <c r="D8140" t="s">
        <v>17972</v>
      </c>
      <c r="E8140" t="s">
        <v>33223</v>
      </c>
      <c r="F8140">
        <v>4</v>
      </c>
      <c r="G8140" t="s">
        <v>0</v>
      </c>
      <c r="H8140" t="s">
        <v>17973</v>
      </c>
      <c r="I8140" t="s">
        <v>30540</v>
      </c>
    </row>
    <row r="8141" spans="1:9">
      <c r="A8141" s="1">
        <v>8.9918556619101087E-2</v>
      </c>
      <c r="B8141" s="1"/>
      <c r="C8141">
        <v>16</v>
      </c>
      <c r="D8141" t="s">
        <v>17976</v>
      </c>
      <c r="E8141" t="s">
        <v>33223</v>
      </c>
      <c r="F8141">
        <v>4</v>
      </c>
      <c r="G8141" t="s">
        <v>14</v>
      </c>
      <c r="H8141" t="s">
        <v>17977</v>
      </c>
      <c r="I8141" t="s">
        <v>30540</v>
      </c>
    </row>
    <row r="8142" spans="1:9">
      <c r="A8142" s="1">
        <v>0.81570808990081067</v>
      </c>
      <c r="B8142" s="1"/>
      <c r="C8142">
        <v>3</v>
      </c>
      <c r="D8142" t="s">
        <v>17970</v>
      </c>
      <c r="E8142" t="s">
        <v>33223</v>
      </c>
      <c r="F8142">
        <v>4</v>
      </c>
      <c r="G8142" t="s">
        <v>9</v>
      </c>
      <c r="H8142" t="s">
        <v>17971</v>
      </c>
      <c r="I8142" t="s">
        <v>30540</v>
      </c>
    </row>
    <row r="8143" spans="1:9">
      <c r="A8143" s="1">
        <v>0.69526503000688089</v>
      </c>
      <c r="B8143" s="1"/>
      <c r="C8143">
        <v>10</v>
      </c>
      <c r="D8143" t="s">
        <v>17966</v>
      </c>
      <c r="E8143" t="s">
        <v>33224</v>
      </c>
      <c r="F8143">
        <v>4</v>
      </c>
      <c r="G8143" t="s">
        <v>15</v>
      </c>
      <c r="H8143" t="s">
        <v>17967</v>
      </c>
      <c r="I8143" t="s">
        <v>30540</v>
      </c>
    </row>
    <row r="8144" spans="1:9">
      <c r="A8144" s="1">
        <v>0.43675227865905242</v>
      </c>
      <c r="B8144" s="1"/>
      <c r="C8144">
        <v>17</v>
      </c>
      <c r="D8144" t="s">
        <v>17968</v>
      </c>
      <c r="E8144" t="s">
        <v>33224</v>
      </c>
      <c r="F8144">
        <v>4</v>
      </c>
      <c r="G8144" t="s">
        <v>14</v>
      </c>
      <c r="H8144" t="s">
        <v>17969</v>
      </c>
      <c r="I8144" t="s">
        <v>30540</v>
      </c>
    </row>
    <row r="8145" spans="1:9">
      <c r="A8145" s="1">
        <v>0.32805667311856113</v>
      </c>
      <c r="B8145" s="1"/>
      <c r="C8145">
        <v>1</v>
      </c>
      <c r="D8145" t="s">
        <v>17964</v>
      </c>
      <c r="E8145" t="s">
        <v>33224</v>
      </c>
      <c r="F8145">
        <v>3</v>
      </c>
      <c r="G8145" t="s">
        <v>10</v>
      </c>
      <c r="H8145" t="s">
        <v>17965</v>
      </c>
      <c r="I8145" t="s">
        <v>30540</v>
      </c>
    </row>
    <row r="8146" spans="1:9">
      <c r="A8146" s="1">
        <v>8.3647889669096198E-3</v>
      </c>
      <c r="B8146" s="1"/>
      <c r="C8146">
        <v>4</v>
      </c>
      <c r="D8146" t="s">
        <v>17958</v>
      </c>
      <c r="E8146" t="s">
        <v>33225</v>
      </c>
      <c r="F8146">
        <v>4</v>
      </c>
      <c r="G8146" t="s">
        <v>10</v>
      </c>
      <c r="H8146" t="s">
        <v>17959</v>
      </c>
      <c r="I8146" t="s">
        <v>30540</v>
      </c>
    </row>
    <row r="8147" spans="1:9">
      <c r="A8147" s="1">
        <v>0.88484208392566921</v>
      </c>
      <c r="B8147" s="1"/>
      <c r="C8147">
        <v>12</v>
      </c>
      <c r="D8147" t="s">
        <v>17960</v>
      </c>
      <c r="E8147" t="s">
        <v>33225</v>
      </c>
      <c r="F8147">
        <v>4</v>
      </c>
      <c r="G8147" t="s">
        <v>3732</v>
      </c>
      <c r="H8147" t="s">
        <v>17961</v>
      </c>
      <c r="I8147" t="s">
        <v>30540</v>
      </c>
    </row>
    <row r="8148" spans="1:9">
      <c r="A8148" s="1">
        <v>0.70743555392016644</v>
      </c>
      <c r="B8148" s="1"/>
      <c r="C8148">
        <v>19</v>
      </c>
      <c r="D8148" t="s">
        <v>17962</v>
      </c>
      <c r="E8148" t="s">
        <v>33225</v>
      </c>
      <c r="F8148">
        <v>4</v>
      </c>
      <c r="G8148" t="s">
        <v>14</v>
      </c>
      <c r="H8148" t="s">
        <v>17963</v>
      </c>
      <c r="I8148" t="s">
        <v>30540</v>
      </c>
    </row>
    <row r="8149" spans="1:9">
      <c r="A8149" s="1">
        <v>0.77263893374360648</v>
      </c>
      <c r="B8149" s="1"/>
      <c r="C8149">
        <v>15</v>
      </c>
      <c r="D8149" t="s">
        <v>17954</v>
      </c>
      <c r="E8149" t="s">
        <v>33226</v>
      </c>
      <c r="F8149">
        <v>4</v>
      </c>
      <c r="G8149" t="s">
        <v>14</v>
      </c>
      <c r="H8149" t="s">
        <v>17955</v>
      </c>
      <c r="I8149" t="s">
        <v>30540</v>
      </c>
    </row>
    <row r="8150" spans="1:9">
      <c r="A8150" s="1">
        <v>0.86615106457746172</v>
      </c>
      <c r="B8150" s="1"/>
      <c r="C8150">
        <v>17</v>
      </c>
      <c r="D8150" t="s">
        <v>17956</v>
      </c>
      <c r="E8150" t="s">
        <v>33226</v>
      </c>
      <c r="F8150">
        <v>4</v>
      </c>
      <c r="G8150" t="s">
        <v>14</v>
      </c>
      <c r="H8150" t="s">
        <v>17957</v>
      </c>
      <c r="I8150" t="s">
        <v>30540</v>
      </c>
    </row>
    <row r="8151" spans="1:9">
      <c r="A8151" s="1">
        <v>0.6987402611314929</v>
      </c>
      <c r="B8151" s="1"/>
      <c r="C8151">
        <v>9</v>
      </c>
      <c r="D8151" t="s">
        <v>17952</v>
      </c>
      <c r="E8151" t="s">
        <v>33226</v>
      </c>
      <c r="F8151">
        <v>3</v>
      </c>
      <c r="G8151" t="s">
        <v>14</v>
      </c>
      <c r="H8151" t="s">
        <v>17953</v>
      </c>
      <c r="I8151" t="s">
        <v>30540</v>
      </c>
    </row>
    <row r="8152" spans="1:9">
      <c r="A8152" s="1">
        <v>6.6780792036293612E-2</v>
      </c>
      <c r="B8152" s="1"/>
      <c r="C8152">
        <v>6</v>
      </c>
      <c r="D8152" t="s">
        <v>17950</v>
      </c>
      <c r="E8152" t="s">
        <v>33226</v>
      </c>
      <c r="F8152">
        <v>3</v>
      </c>
      <c r="G8152" t="s">
        <v>13</v>
      </c>
      <c r="H8152" t="s">
        <v>17951</v>
      </c>
      <c r="I8152" t="s">
        <v>30540</v>
      </c>
    </row>
    <row r="8153" spans="1:9">
      <c r="A8153" s="1">
        <v>0.27855095717006606</v>
      </c>
      <c r="B8153" s="1"/>
      <c r="C8153">
        <v>20</v>
      </c>
      <c r="D8153" t="s">
        <v>17948</v>
      </c>
      <c r="E8153" t="s">
        <v>33227</v>
      </c>
      <c r="F8153">
        <v>5</v>
      </c>
      <c r="G8153" t="s">
        <v>10</v>
      </c>
      <c r="H8153" t="s">
        <v>17949</v>
      </c>
      <c r="I8153" t="s">
        <v>30540</v>
      </c>
    </row>
    <row r="8154" spans="1:9">
      <c r="A8154" s="1">
        <v>5.0551416487373602E-2</v>
      </c>
      <c r="B8154" s="1"/>
      <c r="C8154">
        <v>9</v>
      </c>
      <c r="D8154" t="s">
        <v>17944</v>
      </c>
      <c r="E8154" t="s">
        <v>33227</v>
      </c>
      <c r="F8154">
        <v>4</v>
      </c>
      <c r="G8154" t="s">
        <v>10</v>
      </c>
      <c r="H8154" t="s">
        <v>17945</v>
      </c>
      <c r="I8154" t="s">
        <v>30540</v>
      </c>
    </row>
    <row r="8155" spans="1:9">
      <c r="A8155" s="1">
        <v>0.15598117306146719</v>
      </c>
      <c r="B8155" s="1"/>
      <c r="C8155">
        <v>12</v>
      </c>
      <c r="D8155" t="s">
        <v>17946</v>
      </c>
      <c r="E8155" t="s">
        <v>33227</v>
      </c>
      <c r="F8155">
        <v>4</v>
      </c>
      <c r="G8155" t="s">
        <v>2</v>
      </c>
      <c r="H8155" t="s">
        <v>17947</v>
      </c>
      <c r="I8155" t="s">
        <v>30540</v>
      </c>
    </row>
    <row r="8156" spans="1:9">
      <c r="A8156" s="1">
        <v>0.11498814159550996</v>
      </c>
      <c r="B8156" s="1"/>
      <c r="C8156">
        <v>8</v>
      </c>
      <c r="D8156" t="s">
        <v>17942</v>
      </c>
      <c r="E8156" t="s">
        <v>33227</v>
      </c>
      <c r="F8156">
        <v>3</v>
      </c>
      <c r="G8156" t="s">
        <v>0</v>
      </c>
      <c r="H8156" t="s">
        <v>17943</v>
      </c>
      <c r="I8156" t="s">
        <v>30540</v>
      </c>
    </row>
    <row r="8157" spans="1:9">
      <c r="A8157" s="1">
        <v>0.91553760981221943</v>
      </c>
      <c r="B8157" s="1"/>
      <c r="C8157">
        <v>3</v>
      </c>
      <c r="D8157" t="s">
        <v>17936</v>
      </c>
      <c r="E8157" t="s">
        <v>33228</v>
      </c>
      <c r="F8157">
        <v>4</v>
      </c>
      <c r="G8157" t="s">
        <v>2</v>
      </c>
      <c r="H8157" t="s">
        <v>17937</v>
      </c>
      <c r="I8157" t="s">
        <v>30540</v>
      </c>
    </row>
    <row r="8158" spans="1:9">
      <c r="A8158" s="1">
        <v>0.2081978871928678</v>
      </c>
      <c r="B8158" s="1"/>
      <c r="C8158">
        <v>7</v>
      </c>
      <c r="D8158" t="s">
        <v>17938</v>
      </c>
      <c r="E8158" t="s">
        <v>33228</v>
      </c>
      <c r="F8158">
        <v>4</v>
      </c>
      <c r="G8158" t="s">
        <v>14</v>
      </c>
      <c r="H8158" t="s">
        <v>17939</v>
      </c>
      <c r="I8158" t="s">
        <v>30540</v>
      </c>
    </row>
    <row r="8159" spans="1:9">
      <c r="A8159" s="1">
        <v>0.24027141230144256</v>
      </c>
      <c r="B8159" s="1"/>
      <c r="C8159">
        <v>9</v>
      </c>
      <c r="D8159" t="s">
        <v>17930</v>
      </c>
      <c r="E8159" t="s">
        <v>33229</v>
      </c>
      <c r="F8159">
        <v>5</v>
      </c>
      <c r="G8159" t="s">
        <v>14</v>
      </c>
      <c r="H8159" t="s">
        <v>17931</v>
      </c>
      <c r="I8159" t="s">
        <v>30540</v>
      </c>
    </row>
    <row r="8160" spans="1:9">
      <c r="A8160" s="1">
        <v>0.35328539142107074</v>
      </c>
      <c r="B8160" s="1"/>
      <c r="C8160">
        <v>17</v>
      </c>
      <c r="D8160" t="s">
        <v>17934</v>
      </c>
      <c r="E8160" t="s">
        <v>33229</v>
      </c>
      <c r="F8160">
        <v>4</v>
      </c>
      <c r="G8160" t="s">
        <v>14</v>
      </c>
      <c r="H8160" t="s">
        <v>17935</v>
      </c>
      <c r="I8160" t="s">
        <v>30540</v>
      </c>
    </row>
    <row r="8161" spans="1:9">
      <c r="A8161" s="1">
        <v>0.42377304485791334</v>
      </c>
      <c r="B8161" s="1"/>
      <c r="C8161">
        <v>16</v>
      </c>
      <c r="D8161" t="s">
        <v>17932</v>
      </c>
      <c r="E8161" t="s">
        <v>33229</v>
      </c>
      <c r="F8161">
        <v>4</v>
      </c>
      <c r="G8161" t="s">
        <v>14</v>
      </c>
      <c r="H8161" t="s">
        <v>17933</v>
      </c>
      <c r="I8161" t="s">
        <v>30540</v>
      </c>
    </row>
    <row r="8162" spans="1:9">
      <c r="A8162" s="1">
        <v>0.1981124997765884</v>
      </c>
      <c r="B8162" s="1"/>
      <c r="C8162">
        <v>7</v>
      </c>
      <c r="D8162" t="s">
        <v>17926</v>
      </c>
      <c r="E8162" t="s">
        <v>33230</v>
      </c>
      <c r="F8162">
        <v>5</v>
      </c>
      <c r="G8162" t="s">
        <v>770</v>
      </c>
      <c r="H8162" t="s">
        <v>17927</v>
      </c>
      <c r="I8162" t="s">
        <v>30540</v>
      </c>
    </row>
    <row r="8163" spans="1:9">
      <c r="A8163" s="1">
        <v>7.7525430468872836E-2</v>
      </c>
      <c r="B8163" s="1"/>
      <c r="C8163">
        <v>20</v>
      </c>
      <c r="D8163" t="s">
        <v>17928</v>
      </c>
      <c r="E8163" t="s">
        <v>33230</v>
      </c>
      <c r="F8163">
        <v>4</v>
      </c>
      <c r="G8163" t="s">
        <v>14</v>
      </c>
      <c r="H8163" t="s">
        <v>17929</v>
      </c>
      <c r="I8163" t="s">
        <v>30540</v>
      </c>
    </row>
    <row r="8164" spans="1:9">
      <c r="A8164" s="1">
        <v>0.96818396430029208</v>
      </c>
      <c r="B8164" s="1"/>
      <c r="C8164">
        <v>4</v>
      </c>
      <c r="D8164" t="s">
        <v>17924</v>
      </c>
      <c r="E8164" t="s">
        <v>33230</v>
      </c>
      <c r="F8164">
        <v>4</v>
      </c>
      <c r="G8164" t="s">
        <v>1295</v>
      </c>
      <c r="H8164" t="s">
        <v>17925</v>
      </c>
      <c r="I8164" t="s">
        <v>30540</v>
      </c>
    </row>
    <row r="8165" spans="1:9">
      <c r="A8165" s="1">
        <v>0.42098268250304205</v>
      </c>
      <c r="B8165" s="1"/>
      <c r="C8165">
        <v>7</v>
      </c>
      <c r="D8165" t="s">
        <v>17914</v>
      </c>
      <c r="E8165" t="s">
        <v>33231</v>
      </c>
      <c r="F8165">
        <v>5</v>
      </c>
      <c r="G8165" t="s">
        <v>14</v>
      </c>
      <c r="H8165" t="s">
        <v>17915</v>
      </c>
      <c r="I8165" t="s">
        <v>30540</v>
      </c>
    </row>
    <row r="8166" spans="1:9">
      <c r="A8166" s="1">
        <v>2.9736145867934605E-2</v>
      </c>
      <c r="B8166" s="1"/>
      <c r="C8166">
        <v>9</v>
      </c>
      <c r="D8166" t="s">
        <v>17916</v>
      </c>
      <c r="E8166" t="s">
        <v>33231</v>
      </c>
      <c r="F8166">
        <v>5</v>
      </c>
      <c r="G8166" t="s">
        <v>14</v>
      </c>
      <c r="H8166" t="s">
        <v>17917</v>
      </c>
      <c r="I8166" t="s">
        <v>30540</v>
      </c>
    </row>
    <row r="8167" spans="1:9">
      <c r="A8167" s="1">
        <v>0.66898726305242673</v>
      </c>
      <c r="B8167" s="1"/>
      <c r="C8167">
        <v>18</v>
      </c>
      <c r="D8167" t="s">
        <v>17920</v>
      </c>
      <c r="E8167" t="s">
        <v>33231</v>
      </c>
      <c r="F8167">
        <v>4</v>
      </c>
      <c r="G8167" t="s">
        <v>1</v>
      </c>
      <c r="H8167" t="s">
        <v>17921</v>
      </c>
      <c r="I8167" t="s">
        <v>30540</v>
      </c>
    </row>
    <row r="8168" spans="1:9">
      <c r="A8168" s="1">
        <v>0.24921124271216399</v>
      </c>
      <c r="B8168" s="1"/>
      <c r="C8168">
        <v>20</v>
      </c>
      <c r="D8168" t="s">
        <v>17922</v>
      </c>
      <c r="E8168" t="s">
        <v>33231</v>
      </c>
      <c r="F8168">
        <v>4</v>
      </c>
      <c r="G8168" t="s">
        <v>13</v>
      </c>
      <c r="H8168" t="s">
        <v>17923</v>
      </c>
      <c r="I8168" t="s">
        <v>30540</v>
      </c>
    </row>
    <row r="8169" spans="1:9">
      <c r="A8169" s="1">
        <v>0.82820974826815696</v>
      </c>
      <c r="B8169" s="1"/>
      <c r="C8169">
        <v>20</v>
      </c>
      <c r="D8169" t="s">
        <v>17912</v>
      </c>
      <c r="E8169" t="s">
        <v>33232</v>
      </c>
      <c r="F8169">
        <v>4</v>
      </c>
      <c r="G8169" t="s">
        <v>1</v>
      </c>
      <c r="H8169" t="s">
        <v>17913</v>
      </c>
      <c r="I8169" t="s">
        <v>30540</v>
      </c>
    </row>
    <row r="8170" spans="1:9">
      <c r="A8170" s="1">
        <v>0.59702359581515352</v>
      </c>
      <c r="B8170" s="1"/>
      <c r="C8170">
        <v>3</v>
      </c>
      <c r="D8170" t="s">
        <v>17902</v>
      </c>
      <c r="E8170" t="s">
        <v>33232</v>
      </c>
      <c r="F8170">
        <v>4</v>
      </c>
      <c r="G8170" t="s">
        <v>10</v>
      </c>
      <c r="H8170" t="s">
        <v>17903</v>
      </c>
      <c r="I8170" t="s">
        <v>30540</v>
      </c>
    </row>
    <row r="8171" spans="1:9">
      <c r="A8171" s="1">
        <v>0.41443367591123503</v>
      </c>
      <c r="B8171" s="1"/>
      <c r="C8171">
        <v>4</v>
      </c>
      <c r="D8171" t="s">
        <v>17904</v>
      </c>
      <c r="E8171" t="s">
        <v>33232</v>
      </c>
      <c r="F8171">
        <v>4</v>
      </c>
      <c r="G8171" t="s">
        <v>9</v>
      </c>
      <c r="H8171" t="s">
        <v>17905</v>
      </c>
      <c r="I8171" t="s">
        <v>30540</v>
      </c>
    </row>
    <row r="8172" spans="1:9">
      <c r="A8172" s="1">
        <v>0.89640210483586513</v>
      </c>
      <c r="B8172" s="1"/>
      <c r="C8172">
        <v>12</v>
      </c>
      <c r="D8172" t="s">
        <v>17906</v>
      </c>
      <c r="E8172" t="s">
        <v>33232</v>
      </c>
      <c r="F8172">
        <v>4</v>
      </c>
      <c r="G8172" t="s">
        <v>13</v>
      </c>
      <c r="H8172" t="s">
        <v>17907</v>
      </c>
      <c r="I8172" t="s">
        <v>30540</v>
      </c>
    </row>
    <row r="8173" spans="1:9">
      <c r="A8173" s="1">
        <v>0.15755441988182317</v>
      </c>
      <c r="B8173" s="1"/>
      <c r="C8173">
        <v>15</v>
      </c>
      <c r="D8173" t="s">
        <v>17908</v>
      </c>
      <c r="E8173" t="s">
        <v>33232</v>
      </c>
      <c r="F8173">
        <v>4</v>
      </c>
      <c r="G8173" t="s">
        <v>14</v>
      </c>
      <c r="H8173" t="s">
        <v>17909</v>
      </c>
      <c r="I8173" t="s">
        <v>30540</v>
      </c>
    </row>
    <row r="8174" spans="1:9">
      <c r="A8174" s="1">
        <v>3.7734021604500123E-2</v>
      </c>
      <c r="B8174" s="1"/>
      <c r="C8174">
        <v>18</v>
      </c>
      <c r="D8174" t="s">
        <v>17910</v>
      </c>
      <c r="E8174" t="s">
        <v>33232</v>
      </c>
      <c r="F8174">
        <v>3</v>
      </c>
      <c r="G8174" t="s">
        <v>14</v>
      </c>
      <c r="H8174" t="s">
        <v>17911</v>
      </c>
      <c r="I8174" t="s">
        <v>30540</v>
      </c>
    </row>
    <row r="8175" spans="1:9">
      <c r="A8175" s="1">
        <v>0.23123793017835648</v>
      </c>
      <c r="B8175" s="1"/>
      <c r="C8175">
        <v>4</v>
      </c>
      <c r="D8175" t="s">
        <v>17892</v>
      </c>
      <c r="E8175" t="s">
        <v>33233</v>
      </c>
      <c r="F8175">
        <v>5</v>
      </c>
      <c r="G8175" t="s">
        <v>15</v>
      </c>
      <c r="H8175" t="s">
        <v>17893</v>
      </c>
      <c r="I8175" t="s">
        <v>30540</v>
      </c>
    </row>
    <row r="8176" spans="1:9">
      <c r="A8176" s="1">
        <v>0.58272342510698705</v>
      </c>
      <c r="B8176" s="1"/>
      <c r="C8176">
        <v>14</v>
      </c>
      <c r="D8176" t="s">
        <v>17896</v>
      </c>
      <c r="E8176" t="s">
        <v>33233</v>
      </c>
      <c r="F8176">
        <v>5</v>
      </c>
      <c r="G8176" t="s">
        <v>14</v>
      </c>
      <c r="H8176" t="s">
        <v>17897</v>
      </c>
      <c r="I8176" t="s">
        <v>30540</v>
      </c>
    </row>
    <row r="8177" spans="1:9">
      <c r="A8177" s="1">
        <v>0.26711560387523225</v>
      </c>
      <c r="B8177" s="1"/>
      <c r="C8177">
        <v>9</v>
      </c>
      <c r="D8177" t="s">
        <v>17894</v>
      </c>
      <c r="E8177" t="s">
        <v>33233</v>
      </c>
      <c r="F8177">
        <v>4</v>
      </c>
      <c r="G8177" t="s">
        <v>14</v>
      </c>
      <c r="H8177" t="s">
        <v>17895</v>
      </c>
      <c r="I8177" t="s">
        <v>30540</v>
      </c>
    </row>
    <row r="8178" spans="1:9">
      <c r="A8178" s="1">
        <v>0.57605139253932025</v>
      </c>
      <c r="B8178" s="1"/>
      <c r="C8178">
        <v>19</v>
      </c>
      <c r="D8178" t="s">
        <v>17900</v>
      </c>
      <c r="E8178" t="s">
        <v>33233</v>
      </c>
      <c r="F8178">
        <v>4</v>
      </c>
      <c r="G8178" t="s">
        <v>14</v>
      </c>
      <c r="H8178" t="s">
        <v>17901</v>
      </c>
      <c r="I8178" t="s">
        <v>30540</v>
      </c>
    </row>
    <row r="8179" spans="1:9">
      <c r="A8179" s="1">
        <v>0.93852962394311401</v>
      </c>
      <c r="B8179" s="1"/>
      <c r="C8179">
        <v>18</v>
      </c>
      <c r="D8179" t="s">
        <v>17890</v>
      </c>
      <c r="E8179" t="s">
        <v>33234</v>
      </c>
      <c r="F8179">
        <v>5</v>
      </c>
      <c r="G8179" t="s">
        <v>9</v>
      </c>
      <c r="H8179" t="s">
        <v>17891</v>
      </c>
      <c r="I8179" t="s">
        <v>30540</v>
      </c>
    </row>
    <row r="8180" spans="1:9">
      <c r="A8180" s="1">
        <v>0.48359064268790874</v>
      </c>
      <c r="B8180" s="1"/>
      <c r="C8180">
        <v>1</v>
      </c>
      <c r="D8180" t="s">
        <v>17884</v>
      </c>
      <c r="E8180" t="s">
        <v>33234</v>
      </c>
      <c r="F8180">
        <v>4</v>
      </c>
      <c r="G8180" t="s">
        <v>10</v>
      </c>
      <c r="H8180" t="s">
        <v>17885</v>
      </c>
      <c r="I8180" t="s">
        <v>30540</v>
      </c>
    </row>
    <row r="8181" spans="1:9">
      <c r="A8181" s="1">
        <v>7.6531370605612659E-2</v>
      </c>
      <c r="B8181" s="1"/>
      <c r="C8181">
        <v>11</v>
      </c>
      <c r="D8181" t="s">
        <v>17888</v>
      </c>
      <c r="E8181" t="s">
        <v>33234</v>
      </c>
      <c r="F8181">
        <v>4</v>
      </c>
      <c r="G8181" t="s">
        <v>0</v>
      </c>
      <c r="H8181" t="s">
        <v>17889</v>
      </c>
      <c r="I8181" t="s">
        <v>30540</v>
      </c>
    </row>
    <row r="8182" spans="1:9">
      <c r="A8182" s="1">
        <v>0.19935425758716818</v>
      </c>
      <c r="B8182" s="1"/>
      <c r="C8182">
        <v>4</v>
      </c>
      <c r="D8182" t="s">
        <v>17886</v>
      </c>
      <c r="E8182" t="s">
        <v>33234</v>
      </c>
      <c r="F8182">
        <v>4</v>
      </c>
      <c r="G8182" t="s">
        <v>14</v>
      </c>
      <c r="H8182" t="s">
        <v>17887</v>
      </c>
      <c r="I8182" t="s">
        <v>30540</v>
      </c>
    </row>
    <row r="8183" spans="1:9">
      <c r="A8183" s="1">
        <v>4.8218494623228803E-2</v>
      </c>
      <c r="B8183" s="1"/>
      <c r="C8183">
        <v>12</v>
      </c>
      <c r="D8183" t="s">
        <v>17880</v>
      </c>
      <c r="E8183" t="s">
        <v>33235</v>
      </c>
      <c r="F8183">
        <v>5</v>
      </c>
      <c r="G8183" t="s">
        <v>13</v>
      </c>
      <c r="H8183" t="s">
        <v>17881</v>
      </c>
      <c r="I8183" t="s">
        <v>30540</v>
      </c>
    </row>
    <row r="8184" spans="1:9">
      <c r="A8184" s="1">
        <v>0.43868799124939906</v>
      </c>
      <c r="B8184" s="1"/>
      <c r="C8184">
        <v>2</v>
      </c>
      <c r="D8184" t="s">
        <v>17878</v>
      </c>
      <c r="E8184" t="s">
        <v>33235</v>
      </c>
      <c r="F8184">
        <v>4</v>
      </c>
      <c r="G8184" t="s">
        <v>1431</v>
      </c>
      <c r="H8184" t="s">
        <v>17879</v>
      </c>
      <c r="I8184" t="s">
        <v>30540</v>
      </c>
    </row>
    <row r="8185" spans="1:9">
      <c r="A8185" s="1">
        <v>0.16797030846996497</v>
      </c>
      <c r="B8185" s="1"/>
      <c r="C8185">
        <v>16</v>
      </c>
      <c r="D8185" t="s">
        <v>17882</v>
      </c>
      <c r="E8185" t="s">
        <v>33235</v>
      </c>
      <c r="F8185">
        <v>4</v>
      </c>
      <c r="G8185" t="s">
        <v>14</v>
      </c>
      <c r="H8185" t="s">
        <v>17883</v>
      </c>
      <c r="I8185" t="s">
        <v>30540</v>
      </c>
    </row>
    <row r="8186" spans="1:9">
      <c r="A8186" s="1">
        <v>0.70105602778765463</v>
      </c>
      <c r="B8186" s="1"/>
      <c r="C8186">
        <v>10</v>
      </c>
      <c r="D8186" t="s">
        <v>17876</v>
      </c>
      <c r="E8186" t="s">
        <v>33236</v>
      </c>
      <c r="F8186">
        <v>5</v>
      </c>
      <c r="G8186" t="s">
        <v>14</v>
      </c>
      <c r="H8186" t="s">
        <v>17877</v>
      </c>
      <c r="I8186" t="s">
        <v>30540</v>
      </c>
    </row>
    <row r="8187" spans="1:9">
      <c r="A8187" s="1">
        <v>0.28723471025357539</v>
      </c>
      <c r="B8187" s="1"/>
      <c r="C8187">
        <v>5</v>
      </c>
      <c r="D8187" t="s">
        <v>17874</v>
      </c>
      <c r="E8187" t="s">
        <v>33236</v>
      </c>
      <c r="F8187">
        <v>4</v>
      </c>
      <c r="G8187" t="s">
        <v>14</v>
      </c>
      <c r="H8187" t="s">
        <v>17875</v>
      </c>
      <c r="I8187" t="s">
        <v>30540</v>
      </c>
    </row>
    <row r="8188" spans="1:9">
      <c r="A8188" s="1">
        <v>0.66043961229492221</v>
      </c>
      <c r="B8188" s="1"/>
      <c r="C8188">
        <v>13</v>
      </c>
      <c r="D8188" t="s">
        <v>17870</v>
      </c>
      <c r="E8188" t="s">
        <v>33237</v>
      </c>
      <c r="F8188">
        <v>5</v>
      </c>
      <c r="G8188" t="s">
        <v>14</v>
      </c>
      <c r="H8188" t="s">
        <v>17871</v>
      </c>
      <c r="I8188" t="s">
        <v>30540</v>
      </c>
    </row>
    <row r="8189" spans="1:9">
      <c r="A8189" s="1">
        <v>0.42845826902444806</v>
      </c>
      <c r="B8189" s="1"/>
      <c r="C8189">
        <v>3</v>
      </c>
      <c r="D8189" t="s">
        <v>17864</v>
      </c>
      <c r="E8189" t="s">
        <v>33237</v>
      </c>
      <c r="F8189">
        <v>5</v>
      </c>
      <c r="G8189" t="s">
        <v>10</v>
      </c>
      <c r="H8189" t="s">
        <v>17865</v>
      </c>
      <c r="I8189" t="s">
        <v>30540</v>
      </c>
    </row>
    <row r="8190" spans="1:9">
      <c r="A8190" s="1">
        <v>0.27780977186270284</v>
      </c>
      <c r="B8190" s="1"/>
      <c r="C8190">
        <v>9</v>
      </c>
      <c r="D8190" t="s">
        <v>17866</v>
      </c>
      <c r="E8190" t="s">
        <v>33237</v>
      </c>
      <c r="F8190">
        <v>5</v>
      </c>
      <c r="G8190" t="s">
        <v>9</v>
      </c>
      <c r="H8190" t="s">
        <v>17867</v>
      </c>
      <c r="I8190" t="s">
        <v>30540</v>
      </c>
    </row>
    <row r="8191" spans="1:9">
      <c r="A8191" s="1">
        <v>5.8770463179743104E-2</v>
      </c>
      <c r="B8191" s="1"/>
      <c r="C8191">
        <v>2</v>
      </c>
      <c r="D8191" t="s">
        <v>17862</v>
      </c>
      <c r="E8191" t="s">
        <v>33237</v>
      </c>
      <c r="F8191">
        <v>5</v>
      </c>
      <c r="G8191" t="s">
        <v>15</v>
      </c>
      <c r="H8191" t="s">
        <v>17863</v>
      </c>
      <c r="I8191" t="s">
        <v>30540</v>
      </c>
    </row>
    <row r="8192" spans="1:9">
      <c r="A8192" s="1">
        <v>0.3166462174465261</v>
      </c>
      <c r="B8192" s="1"/>
      <c r="C8192">
        <v>12</v>
      </c>
      <c r="D8192" t="s">
        <v>17868</v>
      </c>
      <c r="E8192" t="s">
        <v>33237</v>
      </c>
      <c r="F8192">
        <v>4</v>
      </c>
      <c r="G8192" t="s">
        <v>14</v>
      </c>
      <c r="H8192" t="s">
        <v>17869</v>
      </c>
      <c r="I8192" t="s">
        <v>30540</v>
      </c>
    </row>
    <row r="8193" spans="1:9">
      <c r="A8193" s="1">
        <v>8.5155659761705471E-2</v>
      </c>
      <c r="B8193" s="1"/>
      <c r="C8193">
        <v>15</v>
      </c>
      <c r="D8193" t="s">
        <v>17872</v>
      </c>
      <c r="E8193" t="s">
        <v>33237</v>
      </c>
      <c r="F8193">
        <v>4</v>
      </c>
      <c r="G8193" t="s">
        <v>14</v>
      </c>
      <c r="H8193" t="s">
        <v>17873</v>
      </c>
      <c r="I8193" t="s">
        <v>30540</v>
      </c>
    </row>
    <row r="8194" spans="1:9">
      <c r="A8194" s="1">
        <v>0.98912993415014527</v>
      </c>
      <c r="B8194" s="1"/>
      <c r="C8194">
        <v>11</v>
      </c>
      <c r="D8194" t="s">
        <v>17856</v>
      </c>
      <c r="E8194" t="s">
        <v>33238</v>
      </c>
      <c r="F8194">
        <v>5</v>
      </c>
      <c r="G8194" t="s">
        <v>9</v>
      </c>
      <c r="H8194" t="s">
        <v>17857</v>
      </c>
      <c r="I8194" t="s">
        <v>30540</v>
      </c>
    </row>
    <row r="8195" spans="1:9">
      <c r="A8195" s="1">
        <v>0.95981088390489966</v>
      </c>
      <c r="B8195" s="1"/>
      <c r="C8195">
        <v>2</v>
      </c>
      <c r="D8195" t="s">
        <v>17850</v>
      </c>
      <c r="E8195" t="s">
        <v>33238</v>
      </c>
      <c r="F8195">
        <v>4</v>
      </c>
      <c r="G8195" t="s">
        <v>2</v>
      </c>
      <c r="H8195" t="s">
        <v>17851</v>
      </c>
      <c r="I8195" t="s">
        <v>30540</v>
      </c>
    </row>
    <row r="8196" spans="1:9">
      <c r="A8196" s="1">
        <v>0.24694274307166786</v>
      </c>
      <c r="B8196" s="1"/>
      <c r="C8196">
        <v>16</v>
      </c>
      <c r="D8196" t="s">
        <v>17858</v>
      </c>
      <c r="E8196" t="s">
        <v>33238</v>
      </c>
      <c r="F8196">
        <v>4</v>
      </c>
      <c r="G8196" t="s">
        <v>1</v>
      </c>
      <c r="H8196" t="s">
        <v>17859</v>
      </c>
      <c r="I8196" t="s">
        <v>30540</v>
      </c>
    </row>
    <row r="8197" spans="1:9">
      <c r="A8197" s="1">
        <v>0.10660528169957084</v>
      </c>
      <c r="B8197" s="1"/>
      <c r="C8197">
        <v>9</v>
      </c>
      <c r="D8197" t="s">
        <v>17854</v>
      </c>
      <c r="E8197" t="s">
        <v>33238</v>
      </c>
      <c r="F8197">
        <v>4</v>
      </c>
      <c r="G8197" t="s">
        <v>14</v>
      </c>
      <c r="H8197" t="s">
        <v>17855</v>
      </c>
      <c r="I8197" t="s">
        <v>30540</v>
      </c>
    </row>
    <row r="8198" spans="1:9">
      <c r="A8198" s="1">
        <v>1.5588594345893103E-2</v>
      </c>
      <c r="B8198" s="1"/>
      <c r="C8198">
        <v>8</v>
      </c>
      <c r="D8198" t="s">
        <v>17852</v>
      </c>
      <c r="E8198" t="s">
        <v>33238</v>
      </c>
      <c r="F8198">
        <v>4</v>
      </c>
      <c r="G8198" t="s">
        <v>14</v>
      </c>
      <c r="H8198" t="s">
        <v>17853</v>
      </c>
      <c r="I8198" t="s">
        <v>30540</v>
      </c>
    </row>
    <row r="8199" spans="1:9">
      <c r="A8199" s="1">
        <v>0.87746003681412421</v>
      </c>
      <c r="B8199" s="1"/>
      <c r="C8199">
        <v>1</v>
      </c>
      <c r="D8199" t="s">
        <v>17848</v>
      </c>
      <c r="E8199" t="s">
        <v>33238</v>
      </c>
      <c r="F8199">
        <v>4</v>
      </c>
      <c r="G8199" t="s">
        <v>10</v>
      </c>
      <c r="H8199" t="s">
        <v>17849</v>
      </c>
      <c r="I8199" t="s">
        <v>30540</v>
      </c>
    </row>
    <row r="8200" spans="1:9">
      <c r="A8200" s="1">
        <v>0.40720807285036664</v>
      </c>
      <c r="B8200" s="1"/>
      <c r="C8200">
        <v>20</v>
      </c>
      <c r="D8200" t="s">
        <v>17860</v>
      </c>
      <c r="E8200" t="s">
        <v>33238</v>
      </c>
      <c r="F8200">
        <v>3</v>
      </c>
      <c r="G8200" t="s">
        <v>14</v>
      </c>
      <c r="H8200" t="s">
        <v>17861</v>
      </c>
      <c r="I8200" t="s">
        <v>30540</v>
      </c>
    </row>
    <row r="8201" spans="1:9">
      <c r="A8201" s="1">
        <v>0.72873793682128196</v>
      </c>
      <c r="B8201" s="1"/>
      <c r="C8201">
        <v>15</v>
      </c>
      <c r="D8201" t="s">
        <v>17846</v>
      </c>
      <c r="E8201" t="s">
        <v>33239</v>
      </c>
      <c r="F8201">
        <v>5</v>
      </c>
      <c r="G8201" t="s">
        <v>14</v>
      </c>
      <c r="H8201" t="s">
        <v>17847</v>
      </c>
      <c r="I8201" t="s">
        <v>30540</v>
      </c>
    </row>
    <row r="8202" spans="1:9">
      <c r="A8202" s="1">
        <v>0.26347302204347145</v>
      </c>
      <c r="B8202" s="1"/>
      <c r="C8202">
        <v>10</v>
      </c>
      <c r="D8202" t="s">
        <v>17838</v>
      </c>
      <c r="E8202" t="s">
        <v>33239</v>
      </c>
      <c r="F8202">
        <v>5</v>
      </c>
      <c r="G8202" t="s">
        <v>13</v>
      </c>
      <c r="H8202" t="s">
        <v>17839</v>
      </c>
      <c r="I8202" t="s">
        <v>30540</v>
      </c>
    </row>
    <row r="8203" spans="1:9">
      <c r="A8203" s="1">
        <v>0.38294361890893447</v>
      </c>
      <c r="B8203" s="1"/>
      <c r="C8203">
        <v>3</v>
      </c>
      <c r="D8203" t="s">
        <v>17836</v>
      </c>
      <c r="E8203" t="s">
        <v>33239</v>
      </c>
      <c r="F8203">
        <v>5</v>
      </c>
      <c r="G8203" t="s">
        <v>10</v>
      </c>
      <c r="H8203" t="s">
        <v>17837</v>
      </c>
      <c r="I8203" t="s">
        <v>30540</v>
      </c>
    </row>
    <row r="8204" spans="1:9">
      <c r="A8204" s="1">
        <v>0.70444953817829048</v>
      </c>
      <c r="B8204" s="1"/>
      <c r="C8204">
        <v>13</v>
      </c>
      <c r="D8204" t="s">
        <v>17842</v>
      </c>
      <c r="E8204" t="s">
        <v>33239</v>
      </c>
      <c r="F8204">
        <v>4</v>
      </c>
      <c r="G8204" t="s">
        <v>1</v>
      </c>
      <c r="H8204" t="s">
        <v>17843</v>
      </c>
      <c r="I8204" t="s">
        <v>30540</v>
      </c>
    </row>
    <row r="8205" spans="1:9">
      <c r="A8205" s="1">
        <v>6.4938788592625363E-2</v>
      </c>
      <c r="B8205" s="1"/>
      <c r="C8205">
        <v>14</v>
      </c>
      <c r="D8205" t="s">
        <v>17844</v>
      </c>
      <c r="E8205" t="s">
        <v>33239</v>
      </c>
      <c r="F8205">
        <v>4</v>
      </c>
      <c r="G8205" t="s">
        <v>14</v>
      </c>
      <c r="H8205" t="s">
        <v>17845</v>
      </c>
      <c r="I8205" t="s">
        <v>30540</v>
      </c>
    </row>
    <row r="8206" spans="1:9">
      <c r="A8206" s="1">
        <v>9.4965394332746866E-2</v>
      </c>
      <c r="B8206" s="1"/>
      <c r="C8206">
        <v>12</v>
      </c>
      <c r="D8206" t="s">
        <v>17840</v>
      </c>
      <c r="E8206" t="s">
        <v>33239</v>
      </c>
      <c r="F8206">
        <v>3</v>
      </c>
      <c r="G8206" t="s">
        <v>14</v>
      </c>
      <c r="H8206" t="s">
        <v>17841</v>
      </c>
      <c r="I8206" t="s">
        <v>30540</v>
      </c>
    </row>
    <row r="8207" spans="1:9">
      <c r="A8207" s="1">
        <v>0.88231657032045696</v>
      </c>
      <c r="B8207" s="1"/>
      <c r="C8207">
        <v>17</v>
      </c>
      <c r="D8207" t="s">
        <v>17832</v>
      </c>
      <c r="E8207" t="s">
        <v>33240</v>
      </c>
      <c r="F8207">
        <v>5</v>
      </c>
      <c r="G8207" t="s">
        <v>1</v>
      </c>
      <c r="H8207" t="s">
        <v>17833</v>
      </c>
      <c r="I8207" t="s">
        <v>30540</v>
      </c>
    </row>
    <row r="8208" spans="1:9">
      <c r="A8208" s="1">
        <v>0.87965299104653805</v>
      </c>
      <c r="B8208" s="1"/>
      <c r="C8208">
        <v>19</v>
      </c>
      <c r="D8208" t="s">
        <v>17834</v>
      </c>
      <c r="E8208" t="s">
        <v>33240</v>
      </c>
      <c r="F8208">
        <v>4</v>
      </c>
      <c r="G8208" t="s">
        <v>2</v>
      </c>
      <c r="H8208" t="s">
        <v>17835</v>
      </c>
      <c r="I8208" t="s">
        <v>30540</v>
      </c>
    </row>
    <row r="8209" spans="1:9">
      <c r="A8209" s="1">
        <v>0.86335343443099044</v>
      </c>
      <c r="B8209" s="1"/>
      <c r="C8209">
        <v>9</v>
      </c>
      <c r="D8209" t="s">
        <v>17828</v>
      </c>
      <c r="E8209" t="s">
        <v>33240</v>
      </c>
      <c r="F8209">
        <v>4</v>
      </c>
      <c r="G8209" t="s">
        <v>13</v>
      </c>
      <c r="H8209" t="s">
        <v>17829</v>
      </c>
      <c r="I8209" t="s">
        <v>30540</v>
      </c>
    </row>
    <row r="8210" spans="1:9">
      <c r="A8210" s="1">
        <v>0.11457243307400122</v>
      </c>
      <c r="B8210" s="1"/>
      <c r="C8210">
        <v>13</v>
      </c>
      <c r="D8210" t="s">
        <v>17830</v>
      </c>
      <c r="E8210" t="s">
        <v>33240</v>
      </c>
      <c r="F8210">
        <v>3</v>
      </c>
      <c r="G8210" t="s">
        <v>1431</v>
      </c>
      <c r="H8210" t="s">
        <v>17831</v>
      </c>
      <c r="I8210" t="s">
        <v>30540</v>
      </c>
    </row>
    <row r="8211" spans="1:9">
      <c r="A8211" s="1">
        <v>0.38795729681305402</v>
      </c>
      <c r="B8211" s="1"/>
      <c r="C8211">
        <v>11</v>
      </c>
      <c r="D8211" t="s">
        <v>17824</v>
      </c>
      <c r="E8211" t="s">
        <v>33241</v>
      </c>
      <c r="F8211">
        <v>4</v>
      </c>
      <c r="G8211" t="s">
        <v>14</v>
      </c>
      <c r="H8211" t="s">
        <v>17825</v>
      </c>
      <c r="I8211" t="s">
        <v>30540</v>
      </c>
    </row>
    <row r="8212" spans="1:9">
      <c r="A8212" s="1">
        <v>0.4740780313110341</v>
      </c>
      <c r="B8212" s="1"/>
      <c r="C8212">
        <v>13</v>
      </c>
      <c r="D8212" t="s">
        <v>17826</v>
      </c>
      <c r="E8212" t="s">
        <v>33241</v>
      </c>
      <c r="F8212">
        <v>4</v>
      </c>
      <c r="G8212" t="s">
        <v>15</v>
      </c>
      <c r="H8212" t="s">
        <v>17827</v>
      </c>
      <c r="I8212" t="s">
        <v>30540</v>
      </c>
    </row>
    <row r="8213" spans="1:9">
      <c r="A8213" s="1">
        <v>0.118702562217882</v>
      </c>
      <c r="B8213" s="1"/>
      <c r="C8213">
        <v>18</v>
      </c>
      <c r="D8213" t="s">
        <v>17822</v>
      </c>
      <c r="E8213" t="s">
        <v>33242</v>
      </c>
      <c r="F8213">
        <v>5</v>
      </c>
      <c r="G8213" t="s">
        <v>14</v>
      </c>
      <c r="H8213" t="s">
        <v>17823</v>
      </c>
      <c r="I8213" t="s">
        <v>30540</v>
      </c>
    </row>
    <row r="8214" spans="1:9">
      <c r="A8214" s="1">
        <v>0.68341032675412816</v>
      </c>
      <c r="B8214" s="1"/>
      <c r="C8214">
        <v>12</v>
      </c>
      <c r="D8214" t="s">
        <v>17818</v>
      </c>
      <c r="E8214" t="s">
        <v>33242</v>
      </c>
      <c r="F8214">
        <v>4</v>
      </c>
      <c r="G8214" t="s">
        <v>14</v>
      </c>
      <c r="H8214" t="s">
        <v>17819</v>
      </c>
      <c r="I8214" t="s">
        <v>30540</v>
      </c>
    </row>
    <row r="8215" spans="1:9">
      <c r="A8215" s="1">
        <v>0.39706653806988412</v>
      </c>
      <c r="B8215" s="1"/>
      <c r="C8215">
        <v>15</v>
      </c>
      <c r="D8215" t="s">
        <v>17820</v>
      </c>
      <c r="E8215" t="s">
        <v>33242</v>
      </c>
      <c r="F8215">
        <v>4</v>
      </c>
      <c r="G8215" t="s">
        <v>14</v>
      </c>
      <c r="H8215" t="s">
        <v>17821</v>
      </c>
      <c r="I8215" t="s">
        <v>30540</v>
      </c>
    </row>
    <row r="8216" spans="1:9">
      <c r="A8216" s="1">
        <v>0.85073119583198897</v>
      </c>
      <c r="B8216" s="1"/>
      <c r="C8216">
        <v>12</v>
      </c>
      <c r="D8216" t="s">
        <v>17808</v>
      </c>
      <c r="E8216" t="s">
        <v>33243</v>
      </c>
      <c r="F8216">
        <v>5</v>
      </c>
      <c r="G8216" t="s">
        <v>0</v>
      </c>
      <c r="H8216" t="s">
        <v>17809</v>
      </c>
      <c r="I8216" t="s">
        <v>30540</v>
      </c>
    </row>
    <row r="8217" spans="1:9">
      <c r="A8217" s="1">
        <v>0.82636627664157492</v>
      </c>
      <c r="B8217" s="1"/>
      <c r="C8217">
        <v>20</v>
      </c>
      <c r="D8217" t="s">
        <v>17816</v>
      </c>
      <c r="E8217" t="s">
        <v>33243</v>
      </c>
      <c r="F8217">
        <v>4</v>
      </c>
      <c r="G8217" t="s">
        <v>14</v>
      </c>
      <c r="H8217" t="s">
        <v>17817</v>
      </c>
      <c r="I8217" t="s">
        <v>30540</v>
      </c>
    </row>
    <row r="8218" spans="1:9">
      <c r="A8218" s="1">
        <v>0.28015144948478776</v>
      </c>
      <c r="B8218" s="1"/>
      <c r="C8218">
        <v>18</v>
      </c>
      <c r="D8218" t="s">
        <v>17812</v>
      </c>
      <c r="E8218" t="s">
        <v>33243</v>
      </c>
      <c r="F8218">
        <v>4</v>
      </c>
      <c r="G8218" t="s">
        <v>14</v>
      </c>
      <c r="H8218" t="s">
        <v>17813</v>
      </c>
      <c r="I8218" t="s">
        <v>30540</v>
      </c>
    </row>
    <row r="8219" spans="1:9">
      <c r="A8219" s="1">
        <v>0.47067031801433745</v>
      </c>
      <c r="B8219" s="1"/>
      <c r="C8219">
        <v>17</v>
      </c>
      <c r="D8219" t="s">
        <v>17810</v>
      </c>
      <c r="E8219" t="s">
        <v>33243</v>
      </c>
      <c r="F8219">
        <v>4</v>
      </c>
      <c r="G8219" t="s">
        <v>14</v>
      </c>
      <c r="H8219" t="s">
        <v>17811</v>
      </c>
      <c r="I8219" t="s">
        <v>30540</v>
      </c>
    </row>
    <row r="8220" spans="1:9">
      <c r="A8220" s="1">
        <v>0.73730210439261146</v>
      </c>
      <c r="B8220" s="1"/>
      <c r="C8220">
        <v>19</v>
      </c>
      <c r="D8220" t="s">
        <v>17814</v>
      </c>
      <c r="E8220" t="s">
        <v>33243</v>
      </c>
      <c r="F8220">
        <v>4</v>
      </c>
      <c r="G8220" t="s">
        <v>14</v>
      </c>
      <c r="H8220" t="s">
        <v>17815</v>
      </c>
      <c r="I8220" t="s">
        <v>30540</v>
      </c>
    </row>
    <row r="8221" spans="1:9">
      <c r="A8221" s="1">
        <v>0.95361578723007456</v>
      </c>
      <c r="B8221" s="1"/>
      <c r="C8221">
        <v>2</v>
      </c>
      <c r="D8221" t="s">
        <v>17796</v>
      </c>
      <c r="E8221" t="s">
        <v>33244</v>
      </c>
      <c r="F8221">
        <v>4</v>
      </c>
      <c r="G8221" t="s">
        <v>2</v>
      </c>
      <c r="H8221" t="s">
        <v>17797</v>
      </c>
      <c r="I8221" t="s">
        <v>30540</v>
      </c>
    </row>
    <row r="8222" spans="1:9">
      <c r="A8222" s="1">
        <v>0.92311798021043356</v>
      </c>
      <c r="B8222" s="1"/>
      <c r="C8222">
        <v>19</v>
      </c>
      <c r="D8222" t="s">
        <v>17806</v>
      </c>
      <c r="E8222" t="s">
        <v>33244</v>
      </c>
      <c r="F8222">
        <v>4</v>
      </c>
      <c r="G8222" t="s">
        <v>14</v>
      </c>
      <c r="H8222" t="s">
        <v>17807</v>
      </c>
      <c r="I8222" t="s">
        <v>30540</v>
      </c>
    </row>
    <row r="8223" spans="1:9">
      <c r="A8223" s="1">
        <v>0.23789597815674934</v>
      </c>
      <c r="B8223" s="1"/>
      <c r="C8223">
        <v>17</v>
      </c>
      <c r="D8223" t="s">
        <v>17804</v>
      </c>
      <c r="E8223" t="s">
        <v>33244</v>
      </c>
      <c r="F8223">
        <v>4</v>
      </c>
      <c r="G8223" t="s">
        <v>14</v>
      </c>
      <c r="H8223" t="s">
        <v>17805</v>
      </c>
      <c r="I8223" t="s">
        <v>30540</v>
      </c>
    </row>
    <row r="8224" spans="1:9">
      <c r="A8224" s="1">
        <v>0.59997261921943734</v>
      </c>
      <c r="B8224" s="1"/>
      <c r="C8224">
        <v>8</v>
      </c>
      <c r="D8224" t="s">
        <v>17800</v>
      </c>
      <c r="E8224" t="s">
        <v>33244</v>
      </c>
      <c r="F8224">
        <v>4</v>
      </c>
      <c r="G8224" t="s">
        <v>10</v>
      </c>
      <c r="H8224" t="s">
        <v>17801</v>
      </c>
      <c r="I8224" t="s">
        <v>30540</v>
      </c>
    </row>
    <row r="8225" spans="1:9">
      <c r="A8225" s="1">
        <v>0.12234877604106942</v>
      </c>
      <c r="B8225" s="1"/>
      <c r="C8225">
        <v>12</v>
      </c>
      <c r="D8225" t="s">
        <v>17802</v>
      </c>
      <c r="E8225" t="s">
        <v>33244</v>
      </c>
      <c r="F8225">
        <v>4</v>
      </c>
      <c r="G8225" t="s">
        <v>14</v>
      </c>
      <c r="H8225" t="s">
        <v>17803</v>
      </c>
      <c r="I8225" t="s">
        <v>30540</v>
      </c>
    </row>
    <row r="8226" spans="1:9">
      <c r="A8226" s="1">
        <v>0.80894584086233534</v>
      </c>
      <c r="B8226" s="1"/>
      <c r="C8226">
        <v>5</v>
      </c>
      <c r="D8226" t="s">
        <v>17798</v>
      </c>
      <c r="E8226" t="s">
        <v>33244</v>
      </c>
      <c r="F8226">
        <v>3</v>
      </c>
      <c r="G8226" t="s">
        <v>14</v>
      </c>
      <c r="H8226" t="s">
        <v>17799</v>
      </c>
      <c r="I8226" t="s">
        <v>30540</v>
      </c>
    </row>
    <row r="8227" spans="1:9">
      <c r="A8227" s="1">
        <v>0.4224001016820278</v>
      </c>
      <c r="B8227" s="1"/>
      <c r="C8227">
        <v>13</v>
      </c>
      <c r="D8227" t="s">
        <v>17794</v>
      </c>
      <c r="E8227" t="s">
        <v>33245</v>
      </c>
      <c r="F8227">
        <v>4</v>
      </c>
      <c r="G8227" t="s">
        <v>14</v>
      </c>
      <c r="H8227" t="s">
        <v>17795</v>
      </c>
      <c r="I8227" t="s">
        <v>30540</v>
      </c>
    </row>
    <row r="8228" spans="1:9">
      <c r="A8228" s="1">
        <v>0.25060019163858238</v>
      </c>
      <c r="B8228" s="1"/>
      <c r="C8228">
        <v>3</v>
      </c>
      <c r="D8228" t="s">
        <v>17784</v>
      </c>
      <c r="E8228" t="s">
        <v>33246</v>
      </c>
      <c r="F8228">
        <v>5</v>
      </c>
      <c r="G8228" t="s">
        <v>2</v>
      </c>
      <c r="H8228" t="s">
        <v>17785</v>
      </c>
      <c r="I8228" t="s">
        <v>30540</v>
      </c>
    </row>
    <row r="8229" spans="1:9">
      <c r="A8229" s="1">
        <v>0.44917476559030756</v>
      </c>
      <c r="B8229" s="1"/>
      <c r="C8229">
        <v>17</v>
      </c>
      <c r="D8229" t="s">
        <v>17792</v>
      </c>
      <c r="E8229" t="s">
        <v>33246</v>
      </c>
      <c r="F8229">
        <v>4</v>
      </c>
      <c r="G8229" t="s">
        <v>10</v>
      </c>
      <c r="H8229" t="s">
        <v>17793</v>
      </c>
      <c r="I8229" t="s">
        <v>30540</v>
      </c>
    </row>
    <row r="8230" spans="1:9">
      <c r="A8230" s="1">
        <v>0.28065968651276207</v>
      </c>
      <c r="B8230" s="1"/>
      <c r="C8230">
        <v>7</v>
      </c>
      <c r="D8230" t="s">
        <v>17788</v>
      </c>
      <c r="E8230" t="s">
        <v>33246</v>
      </c>
      <c r="F8230">
        <v>4</v>
      </c>
      <c r="G8230" t="s">
        <v>13</v>
      </c>
      <c r="H8230" t="s">
        <v>17789</v>
      </c>
      <c r="I8230" t="s">
        <v>30540</v>
      </c>
    </row>
    <row r="8231" spans="1:9">
      <c r="A8231" s="1">
        <v>0.31768259735478099</v>
      </c>
      <c r="B8231" s="1"/>
      <c r="C8231">
        <v>16</v>
      </c>
      <c r="D8231" t="s">
        <v>17790</v>
      </c>
      <c r="E8231" t="s">
        <v>33246</v>
      </c>
      <c r="F8231">
        <v>4</v>
      </c>
      <c r="G8231" t="s">
        <v>10</v>
      </c>
      <c r="H8231" t="s">
        <v>17791</v>
      </c>
      <c r="I8231" t="s">
        <v>30540</v>
      </c>
    </row>
    <row r="8232" spans="1:9">
      <c r="A8232" s="1">
        <v>0.98941993446198406</v>
      </c>
      <c r="B8232" s="1"/>
      <c r="C8232">
        <v>7</v>
      </c>
      <c r="D8232" t="s">
        <v>17774</v>
      </c>
      <c r="E8232" t="s">
        <v>33247</v>
      </c>
      <c r="F8232">
        <v>5</v>
      </c>
      <c r="G8232" t="s">
        <v>1</v>
      </c>
      <c r="H8232" t="s">
        <v>17775</v>
      </c>
      <c r="I8232" t="s">
        <v>30540</v>
      </c>
    </row>
    <row r="8233" spans="1:9">
      <c r="A8233" s="1">
        <v>0.41102213639767748</v>
      </c>
      <c r="B8233" s="1"/>
      <c r="C8233">
        <v>9</v>
      </c>
      <c r="D8233" t="s">
        <v>17778</v>
      </c>
      <c r="E8233" t="s">
        <v>33247</v>
      </c>
      <c r="F8233">
        <v>5</v>
      </c>
      <c r="G8233" t="s">
        <v>14</v>
      </c>
      <c r="H8233" t="s">
        <v>17779</v>
      </c>
      <c r="I8233" t="s">
        <v>30540</v>
      </c>
    </row>
    <row r="8234" spans="1:9">
      <c r="A8234" s="1">
        <v>0.17502453311056998</v>
      </c>
      <c r="B8234" s="1"/>
      <c r="C8234">
        <v>2</v>
      </c>
      <c r="D8234" t="s">
        <v>17772</v>
      </c>
      <c r="E8234" t="s">
        <v>33247</v>
      </c>
      <c r="F8234">
        <v>5</v>
      </c>
      <c r="G8234" t="s">
        <v>13</v>
      </c>
      <c r="H8234" t="s">
        <v>17773</v>
      </c>
      <c r="I8234" t="s">
        <v>30540</v>
      </c>
    </row>
    <row r="8235" spans="1:9">
      <c r="A8235" s="1">
        <v>0.88933246244661801</v>
      </c>
      <c r="B8235" s="1"/>
      <c r="C8235">
        <v>16</v>
      </c>
      <c r="D8235" t="s">
        <v>17782</v>
      </c>
      <c r="E8235" t="s">
        <v>33247</v>
      </c>
      <c r="F8235">
        <v>5</v>
      </c>
      <c r="G8235" t="s">
        <v>9</v>
      </c>
      <c r="H8235" t="s">
        <v>17783</v>
      </c>
      <c r="I8235" t="s">
        <v>30540</v>
      </c>
    </row>
    <row r="8236" spans="1:9">
      <c r="A8236" s="1">
        <v>0.20370416491329502</v>
      </c>
      <c r="B8236" s="1"/>
      <c r="C8236">
        <v>10</v>
      </c>
      <c r="D8236" t="s">
        <v>17780</v>
      </c>
      <c r="E8236" t="s">
        <v>33247</v>
      </c>
      <c r="F8236">
        <v>5</v>
      </c>
      <c r="G8236" t="s">
        <v>10</v>
      </c>
      <c r="H8236" t="s">
        <v>17781</v>
      </c>
      <c r="I8236" t="s">
        <v>30540</v>
      </c>
    </row>
    <row r="8237" spans="1:9">
      <c r="A8237" s="1">
        <v>0.18170082551030131</v>
      </c>
      <c r="B8237" s="1"/>
      <c r="C8237">
        <v>1</v>
      </c>
      <c r="D8237" t="s">
        <v>17770</v>
      </c>
      <c r="E8237" t="s">
        <v>33247</v>
      </c>
      <c r="F8237">
        <v>4</v>
      </c>
      <c r="G8237" t="s">
        <v>2</v>
      </c>
      <c r="H8237" t="s">
        <v>17771</v>
      </c>
      <c r="I8237" t="s">
        <v>30540</v>
      </c>
    </row>
    <row r="8238" spans="1:9">
      <c r="A8238" s="1">
        <v>0.67657176428024357</v>
      </c>
      <c r="B8238" s="1"/>
      <c r="C8238">
        <v>8</v>
      </c>
      <c r="D8238" t="s">
        <v>17776</v>
      </c>
      <c r="E8238" t="s">
        <v>33247</v>
      </c>
      <c r="F8238">
        <v>4</v>
      </c>
      <c r="G8238" t="s">
        <v>15</v>
      </c>
      <c r="H8238" t="s">
        <v>17777</v>
      </c>
      <c r="I8238" t="s">
        <v>30540</v>
      </c>
    </row>
    <row r="8239" spans="1:9">
      <c r="A8239" s="1">
        <v>0.8460590912813033</v>
      </c>
      <c r="B8239" s="1"/>
      <c r="C8239">
        <v>4</v>
      </c>
      <c r="D8239" t="s">
        <v>17756</v>
      </c>
      <c r="E8239" t="s">
        <v>33248</v>
      </c>
      <c r="F8239">
        <v>5</v>
      </c>
      <c r="G8239" t="s">
        <v>10</v>
      </c>
      <c r="H8239" t="s">
        <v>17757</v>
      </c>
      <c r="I8239" t="s">
        <v>30540</v>
      </c>
    </row>
    <row r="8240" spans="1:9">
      <c r="A8240" s="1">
        <v>0.665834786878306</v>
      </c>
      <c r="B8240" s="1"/>
      <c r="C8240">
        <v>20</v>
      </c>
      <c r="D8240" t="s">
        <v>17768</v>
      </c>
      <c r="E8240" t="s">
        <v>33248</v>
      </c>
      <c r="F8240">
        <v>5</v>
      </c>
      <c r="G8240" t="s">
        <v>14</v>
      </c>
      <c r="H8240" t="s">
        <v>17769</v>
      </c>
      <c r="I8240" t="s">
        <v>30540</v>
      </c>
    </row>
    <row r="8241" spans="1:9">
      <c r="A8241" s="1">
        <v>0.68214927769981937</v>
      </c>
      <c r="B8241" s="1"/>
      <c r="C8241">
        <v>5</v>
      </c>
      <c r="D8241" t="s">
        <v>17758</v>
      </c>
      <c r="E8241" t="s">
        <v>33248</v>
      </c>
      <c r="F8241">
        <v>4</v>
      </c>
      <c r="G8241" t="s">
        <v>0</v>
      </c>
      <c r="H8241" t="s">
        <v>17759</v>
      </c>
      <c r="I8241" t="s">
        <v>30540</v>
      </c>
    </row>
    <row r="8242" spans="1:9">
      <c r="A8242" s="1">
        <v>0.65023842619920658</v>
      </c>
      <c r="B8242" s="1"/>
      <c r="C8242">
        <v>19</v>
      </c>
      <c r="D8242" t="s">
        <v>17766</v>
      </c>
      <c r="E8242" t="s">
        <v>33248</v>
      </c>
      <c r="F8242">
        <v>4</v>
      </c>
      <c r="G8242" t="s">
        <v>14</v>
      </c>
      <c r="H8242" t="s">
        <v>17767</v>
      </c>
      <c r="I8242" t="s">
        <v>30540</v>
      </c>
    </row>
    <row r="8243" spans="1:9">
      <c r="A8243" s="1">
        <v>0.84372622709901435</v>
      </c>
      <c r="B8243" s="1"/>
      <c r="C8243">
        <v>13</v>
      </c>
      <c r="D8243" t="s">
        <v>17762</v>
      </c>
      <c r="E8243" t="s">
        <v>33248</v>
      </c>
      <c r="F8243">
        <v>3</v>
      </c>
      <c r="G8243" t="s">
        <v>1</v>
      </c>
      <c r="H8243" t="s">
        <v>17763</v>
      </c>
      <c r="I8243" t="s">
        <v>30540</v>
      </c>
    </row>
    <row r="8244" spans="1:9">
      <c r="A8244" s="1">
        <v>0.49117787103070432</v>
      </c>
      <c r="B8244" s="1"/>
      <c r="C8244">
        <v>11</v>
      </c>
      <c r="D8244" t="s">
        <v>17752</v>
      </c>
      <c r="E8244" t="s">
        <v>33249</v>
      </c>
      <c r="F8244">
        <v>5</v>
      </c>
      <c r="G8244" t="s">
        <v>0</v>
      </c>
      <c r="H8244" t="s">
        <v>17753</v>
      </c>
      <c r="I8244" t="s">
        <v>30540</v>
      </c>
    </row>
    <row r="8245" spans="1:9">
      <c r="A8245" s="1">
        <v>0.66930562225706358</v>
      </c>
      <c r="B8245" s="1"/>
      <c r="C8245">
        <v>8</v>
      </c>
      <c r="D8245" t="s">
        <v>17748</v>
      </c>
      <c r="E8245" t="s">
        <v>33249</v>
      </c>
      <c r="F8245">
        <v>4</v>
      </c>
      <c r="G8245" t="s">
        <v>10</v>
      </c>
      <c r="H8245" t="s">
        <v>17749</v>
      </c>
      <c r="I8245" t="s">
        <v>30540</v>
      </c>
    </row>
    <row r="8246" spans="1:9">
      <c r="A8246" s="1">
        <v>0.74501704919567724</v>
      </c>
      <c r="B8246" s="1"/>
      <c r="C8246">
        <v>9</v>
      </c>
      <c r="D8246" t="s">
        <v>17750</v>
      </c>
      <c r="E8246" t="s">
        <v>33249</v>
      </c>
      <c r="F8246">
        <v>4</v>
      </c>
      <c r="G8246" t="s">
        <v>14</v>
      </c>
      <c r="H8246" t="s">
        <v>17751</v>
      </c>
      <c r="I8246" t="s">
        <v>30540</v>
      </c>
    </row>
    <row r="8247" spans="1:9">
      <c r="A8247" s="1">
        <v>0.11191064080508539</v>
      </c>
      <c r="B8247" s="1"/>
      <c r="C8247">
        <v>2</v>
      </c>
      <c r="D8247" t="s">
        <v>17746</v>
      </c>
      <c r="E8247" t="s">
        <v>33249</v>
      </c>
      <c r="F8247">
        <v>4</v>
      </c>
      <c r="G8247" t="s">
        <v>2</v>
      </c>
      <c r="H8247" t="s">
        <v>17747</v>
      </c>
      <c r="I8247" t="s">
        <v>30540</v>
      </c>
    </row>
    <row r="8248" spans="1:9">
      <c r="A8248" s="1">
        <v>0.16900297045609047</v>
      </c>
      <c r="B8248" s="1"/>
      <c r="C8248">
        <v>13</v>
      </c>
      <c r="D8248" t="s">
        <v>17754</v>
      </c>
      <c r="E8248" t="s">
        <v>33249</v>
      </c>
      <c r="F8248">
        <v>4</v>
      </c>
      <c r="G8248" t="s">
        <v>14</v>
      </c>
      <c r="H8248" t="s">
        <v>17755</v>
      </c>
      <c r="I8248" t="s">
        <v>30540</v>
      </c>
    </row>
    <row r="8249" spans="1:9">
      <c r="A8249" s="1">
        <v>0.23240908943365657</v>
      </c>
      <c r="B8249" s="1"/>
      <c r="C8249">
        <v>4</v>
      </c>
      <c r="D8249" t="s">
        <v>17740</v>
      </c>
      <c r="E8249" t="s">
        <v>33250</v>
      </c>
      <c r="F8249">
        <v>5</v>
      </c>
      <c r="G8249" t="s">
        <v>1431</v>
      </c>
      <c r="H8249" t="s">
        <v>17741</v>
      </c>
      <c r="I8249" t="s">
        <v>30540</v>
      </c>
    </row>
    <row r="8250" spans="1:9">
      <c r="A8250" s="1">
        <v>0.42635354499659595</v>
      </c>
      <c r="B8250" s="1"/>
      <c r="C8250">
        <v>11</v>
      </c>
      <c r="D8250" t="s">
        <v>17744</v>
      </c>
      <c r="E8250" t="s">
        <v>33250</v>
      </c>
      <c r="F8250">
        <v>4</v>
      </c>
      <c r="G8250" t="s">
        <v>762</v>
      </c>
      <c r="H8250" t="s">
        <v>17745</v>
      </c>
      <c r="I8250" t="s">
        <v>30540</v>
      </c>
    </row>
    <row r="8251" spans="1:9">
      <c r="A8251" s="1">
        <v>0.53138924418003119</v>
      </c>
      <c r="B8251" s="1"/>
      <c r="C8251">
        <v>8</v>
      </c>
      <c r="D8251" t="s">
        <v>17742</v>
      </c>
      <c r="E8251" t="s">
        <v>33250</v>
      </c>
      <c r="F8251">
        <v>4</v>
      </c>
      <c r="G8251" t="s">
        <v>0</v>
      </c>
      <c r="H8251" t="s">
        <v>17743</v>
      </c>
      <c r="I8251" t="s">
        <v>30540</v>
      </c>
    </row>
    <row r="8252" spans="1:9">
      <c r="A8252" s="1">
        <v>0.61287020889434096</v>
      </c>
      <c r="B8252" s="1"/>
      <c r="C8252">
        <v>13</v>
      </c>
      <c r="D8252" t="s">
        <v>17736</v>
      </c>
      <c r="E8252" t="s">
        <v>33251</v>
      </c>
      <c r="F8252">
        <v>4</v>
      </c>
      <c r="G8252" t="s">
        <v>15</v>
      </c>
      <c r="H8252" t="s">
        <v>17737</v>
      </c>
      <c r="I8252" t="s">
        <v>30540</v>
      </c>
    </row>
    <row r="8253" spans="1:9">
      <c r="A8253" s="1">
        <v>0.39607887711915712</v>
      </c>
      <c r="B8253" s="1"/>
      <c r="C8253">
        <v>15</v>
      </c>
      <c r="D8253" t="s">
        <v>17738</v>
      </c>
      <c r="E8253" t="s">
        <v>33251</v>
      </c>
      <c r="F8253">
        <v>4</v>
      </c>
      <c r="G8253" t="s">
        <v>14</v>
      </c>
      <c r="H8253" t="s">
        <v>17739</v>
      </c>
      <c r="I8253" t="s">
        <v>30540</v>
      </c>
    </row>
    <row r="8254" spans="1:9">
      <c r="A8254" s="1">
        <v>0.30664001621266723</v>
      </c>
      <c r="B8254" s="1"/>
      <c r="C8254">
        <v>7</v>
      </c>
      <c r="D8254" t="s">
        <v>17732</v>
      </c>
      <c r="E8254" t="s">
        <v>33251</v>
      </c>
      <c r="F8254">
        <v>4</v>
      </c>
      <c r="G8254" t="s">
        <v>1</v>
      </c>
      <c r="H8254" t="s">
        <v>17733</v>
      </c>
      <c r="I8254" t="s">
        <v>30540</v>
      </c>
    </row>
    <row r="8255" spans="1:9">
      <c r="A8255" s="1">
        <v>0.96028693433628309</v>
      </c>
      <c r="B8255" s="1"/>
      <c r="C8255">
        <v>12</v>
      </c>
      <c r="D8255" t="s">
        <v>17734</v>
      </c>
      <c r="E8255" t="s">
        <v>33251</v>
      </c>
      <c r="F8255">
        <v>4</v>
      </c>
      <c r="G8255" t="s">
        <v>1</v>
      </c>
      <c r="H8255" t="s">
        <v>17735</v>
      </c>
      <c r="I8255" t="s">
        <v>30540</v>
      </c>
    </row>
    <row r="8256" spans="1:9">
      <c r="A8256" s="1">
        <v>3.3486687369061685E-2</v>
      </c>
      <c r="B8256" s="1"/>
      <c r="C8256">
        <v>1</v>
      </c>
      <c r="D8256" t="s">
        <v>17714</v>
      </c>
      <c r="E8256" t="s">
        <v>33252</v>
      </c>
      <c r="F8256">
        <v>5</v>
      </c>
      <c r="G8256" t="s">
        <v>2</v>
      </c>
      <c r="H8256" t="s">
        <v>17715</v>
      </c>
      <c r="I8256" t="s">
        <v>30540</v>
      </c>
    </row>
    <row r="8257" spans="1:9">
      <c r="A8257" s="1">
        <v>0.35589798491128499</v>
      </c>
      <c r="B8257" s="1"/>
      <c r="C8257">
        <v>3</v>
      </c>
      <c r="D8257" t="s">
        <v>17718</v>
      </c>
      <c r="E8257" t="s">
        <v>33252</v>
      </c>
      <c r="F8257">
        <v>5</v>
      </c>
      <c r="G8257" t="s">
        <v>2</v>
      </c>
      <c r="H8257" t="s">
        <v>17719</v>
      </c>
      <c r="I8257" t="s">
        <v>30540</v>
      </c>
    </row>
    <row r="8258" spans="1:9">
      <c r="A8258" s="1">
        <v>0.41639336675925886</v>
      </c>
      <c r="B8258" s="1"/>
      <c r="C8258">
        <v>19</v>
      </c>
      <c r="D8258" t="s">
        <v>17728</v>
      </c>
      <c r="E8258" t="s">
        <v>33252</v>
      </c>
      <c r="F8258">
        <v>4</v>
      </c>
      <c r="G8258" t="s">
        <v>14</v>
      </c>
      <c r="H8258" t="s">
        <v>17729</v>
      </c>
      <c r="I8258" t="s">
        <v>30540</v>
      </c>
    </row>
    <row r="8259" spans="1:9">
      <c r="A8259" s="1">
        <v>0.98849615841080485</v>
      </c>
      <c r="B8259" s="1"/>
      <c r="C8259">
        <v>13</v>
      </c>
      <c r="D8259" t="s">
        <v>17722</v>
      </c>
      <c r="E8259" t="s">
        <v>33252</v>
      </c>
      <c r="F8259">
        <v>4</v>
      </c>
      <c r="G8259" t="s">
        <v>0</v>
      </c>
      <c r="H8259" t="s">
        <v>17723</v>
      </c>
      <c r="I8259" t="s">
        <v>30540</v>
      </c>
    </row>
    <row r="8260" spans="1:9">
      <c r="A8260" s="1">
        <v>0.90787367238874095</v>
      </c>
      <c r="B8260" s="1"/>
      <c r="C8260">
        <v>6</v>
      </c>
      <c r="D8260" t="s">
        <v>17720</v>
      </c>
      <c r="E8260" t="s">
        <v>33252</v>
      </c>
      <c r="F8260">
        <v>4</v>
      </c>
      <c r="G8260" t="s">
        <v>10</v>
      </c>
      <c r="H8260" t="s">
        <v>17721</v>
      </c>
      <c r="I8260" t="s">
        <v>30540</v>
      </c>
    </row>
    <row r="8261" spans="1:9">
      <c r="A8261" s="1">
        <v>0.16102289260996383</v>
      </c>
      <c r="B8261" s="1"/>
      <c r="C8261">
        <v>14</v>
      </c>
      <c r="D8261" t="s">
        <v>17724</v>
      </c>
      <c r="E8261" t="s">
        <v>33252</v>
      </c>
      <c r="F8261">
        <v>4</v>
      </c>
      <c r="G8261" t="s">
        <v>1</v>
      </c>
      <c r="H8261" t="s">
        <v>17725</v>
      </c>
      <c r="I8261" t="s">
        <v>30540</v>
      </c>
    </row>
    <row r="8262" spans="1:9">
      <c r="A8262" s="1">
        <v>0.89470697337389493</v>
      </c>
      <c r="B8262" s="1"/>
      <c r="C8262">
        <v>16</v>
      </c>
      <c r="D8262" t="s">
        <v>17726</v>
      </c>
      <c r="E8262" t="s">
        <v>33252</v>
      </c>
      <c r="F8262">
        <v>3</v>
      </c>
      <c r="G8262" t="s">
        <v>14</v>
      </c>
      <c r="H8262" t="s">
        <v>17727</v>
      </c>
      <c r="I8262" t="s">
        <v>30540</v>
      </c>
    </row>
    <row r="8263" spans="1:9">
      <c r="A8263" s="1">
        <v>0.2424838496403956</v>
      </c>
      <c r="B8263" s="1"/>
      <c r="C8263">
        <v>12</v>
      </c>
      <c r="D8263" t="s">
        <v>17710</v>
      </c>
      <c r="E8263" t="s">
        <v>33253</v>
      </c>
      <c r="F8263">
        <v>4</v>
      </c>
      <c r="G8263" t="s">
        <v>13</v>
      </c>
      <c r="H8263" t="s">
        <v>17711</v>
      </c>
      <c r="I8263" t="s">
        <v>30540</v>
      </c>
    </row>
    <row r="8264" spans="1:9">
      <c r="A8264" s="1">
        <v>0.7037364080295273</v>
      </c>
      <c r="B8264" s="1"/>
      <c r="C8264">
        <v>2</v>
      </c>
      <c r="D8264" t="s">
        <v>17700</v>
      </c>
      <c r="E8264" t="s">
        <v>33253</v>
      </c>
      <c r="F8264">
        <v>4</v>
      </c>
      <c r="G8264" t="s">
        <v>15</v>
      </c>
      <c r="H8264" t="s">
        <v>17701</v>
      </c>
      <c r="I8264" t="s">
        <v>30540</v>
      </c>
    </row>
    <row r="8265" spans="1:9">
      <c r="A8265" s="1">
        <v>0.33434663575099755</v>
      </c>
      <c r="B8265" s="1"/>
      <c r="C8265">
        <v>10</v>
      </c>
      <c r="D8265" t="s">
        <v>17708</v>
      </c>
      <c r="E8265" t="s">
        <v>33253</v>
      </c>
      <c r="F8265">
        <v>4</v>
      </c>
      <c r="G8265" t="s">
        <v>14</v>
      </c>
      <c r="H8265" t="s">
        <v>17709</v>
      </c>
      <c r="I8265" t="s">
        <v>30540</v>
      </c>
    </row>
    <row r="8266" spans="1:9">
      <c r="A8266" s="1">
        <v>0.75771886859363902</v>
      </c>
      <c r="B8266" s="1"/>
      <c r="C8266">
        <v>18</v>
      </c>
      <c r="D8266" t="s">
        <v>17712</v>
      </c>
      <c r="E8266" t="s">
        <v>33253</v>
      </c>
      <c r="F8266">
        <v>3</v>
      </c>
      <c r="G8266" t="s">
        <v>15</v>
      </c>
      <c r="H8266" t="s">
        <v>17713</v>
      </c>
      <c r="I8266" t="s">
        <v>30540</v>
      </c>
    </row>
    <row r="8267" spans="1:9">
      <c r="A8267" s="1">
        <v>0.27455014169423064</v>
      </c>
      <c r="B8267" s="1"/>
      <c r="C8267">
        <v>1</v>
      </c>
      <c r="D8267" t="s">
        <v>17688</v>
      </c>
      <c r="E8267" t="s">
        <v>33254</v>
      </c>
      <c r="F8267">
        <v>5</v>
      </c>
      <c r="G8267" t="s">
        <v>10</v>
      </c>
      <c r="H8267" t="s">
        <v>17689</v>
      </c>
      <c r="I8267" t="s">
        <v>30540</v>
      </c>
    </row>
    <row r="8268" spans="1:9">
      <c r="A8268" s="1">
        <v>0.47003221711723842</v>
      </c>
      <c r="B8268" s="1"/>
      <c r="C8268">
        <v>8</v>
      </c>
      <c r="D8268" t="s">
        <v>17694</v>
      </c>
      <c r="E8268" t="s">
        <v>33254</v>
      </c>
      <c r="F8268">
        <v>4</v>
      </c>
      <c r="G8268" t="s">
        <v>14</v>
      </c>
      <c r="H8268" t="s">
        <v>17695</v>
      </c>
      <c r="I8268" t="s">
        <v>30540</v>
      </c>
    </row>
    <row r="8269" spans="1:9">
      <c r="A8269" s="1">
        <v>3.6133866897286149E-2</v>
      </c>
      <c r="B8269" s="1"/>
      <c r="C8269">
        <v>7</v>
      </c>
      <c r="D8269" t="s">
        <v>17692</v>
      </c>
      <c r="E8269" t="s">
        <v>33254</v>
      </c>
      <c r="F8269">
        <v>4</v>
      </c>
      <c r="G8269" t="s">
        <v>13</v>
      </c>
      <c r="H8269" t="s">
        <v>17693</v>
      </c>
      <c r="I8269" t="s">
        <v>30540</v>
      </c>
    </row>
    <row r="8270" spans="1:9">
      <c r="A8270" s="1">
        <v>0.35440029032517872</v>
      </c>
      <c r="B8270" s="1"/>
      <c r="C8270">
        <v>10</v>
      </c>
      <c r="D8270" t="s">
        <v>17696</v>
      </c>
      <c r="E8270" t="s">
        <v>33254</v>
      </c>
      <c r="F8270">
        <v>4</v>
      </c>
      <c r="G8270" t="s">
        <v>1</v>
      </c>
      <c r="H8270" t="s">
        <v>17697</v>
      </c>
      <c r="I8270" t="s">
        <v>30540</v>
      </c>
    </row>
    <row r="8271" spans="1:9">
      <c r="A8271" s="1">
        <v>0.71574071086748614</v>
      </c>
      <c r="B8271" s="1"/>
      <c r="C8271">
        <v>5</v>
      </c>
      <c r="D8271" t="s">
        <v>17682</v>
      </c>
      <c r="E8271" t="s">
        <v>33255</v>
      </c>
      <c r="F8271">
        <v>5</v>
      </c>
      <c r="G8271" t="s">
        <v>762</v>
      </c>
      <c r="H8271" t="s">
        <v>17683</v>
      </c>
      <c r="I8271" t="s">
        <v>30540</v>
      </c>
    </row>
    <row r="8272" spans="1:9">
      <c r="A8272" s="1">
        <v>0.74327107358747724</v>
      </c>
      <c r="B8272" s="1"/>
      <c r="C8272">
        <v>19</v>
      </c>
      <c r="D8272" t="s">
        <v>17686</v>
      </c>
      <c r="E8272" t="s">
        <v>33255</v>
      </c>
      <c r="F8272">
        <v>4</v>
      </c>
      <c r="G8272" t="s">
        <v>14</v>
      </c>
      <c r="H8272" t="s">
        <v>17687</v>
      </c>
      <c r="I8272" t="s">
        <v>30540</v>
      </c>
    </row>
    <row r="8273" spans="1:9">
      <c r="A8273" s="1">
        <v>0.68261398407566676</v>
      </c>
      <c r="B8273" s="1"/>
      <c r="C8273">
        <v>8</v>
      </c>
      <c r="D8273" t="s">
        <v>17672</v>
      </c>
      <c r="E8273" t="s">
        <v>33256</v>
      </c>
      <c r="F8273">
        <v>5</v>
      </c>
      <c r="G8273" t="s">
        <v>14</v>
      </c>
      <c r="H8273" t="s">
        <v>17673</v>
      </c>
      <c r="I8273" t="s">
        <v>30540</v>
      </c>
    </row>
    <row r="8274" spans="1:9">
      <c r="A8274" s="1">
        <v>0.97473059207317758</v>
      </c>
      <c r="B8274" s="1"/>
      <c r="C8274">
        <v>11</v>
      </c>
      <c r="D8274" t="s">
        <v>17674</v>
      </c>
      <c r="E8274" t="s">
        <v>33256</v>
      </c>
      <c r="F8274">
        <v>4</v>
      </c>
      <c r="G8274" t="s">
        <v>14</v>
      </c>
      <c r="H8274" t="s">
        <v>17675</v>
      </c>
      <c r="I8274" t="s">
        <v>30540</v>
      </c>
    </row>
    <row r="8275" spans="1:9">
      <c r="A8275" s="1">
        <v>0.44414057050179045</v>
      </c>
      <c r="B8275" s="1"/>
      <c r="C8275">
        <v>18</v>
      </c>
      <c r="D8275" t="s">
        <v>17680</v>
      </c>
      <c r="E8275" t="s">
        <v>33256</v>
      </c>
      <c r="F8275">
        <v>4</v>
      </c>
      <c r="G8275" t="s">
        <v>14</v>
      </c>
      <c r="H8275" t="s">
        <v>17681</v>
      </c>
      <c r="I8275" t="s">
        <v>30540</v>
      </c>
    </row>
    <row r="8276" spans="1:9">
      <c r="A8276" s="1">
        <v>0.11346838619476252</v>
      </c>
      <c r="B8276" s="1"/>
      <c r="C8276">
        <v>13</v>
      </c>
      <c r="D8276" t="s">
        <v>17676</v>
      </c>
      <c r="E8276" t="s">
        <v>33256</v>
      </c>
      <c r="F8276">
        <v>4</v>
      </c>
      <c r="G8276" t="s">
        <v>13</v>
      </c>
      <c r="H8276" t="s">
        <v>17677</v>
      </c>
      <c r="I8276" t="s">
        <v>30540</v>
      </c>
    </row>
    <row r="8277" spans="1:9">
      <c r="A8277" s="1">
        <v>0.11322657194524111</v>
      </c>
      <c r="B8277" s="1"/>
      <c r="C8277">
        <v>7</v>
      </c>
      <c r="D8277" t="s">
        <v>17670</v>
      </c>
      <c r="E8277" t="s">
        <v>33256</v>
      </c>
      <c r="F8277">
        <v>3</v>
      </c>
      <c r="G8277" t="s">
        <v>9</v>
      </c>
      <c r="H8277" t="s">
        <v>17671</v>
      </c>
      <c r="I8277" t="s">
        <v>30540</v>
      </c>
    </row>
    <row r="8278" spans="1:9">
      <c r="A8278" s="1">
        <v>0.32396495126466807</v>
      </c>
      <c r="B8278" s="1"/>
      <c r="C8278">
        <v>7</v>
      </c>
      <c r="D8278" t="s">
        <v>17660</v>
      </c>
      <c r="E8278" t="s">
        <v>33257</v>
      </c>
      <c r="F8278">
        <v>4</v>
      </c>
      <c r="G8278" t="s">
        <v>10</v>
      </c>
      <c r="H8278" t="s">
        <v>17661</v>
      </c>
      <c r="I8278" t="s">
        <v>30540</v>
      </c>
    </row>
    <row r="8279" spans="1:9">
      <c r="A8279" s="1">
        <v>0.23391932910479085</v>
      </c>
      <c r="B8279" s="1"/>
      <c r="C8279">
        <v>2</v>
      </c>
      <c r="D8279" t="s">
        <v>17656</v>
      </c>
      <c r="E8279" t="s">
        <v>33257</v>
      </c>
      <c r="F8279">
        <v>4</v>
      </c>
      <c r="G8279" t="s">
        <v>9</v>
      </c>
      <c r="H8279" t="s">
        <v>17657</v>
      </c>
      <c r="I8279" t="s">
        <v>30540</v>
      </c>
    </row>
    <row r="8280" spans="1:9">
      <c r="A8280" s="1">
        <v>0.58741333584232913</v>
      </c>
      <c r="B8280" s="1"/>
      <c r="C8280">
        <v>9</v>
      </c>
      <c r="D8280" t="s">
        <v>17662</v>
      </c>
      <c r="E8280" t="s">
        <v>33257</v>
      </c>
      <c r="F8280">
        <v>4</v>
      </c>
      <c r="G8280" t="s">
        <v>10</v>
      </c>
      <c r="H8280" t="s">
        <v>17663</v>
      </c>
      <c r="I8280" t="s">
        <v>30540</v>
      </c>
    </row>
    <row r="8281" spans="1:9">
      <c r="A8281" s="1">
        <v>0.11548914005071775</v>
      </c>
      <c r="B8281" s="1"/>
      <c r="C8281">
        <v>6</v>
      </c>
      <c r="D8281" t="s">
        <v>17658</v>
      </c>
      <c r="E8281" t="s">
        <v>33257</v>
      </c>
      <c r="F8281">
        <v>4</v>
      </c>
      <c r="G8281" t="s">
        <v>10</v>
      </c>
      <c r="H8281" t="s">
        <v>17659</v>
      </c>
      <c r="I8281" t="s">
        <v>30540</v>
      </c>
    </row>
    <row r="8282" spans="1:9">
      <c r="A8282" s="1">
        <v>0.17890173789321306</v>
      </c>
      <c r="B8282" s="1"/>
      <c r="C8282">
        <v>17</v>
      </c>
      <c r="D8282" t="s">
        <v>17666</v>
      </c>
      <c r="E8282" t="s">
        <v>33257</v>
      </c>
      <c r="F8282">
        <v>4</v>
      </c>
      <c r="G8282" t="s">
        <v>10</v>
      </c>
      <c r="H8282" t="s">
        <v>17667</v>
      </c>
      <c r="I8282" t="s">
        <v>30540</v>
      </c>
    </row>
    <row r="8283" spans="1:9">
      <c r="A8283" s="1">
        <v>0.68466478817124232</v>
      </c>
      <c r="B8283" s="1"/>
      <c r="C8283">
        <v>15</v>
      </c>
      <c r="D8283" t="s">
        <v>17664</v>
      </c>
      <c r="E8283" t="s">
        <v>33257</v>
      </c>
      <c r="F8283">
        <v>4</v>
      </c>
      <c r="G8283" t="s">
        <v>9</v>
      </c>
      <c r="H8283" t="s">
        <v>17665</v>
      </c>
      <c r="I8283" t="s">
        <v>30540</v>
      </c>
    </row>
    <row r="8284" spans="1:9">
      <c r="A8284" s="1">
        <v>0.36389106890175305</v>
      </c>
      <c r="B8284" s="1"/>
      <c r="C8284">
        <v>14</v>
      </c>
      <c r="D8284" t="s">
        <v>17650</v>
      </c>
      <c r="E8284" t="s">
        <v>33258</v>
      </c>
      <c r="F8284">
        <v>5</v>
      </c>
      <c r="G8284" t="s">
        <v>1</v>
      </c>
      <c r="H8284" t="s">
        <v>17651</v>
      </c>
      <c r="I8284" t="s">
        <v>30540</v>
      </c>
    </row>
    <row r="8285" spans="1:9">
      <c r="A8285" s="1">
        <v>0.79791358496495557</v>
      </c>
      <c r="B8285" s="1"/>
      <c r="C8285">
        <v>9</v>
      </c>
      <c r="D8285" t="s">
        <v>17648</v>
      </c>
      <c r="E8285" t="s">
        <v>33258</v>
      </c>
      <c r="F8285">
        <v>4</v>
      </c>
      <c r="G8285" t="s">
        <v>14</v>
      </c>
      <c r="H8285" t="s">
        <v>17649</v>
      </c>
      <c r="I8285" t="s">
        <v>30540</v>
      </c>
    </row>
    <row r="8286" spans="1:9">
      <c r="A8286" s="1">
        <v>0.42553166277369148</v>
      </c>
      <c r="B8286" s="1"/>
      <c r="C8286">
        <v>17</v>
      </c>
      <c r="D8286" t="s">
        <v>17652</v>
      </c>
      <c r="E8286" t="s">
        <v>33258</v>
      </c>
      <c r="F8286">
        <v>4</v>
      </c>
      <c r="G8286" t="s">
        <v>14</v>
      </c>
      <c r="H8286" t="s">
        <v>17653</v>
      </c>
      <c r="I8286" t="s">
        <v>30540</v>
      </c>
    </row>
    <row r="8287" spans="1:9">
      <c r="A8287" s="1">
        <v>0.56432840196875611</v>
      </c>
      <c r="B8287" s="1"/>
      <c r="C8287">
        <v>18</v>
      </c>
      <c r="D8287" t="s">
        <v>17654</v>
      </c>
      <c r="E8287" t="s">
        <v>33258</v>
      </c>
      <c r="F8287">
        <v>4</v>
      </c>
      <c r="G8287" t="s">
        <v>2</v>
      </c>
      <c r="H8287" t="s">
        <v>17655</v>
      </c>
      <c r="I8287" t="s">
        <v>30540</v>
      </c>
    </row>
    <row r="8288" spans="1:9">
      <c r="A8288" s="1">
        <v>0.31002965560827977</v>
      </c>
      <c r="B8288" s="1"/>
      <c r="C8288">
        <v>5</v>
      </c>
      <c r="D8288" t="s">
        <v>17640</v>
      </c>
      <c r="E8288" t="s">
        <v>33259</v>
      </c>
      <c r="F8288">
        <v>5</v>
      </c>
      <c r="G8288" t="s">
        <v>14</v>
      </c>
      <c r="H8288" t="s">
        <v>17641</v>
      </c>
      <c r="I8288" t="s">
        <v>30540</v>
      </c>
    </row>
    <row r="8289" spans="1:9">
      <c r="A8289" s="1">
        <v>0.88132367584041482</v>
      </c>
      <c r="B8289" s="1"/>
      <c r="C8289">
        <v>7</v>
      </c>
      <c r="D8289" t="s">
        <v>17642</v>
      </c>
      <c r="E8289" t="s">
        <v>33259</v>
      </c>
      <c r="F8289">
        <v>4</v>
      </c>
      <c r="G8289" t="s">
        <v>15</v>
      </c>
      <c r="H8289" t="s">
        <v>17643</v>
      </c>
      <c r="I8289" t="s">
        <v>30540</v>
      </c>
    </row>
    <row r="8290" spans="1:9">
      <c r="A8290" s="1">
        <v>0.16188578455509173</v>
      </c>
      <c r="B8290" s="1"/>
      <c r="C8290">
        <v>16</v>
      </c>
      <c r="D8290" t="s">
        <v>17646</v>
      </c>
      <c r="E8290" t="s">
        <v>33259</v>
      </c>
      <c r="F8290">
        <v>4</v>
      </c>
      <c r="G8290" t="s">
        <v>0</v>
      </c>
      <c r="H8290" t="s">
        <v>17647</v>
      </c>
      <c r="I8290" t="s">
        <v>30540</v>
      </c>
    </row>
    <row r="8291" spans="1:9">
      <c r="A8291" s="1">
        <v>9.4278821307777982E-2</v>
      </c>
      <c r="B8291" s="1"/>
      <c r="C8291">
        <v>12</v>
      </c>
      <c r="D8291" t="s">
        <v>17644</v>
      </c>
      <c r="E8291" t="s">
        <v>33259</v>
      </c>
      <c r="F8291">
        <v>4</v>
      </c>
      <c r="G8291" t="s">
        <v>0</v>
      </c>
      <c r="H8291" t="s">
        <v>17645</v>
      </c>
      <c r="I8291" t="s">
        <v>30540</v>
      </c>
    </row>
    <row r="8292" spans="1:9">
      <c r="A8292" s="1">
        <v>0.92806524191886253</v>
      </c>
      <c r="B8292" s="1"/>
      <c r="C8292">
        <v>1</v>
      </c>
      <c r="D8292" t="s">
        <v>17638</v>
      </c>
      <c r="E8292" t="s">
        <v>33259</v>
      </c>
      <c r="F8292">
        <v>3</v>
      </c>
      <c r="G8292" t="s">
        <v>10</v>
      </c>
      <c r="H8292" t="s">
        <v>17639</v>
      </c>
      <c r="I8292" t="s">
        <v>30540</v>
      </c>
    </row>
    <row r="8293" spans="1:9">
      <c r="A8293" s="1">
        <v>0.54157659076792775</v>
      </c>
      <c r="B8293" s="1"/>
      <c r="C8293">
        <v>11</v>
      </c>
      <c r="D8293" t="s">
        <v>17634</v>
      </c>
      <c r="E8293" t="s">
        <v>33260</v>
      </c>
      <c r="F8293">
        <v>4</v>
      </c>
      <c r="G8293" t="s">
        <v>1295</v>
      </c>
      <c r="H8293" t="s">
        <v>17635</v>
      </c>
      <c r="I8293" t="s">
        <v>30540</v>
      </c>
    </row>
    <row r="8294" spans="1:9">
      <c r="A8294" s="1">
        <v>0.56540135623813281</v>
      </c>
      <c r="B8294" s="1"/>
      <c r="C8294">
        <v>18</v>
      </c>
      <c r="D8294" t="s">
        <v>17636</v>
      </c>
      <c r="E8294" t="s">
        <v>33260</v>
      </c>
      <c r="F8294">
        <v>3</v>
      </c>
      <c r="G8294" t="s">
        <v>13</v>
      </c>
      <c r="H8294" t="s">
        <v>17637</v>
      </c>
      <c r="I8294" t="s">
        <v>30540</v>
      </c>
    </row>
    <row r="8295" spans="1:9">
      <c r="A8295" s="1">
        <v>0.6364084593977346</v>
      </c>
      <c r="B8295" s="1"/>
      <c r="C8295">
        <v>2</v>
      </c>
      <c r="D8295" t="s">
        <v>17628</v>
      </c>
      <c r="E8295" t="s">
        <v>33261</v>
      </c>
      <c r="F8295">
        <v>5</v>
      </c>
      <c r="G8295" t="s">
        <v>14</v>
      </c>
      <c r="H8295" t="s">
        <v>17629</v>
      </c>
      <c r="I8295" t="s">
        <v>30540</v>
      </c>
    </row>
    <row r="8296" spans="1:9">
      <c r="A8296" s="1">
        <v>0.53455758304161294</v>
      </c>
      <c r="B8296" s="1"/>
      <c r="C8296">
        <v>17</v>
      </c>
      <c r="D8296" t="s">
        <v>17630</v>
      </c>
      <c r="E8296" t="s">
        <v>33261</v>
      </c>
      <c r="F8296">
        <v>4</v>
      </c>
      <c r="G8296" t="s">
        <v>14</v>
      </c>
      <c r="H8296" t="s">
        <v>17631</v>
      </c>
      <c r="I8296" t="s">
        <v>30540</v>
      </c>
    </row>
    <row r="8297" spans="1:9">
      <c r="A8297" s="1">
        <v>0.96240681342268963</v>
      </c>
      <c r="B8297" s="1"/>
      <c r="C8297">
        <v>18</v>
      </c>
      <c r="D8297" t="s">
        <v>17624</v>
      </c>
      <c r="E8297" t="s">
        <v>33262</v>
      </c>
      <c r="F8297">
        <v>5</v>
      </c>
      <c r="G8297" t="s">
        <v>0</v>
      </c>
      <c r="H8297" t="s">
        <v>17625</v>
      </c>
      <c r="I8297" t="s">
        <v>30540</v>
      </c>
    </row>
    <row r="8298" spans="1:9">
      <c r="A8298" s="1">
        <v>0.51646190313148621</v>
      </c>
      <c r="B8298" s="1"/>
      <c r="C8298">
        <v>9</v>
      </c>
      <c r="D8298" t="s">
        <v>17620</v>
      </c>
      <c r="E8298" t="s">
        <v>33262</v>
      </c>
      <c r="F8298">
        <v>4</v>
      </c>
      <c r="G8298" t="s">
        <v>9</v>
      </c>
      <c r="H8298" t="s">
        <v>17621</v>
      </c>
      <c r="I8298" t="s">
        <v>30540</v>
      </c>
    </row>
    <row r="8299" spans="1:9">
      <c r="A8299" s="1">
        <v>0.4541594030919277</v>
      </c>
      <c r="B8299" s="1"/>
      <c r="C8299">
        <v>7</v>
      </c>
      <c r="D8299" t="s">
        <v>17618</v>
      </c>
      <c r="E8299" t="s">
        <v>33262</v>
      </c>
      <c r="F8299">
        <v>4</v>
      </c>
      <c r="G8299" t="s">
        <v>10</v>
      </c>
      <c r="H8299" t="s">
        <v>17619</v>
      </c>
      <c r="I8299" t="s">
        <v>30540</v>
      </c>
    </row>
    <row r="8300" spans="1:9">
      <c r="A8300" s="1">
        <v>8.9646772655642581E-2</v>
      </c>
      <c r="B8300" s="1"/>
      <c r="C8300">
        <v>19</v>
      </c>
      <c r="D8300" t="s">
        <v>17626</v>
      </c>
      <c r="E8300" t="s">
        <v>33262</v>
      </c>
      <c r="F8300">
        <v>4</v>
      </c>
      <c r="G8300" t="s">
        <v>14</v>
      </c>
      <c r="H8300" t="s">
        <v>17627</v>
      </c>
      <c r="I8300" t="s">
        <v>30540</v>
      </c>
    </row>
    <row r="8301" spans="1:9">
      <c r="A8301" s="1">
        <v>0.23813430304910044</v>
      </c>
      <c r="B8301" s="1"/>
      <c r="C8301">
        <v>9</v>
      </c>
      <c r="D8301" t="s">
        <v>17602</v>
      </c>
      <c r="E8301" t="s">
        <v>33263</v>
      </c>
      <c r="F8301">
        <v>5</v>
      </c>
      <c r="G8301" t="s">
        <v>13</v>
      </c>
      <c r="H8301" t="s">
        <v>17603</v>
      </c>
      <c r="I8301" t="s">
        <v>30540</v>
      </c>
    </row>
    <row r="8302" spans="1:9">
      <c r="A8302" s="1">
        <v>0.16135772466924747</v>
      </c>
      <c r="B8302" s="1"/>
      <c r="C8302">
        <v>20</v>
      </c>
      <c r="D8302" t="s">
        <v>17612</v>
      </c>
      <c r="E8302" t="s">
        <v>33263</v>
      </c>
      <c r="F8302">
        <v>4</v>
      </c>
      <c r="G8302" t="s">
        <v>14</v>
      </c>
      <c r="H8302" t="s">
        <v>17613</v>
      </c>
      <c r="I8302" t="s">
        <v>30540</v>
      </c>
    </row>
    <row r="8303" spans="1:9">
      <c r="A8303" s="1">
        <v>0.74441879649164178</v>
      </c>
      <c r="B8303" s="1"/>
      <c r="C8303">
        <v>17</v>
      </c>
      <c r="D8303" t="s">
        <v>17608</v>
      </c>
      <c r="E8303" t="s">
        <v>33263</v>
      </c>
      <c r="F8303">
        <v>4</v>
      </c>
      <c r="G8303" t="s">
        <v>14</v>
      </c>
      <c r="H8303" t="s">
        <v>17609</v>
      </c>
      <c r="I8303" t="s">
        <v>30540</v>
      </c>
    </row>
    <row r="8304" spans="1:9">
      <c r="A8304" s="1">
        <v>8.6207628317570562E-2</v>
      </c>
      <c r="B8304" s="1"/>
      <c r="C8304">
        <v>1</v>
      </c>
      <c r="D8304" t="s">
        <v>17588</v>
      </c>
      <c r="E8304" t="s">
        <v>33264</v>
      </c>
      <c r="F8304">
        <v>5</v>
      </c>
      <c r="G8304" t="s">
        <v>10</v>
      </c>
      <c r="H8304" t="s">
        <v>17589</v>
      </c>
      <c r="I8304" t="s">
        <v>30540</v>
      </c>
    </row>
    <row r="8305" spans="1:9">
      <c r="A8305" s="1">
        <v>0.3664651346167711</v>
      </c>
      <c r="B8305" s="1"/>
      <c r="C8305">
        <v>11</v>
      </c>
      <c r="D8305" t="s">
        <v>17592</v>
      </c>
      <c r="E8305" t="s">
        <v>33264</v>
      </c>
      <c r="F8305">
        <v>5</v>
      </c>
      <c r="G8305" t="s">
        <v>0</v>
      </c>
      <c r="H8305" t="s">
        <v>17593</v>
      </c>
      <c r="I8305" t="s">
        <v>30540</v>
      </c>
    </row>
    <row r="8306" spans="1:9">
      <c r="A8306" s="1">
        <v>0.93279190896503328</v>
      </c>
      <c r="B8306" s="1"/>
      <c r="C8306">
        <v>18</v>
      </c>
      <c r="D8306" t="s">
        <v>17600</v>
      </c>
      <c r="E8306" t="s">
        <v>33264</v>
      </c>
      <c r="F8306">
        <v>5</v>
      </c>
      <c r="G8306" t="s">
        <v>13</v>
      </c>
      <c r="H8306" t="s">
        <v>17601</v>
      </c>
      <c r="I8306" t="s">
        <v>30540</v>
      </c>
    </row>
    <row r="8307" spans="1:9">
      <c r="A8307" s="1">
        <v>0.73301895058564426</v>
      </c>
      <c r="B8307" s="1"/>
      <c r="C8307">
        <v>12</v>
      </c>
      <c r="D8307" t="s">
        <v>17594</v>
      </c>
      <c r="E8307" t="s">
        <v>33264</v>
      </c>
      <c r="F8307">
        <v>4</v>
      </c>
      <c r="G8307" t="s">
        <v>1</v>
      </c>
      <c r="H8307" t="s">
        <v>17595</v>
      </c>
      <c r="I8307" t="s">
        <v>30540</v>
      </c>
    </row>
    <row r="8308" spans="1:9">
      <c r="A8308" s="1">
        <v>0.46539711354069557</v>
      </c>
      <c r="B8308" s="1"/>
      <c r="C8308">
        <v>16</v>
      </c>
      <c r="D8308" t="s">
        <v>17598</v>
      </c>
      <c r="E8308" t="s">
        <v>33264</v>
      </c>
      <c r="F8308">
        <v>4</v>
      </c>
      <c r="G8308" t="s">
        <v>14</v>
      </c>
      <c r="H8308" t="s">
        <v>17599</v>
      </c>
      <c r="I8308" t="s">
        <v>30540</v>
      </c>
    </row>
    <row r="8309" spans="1:9">
      <c r="A8309" s="1">
        <v>0.90030927934543092</v>
      </c>
      <c r="B8309" s="1"/>
      <c r="C8309">
        <v>13</v>
      </c>
      <c r="D8309" t="s">
        <v>17596</v>
      </c>
      <c r="E8309" t="s">
        <v>33264</v>
      </c>
      <c r="F8309">
        <v>3</v>
      </c>
      <c r="G8309" t="s">
        <v>14</v>
      </c>
      <c r="H8309" t="s">
        <v>17597</v>
      </c>
      <c r="I8309" t="s">
        <v>30540</v>
      </c>
    </row>
    <row r="8310" spans="1:9">
      <c r="A8310" s="1">
        <v>0.10862884504545911</v>
      </c>
      <c r="B8310" s="1"/>
      <c r="C8310">
        <v>7</v>
      </c>
      <c r="D8310" t="s">
        <v>17590</v>
      </c>
      <c r="E8310" t="s">
        <v>33264</v>
      </c>
      <c r="F8310">
        <v>3</v>
      </c>
      <c r="G8310" t="s">
        <v>9</v>
      </c>
      <c r="H8310" t="s">
        <v>17591</v>
      </c>
      <c r="I8310" t="s">
        <v>30540</v>
      </c>
    </row>
    <row r="8311" spans="1:9">
      <c r="A8311" s="1">
        <v>0.2303089365329698</v>
      </c>
      <c r="B8311" s="1"/>
      <c r="C8311">
        <v>20</v>
      </c>
      <c r="D8311" t="s">
        <v>17586</v>
      </c>
      <c r="E8311" t="s">
        <v>33265</v>
      </c>
      <c r="F8311">
        <v>4</v>
      </c>
      <c r="G8311" t="s">
        <v>14</v>
      </c>
      <c r="H8311" t="s">
        <v>17587</v>
      </c>
      <c r="I8311" t="s">
        <v>30540</v>
      </c>
    </row>
    <row r="8312" spans="1:9">
      <c r="A8312" s="1">
        <v>0.54684193776666634</v>
      </c>
      <c r="B8312" s="1"/>
      <c r="C8312">
        <v>5</v>
      </c>
      <c r="D8312" t="s">
        <v>17580</v>
      </c>
      <c r="E8312" t="s">
        <v>33265</v>
      </c>
      <c r="F8312">
        <v>4</v>
      </c>
      <c r="G8312" t="s">
        <v>762</v>
      </c>
      <c r="H8312" t="s">
        <v>17581</v>
      </c>
      <c r="I8312" t="s">
        <v>30540</v>
      </c>
    </row>
    <row r="8313" spans="1:9">
      <c r="A8313" s="1">
        <v>0.25216951720806946</v>
      </c>
      <c r="B8313" s="1"/>
      <c r="C8313">
        <v>13</v>
      </c>
      <c r="D8313" t="s">
        <v>17584</v>
      </c>
      <c r="E8313" t="s">
        <v>33265</v>
      </c>
      <c r="F8313">
        <v>4</v>
      </c>
      <c r="G8313" t="s">
        <v>1</v>
      </c>
      <c r="H8313" t="s">
        <v>17585</v>
      </c>
      <c r="I8313" t="s">
        <v>30540</v>
      </c>
    </row>
    <row r="8314" spans="1:9">
      <c r="A8314" s="1">
        <v>0.50940108714035615</v>
      </c>
      <c r="B8314" s="1"/>
      <c r="C8314">
        <v>20</v>
      </c>
      <c r="D8314" t="s">
        <v>17578</v>
      </c>
      <c r="E8314" t="s">
        <v>33266</v>
      </c>
      <c r="F8314">
        <v>4</v>
      </c>
      <c r="G8314" t="s">
        <v>10</v>
      </c>
      <c r="H8314" t="s">
        <v>17579</v>
      </c>
      <c r="I8314" t="s">
        <v>30540</v>
      </c>
    </row>
    <row r="8315" spans="1:9">
      <c r="A8315" s="1">
        <v>0.97292728910104831</v>
      </c>
      <c r="B8315" s="1"/>
      <c r="C8315">
        <v>19</v>
      </c>
      <c r="D8315" t="s">
        <v>17576</v>
      </c>
      <c r="E8315" t="s">
        <v>33266</v>
      </c>
      <c r="F8315">
        <v>4</v>
      </c>
      <c r="G8315" t="s">
        <v>10</v>
      </c>
      <c r="H8315" t="s">
        <v>17577</v>
      </c>
      <c r="I8315" t="s">
        <v>30540</v>
      </c>
    </row>
    <row r="8316" spans="1:9">
      <c r="A8316" s="1">
        <v>0.17992293115417801</v>
      </c>
      <c r="B8316" s="1"/>
      <c r="C8316">
        <v>11</v>
      </c>
      <c r="D8316" t="s">
        <v>17572</v>
      </c>
      <c r="E8316" t="s">
        <v>33266</v>
      </c>
      <c r="F8316">
        <v>4</v>
      </c>
      <c r="G8316" t="s">
        <v>14</v>
      </c>
      <c r="H8316" t="s">
        <v>17573</v>
      </c>
      <c r="I8316" t="s">
        <v>30540</v>
      </c>
    </row>
    <row r="8317" spans="1:9">
      <c r="A8317" s="1">
        <v>0.8724751327902589</v>
      </c>
      <c r="B8317" s="1"/>
      <c r="C8317">
        <v>6</v>
      </c>
      <c r="D8317" t="s">
        <v>17570</v>
      </c>
      <c r="E8317" t="s">
        <v>33266</v>
      </c>
      <c r="F8317">
        <v>4</v>
      </c>
      <c r="G8317" t="s">
        <v>9</v>
      </c>
      <c r="H8317" t="s">
        <v>17571</v>
      </c>
      <c r="I8317" t="s">
        <v>30540</v>
      </c>
    </row>
    <row r="8318" spans="1:9">
      <c r="A8318" s="1">
        <v>0.96038798344472431</v>
      </c>
      <c r="B8318" s="1"/>
      <c r="C8318">
        <v>7</v>
      </c>
      <c r="D8318" t="s">
        <v>17560</v>
      </c>
      <c r="E8318" t="s">
        <v>33267</v>
      </c>
      <c r="F8318">
        <v>5</v>
      </c>
      <c r="G8318" t="s">
        <v>0</v>
      </c>
      <c r="H8318" t="s">
        <v>17561</v>
      </c>
      <c r="I8318" t="s">
        <v>30540</v>
      </c>
    </row>
    <row r="8319" spans="1:9">
      <c r="A8319" s="1">
        <v>0.719193093778416</v>
      </c>
      <c r="B8319" s="1"/>
      <c r="C8319">
        <v>8</v>
      </c>
      <c r="D8319" t="s">
        <v>17562</v>
      </c>
      <c r="E8319" t="s">
        <v>33267</v>
      </c>
      <c r="F8319">
        <v>5</v>
      </c>
      <c r="G8319" t="s">
        <v>14</v>
      </c>
      <c r="H8319" t="s">
        <v>17563</v>
      </c>
      <c r="I8319" t="s">
        <v>30540</v>
      </c>
    </row>
    <row r="8320" spans="1:9">
      <c r="A8320" s="1">
        <v>9.1380598926197321E-2</v>
      </c>
      <c r="B8320" s="1"/>
      <c r="C8320">
        <v>11</v>
      </c>
      <c r="D8320" t="s">
        <v>17564</v>
      </c>
      <c r="E8320" t="s">
        <v>33267</v>
      </c>
      <c r="F8320">
        <v>5</v>
      </c>
      <c r="G8320" t="s">
        <v>14</v>
      </c>
      <c r="H8320" t="s">
        <v>17565</v>
      </c>
      <c r="I8320" t="s">
        <v>30540</v>
      </c>
    </row>
    <row r="8321" spans="1:9">
      <c r="A8321" s="1">
        <v>1.128842921756712E-2</v>
      </c>
      <c r="B8321" s="1"/>
      <c r="C8321">
        <v>19</v>
      </c>
      <c r="D8321" t="s">
        <v>17568</v>
      </c>
      <c r="E8321" t="s">
        <v>33267</v>
      </c>
      <c r="F8321">
        <v>4</v>
      </c>
      <c r="G8321" t="s">
        <v>14</v>
      </c>
      <c r="H8321" t="s">
        <v>17569</v>
      </c>
      <c r="I8321" t="s">
        <v>30540</v>
      </c>
    </row>
    <row r="8322" spans="1:9">
      <c r="A8322" s="1">
        <v>7.3703424864143718E-2</v>
      </c>
      <c r="B8322" s="1"/>
      <c r="C8322">
        <v>15</v>
      </c>
      <c r="D8322" t="s">
        <v>17566</v>
      </c>
      <c r="E8322" t="s">
        <v>33267</v>
      </c>
      <c r="F8322">
        <v>4</v>
      </c>
      <c r="G8322" t="s">
        <v>10</v>
      </c>
      <c r="H8322" t="s">
        <v>17567</v>
      </c>
      <c r="I8322" t="s">
        <v>30540</v>
      </c>
    </row>
    <row r="8323" spans="1:9">
      <c r="A8323" s="1">
        <v>0.36532131673034673</v>
      </c>
      <c r="B8323" s="1"/>
      <c r="C8323">
        <v>3</v>
      </c>
      <c r="D8323" t="s">
        <v>17558</v>
      </c>
      <c r="E8323" t="s">
        <v>33267</v>
      </c>
      <c r="F8323">
        <v>3</v>
      </c>
      <c r="G8323" t="s">
        <v>14</v>
      </c>
      <c r="H8323" t="s">
        <v>17559</v>
      </c>
      <c r="I8323" t="s">
        <v>30540</v>
      </c>
    </row>
    <row r="8324" spans="1:9">
      <c r="A8324" s="1">
        <v>0.64168930302944815</v>
      </c>
      <c r="B8324" s="1"/>
      <c r="C8324">
        <v>10</v>
      </c>
      <c r="D8324" t="s">
        <v>17552</v>
      </c>
      <c r="E8324" t="s">
        <v>33268</v>
      </c>
      <c r="F8324">
        <v>5</v>
      </c>
      <c r="G8324" t="s">
        <v>0</v>
      </c>
      <c r="H8324" t="s">
        <v>17553</v>
      </c>
      <c r="I8324" t="s">
        <v>30540</v>
      </c>
    </row>
    <row r="8325" spans="1:9">
      <c r="A8325" s="1">
        <v>0.12064003582225635</v>
      </c>
      <c r="B8325" s="1"/>
      <c r="C8325">
        <v>19</v>
      </c>
      <c r="D8325" t="s">
        <v>17556</v>
      </c>
      <c r="E8325" t="s">
        <v>33268</v>
      </c>
      <c r="F8325">
        <v>5</v>
      </c>
      <c r="G8325" t="s">
        <v>14</v>
      </c>
      <c r="H8325" t="s">
        <v>17557</v>
      </c>
      <c r="I8325" t="s">
        <v>30540</v>
      </c>
    </row>
    <row r="8326" spans="1:9">
      <c r="A8326" s="1">
        <v>0.27963800587164545</v>
      </c>
      <c r="B8326" s="1"/>
      <c r="C8326">
        <v>11</v>
      </c>
      <c r="D8326" t="s">
        <v>17554</v>
      </c>
      <c r="E8326" t="s">
        <v>33268</v>
      </c>
      <c r="F8326">
        <v>5</v>
      </c>
      <c r="G8326" t="s">
        <v>14</v>
      </c>
      <c r="H8326" t="s">
        <v>17555</v>
      </c>
      <c r="I8326" t="s">
        <v>30540</v>
      </c>
    </row>
    <row r="8327" spans="1:9">
      <c r="A8327" s="1">
        <v>8.5466783810679292E-2</v>
      </c>
      <c r="B8327" s="1"/>
      <c r="C8327">
        <v>1</v>
      </c>
      <c r="D8327" t="s">
        <v>17538</v>
      </c>
      <c r="E8327" t="s">
        <v>33269</v>
      </c>
      <c r="F8327">
        <v>4</v>
      </c>
      <c r="G8327" t="s">
        <v>2</v>
      </c>
      <c r="H8327" t="s">
        <v>17539</v>
      </c>
      <c r="I8327" t="s">
        <v>30540</v>
      </c>
    </row>
    <row r="8328" spans="1:9">
      <c r="A8328" s="1">
        <v>0.47223609089701868</v>
      </c>
      <c r="B8328" s="1"/>
      <c r="C8328">
        <v>7</v>
      </c>
      <c r="D8328" t="s">
        <v>17544</v>
      </c>
      <c r="E8328" t="s">
        <v>33269</v>
      </c>
      <c r="F8328">
        <v>4</v>
      </c>
      <c r="G8328" t="s">
        <v>1</v>
      </c>
      <c r="H8328" t="s">
        <v>17545</v>
      </c>
      <c r="I8328" t="s">
        <v>30540</v>
      </c>
    </row>
    <row r="8329" spans="1:9">
      <c r="A8329" s="1">
        <v>0.89241260105387876</v>
      </c>
      <c r="B8329" s="1"/>
      <c r="C8329">
        <v>3</v>
      </c>
      <c r="D8329" t="s">
        <v>17540</v>
      </c>
      <c r="E8329" t="s">
        <v>33269</v>
      </c>
      <c r="F8329">
        <v>4</v>
      </c>
      <c r="G8329" t="s">
        <v>14</v>
      </c>
      <c r="H8329" t="s">
        <v>17541</v>
      </c>
      <c r="I8329" t="s">
        <v>30540</v>
      </c>
    </row>
    <row r="8330" spans="1:9">
      <c r="A8330" s="1">
        <v>0.18160688401331104</v>
      </c>
      <c r="B8330" s="1"/>
      <c r="C8330">
        <v>17</v>
      </c>
      <c r="D8330" t="s">
        <v>17550</v>
      </c>
      <c r="E8330" t="s">
        <v>33269</v>
      </c>
      <c r="F8330">
        <v>4</v>
      </c>
      <c r="G8330" t="s">
        <v>1</v>
      </c>
      <c r="H8330" t="s">
        <v>17551</v>
      </c>
      <c r="I8330" t="s">
        <v>30540</v>
      </c>
    </row>
    <row r="8331" spans="1:9">
      <c r="A8331" s="1">
        <v>4.8391069731623659E-2</v>
      </c>
      <c r="B8331" s="1"/>
      <c r="C8331">
        <v>18</v>
      </c>
      <c r="D8331" t="s">
        <v>17536</v>
      </c>
      <c r="E8331" t="s">
        <v>33270</v>
      </c>
      <c r="F8331">
        <v>5</v>
      </c>
      <c r="G8331" t="s">
        <v>14</v>
      </c>
      <c r="H8331" t="s">
        <v>17537</v>
      </c>
      <c r="I8331" t="s">
        <v>30540</v>
      </c>
    </row>
    <row r="8332" spans="1:9">
      <c r="A8332" s="1">
        <v>0.12639906280897695</v>
      </c>
      <c r="B8332" s="1"/>
      <c r="C8332">
        <v>16</v>
      </c>
      <c r="D8332" t="s">
        <v>17534</v>
      </c>
      <c r="E8332" t="s">
        <v>33270</v>
      </c>
      <c r="F8332">
        <v>4</v>
      </c>
      <c r="G8332" t="s">
        <v>14</v>
      </c>
      <c r="H8332" t="s">
        <v>17535</v>
      </c>
      <c r="I8332" t="s">
        <v>30540</v>
      </c>
    </row>
    <row r="8333" spans="1:9">
      <c r="A8333" s="1">
        <v>0.86834181296319179</v>
      </c>
      <c r="B8333" s="1"/>
      <c r="C8333">
        <v>14</v>
      </c>
      <c r="D8333" t="s">
        <v>17532</v>
      </c>
      <c r="E8333" t="s">
        <v>33270</v>
      </c>
      <c r="F8333">
        <v>4</v>
      </c>
      <c r="G8333" t="s">
        <v>2</v>
      </c>
      <c r="H8333" t="s">
        <v>17533</v>
      </c>
      <c r="I8333" t="s">
        <v>30540</v>
      </c>
    </row>
    <row r="8334" spans="1:9">
      <c r="A8334" s="1">
        <v>0.56262633320480393</v>
      </c>
      <c r="B8334" s="1"/>
      <c r="C8334">
        <v>2</v>
      </c>
      <c r="D8334" t="s">
        <v>17526</v>
      </c>
      <c r="E8334" t="s">
        <v>33270</v>
      </c>
      <c r="F8334">
        <v>4</v>
      </c>
      <c r="G8334" t="s">
        <v>14</v>
      </c>
      <c r="H8334" t="s">
        <v>17527</v>
      </c>
      <c r="I8334" t="s">
        <v>30540</v>
      </c>
    </row>
    <row r="8335" spans="1:9">
      <c r="A8335" s="1">
        <v>0.92525827755055223</v>
      </c>
      <c r="B8335" s="1"/>
      <c r="C8335">
        <v>11</v>
      </c>
      <c r="D8335" t="s">
        <v>17530</v>
      </c>
      <c r="E8335" t="s">
        <v>33270</v>
      </c>
      <c r="F8335">
        <v>3</v>
      </c>
      <c r="G8335" t="s">
        <v>13</v>
      </c>
      <c r="H8335" t="s">
        <v>17531</v>
      </c>
      <c r="I8335" t="s">
        <v>30540</v>
      </c>
    </row>
    <row r="8336" spans="1:9">
      <c r="A8336" s="1">
        <v>0.49973696364148357</v>
      </c>
      <c r="B8336" s="1"/>
      <c r="C8336">
        <v>13</v>
      </c>
      <c r="D8336" t="s">
        <v>17522</v>
      </c>
      <c r="E8336" t="s">
        <v>33271</v>
      </c>
      <c r="F8336">
        <v>5</v>
      </c>
      <c r="G8336" t="s">
        <v>14</v>
      </c>
      <c r="H8336" t="s">
        <v>17523</v>
      </c>
      <c r="I8336" t="s">
        <v>30540</v>
      </c>
    </row>
    <row r="8337" spans="1:9">
      <c r="A8337" s="1">
        <v>0.92499344471899048</v>
      </c>
      <c r="B8337" s="1"/>
      <c r="C8337">
        <v>3</v>
      </c>
      <c r="D8337" t="s">
        <v>17518</v>
      </c>
      <c r="E8337" t="s">
        <v>33271</v>
      </c>
      <c r="F8337">
        <v>5</v>
      </c>
      <c r="G8337" t="s">
        <v>10</v>
      </c>
      <c r="H8337" t="s">
        <v>17519</v>
      </c>
      <c r="I8337" t="s">
        <v>30540</v>
      </c>
    </row>
    <row r="8338" spans="1:9">
      <c r="A8338" s="1">
        <v>0.8409877186415653</v>
      </c>
      <c r="B8338" s="1"/>
      <c r="C8338">
        <v>14</v>
      </c>
      <c r="D8338" t="s">
        <v>17524</v>
      </c>
      <c r="E8338" t="s">
        <v>33271</v>
      </c>
      <c r="F8338">
        <v>4</v>
      </c>
      <c r="G8338" t="s">
        <v>14</v>
      </c>
      <c r="H8338" t="s">
        <v>17525</v>
      </c>
      <c r="I8338" t="s">
        <v>30540</v>
      </c>
    </row>
    <row r="8339" spans="1:9">
      <c r="A8339" s="1">
        <v>0.2311023495672222</v>
      </c>
      <c r="B8339" s="1"/>
      <c r="C8339">
        <v>2</v>
      </c>
      <c r="D8339" t="s">
        <v>17516</v>
      </c>
      <c r="E8339" t="s">
        <v>33271</v>
      </c>
      <c r="F8339">
        <v>4</v>
      </c>
      <c r="G8339" t="s">
        <v>13</v>
      </c>
      <c r="H8339" t="s">
        <v>17517</v>
      </c>
      <c r="I8339" t="s">
        <v>30540</v>
      </c>
    </row>
    <row r="8340" spans="1:9">
      <c r="A8340" s="1">
        <v>0.6768573834363002</v>
      </c>
      <c r="B8340" s="1"/>
      <c r="C8340">
        <v>9</v>
      </c>
      <c r="D8340" t="s">
        <v>17508</v>
      </c>
      <c r="E8340" t="s">
        <v>33272</v>
      </c>
      <c r="F8340">
        <v>4</v>
      </c>
      <c r="G8340" t="s">
        <v>14</v>
      </c>
      <c r="H8340" t="s">
        <v>17509</v>
      </c>
      <c r="I8340" t="s">
        <v>30540</v>
      </c>
    </row>
    <row r="8341" spans="1:9">
      <c r="A8341" s="1">
        <v>0.35472836999549262</v>
      </c>
      <c r="B8341" s="1"/>
      <c r="C8341">
        <v>18</v>
      </c>
      <c r="D8341" t="s">
        <v>17514</v>
      </c>
      <c r="E8341" t="s">
        <v>33272</v>
      </c>
      <c r="F8341">
        <v>4</v>
      </c>
      <c r="G8341" t="s">
        <v>14</v>
      </c>
      <c r="H8341" t="s">
        <v>17515</v>
      </c>
      <c r="I8341" t="s">
        <v>30540</v>
      </c>
    </row>
    <row r="8342" spans="1:9">
      <c r="A8342" s="1">
        <v>0.18621662435125064</v>
      </c>
      <c r="B8342" s="1"/>
      <c r="C8342">
        <v>16</v>
      </c>
      <c r="D8342" t="s">
        <v>17512</v>
      </c>
      <c r="E8342" t="s">
        <v>33272</v>
      </c>
      <c r="F8342">
        <v>4</v>
      </c>
      <c r="G8342" t="s">
        <v>10</v>
      </c>
      <c r="H8342" t="s">
        <v>17513</v>
      </c>
      <c r="I8342" t="s">
        <v>30540</v>
      </c>
    </row>
    <row r="8343" spans="1:9">
      <c r="A8343" s="1">
        <v>0.39499925026338267</v>
      </c>
      <c r="B8343" s="1"/>
      <c r="C8343">
        <v>7</v>
      </c>
      <c r="D8343" t="s">
        <v>17506</v>
      </c>
      <c r="E8343" t="s">
        <v>33272</v>
      </c>
      <c r="F8343">
        <v>4</v>
      </c>
      <c r="G8343" t="s">
        <v>14</v>
      </c>
      <c r="H8343" t="s">
        <v>17507</v>
      </c>
      <c r="I8343" t="s">
        <v>30540</v>
      </c>
    </row>
    <row r="8344" spans="1:9">
      <c r="A8344" s="1">
        <v>0.5752353393304942</v>
      </c>
      <c r="B8344" s="1"/>
      <c r="C8344">
        <v>12</v>
      </c>
      <c r="D8344" t="s">
        <v>17510</v>
      </c>
      <c r="E8344" t="s">
        <v>33272</v>
      </c>
      <c r="F8344">
        <v>4</v>
      </c>
      <c r="G8344" t="s">
        <v>1</v>
      </c>
      <c r="H8344" t="s">
        <v>17511</v>
      </c>
      <c r="I8344" t="s">
        <v>30540</v>
      </c>
    </row>
    <row r="8345" spans="1:9">
      <c r="A8345" s="1">
        <v>0.10537959283528908</v>
      </c>
      <c r="B8345" s="1"/>
      <c r="C8345">
        <v>18</v>
      </c>
      <c r="D8345" t="s">
        <v>17502</v>
      </c>
      <c r="E8345" t="s">
        <v>33273</v>
      </c>
      <c r="F8345">
        <v>5</v>
      </c>
      <c r="G8345" t="s">
        <v>9</v>
      </c>
      <c r="H8345" t="s">
        <v>17503</v>
      </c>
      <c r="I8345" t="s">
        <v>30540</v>
      </c>
    </row>
    <row r="8346" spans="1:9">
      <c r="A8346" s="1">
        <v>0.38716357229464027</v>
      </c>
      <c r="B8346" s="1"/>
      <c r="C8346">
        <v>10</v>
      </c>
      <c r="D8346" t="s">
        <v>17498</v>
      </c>
      <c r="E8346" t="s">
        <v>33273</v>
      </c>
      <c r="F8346">
        <v>4</v>
      </c>
      <c r="G8346" t="s">
        <v>14</v>
      </c>
      <c r="H8346" t="s">
        <v>17499</v>
      </c>
      <c r="I8346" t="s">
        <v>30540</v>
      </c>
    </row>
    <row r="8347" spans="1:9">
      <c r="A8347" s="1">
        <v>0.65837519416710477</v>
      </c>
      <c r="B8347" s="1"/>
      <c r="C8347">
        <v>12</v>
      </c>
      <c r="D8347" t="s">
        <v>17500</v>
      </c>
      <c r="E8347" t="s">
        <v>33273</v>
      </c>
      <c r="F8347">
        <v>4</v>
      </c>
      <c r="G8347" t="s">
        <v>14</v>
      </c>
      <c r="H8347" t="s">
        <v>17501</v>
      </c>
      <c r="I8347" t="s">
        <v>30540</v>
      </c>
    </row>
    <row r="8348" spans="1:9">
      <c r="A8348" s="1">
        <v>0.67196028314864176</v>
      </c>
      <c r="B8348" s="1"/>
      <c r="C8348">
        <v>19</v>
      </c>
      <c r="D8348" t="s">
        <v>17504</v>
      </c>
      <c r="E8348" t="s">
        <v>33273</v>
      </c>
      <c r="F8348">
        <v>4</v>
      </c>
      <c r="G8348" t="s">
        <v>14</v>
      </c>
      <c r="H8348" t="s">
        <v>17505</v>
      </c>
      <c r="I8348" t="s">
        <v>30540</v>
      </c>
    </row>
    <row r="8349" spans="1:9">
      <c r="A8349" s="1">
        <v>0.22305238386916837</v>
      </c>
      <c r="B8349" s="1"/>
      <c r="C8349">
        <v>16</v>
      </c>
      <c r="D8349" t="s">
        <v>17494</v>
      </c>
      <c r="E8349" t="s">
        <v>33274</v>
      </c>
      <c r="F8349">
        <v>5</v>
      </c>
      <c r="G8349" t="s">
        <v>14</v>
      </c>
      <c r="H8349" t="s">
        <v>17495</v>
      </c>
      <c r="I8349" t="s">
        <v>30540</v>
      </c>
    </row>
    <row r="8350" spans="1:9">
      <c r="A8350" s="1">
        <v>0.1439898737199834</v>
      </c>
      <c r="B8350" s="1"/>
      <c r="C8350">
        <v>12</v>
      </c>
      <c r="D8350" t="s">
        <v>17492</v>
      </c>
      <c r="E8350" t="s">
        <v>33274</v>
      </c>
      <c r="F8350">
        <v>5</v>
      </c>
      <c r="G8350" t="s">
        <v>14</v>
      </c>
      <c r="H8350" t="s">
        <v>17493</v>
      </c>
      <c r="I8350" t="s">
        <v>30540</v>
      </c>
    </row>
    <row r="8351" spans="1:9">
      <c r="A8351" s="1">
        <v>0.60765199284791271</v>
      </c>
      <c r="B8351" s="1"/>
      <c r="C8351">
        <v>4</v>
      </c>
      <c r="D8351" t="s">
        <v>17486</v>
      </c>
      <c r="E8351" t="s">
        <v>33274</v>
      </c>
      <c r="F8351">
        <v>5</v>
      </c>
      <c r="G8351" t="s">
        <v>2</v>
      </c>
      <c r="H8351" t="s">
        <v>17487</v>
      </c>
      <c r="I8351" t="s">
        <v>30540</v>
      </c>
    </row>
    <row r="8352" spans="1:9">
      <c r="A8352" s="1">
        <v>0.42273580872724204</v>
      </c>
      <c r="B8352" s="1"/>
      <c r="C8352">
        <v>10</v>
      </c>
      <c r="D8352" t="s">
        <v>17490</v>
      </c>
      <c r="E8352" t="s">
        <v>33274</v>
      </c>
      <c r="F8352">
        <v>4</v>
      </c>
      <c r="G8352" t="s">
        <v>14</v>
      </c>
      <c r="H8352" t="s">
        <v>17491</v>
      </c>
      <c r="I8352" t="s">
        <v>30540</v>
      </c>
    </row>
    <row r="8353" spans="1:9">
      <c r="A8353" s="1">
        <v>0.70695055053043121</v>
      </c>
      <c r="B8353" s="1"/>
      <c r="C8353">
        <v>6</v>
      </c>
      <c r="D8353" t="s">
        <v>17488</v>
      </c>
      <c r="E8353" t="s">
        <v>33274</v>
      </c>
      <c r="F8353">
        <v>4</v>
      </c>
      <c r="G8353" t="s">
        <v>14</v>
      </c>
      <c r="H8353" t="s">
        <v>17489</v>
      </c>
      <c r="I8353" t="s">
        <v>30540</v>
      </c>
    </row>
    <row r="8354" spans="1:9">
      <c r="A8354" s="1">
        <v>0.60409935504791967</v>
      </c>
      <c r="B8354" s="1"/>
      <c r="C8354">
        <v>17</v>
      </c>
      <c r="D8354" t="s">
        <v>17496</v>
      </c>
      <c r="E8354" t="s">
        <v>33274</v>
      </c>
      <c r="F8354">
        <v>4</v>
      </c>
      <c r="G8354" t="s">
        <v>9</v>
      </c>
      <c r="H8354" t="s">
        <v>17497</v>
      </c>
      <c r="I8354" t="s">
        <v>30540</v>
      </c>
    </row>
    <row r="8355" spans="1:9">
      <c r="A8355" s="1">
        <v>0.10683978383982551</v>
      </c>
      <c r="B8355" s="1"/>
      <c r="C8355">
        <v>1</v>
      </c>
      <c r="D8355" t="s">
        <v>17484</v>
      </c>
      <c r="E8355" t="s">
        <v>33274</v>
      </c>
      <c r="F8355">
        <v>3</v>
      </c>
      <c r="G8355" t="s">
        <v>10</v>
      </c>
      <c r="H8355" t="s">
        <v>17485</v>
      </c>
      <c r="I8355" t="s">
        <v>30540</v>
      </c>
    </row>
    <row r="8356" spans="1:9">
      <c r="A8356" s="1">
        <v>0.2609415296451163</v>
      </c>
      <c r="B8356" s="1"/>
      <c r="C8356">
        <v>3</v>
      </c>
      <c r="D8356" t="s">
        <v>17474</v>
      </c>
      <c r="E8356" t="s">
        <v>33275</v>
      </c>
      <c r="F8356">
        <v>4</v>
      </c>
      <c r="G8356" t="s">
        <v>17422</v>
      </c>
      <c r="H8356" t="s">
        <v>17475</v>
      </c>
      <c r="I8356" t="s">
        <v>30540</v>
      </c>
    </row>
    <row r="8357" spans="1:9">
      <c r="A8357" s="1">
        <v>0.54725266639675785</v>
      </c>
      <c r="B8357" s="1"/>
      <c r="C8357">
        <v>17</v>
      </c>
      <c r="D8357" t="s">
        <v>17480</v>
      </c>
      <c r="E8357" t="s">
        <v>33275</v>
      </c>
      <c r="F8357">
        <v>4</v>
      </c>
      <c r="G8357" t="s">
        <v>14</v>
      </c>
      <c r="H8357" t="s">
        <v>17481</v>
      </c>
      <c r="I8357" t="s">
        <v>30540</v>
      </c>
    </row>
    <row r="8358" spans="1:9">
      <c r="A8358" s="1">
        <v>0.79424269759667843</v>
      </c>
      <c r="B8358" s="1"/>
      <c r="C8358">
        <v>18</v>
      </c>
      <c r="D8358" t="s">
        <v>17482</v>
      </c>
      <c r="E8358" t="s">
        <v>33275</v>
      </c>
      <c r="F8358">
        <v>4</v>
      </c>
      <c r="G8358" t="s">
        <v>17429</v>
      </c>
      <c r="H8358" t="s">
        <v>17483</v>
      </c>
      <c r="I8358" t="s">
        <v>30540</v>
      </c>
    </row>
    <row r="8359" spans="1:9">
      <c r="A8359" s="1">
        <v>0.7658700901075508</v>
      </c>
      <c r="B8359" s="1"/>
      <c r="C8359">
        <v>6</v>
      </c>
      <c r="D8359" t="s">
        <v>17476</v>
      </c>
      <c r="E8359" t="s">
        <v>33275</v>
      </c>
      <c r="F8359">
        <v>4</v>
      </c>
      <c r="G8359" t="s">
        <v>9</v>
      </c>
      <c r="H8359" t="s">
        <v>17477</v>
      </c>
      <c r="I8359" t="s">
        <v>30540</v>
      </c>
    </row>
    <row r="8360" spans="1:9">
      <c r="A8360" s="1">
        <v>0.39743278544506955</v>
      </c>
      <c r="B8360" s="1"/>
      <c r="C8360">
        <v>14</v>
      </c>
      <c r="D8360" t="s">
        <v>17472</v>
      </c>
      <c r="E8360" t="s">
        <v>33276</v>
      </c>
      <c r="F8360">
        <v>4</v>
      </c>
      <c r="G8360" t="s">
        <v>1</v>
      </c>
      <c r="H8360" t="s">
        <v>17473</v>
      </c>
      <c r="I8360" t="s">
        <v>30540</v>
      </c>
    </row>
    <row r="8361" spans="1:9">
      <c r="A8361" s="1">
        <v>0.47209499578517045</v>
      </c>
      <c r="B8361" s="1"/>
      <c r="C8361">
        <v>10</v>
      </c>
      <c r="D8361" t="s">
        <v>17470</v>
      </c>
      <c r="E8361" t="s">
        <v>33276</v>
      </c>
      <c r="F8361">
        <v>4</v>
      </c>
      <c r="G8361" t="s">
        <v>14</v>
      </c>
      <c r="H8361" t="s">
        <v>17471</v>
      </c>
      <c r="I8361" t="s">
        <v>30540</v>
      </c>
    </row>
    <row r="8362" spans="1:9">
      <c r="A8362" s="1">
        <v>0.7845191406790426</v>
      </c>
      <c r="B8362" s="1"/>
      <c r="C8362">
        <v>14</v>
      </c>
      <c r="D8362" t="s">
        <v>17462</v>
      </c>
      <c r="E8362" t="s">
        <v>33277</v>
      </c>
      <c r="F8362">
        <v>5</v>
      </c>
      <c r="G8362" t="s">
        <v>14</v>
      </c>
      <c r="H8362" t="s">
        <v>17463</v>
      </c>
      <c r="I8362" t="s">
        <v>30540</v>
      </c>
    </row>
    <row r="8363" spans="1:9">
      <c r="A8363" s="1">
        <v>7.7292226125226016E-2</v>
      </c>
      <c r="B8363" s="1"/>
      <c r="C8363">
        <v>2</v>
      </c>
      <c r="D8363" t="s">
        <v>17448</v>
      </c>
      <c r="E8363" t="s">
        <v>33277</v>
      </c>
      <c r="F8363">
        <v>5</v>
      </c>
      <c r="G8363" t="s">
        <v>1</v>
      </c>
      <c r="H8363" t="s">
        <v>17449</v>
      </c>
      <c r="I8363" t="s">
        <v>30540</v>
      </c>
    </row>
    <row r="8364" spans="1:9">
      <c r="A8364" s="1">
        <v>4.7548898935030004E-2</v>
      </c>
      <c r="B8364" s="1"/>
      <c r="C8364">
        <v>5</v>
      </c>
      <c r="D8364" t="s">
        <v>17454</v>
      </c>
      <c r="E8364" t="s">
        <v>33277</v>
      </c>
      <c r="F8364">
        <v>4</v>
      </c>
      <c r="G8364" t="s">
        <v>9</v>
      </c>
      <c r="H8364" t="s">
        <v>17455</v>
      </c>
      <c r="I8364" t="s">
        <v>30540</v>
      </c>
    </row>
    <row r="8365" spans="1:9">
      <c r="A8365" s="1">
        <v>0.84580554862626878</v>
      </c>
      <c r="B8365" s="1"/>
      <c r="C8365">
        <v>9</v>
      </c>
      <c r="D8365" t="s">
        <v>17458</v>
      </c>
      <c r="E8365" t="s">
        <v>33277</v>
      </c>
      <c r="F8365">
        <v>4</v>
      </c>
      <c r="G8365" t="s">
        <v>15</v>
      </c>
      <c r="H8365" t="s">
        <v>17459</v>
      </c>
      <c r="I8365" t="s">
        <v>30540</v>
      </c>
    </row>
    <row r="8366" spans="1:9">
      <c r="A8366" s="1">
        <v>0.40964704700880539</v>
      </c>
      <c r="B8366" s="1"/>
      <c r="C8366">
        <v>20</v>
      </c>
      <c r="D8366" t="s">
        <v>17464</v>
      </c>
      <c r="E8366" t="s">
        <v>33277</v>
      </c>
      <c r="F8366">
        <v>4</v>
      </c>
      <c r="G8366" t="s">
        <v>10</v>
      </c>
      <c r="H8366" t="s">
        <v>17465</v>
      </c>
      <c r="I8366" t="s">
        <v>30540</v>
      </c>
    </row>
    <row r="8367" spans="1:9">
      <c r="A8367" s="1">
        <v>0.16481654125498546</v>
      </c>
      <c r="B8367" s="1"/>
      <c r="C8367">
        <v>8</v>
      </c>
      <c r="D8367" t="s">
        <v>17456</v>
      </c>
      <c r="E8367" t="s">
        <v>33277</v>
      </c>
      <c r="F8367">
        <v>4</v>
      </c>
      <c r="G8367" t="s">
        <v>13</v>
      </c>
      <c r="H8367" t="s">
        <v>17457</v>
      </c>
      <c r="I8367" t="s">
        <v>30540</v>
      </c>
    </row>
    <row r="8368" spans="1:9">
      <c r="A8368" s="1">
        <v>0.11635981172773624</v>
      </c>
      <c r="B8368" s="1"/>
      <c r="C8368">
        <v>11</v>
      </c>
      <c r="D8368" t="s">
        <v>17460</v>
      </c>
      <c r="E8368" t="s">
        <v>33277</v>
      </c>
      <c r="F8368">
        <v>4</v>
      </c>
      <c r="G8368" t="s">
        <v>14</v>
      </c>
      <c r="H8368" t="s">
        <v>17461</v>
      </c>
      <c r="I8368" t="s">
        <v>30540</v>
      </c>
    </row>
    <row r="8369" spans="1:9">
      <c r="A8369" s="1">
        <v>0.21212079754316671</v>
      </c>
      <c r="B8369" s="1"/>
      <c r="C8369">
        <v>3</v>
      </c>
      <c r="D8369" t="s">
        <v>17450</v>
      </c>
      <c r="E8369" t="s">
        <v>33277</v>
      </c>
      <c r="F8369">
        <v>4</v>
      </c>
      <c r="G8369" t="s">
        <v>13</v>
      </c>
      <c r="H8369" t="s">
        <v>17451</v>
      </c>
      <c r="I8369" t="s">
        <v>30540</v>
      </c>
    </row>
    <row r="8370" spans="1:9">
      <c r="A8370" s="1">
        <v>0.98189345848072918</v>
      </c>
      <c r="B8370" s="1"/>
      <c r="C8370">
        <v>19</v>
      </c>
      <c r="D8370" t="s">
        <v>17446</v>
      </c>
      <c r="E8370" t="s">
        <v>33278</v>
      </c>
      <c r="F8370">
        <v>4</v>
      </c>
      <c r="G8370" t="s">
        <v>14</v>
      </c>
      <c r="H8370" t="s">
        <v>17447</v>
      </c>
      <c r="I8370" t="s">
        <v>30540</v>
      </c>
    </row>
    <row r="8371" spans="1:9">
      <c r="A8371" s="1">
        <v>9.1670455689983332E-2</v>
      </c>
      <c r="B8371" s="1"/>
      <c r="C8371">
        <v>1</v>
      </c>
      <c r="D8371" t="s">
        <v>17442</v>
      </c>
      <c r="E8371" t="s">
        <v>33278</v>
      </c>
      <c r="F8371">
        <v>4</v>
      </c>
      <c r="G8371" t="s">
        <v>9</v>
      </c>
      <c r="H8371" t="s">
        <v>17443</v>
      </c>
      <c r="I8371" t="s">
        <v>30540</v>
      </c>
    </row>
    <row r="8372" spans="1:9">
      <c r="A8372" s="1">
        <v>0.24289247487558419</v>
      </c>
      <c r="B8372" s="1"/>
      <c r="C8372">
        <v>14</v>
      </c>
      <c r="D8372" t="s">
        <v>17444</v>
      </c>
      <c r="E8372" t="s">
        <v>33278</v>
      </c>
      <c r="F8372">
        <v>4</v>
      </c>
      <c r="G8372" t="s">
        <v>14</v>
      </c>
      <c r="H8372" t="s">
        <v>17445</v>
      </c>
      <c r="I8372" t="s">
        <v>30540</v>
      </c>
    </row>
    <row r="8373" spans="1:9">
      <c r="A8373" s="1">
        <v>0.81667751186672799</v>
      </c>
      <c r="B8373" s="1"/>
      <c r="C8373">
        <v>13</v>
      </c>
      <c r="D8373" t="s">
        <v>17438</v>
      </c>
      <c r="E8373" t="s">
        <v>33279</v>
      </c>
      <c r="F8373">
        <v>4</v>
      </c>
      <c r="G8373" t="s">
        <v>15</v>
      </c>
      <c r="H8373" t="s">
        <v>17439</v>
      </c>
      <c r="I8373" t="s">
        <v>30540</v>
      </c>
    </row>
    <row r="8374" spans="1:9">
      <c r="A8374" s="1">
        <v>0.60186745065474312</v>
      </c>
      <c r="B8374" s="1"/>
      <c r="C8374">
        <v>12</v>
      </c>
      <c r="D8374" t="s">
        <v>17436</v>
      </c>
      <c r="E8374" t="s">
        <v>33279</v>
      </c>
      <c r="F8374">
        <v>4</v>
      </c>
      <c r="G8374" t="s">
        <v>15</v>
      </c>
      <c r="H8374" t="s">
        <v>17437</v>
      </c>
      <c r="I8374" t="s">
        <v>30540</v>
      </c>
    </row>
    <row r="8375" spans="1:9">
      <c r="A8375" s="1">
        <v>0.84350700306480497</v>
      </c>
      <c r="B8375" s="1"/>
      <c r="C8375">
        <v>3</v>
      </c>
      <c r="D8375" t="s">
        <v>17432</v>
      </c>
      <c r="E8375" t="s">
        <v>33279</v>
      </c>
      <c r="F8375">
        <v>4</v>
      </c>
      <c r="G8375" t="s">
        <v>13</v>
      </c>
      <c r="H8375" t="s">
        <v>17433</v>
      </c>
      <c r="I8375" t="s">
        <v>30540</v>
      </c>
    </row>
    <row r="8376" spans="1:9">
      <c r="A8376" s="1">
        <v>0.42904239716981141</v>
      </c>
      <c r="B8376" s="1"/>
      <c r="C8376">
        <v>16</v>
      </c>
      <c r="D8376" t="s">
        <v>17427</v>
      </c>
      <c r="E8376" t="s">
        <v>33280</v>
      </c>
      <c r="F8376">
        <v>4</v>
      </c>
      <c r="G8376" t="s">
        <v>17124</v>
      </c>
      <c r="H8376" t="s">
        <v>17428</v>
      </c>
      <c r="I8376" t="s">
        <v>30540</v>
      </c>
    </row>
    <row r="8377" spans="1:9">
      <c r="A8377" s="1">
        <v>0.34732764108735703</v>
      </c>
      <c r="B8377" s="1"/>
      <c r="C8377">
        <v>20</v>
      </c>
      <c r="D8377" t="s">
        <v>17430</v>
      </c>
      <c r="E8377" t="s">
        <v>33280</v>
      </c>
      <c r="F8377">
        <v>4</v>
      </c>
      <c r="G8377" t="s">
        <v>14</v>
      </c>
      <c r="H8377" t="s">
        <v>17431</v>
      </c>
      <c r="I8377" t="s">
        <v>30540</v>
      </c>
    </row>
    <row r="8378" spans="1:9">
      <c r="A8378" s="1">
        <v>0.71451244577296968</v>
      </c>
      <c r="B8378" s="1"/>
      <c r="C8378">
        <v>14</v>
      </c>
      <c r="D8378" t="s">
        <v>17425</v>
      </c>
      <c r="E8378" t="s">
        <v>33280</v>
      </c>
      <c r="F8378">
        <v>4</v>
      </c>
      <c r="G8378" t="s">
        <v>17125</v>
      </c>
      <c r="H8378" t="s">
        <v>17426</v>
      </c>
      <c r="I8378" t="s">
        <v>30540</v>
      </c>
    </row>
    <row r="8379" spans="1:9">
      <c r="A8379" s="1">
        <v>0.13700452689843345</v>
      </c>
      <c r="B8379" s="1"/>
      <c r="C8379">
        <v>13</v>
      </c>
      <c r="D8379" t="s">
        <v>17420</v>
      </c>
      <c r="E8379" t="s">
        <v>33281</v>
      </c>
      <c r="F8379">
        <v>5</v>
      </c>
      <c r="G8379" t="s">
        <v>14</v>
      </c>
      <c r="H8379" t="s">
        <v>17421</v>
      </c>
      <c r="I8379" t="s">
        <v>30540</v>
      </c>
    </row>
    <row r="8380" spans="1:9">
      <c r="A8380" s="1">
        <v>0.81422273615131024</v>
      </c>
      <c r="B8380" s="1"/>
      <c r="C8380">
        <v>10</v>
      </c>
      <c r="D8380" t="s">
        <v>17416</v>
      </c>
      <c r="E8380" t="s">
        <v>33281</v>
      </c>
      <c r="F8380">
        <v>5</v>
      </c>
      <c r="G8380" t="s">
        <v>14</v>
      </c>
      <c r="H8380" t="s">
        <v>17417</v>
      </c>
      <c r="I8380" t="s">
        <v>30540</v>
      </c>
    </row>
    <row r="8381" spans="1:9">
      <c r="A8381" s="1">
        <v>0.72828032069042348</v>
      </c>
      <c r="B8381" s="1"/>
      <c r="C8381">
        <v>11</v>
      </c>
      <c r="D8381" t="s">
        <v>17418</v>
      </c>
      <c r="E8381" t="s">
        <v>33281</v>
      </c>
      <c r="F8381">
        <v>4</v>
      </c>
      <c r="G8381" t="s">
        <v>14</v>
      </c>
      <c r="H8381" t="s">
        <v>17419</v>
      </c>
      <c r="I8381" t="s">
        <v>30540</v>
      </c>
    </row>
    <row r="8382" spans="1:9">
      <c r="A8382" s="1">
        <v>0.50532651003008966</v>
      </c>
      <c r="B8382" s="1"/>
      <c r="C8382">
        <v>11</v>
      </c>
      <c r="D8382" t="s">
        <v>17408</v>
      </c>
      <c r="E8382" t="s">
        <v>33283</v>
      </c>
      <c r="F8382">
        <v>5</v>
      </c>
      <c r="G8382" t="s">
        <v>14</v>
      </c>
      <c r="H8382" t="s">
        <v>17409</v>
      </c>
      <c r="I8382" t="s">
        <v>30540</v>
      </c>
    </row>
    <row r="8383" spans="1:9">
      <c r="A8383" s="1">
        <v>0.61437107892738474</v>
      </c>
      <c r="B8383" s="1"/>
      <c r="C8383">
        <v>14</v>
      </c>
      <c r="D8383" t="s">
        <v>17410</v>
      </c>
      <c r="E8383" t="s">
        <v>33283</v>
      </c>
      <c r="F8383">
        <v>4</v>
      </c>
      <c r="G8383" t="s">
        <v>13</v>
      </c>
      <c r="H8383" t="s">
        <v>17411</v>
      </c>
      <c r="I8383" t="s">
        <v>30540</v>
      </c>
    </row>
    <row r="8384" spans="1:9">
      <c r="A8384" s="1">
        <v>0.69134229235588696</v>
      </c>
      <c r="B8384" s="1"/>
      <c r="C8384">
        <v>9</v>
      </c>
      <c r="D8384" t="s">
        <v>17406</v>
      </c>
      <c r="E8384" t="s">
        <v>33283</v>
      </c>
      <c r="F8384">
        <v>4</v>
      </c>
      <c r="G8384" t="s">
        <v>0</v>
      </c>
      <c r="H8384" t="s">
        <v>17407</v>
      </c>
      <c r="I8384" t="s">
        <v>30540</v>
      </c>
    </row>
    <row r="8385" spans="1:9">
      <c r="A8385" s="1">
        <v>0.74636917981524675</v>
      </c>
      <c r="B8385" s="1"/>
      <c r="C8385">
        <v>8</v>
      </c>
      <c r="D8385" t="s">
        <v>17396</v>
      </c>
      <c r="E8385" t="s">
        <v>33284</v>
      </c>
      <c r="F8385">
        <v>5</v>
      </c>
      <c r="G8385" t="s">
        <v>9</v>
      </c>
      <c r="H8385" t="s">
        <v>17397</v>
      </c>
      <c r="I8385" t="s">
        <v>30540</v>
      </c>
    </row>
    <row r="8386" spans="1:9">
      <c r="A8386" s="1">
        <v>7.4974273926508683E-2</v>
      </c>
      <c r="B8386" s="1"/>
      <c r="C8386">
        <v>4</v>
      </c>
      <c r="D8386" t="s">
        <v>17390</v>
      </c>
      <c r="E8386" t="s">
        <v>33284</v>
      </c>
      <c r="F8386">
        <v>4</v>
      </c>
      <c r="G8386" t="s">
        <v>15</v>
      </c>
      <c r="H8386" t="s">
        <v>17391</v>
      </c>
      <c r="I8386" t="s">
        <v>30540</v>
      </c>
    </row>
    <row r="8387" spans="1:9">
      <c r="A8387" s="1">
        <v>9.4521083378630966E-2</v>
      </c>
      <c r="B8387" s="1"/>
      <c r="C8387">
        <v>15</v>
      </c>
      <c r="D8387" t="s">
        <v>17400</v>
      </c>
      <c r="E8387" t="s">
        <v>33284</v>
      </c>
      <c r="F8387">
        <v>4</v>
      </c>
      <c r="G8387" t="s">
        <v>0</v>
      </c>
      <c r="H8387" t="s">
        <v>17401</v>
      </c>
      <c r="I8387" t="s">
        <v>30540</v>
      </c>
    </row>
    <row r="8388" spans="1:9">
      <c r="A8388" s="1">
        <v>0.91732607072408168</v>
      </c>
      <c r="B8388" s="1"/>
      <c r="C8388">
        <v>2</v>
      </c>
      <c r="D8388" t="s">
        <v>17388</v>
      </c>
      <c r="E8388" t="s">
        <v>33284</v>
      </c>
      <c r="F8388">
        <v>4</v>
      </c>
      <c r="G8388" t="s">
        <v>9</v>
      </c>
      <c r="H8388" t="s">
        <v>17389</v>
      </c>
      <c r="I8388" t="s">
        <v>30540</v>
      </c>
    </row>
    <row r="8389" spans="1:9">
      <c r="A8389" s="1">
        <v>7.0544003931352517E-2</v>
      </c>
      <c r="B8389" s="1"/>
      <c r="C8389">
        <v>12</v>
      </c>
      <c r="D8389" t="s">
        <v>17398</v>
      </c>
      <c r="E8389" t="s">
        <v>33284</v>
      </c>
      <c r="F8389">
        <v>4</v>
      </c>
      <c r="G8389" t="s">
        <v>14</v>
      </c>
      <c r="H8389" t="s">
        <v>17399</v>
      </c>
      <c r="I8389" t="s">
        <v>30540</v>
      </c>
    </row>
    <row r="8390" spans="1:9">
      <c r="A8390" s="1">
        <v>0.35542237663424148</v>
      </c>
      <c r="B8390" s="1"/>
      <c r="C8390">
        <v>7</v>
      </c>
      <c r="D8390" t="s">
        <v>17394</v>
      </c>
      <c r="E8390" t="s">
        <v>33284</v>
      </c>
      <c r="F8390">
        <v>3</v>
      </c>
      <c r="G8390" t="s">
        <v>14</v>
      </c>
      <c r="H8390" t="s">
        <v>17395</v>
      </c>
      <c r="I8390" t="s">
        <v>30540</v>
      </c>
    </row>
    <row r="8391" spans="1:9">
      <c r="A8391" s="1">
        <v>0.58526768454429901</v>
      </c>
      <c r="B8391" s="1"/>
      <c r="C8391">
        <v>2</v>
      </c>
      <c r="D8391" t="s">
        <v>17384</v>
      </c>
      <c r="E8391" t="s">
        <v>33285</v>
      </c>
      <c r="F8391">
        <v>4</v>
      </c>
      <c r="G8391" t="s">
        <v>1431</v>
      </c>
      <c r="H8391" t="s">
        <v>17385</v>
      </c>
      <c r="I8391" t="s">
        <v>30540</v>
      </c>
    </row>
    <row r="8392" spans="1:9">
      <c r="A8392" s="1">
        <v>0.99256200158178254</v>
      </c>
      <c r="B8392" s="1"/>
      <c r="C8392">
        <v>4</v>
      </c>
      <c r="D8392" t="s">
        <v>17372</v>
      </c>
      <c r="E8392" t="s">
        <v>33286</v>
      </c>
      <c r="F8392">
        <v>5</v>
      </c>
      <c r="G8392" t="s">
        <v>9</v>
      </c>
      <c r="H8392" t="s">
        <v>17373</v>
      </c>
      <c r="I8392" t="s">
        <v>30540</v>
      </c>
    </row>
    <row r="8393" spans="1:9">
      <c r="A8393" s="1">
        <v>0.2280094178455534</v>
      </c>
      <c r="B8393" s="1"/>
      <c r="C8393">
        <v>10</v>
      </c>
      <c r="D8393" t="s">
        <v>17376</v>
      </c>
      <c r="E8393" t="s">
        <v>33286</v>
      </c>
      <c r="F8393">
        <v>4</v>
      </c>
      <c r="G8393" t="s">
        <v>13</v>
      </c>
      <c r="H8393" t="s">
        <v>17377</v>
      </c>
      <c r="I8393" t="s">
        <v>30540</v>
      </c>
    </row>
    <row r="8394" spans="1:9">
      <c r="A8394" s="1">
        <v>0.90271957743336551</v>
      </c>
      <c r="B8394" s="1"/>
      <c r="C8394">
        <v>2</v>
      </c>
      <c r="D8394" t="s">
        <v>17370</v>
      </c>
      <c r="E8394" t="s">
        <v>33286</v>
      </c>
      <c r="F8394">
        <v>4</v>
      </c>
      <c r="G8394" t="s">
        <v>2</v>
      </c>
      <c r="H8394" t="s">
        <v>17371</v>
      </c>
      <c r="I8394" t="s">
        <v>30540</v>
      </c>
    </row>
    <row r="8395" spans="1:9">
      <c r="A8395" s="1">
        <v>0.51422558884368885</v>
      </c>
      <c r="B8395" s="1"/>
      <c r="C8395">
        <v>18</v>
      </c>
      <c r="D8395" t="s">
        <v>17380</v>
      </c>
      <c r="E8395" t="s">
        <v>33286</v>
      </c>
      <c r="F8395">
        <v>4</v>
      </c>
      <c r="G8395" t="s">
        <v>14</v>
      </c>
      <c r="H8395" t="s">
        <v>17381</v>
      </c>
      <c r="I8395" t="s">
        <v>30540</v>
      </c>
    </row>
    <row r="8396" spans="1:9">
      <c r="A8396" s="1">
        <v>0.52947366372957572</v>
      </c>
      <c r="B8396" s="1"/>
      <c r="C8396">
        <v>8</v>
      </c>
      <c r="D8396" t="s">
        <v>17374</v>
      </c>
      <c r="E8396" t="s">
        <v>33286</v>
      </c>
      <c r="F8396">
        <v>4</v>
      </c>
      <c r="G8396" t="s">
        <v>1</v>
      </c>
      <c r="H8396" t="s">
        <v>17375</v>
      </c>
      <c r="I8396" t="s">
        <v>30540</v>
      </c>
    </row>
    <row r="8397" spans="1:9">
      <c r="A8397" s="1">
        <v>0.59315696836479781</v>
      </c>
      <c r="B8397" s="1"/>
      <c r="C8397">
        <v>20</v>
      </c>
      <c r="D8397" t="s">
        <v>17382</v>
      </c>
      <c r="E8397" t="s">
        <v>33286</v>
      </c>
      <c r="F8397">
        <v>3</v>
      </c>
      <c r="G8397" t="s">
        <v>0</v>
      </c>
      <c r="H8397" t="s">
        <v>17383</v>
      </c>
      <c r="I8397" t="s">
        <v>30540</v>
      </c>
    </row>
    <row r="8398" spans="1:9">
      <c r="A8398" s="1">
        <v>0.38183912574967693</v>
      </c>
      <c r="B8398" s="1"/>
      <c r="C8398">
        <v>14</v>
      </c>
      <c r="D8398" t="s">
        <v>17378</v>
      </c>
      <c r="E8398" t="s">
        <v>33286</v>
      </c>
      <c r="F8398">
        <v>3</v>
      </c>
      <c r="G8398" t="s">
        <v>14</v>
      </c>
      <c r="H8398" t="s">
        <v>17379</v>
      </c>
      <c r="I8398" t="s">
        <v>30540</v>
      </c>
    </row>
    <row r="8399" spans="1:9">
      <c r="A8399" s="1">
        <v>0.80121910133387542</v>
      </c>
      <c r="B8399" s="1"/>
      <c r="C8399">
        <v>6</v>
      </c>
      <c r="D8399" t="s">
        <v>17366</v>
      </c>
      <c r="E8399" t="s">
        <v>33287</v>
      </c>
      <c r="F8399">
        <v>5</v>
      </c>
      <c r="G8399" t="s">
        <v>14</v>
      </c>
      <c r="H8399" t="s">
        <v>17367</v>
      </c>
      <c r="I8399" t="s">
        <v>30540</v>
      </c>
    </row>
    <row r="8400" spans="1:9">
      <c r="A8400" s="1">
        <v>0.95679679008166707</v>
      </c>
      <c r="B8400" s="1"/>
      <c r="C8400">
        <v>17</v>
      </c>
      <c r="D8400" t="s">
        <v>17368</v>
      </c>
      <c r="E8400" t="s">
        <v>33287</v>
      </c>
      <c r="F8400">
        <v>4</v>
      </c>
      <c r="G8400" t="s">
        <v>0</v>
      </c>
      <c r="H8400" t="s">
        <v>17369</v>
      </c>
      <c r="I8400" t="s">
        <v>30540</v>
      </c>
    </row>
    <row r="8401" spans="1:9">
      <c r="A8401" s="1">
        <v>0.69750675712538901</v>
      </c>
      <c r="B8401" s="1"/>
      <c r="C8401">
        <v>6</v>
      </c>
      <c r="D8401" t="s">
        <v>17360</v>
      </c>
      <c r="E8401" t="s">
        <v>33288</v>
      </c>
      <c r="F8401">
        <v>5</v>
      </c>
      <c r="G8401" t="s">
        <v>14</v>
      </c>
      <c r="H8401" t="s">
        <v>17361</v>
      </c>
      <c r="I8401" t="s">
        <v>30540</v>
      </c>
    </row>
    <row r="8402" spans="1:9">
      <c r="A8402" s="1">
        <v>0.49257980200036322</v>
      </c>
      <c r="B8402" s="1"/>
      <c r="C8402">
        <v>19</v>
      </c>
      <c r="D8402" t="s">
        <v>17364</v>
      </c>
      <c r="E8402" t="s">
        <v>33288</v>
      </c>
      <c r="F8402">
        <v>4</v>
      </c>
      <c r="G8402" t="s">
        <v>14</v>
      </c>
      <c r="H8402" t="s">
        <v>17365</v>
      </c>
      <c r="I8402" t="s">
        <v>30540</v>
      </c>
    </row>
    <row r="8403" spans="1:9">
      <c r="A8403" s="1">
        <v>0.24198726696376738</v>
      </c>
      <c r="B8403" s="1"/>
      <c r="C8403">
        <v>1</v>
      </c>
      <c r="D8403" t="s">
        <v>17358</v>
      </c>
      <c r="E8403" t="s">
        <v>33288</v>
      </c>
      <c r="F8403">
        <v>4</v>
      </c>
      <c r="G8403" t="s">
        <v>1</v>
      </c>
      <c r="H8403" t="s">
        <v>17359</v>
      </c>
      <c r="I8403" t="s">
        <v>30540</v>
      </c>
    </row>
    <row r="8404" spans="1:9">
      <c r="A8404" s="1">
        <v>0.24292377694734457</v>
      </c>
      <c r="B8404" s="1"/>
      <c r="C8404">
        <v>10</v>
      </c>
      <c r="D8404" t="s">
        <v>17362</v>
      </c>
      <c r="E8404" t="s">
        <v>33288</v>
      </c>
      <c r="F8404">
        <v>4</v>
      </c>
      <c r="G8404" t="s">
        <v>14</v>
      </c>
      <c r="H8404" t="s">
        <v>17363</v>
      </c>
      <c r="I8404" t="s">
        <v>30540</v>
      </c>
    </row>
    <row r="8405" spans="1:9">
      <c r="A8405" s="1">
        <v>0.78175515957767283</v>
      </c>
      <c r="B8405" s="1"/>
      <c r="C8405">
        <v>4</v>
      </c>
      <c r="D8405" t="s">
        <v>17346</v>
      </c>
      <c r="E8405" t="s">
        <v>33289</v>
      </c>
      <c r="F8405">
        <v>5</v>
      </c>
      <c r="G8405" t="s">
        <v>10</v>
      </c>
      <c r="H8405" t="s">
        <v>17347</v>
      </c>
      <c r="I8405" t="s">
        <v>30540</v>
      </c>
    </row>
    <row r="8406" spans="1:9">
      <c r="A8406" s="1">
        <v>0.37219133992047804</v>
      </c>
      <c r="B8406" s="1"/>
      <c r="C8406">
        <v>11</v>
      </c>
      <c r="D8406" t="s">
        <v>17350</v>
      </c>
      <c r="E8406" t="s">
        <v>33289</v>
      </c>
      <c r="F8406">
        <v>4</v>
      </c>
      <c r="G8406" t="s">
        <v>13</v>
      </c>
      <c r="H8406" t="s">
        <v>17351</v>
      </c>
      <c r="I8406" t="s">
        <v>30540</v>
      </c>
    </row>
    <row r="8407" spans="1:9">
      <c r="A8407" s="1">
        <v>0.63027791080587103</v>
      </c>
      <c r="B8407" s="1"/>
      <c r="C8407">
        <v>10</v>
      </c>
      <c r="D8407" t="s">
        <v>17348</v>
      </c>
      <c r="E8407" t="s">
        <v>33289</v>
      </c>
      <c r="F8407">
        <v>4</v>
      </c>
      <c r="G8407" t="s">
        <v>0</v>
      </c>
      <c r="H8407" t="s">
        <v>17349</v>
      </c>
      <c r="I8407" t="s">
        <v>30540</v>
      </c>
    </row>
    <row r="8408" spans="1:9">
      <c r="A8408" s="1">
        <v>0.32736920671156744</v>
      </c>
      <c r="B8408" s="1"/>
      <c r="C8408">
        <v>16</v>
      </c>
      <c r="D8408" t="s">
        <v>17354</v>
      </c>
      <c r="E8408" t="s">
        <v>33289</v>
      </c>
      <c r="F8408">
        <v>3</v>
      </c>
      <c r="G8408" t="s">
        <v>14</v>
      </c>
      <c r="H8408" t="s">
        <v>17355</v>
      </c>
      <c r="I8408" t="s">
        <v>30540</v>
      </c>
    </row>
    <row r="8409" spans="1:9">
      <c r="A8409" s="1">
        <v>0.54554025239423809</v>
      </c>
      <c r="B8409" s="1"/>
      <c r="C8409">
        <v>19</v>
      </c>
      <c r="D8409" t="s">
        <v>17356</v>
      </c>
      <c r="E8409" t="s">
        <v>33289</v>
      </c>
      <c r="F8409">
        <v>3</v>
      </c>
      <c r="G8409" t="s">
        <v>14</v>
      </c>
      <c r="H8409" t="s">
        <v>17357</v>
      </c>
      <c r="I8409" t="s">
        <v>30540</v>
      </c>
    </row>
    <row r="8410" spans="1:9">
      <c r="A8410" s="1">
        <v>0.93495152313072882</v>
      </c>
      <c r="B8410" s="1"/>
      <c r="C8410">
        <v>5</v>
      </c>
      <c r="D8410" t="s">
        <v>17334</v>
      </c>
      <c r="E8410" t="s">
        <v>33290</v>
      </c>
      <c r="F8410">
        <v>5</v>
      </c>
      <c r="G8410" t="s">
        <v>766</v>
      </c>
      <c r="H8410" t="s">
        <v>17335</v>
      </c>
      <c r="I8410" t="s">
        <v>30540</v>
      </c>
    </row>
    <row r="8411" spans="1:9">
      <c r="A8411" s="1">
        <v>0.29137408887466199</v>
      </c>
      <c r="B8411" s="1"/>
      <c r="C8411">
        <v>9</v>
      </c>
      <c r="D8411" t="s">
        <v>17338</v>
      </c>
      <c r="E8411" t="s">
        <v>33290</v>
      </c>
      <c r="F8411">
        <v>4</v>
      </c>
      <c r="G8411" t="s">
        <v>10</v>
      </c>
      <c r="H8411" t="s">
        <v>17339</v>
      </c>
      <c r="I8411" t="s">
        <v>30540</v>
      </c>
    </row>
    <row r="8412" spans="1:9">
      <c r="A8412" s="1">
        <v>0.47668557771675524</v>
      </c>
      <c r="B8412" s="1"/>
      <c r="C8412">
        <v>15</v>
      </c>
      <c r="D8412" t="s">
        <v>17340</v>
      </c>
      <c r="E8412" t="s">
        <v>33290</v>
      </c>
      <c r="F8412">
        <v>4</v>
      </c>
      <c r="G8412" t="s">
        <v>9</v>
      </c>
      <c r="H8412" t="s">
        <v>17341</v>
      </c>
      <c r="I8412" t="s">
        <v>30540</v>
      </c>
    </row>
    <row r="8413" spans="1:9">
      <c r="A8413" s="1">
        <v>7.582275559808016E-2</v>
      </c>
      <c r="B8413" s="1"/>
      <c r="C8413">
        <v>17</v>
      </c>
      <c r="D8413" t="s">
        <v>17344</v>
      </c>
      <c r="E8413" t="s">
        <v>33290</v>
      </c>
      <c r="F8413">
        <v>4</v>
      </c>
      <c r="G8413" t="s">
        <v>3107</v>
      </c>
      <c r="H8413" t="s">
        <v>17345</v>
      </c>
      <c r="I8413" t="s">
        <v>30540</v>
      </c>
    </row>
    <row r="8414" spans="1:9">
      <c r="A8414" s="1">
        <v>0.37842805111826883</v>
      </c>
      <c r="B8414" s="1"/>
      <c r="C8414">
        <v>6</v>
      </c>
      <c r="D8414" t="s">
        <v>17336</v>
      </c>
      <c r="E8414" t="s">
        <v>33290</v>
      </c>
      <c r="F8414">
        <v>4</v>
      </c>
      <c r="G8414" t="s">
        <v>9</v>
      </c>
      <c r="H8414" t="s">
        <v>17337</v>
      </c>
      <c r="I8414" t="s">
        <v>30540</v>
      </c>
    </row>
    <row r="8415" spans="1:9">
      <c r="A8415" s="1">
        <v>0.54328834876011245</v>
      </c>
      <c r="B8415" s="1"/>
      <c r="C8415">
        <v>4</v>
      </c>
      <c r="D8415" t="s">
        <v>17332</v>
      </c>
      <c r="E8415" t="s">
        <v>33290</v>
      </c>
      <c r="F8415">
        <v>4</v>
      </c>
      <c r="G8415" t="s">
        <v>770</v>
      </c>
      <c r="H8415" t="s">
        <v>17333</v>
      </c>
      <c r="I8415" t="s">
        <v>30540</v>
      </c>
    </row>
    <row r="8416" spans="1:9">
      <c r="A8416" s="1">
        <v>0.82223045957049379</v>
      </c>
      <c r="B8416" s="1"/>
      <c r="C8416">
        <v>16</v>
      </c>
      <c r="D8416" t="s">
        <v>17342</v>
      </c>
      <c r="E8416" t="s">
        <v>33290</v>
      </c>
      <c r="F8416">
        <v>4</v>
      </c>
      <c r="G8416" t="s">
        <v>3107</v>
      </c>
      <c r="H8416" t="s">
        <v>17343</v>
      </c>
      <c r="I8416" t="s">
        <v>30540</v>
      </c>
    </row>
    <row r="8417" spans="1:9">
      <c r="A8417" s="1">
        <v>5.2226099328973707E-2</v>
      </c>
      <c r="B8417" s="1"/>
      <c r="C8417">
        <v>1</v>
      </c>
      <c r="D8417" t="s">
        <v>17322</v>
      </c>
      <c r="E8417" t="s">
        <v>33291</v>
      </c>
      <c r="F8417">
        <v>5</v>
      </c>
      <c r="G8417" t="s">
        <v>10</v>
      </c>
      <c r="H8417" t="s">
        <v>17323</v>
      </c>
      <c r="I8417" t="s">
        <v>30540</v>
      </c>
    </row>
    <row r="8418" spans="1:9">
      <c r="A8418" s="1">
        <v>0.59670992898771302</v>
      </c>
      <c r="B8418" s="1"/>
      <c r="C8418">
        <v>7</v>
      </c>
      <c r="D8418" t="s">
        <v>17326</v>
      </c>
      <c r="E8418" t="s">
        <v>33291</v>
      </c>
      <c r="F8418">
        <v>5</v>
      </c>
      <c r="G8418" t="s">
        <v>14</v>
      </c>
      <c r="H8418" t="s">
        <v>17327</v>
      </c>
      <c r="I8418" t="s">
        <v>30540</v>
      </c>
    </row>
    <row r="8419" spans="1:9">
      <c r="A8419" s="1">
        <v>0.26827276295350866</v>
      </c>
      <c r="B8419" s="1"/>
      <c r="C8419">
        <v>18</v>
      </c>
      <c r="D8419" t="s">
        <v>17328</v>
      </c>
      <c r="E8419" t="s">
        <v>33291</v>
      </c>
      <c r="F8419">
        <v>4</v>
      </c>
      <c r="G8419" t="s">
        <v>0</v>
      </c>
      <c r="H8419" t="s">
        <v>17329</v>
      </c>
      <c r="I8419" t="s">
        <v>30540</v>
      </c>
    </row>
    <row r="8420" spans="1:9">
      <c r="A8420" s="1">
        <v>0.60431975252919434</v>
      </c>
      <c r="B8420" s="1"/>
      <c r="C8420">
        <v>19</v>
      </c>
      <c r="D8420" t="s">
        <v>17330</v>
      </c>
      <c r="E8420" t="s">
        <v>33291</v>
      </c>
      <c r="F8420">
        <v>4</v>
      </c>
      <c r="G8420" t="s">
        <v>14</v>
      </c>
      <c r="H8420" t="s">
        <v>17331</v>
      </c>
      <c r="I8420" t="s">
        <v>30540</v>
      </c>
    </row>
    <row r="8421" spans="1:9">
      <c r="A8421" s="1">
        <v>4.4564928203877474E-2</v>
      </c>
      <c r="B8421" s="1"/>
      <c r="C8421">
        <v>5</v>
      </c>
      <c r="D8421" t="s">
        <v>17324</v>
      </c>
      <c r="E8421" t="s">
        <v>33291</v>
      </c>
      <c r="F8421">
        <v>3</v>
      </c>
      <c r="G8421" t="s">
        <v>14</v>
      </c>
      <c r="H8421" t="s">
        <v>17325</v>
      </c>
      <c r="I8421" t="s">
        <v>30540</v>
      </c>
    </row>
    <row r="8422" spans="1:9">
      <c r="A8422" s="1">
        <v>0.2044210176477963</v>
      </c>
      <c r="B8422" s="1"/>
      <c r="C8422">
        <v>6</v>
      </c>
      <c r="D8422" t="s">
        <v>17314</v>
      </c>
      <c r="E8422" t="s">
        <v>33292</v>
      </c>
      <c r="F8422">
        <v>5</v>
      </c>
      <c r="G8422" t="s">
        <v>14</v>
      </c>
      <c r="H8422" t="s">
        <v>17315</v>
      </c>
      <c r="I8422" t="s">
        <v>30540</v>
      </c>
    </row>
    <row r="8423" spans="1:9">
      <c r="A8423" s="1">
        <v>0.66668689752845445</v>
      </c>
      <c r="B8423" s="1"/>
      <c r="C8423">
        <v>16</v>
      </c>
      <c r="D8423" t="s">
        <v>17320</v>
      </c>
      <c r="E8423" t="s">
        <v>33292</v>
      </c>
      <c r="F8423">
        <v>4</v>
      </c>
      <c r="G8423" t="s">
        <v>2</v>
      </c>
      <c r="H8423" t="s">
        <v>17321</v>
      </c>
      <c r="I8423" t="s">
        <v>30540</v>
      </c>
    </row>
    <row r="8424" spans="1:9">
      <c r="A8424" s="1">
        <v>9.2117355548502644E-2</v>
      </c>
      <c r="B8424" s="1"/>
      <c r="C8424">
        <v>10</v>
      </c>
      <c r="D8424" t="s">
        <v>17318</v>
      </c>
      <c r="E8424" t="s">
        <v>33292</v>
      </c>
      <c r="F8424">
        <v>4</v>
      </c>
      <c r="G8424" t="s">
        <v>10</v>
      </c>
      <c r="H8424" t="s">
        <v>17319</v>
      </c>
      <c r="I8424" t="s">
        <v>30540</v>
      </c>
    </row>
    <row r="8425" spans="1:9">
      <c r="A8425" s="1">
        <v>0.19956641920075746</v>
      </c>
      <c r="B8425" s="1"/>
      <c r="C8425">
        <v>7</v>
      </c>
      <c r="D8425" t="s">
        <v>17316</v>
      </c>
      <c r="E8425" t="s">
        <v>33292</v>
      </c>
      <c r="F8425">
        <v>4</v>
      </c>
      <c r="G8425" t="s">
        <v>10</v>
      </c>
      <c r="H8425" t="s">
        <v>17317</v>
      </c>
      <c r="I8425" t="s">
        <v>30540</v>
      </c>
    </row>
    <row r="8426" spans="1:9">
      <c r="A8426" s="1">
        <v>0.60035037639237532</v>
      </c>
      <c r="B8426" s="1"/>
      <c r="C8426">
        <v>3</v>
      </c>
      <c r="D8426" t="s">
        <v>17310</v>
      </c>
      <c r="E8426" t="s">
        <v>33293</v>
      </c>
      <c r="F8426">
        <v>4</v>
      </c>
      <c r="G8426" t="s">
        <v>14</v>
      </c>
      <c r="H8426" t="s">
        <v>17311</v>
      </c>
      <c r="I8426" t="s">
        <v>30540</v>
      </c>
    </row>
    <row r="8427" spans="1:9">
      <c r="A8427" s="1">
        <v>0.14184317971370208</v>
      </c>
      <c r="B8427" s="1"/>
      <c r="C8427">
        <v>11</v>
      </c>
      <c r="D8427" t="s">
        <v>17300</v>
      </c>
      <c r="E8427" t="s">
        <v>33294</v>
      </c>
      <c r="F8427">
        <v>5</v>
      </c>
      <c r="G8427" t="s">
        <v>13</v>
      </c>
      <c r="H8427" t="s">
        <v>17301</v>
      </c>
      <c r="I8427" t="s">
        <v>30540</v>
      </c>
    </row>
    <row r="8428" spans="1:9">
      <c r="A8428" s="1">
        <v>0.32634663188493396</v>
      </c>
      <c r="B8428" s="1"/>
      <c r="C8428">
        <v>15</v>
      </c>
      <c r="D8428" t="s">
        <v>17304</v>
      </c>
      <c r="E8428" t="s">
        <v>33294</v>
      </c>
      <c r="F8428">
        <v>4</v>
      </c>
      <c r="G8428" t="s">
        <v>9</v>
      </c>
      <c r="H8428" t="s">
        <v>17305</v>
      </c>
      <c r="I8428" t="s">
        <v>30540</v>
      </c>
    </row>
    <row r="8429" spans="1:9">
      <c r="A8429" s="1">
        <v>0.2104624580461506</v>
      </c>
      <c r="B8429" s="1"/>
      <c r="C8429">
        <v>13</v>
      </c>
      <c r="D8429" t="s">
        <v>17302</v>
      </c>
      <c r="E8429" t="s">
        <v>33294</v>
      </c>
      <c r="F8429">
        <v>4</v>
      </c>
      <c r="G8429" t="s">
        <v>14</v>
      </c>
      <c r="H8429" t="s">
        <v>17303</v>
      </c>
      <c r="I8429" t="s">
        <v>30540</v>
      </c>
    </row>
    <row r="8430" spans="1:9">
      <c r="A8430" s="1">
        <v>0.3604314554679845</v>
      </c>
      <c r="B8430" s="1"/>
      <c r="C8430">
        <v>3</v>
      </c>
      <c r="D8430" t="s">
        <v>17294</v>
      </c>
      <c r="E8430" t="s">
        <v>33294</v>
      </c>
      <c r="F8430">
        <v>4</v>
      </c>
      <c r="G8430" t="s">
        <v>13</v>
      </c>
      <c r="H8430" t="s">
        <v>17295</v>
      </c>
      <c r="I8430" t="s">
        <v>30540</v>
      </c>
    </row>
    <row r="8431" spans="1:9">
      <c r="A8431" s="1">
        <v>0.78240936572382291</v>
      </c>
      <c r="B8431" s="1"/>
      <c r="C8431">
        <v>10</v>
      </c>
      <c r="D8431" t="s">
        <v>17298</v>
      </c>
      <c r="E8431" t="s">
        <v>33294</v>
      </c>
      <c r="F8431">
        <v>4</v>
      </c>
      <c r="G8431" t="s">
        <v>14</v>
      </c>
      <c r="H8431" t="s">
        <v>17299</v>
      </c>
      <c r="I8431" t="s">
        <v>30540</v>
      </c>
    </row>
    <row r="8432" spans="1:9">
      <c r="A8432" s="1">
        <v>0.18807806398608307</v>
      </c>
      <c r="B8432" s="1"/>
      <c r="C8432">
        <v>4</v>
      </c>
      <c r="D8432" t="s">
        <v>17296</v>
      </c>
      <c r="E8432" t="s">
        <v>33294</v>
      </c>
      <c r="F8432">
        <v>4</v>
      </c>
      <c r="G8432" t="s">
        <v>10</v>
      </c>
      <c r="H8432" t="s">
        <v>17297</v>
      </c>
      <c r="I8432" t="s">
        <v>30540</v>
      </c>
    </row>
    <row r="8433" spans="1:9">
      <c r="A8433" s="1">
        <v>0.83169076745285264</v>
      </c>
      <c r="B8433" s="1"/>
      <c r="C8433">
        <v>19</v>
      </c>
      <c r="D8433" t="s">
        <v>17308</v>
      </c>
      <c r="E8433" t="s">
        <v>33294</v>
      </c>
      <c r="F8433">
        <v>4</v>
      </c>
      <c r="G8433" t="s">
        <v>14</v>
      </c>
      <c r="H8433" t="s">
        <v>17309</v>
      </c>
      <c r="I8433" t="s">
        <v>30540</v>
      </c>
    </row>
    <row r="8434" spans="1:9">
      <c r="A8434" s="1">
        <v>0.55358506077468417</v>
      </c>
      <c r="B8434" s="1"/>
      <c r="C8434">
        <v>4</v>
      </c>
      <c r="D8434" t="s">
        <v>17282</v>
      </c>
      <c r="E8434" t="s">
        <v>33296</v>
      </c>
      <c r="F8434">
        <v>4</v>
      </c>
      <c r="G8434" t="s">
        <v>2</v>
      </c>
      <c r="H8434" t="s">
        <v>17283</v>
      </c>
      <c r="I8434" t="s">
        <v>30540</v>
      </c>
    </row>
    <row r="8435" spans="1:9">
      <c r="A8435" s="1">
        <v>0.28757310554214632</v>
      </c>
      <c r="B8435" s="1"/>
      <c r="C8435">
        <v>14</v>
      </c>
      <c r="D8435" t="s">
        <v>17286</v>
      </c>
      <c r="E8435" t="s">
        <v>33296</v>
      </c>
      <c r="F8435">
        <v>4</v>
      </c>
      <c r="G8435" t="s">
        <v>0</v>
      </c>
      <c r="H8435" t="s">
        <v>17287</v>
      </c>
      <c r="I8435" t="s">
        <v>30540</v>
      </c>
    </row>
    <row r="8436" spans="1:9">
      <c r="A8436" s="1">
        <v>0.66729261914575455</v>
      </c>
      <c r="B8436" s="1"/>
      <c r="C8436">
        <v>13</v>
      </c>
      <c r="D8436" t="s">
        <v>17284</v>
      </c>
      <c r="E8436" t="s">
        <v>33296</v>
      </c>
      <c r="F8436">
        <v>3</v>
      </c>
      <c r="G8436" t="s">
        <v>14</v>
      </c>
      <c r="H8436" t="s">
        <v>17285</v>
      </c>
      <c r="I8436" t="s">
        <v>30540</v>
      </c>
    </row>
    <row r="8437" spans="1:9">
      <c r="A8437" s="1">
        <v>0.6080380116107631</v>
      </c>
      <c r="B8437" s="1"/>
      <c r="C8437">
        <v>1</v>
      </c>
      <c r="D8437" t="s">
        <v>17274</v>
      </c>
      <c r="E8437" t="s">
        <v>33297</v>
      </c>
      <c r="F8437">
        <v>4</v>
      </c>
      <c r="G8437" t="s">
        <v>10</v>
      </c>
      <c r="H8437" t="s">
        <v>17275</v>
      </c>
      <c r="I8437" t="s">
        <v>30540</v>
      </c>
    </row>
    <row r="8438" spans="1:9">
      <c r="A8438" s="1">
        <v>0.79882820666336751</v>
      </c>
      <c r="B8438" s="1"/>
      <c r="C8438">
        <v>11</v>
      </c>
      <c r="D8438" t="s">
        <v>17278</v>
      </c>
      <c r="E8438" t="s">
        <v>33297</v>
      </c>
      <c r="F8438">
        <v>4</v>
      </c>
      <c r="G8438" t="s">
        <v>14</v>
      </c>
      <c r="H8438" t="s">
        <v>17279</v>
      </c>
      <c r="I8438" t="s">
        <v>30540</v>
      </c>
    </row>
    <row r="8439" spans="1:9">
      <c r="A8439" s="1">
        <v>0.95633087305736164</v>
      </c>
      <c r="B8439" s="1"/>
      <c r="C8439">
        <v>9</v>
      </c>
      <c r="D8439" t="s">
        <v>17262</v>
      </c>
      <c r="E8439" t="s">
        <v>33298</v>
      </c>
      <c r="F8439">
        <v>5</v>
      </c>
      <c r="G8439" t="s">
        <v>1</v>
      </c>
      <c r="H8439" t="s">
        <v>17263</v>
      </c>
      <c r="I8439" t="s">
        <v>30540</v>
      </c>
    </row>
    <row r="8440" spans="1:9">
      <c r="A8440" s="1">
        <v>0.247836846593391</v>
      </c>
      <c r="B8440" s="1"/>
      <c r="C8440">
        <v>15</v>
      </c>
      <c r="D8440" t="s">
        <v>17270</v>
      </c>
      <c r="E8440" t="s">
        <v>33298</v>
      </c>
      <c r="F8440">
        <v>5</v>
      </c>
      <c r="G8440" t="s">
        <v>14</v>
      </c>
      <c r="H8440" t="s">
        <v>17271</v>
      </c>
      <c r="I8440" t="s">
        <v>30540</v>
      </c>
    </row>
    <row r="8441" spans="1:9">
      <c r="A8441" s="1">
        <v>0.74482759249662733</v>
      </c>
      <c r="B8441" s="1"/>
      <c r="C8441">
        <v>1</v>
      </c>
      <c r="D8441" t="s">
        <v>17258</v>
      </c>
      <c r="E8441" t="s">
        <v>33298</v>
      </c>
      <c r="F8441">
        <v>5</v>
      </c>
      <c r="G8441" t="s">
        <v>13</v>
      </c>
      <c r="H8441" t="s">
        <v>17259</v>
      </c>
      <c r="I8441" t="s">
        <v>30540</v>
      </c>
    </row>
    <row r="8442" spans="1:9">
      <c r="A8442" s="1">
        <v>0.96215046948257021</v>
      </c>
      <c r="B8442" s="1"/>
      <c r="C8442">
        <v>12</v>
      </c>
      <c r="D8442" t="s">
        <v>17266</v>
      </c>
      <c r="E8442" t="s">
        <v>33298</v>
      </c>
      <c r="F8442">
        <v>5</v>
      </c>
      <c r="G8442" t="s">
        <v>14</v>
      </c>
      <c r="H8442" t="s">
        <v>17267</v>
      </c>
      <c r="I8442" t="s">
        <v>30540</v>
      </c>
    </row>
    <row r="8443" spans="1:9">
      <c r="A8443" s="1">
        <v>9.5394103590288437E-2</v>
      </c>
      <c r="B8443" s="1"/>
      <c r="C8443">
        <v>14</v>
      </c>
      <c r="D8443" t="s">
        <v>17268</v>
      </c>
      <c r="E8443" t="s">
        <v>33298</v>
      </c>
      <c r="F8443">
        <v>4</v>
      </c>
      <c r="G8443" t="s">
        <v>14</v>
      </c>
      <c r="H8443" t="s">
        <v>17269</v>
      </c>
      <c r="I8443" t="s">
        <v>30540</v>
      </c>
    </row>
    <row r="8444" spans="1:9">
      <c r="A8444" s="1">
        <v>0.80168887247833642</v>
      </c>
      <c r="B8444" s="1"/>
      <c r="C8444">
        <v>20</v>
      </c>
      <c r="D8444" t="s">
        <v>17272</v>
      </c>
      <c r="E8444" t="s">
        <v>33298</v>
      </c>
      <c r="F8444">
        <v>4</v>
      </c>
      <c r="G8444" t="s">
        <v>14</v>
      </c>
      <c r="H8444" t="s">
        <v>17273</v>
      </c>
      <c r="I8444" t="s">
        <v>30540</v>
      </c>
    </row>
    <row r="8445" spans="1:9">
      <c r="A8445" s="1">
        <v>0.76017744552157263</v>
      </c>
      <c r="B8445" s="1"/>
      <c r="C8445">
        <v>10</v>
      </c>
      <c r="D8445" t="s">
        <v>17264</v>
      </c>
      <c r="E8445" t="s">
        <v>33298</v>
      </c>
      <c r="F8445">
        <v>4</v>
      </c>
      <c r="G8445" t="s">
        <v>14</v>
      </c>
      <c r="H8445" t="s">
        <v>17265</v>
      </c>
      <c r="I8445" t="s">
        <v>30540</v>
      </c>
    </row>
    <row r="8446" spans="1:9">
      <c r="A8446" s="1">
        <v>0.7645013035122149</v>
      </c>
      <c r="B8446" s="1"/>
      <c r="C8446">
        <v>8</v>
      </c>
      <c r="D8446" t="s">
        <v>17260</v>
      </c>
      <c r="E8446" t="s">
        <v>33298</v>
      </c>
      <c r="F8446">
        <v>3</v>
      </c>
      <c r="G8446" t="s">
        <v>14</v>
      </c>
      <c r="H8446" t="s">
        <v>17261</v>
      </c>
      <c r="I8446" t="s">
        <v>30540</v>
      </c>
    </row>
    <row r="8447" spans="1:9">
      <c r="A8447" s="1">
        <v>0.11750394211512205</v>
      </c>
      <c r="B8447" s="1"/>
      <c r="C8447">
        <v>7</v>
      </c>
      <c r="D8447" t="s">
        <v>17256</v>
      </c>
      <c r="E8447" t="s">
        <v>33299</v>
      </c>
      <c r="F8447">
        <v>4</v>
      </c>
      <c r="G8447" t="s">
        <v>14</v>
      </c>
      <c r="H8447" t="s">
        <v>17257</v>
      </c>
      <c r="I8447" t="s">
        <v>30540</v>
      </c>
    </row>
    <row r="8448" spans="1:9">
      <c r="A8448" s="1">
        <v>0.58044416970412671</v>
      </c>
      <c r="B8448" s="1"/>
      <c r="C8448">
        <v>13</v>
      </c>
      <c r="D8448" t="s">
        <v>17254</v>
      </c>
      <c r="E8448" t="s">
        <v>33300</v>
      </c>
      <c r="F8448">
        <v>4</v>
      </c>
      <c r="G8448" t="s">
        <v>14</v>
      </c>
      <c r="H8448" t="s">
        <v>17255</v>
      </c>
      <c r="I8448" t="s">
        <v>30540</v>
      </c>
    </row>
    <row r="8449" spans="1:9">
      <c r="A8449" s="1">
        <v>0.49858940290228271</v>
      </c>
      <c r="B8449" s="1"/>
      <c r="C8449">
        <v>2</v>
      </c>
      <c r="D8449" t="s">
        <v>17252</v>
      </c>
      <c r="E8449" t="s">
        <v>33300</v>
      </c>
      <c r="F8449">
        <v>4</v>
      </c>
      <c r="G8449" t="s">
        <v>1431</v>
      </c>
      <c r="H8449" t="s">
        <v>17253</v>
      </c>
      <c r="I8449" t="s">
        <v>30540</v>
      </c>
    </row>
    <row r="8450" spans="1:9">
      <c r="A8450" s="1">
        <v>0.83637997279456278</v>
      </c>
      <c r="B8450" s="1"/>
      <c r="C8450">
        <v>9</v>
      </c>
      <c r="D8450" t="s">
        <v>17250</v>
      </c>
      <c r="E8450" t="s">
        <v>33301</v>
      </c>
      <c r="F8450">
        <v>4</v>
      </c>
      <c r="G8450" t="s">
        <v>0</v>
      </c>
      <c r="H8450" t="s">
        <v>17251</v>
      </c>
      <c r="I8450" t="s">
        <v>30540</v>
      </c>
    </row>
    <row r="8451" spans="1:9">
      <c r="A8451" s="1">
        <v>0.97163209236360359</v>
      </c>
      <c r="B8451" s="1"/>
      <c r="C8451">
        <v>15</v>
      </c>
      <c r="D8451" t="s">
        <v>17248</v>
      </c>
      <c r="E8451" t="s">
        <v>33302</v>
      </c>
      <c r="F8451">
        <v>4</v>
      </c>
      <c r="G8451" t="s">
        <v>10</v>
      </c>
      <c r="H8451" t="s">
        <v>17249</v>
      </c>
      <c r="I8451" t="s">
        <v>30540</v>
      </c>
    </row>
    <row r="8452" spans="1:9">
      <c r="A8452" s="1">
        <v>0.81624325413236176</v>
      </c>
      <c r="B8452" s="1"/>
      <c r="C8452">
        <v>12</v>
      </c>
      <c r="D8452" t="s">
        <v>17246</v>
      </c>
      <c r="E8452" t="s">
        <v>33302</v>
      </c>
      <c r="F8452">
        <v>4</v>
      </c>
      <c r="G8452" t="s">
        <v>10</v>
      </c>
      <c r="H8452" t="s">
        <v>17247</v>
      </c>
      <c r="I8452" t="s">
        <v>30540</v>
      </c>
    </row>
    <row r="8453" spans="1:9">
      <c r="A8453" s="1">
        <v>0.77870758512262805</v>
      </c>
      <c r="B8453" s="1"/>
      <c r="C8453">
        <v>3</v>
      </c>
      <c r="D8453" t="s">
        <v>17240</v>
      </c>
      <c r="E8453" t="s">
        <v>33302</v>
      </c>
      <c r="F8453">
        <v>4</v>
      </c>
      <c r="G8453" t="s">
        <v>2</v>
      </c>
      <c r="H8453" t="s">
        <v>17241</v>
      </c>
      <c r="I8453" t="s">
        <v>30540</v>
      </c>
    </row>
    <row r="8454" spans="1:9">
      <c r="A8454" s="1">
        <v>0.33232005184441804</v>
      </c>
      <c r="B8454" s="1"/>
      <c r="C8454">
        <v>2</v>
      </c>
      <c r="D8454" t="s">
        <v>17236</v>
      </c>
      <c r="E8454" t="s">
        <v>33303</v>
      </c>
      <c r="F8454">
        <v>4</v>
      </c>
      <c r="G8454" t="s">
        <v>0</v>
      </c>
      <c r="H8454" t="s">
        <v>17237</v>
      </c>
      <c r="I8454" t="s">
        <v>30540</v>
      </c>
    </row>
    <row r="8455" spans="1:9">
      <c r="A8455" s="1">
        <v>0.66939409217137946</v>
      </c>
      <c r="B8455" s="1"/>
      <c r="C8455">
        <v>13</v>
      </c>
      <c r="D8455" t="s">
        <v>17238</v>
      </c>
      <c r="E8455" t="s">
        <v>33303</v>
      </c>
      <c r="F8455">
        <v>3</v>
      </c>
      <c r="G8455" t="s">
        <v>14</v>
      </c>
      <c r="H8455" t="s">
        <v>17239</v>
      </c>
      <c r="I8455" t="s">
        <v>30540</v>
      </c>
    </row>
    <row r="8456" spans="1:9">
      <c r="A8456" s="1">
        <v>0.70523719583652977</v>
      </c>
      <c r="B8456" s="1"/>
      <c r="C8456">
        <v>6</v>
      </c>
      <c r="D8456" t="s">
        <v>17226</v>
      </c>
      <c r="E8456" t="s">
        <v>33304</v>
      </c>
      <c r="F8456">
        <v>5</v>
      </c>
      <c r="G8456" t="s">
        <v>0</v>
      </c>
      <c r="H8456" t="s">
        <v>17227</v>
      </c>
      <c r="I8456" t="s">
        <v>30540</v>
      </c>
    </row>
    <row r="8457" spans="1:9">
      <c r="A8457" s="1">
        <v>0.61715441104932378</v>
      </c>
      <c r="B8457" s="1"/>
      <c r="C8457">
        <v>14</v>
      </c>
      <c r="D8457" t="s">
        <v>17234</v>
      </c>
      <c r="E8457" t="s">
        <v>33304</v>
      </c>
      <c r="F8457">
        <v>4</v>
      </c>
      <c r="G8457" t="s">
        <v>2</v>
      </c>
      <c r="H8457" t="s">
        <v>17235</v>
      </c>
      <c r="I8457" t="s">
        <v>30540</v>
      </c>
    </row>
    <row r="8458" spans="1:9">
      <c r="A8458" s="1">
        <v>0.60578849342114671</v>
      </c>
      <c r="B8458" s="1"/>
      <c r="C8458">
        <v>9</v>
      </c>
      <c r="D8458" t="s">
        <v>17230</v>
      </c>
      <c r="E8458" t="s">
        <v>33304</v>
      </c>
      <c r="F8458">
        <v>3</v>
      </c>
      <c r="G8458" t="s">
        <v>1</v>
      </c>
      <c r="H8458" t="s">
        <v>17231</v>
      </c>
      <c r="I8458" t="s">
        <v>30540</v>
      </c>
    </row>
    <row r="8459" spans="1:9">
      <c r="A8459" s="1">
        <v>0.16635802608593619</v>
      </c>
      <c r="B8459" s="1"/>
      <c r="C8459">
        <v>8</v>
      </c>
      <c r="D8459" t="s">
        <v>17228</v>
      </c>
      <c r="E8459" t="s">
        <v>33304</v>
      </c>
      <c r="F8459">
        <v>3</v>
      </c>
      <c r="G8459" t="s">
        <v>14</v>
      </c>
      <c r="H8459" t="s">
        <v>17229</v>
      </c>
      <c r="I8459" t="s">
        <v>30540</v>
      </c>
    </row>
    <row r="8460" spans="1:9">
      <c r="A8460" s="1">
        <v>0.55481888335873064</v>
      </c>
      <c r="B8460" s="1"/>
      <c r="C8460">
        <v>10</v>
      </c>
      <c r="D8460" t="s">
        <v>17220</v>
      </c>
      <c r="E8460" t="s">
        <v>33305</v>
      </c>
      <c r="F8460">
        <v>5</v>
      </c>
      <c r="G8460" t="s">
        <v>14</v>
      </c>
      <c r="H8460" t="s">
        <v>17221</v>
      </c>
      <c r="I8460" t="s">
        <v>30540</v>
      </c>
    </row>
    <row r="8461" spans="1:9">
      <c r="A8461" s="1">
        <v>0.17423530564654965</v>
      </c>
      <c r="B8461" s="1"/>
      <c r="C8461">
        <v>14</v>
      </c>
      <c r="D8461" t="s">
        <v>17224</v>
      </c>
      <c r="E8461" t="s">
        <v>33305</v>
      </c>
      <c r="F8461">
        <v>4</v>
      </c>
      <c r="G8461" t="s">
        <v>14</v>
      </c>
      <c r="H8461" t="s">
        <v>17225</v>
      </c>
      <c r="I8461" t="s">
        <v>30540</v>
      </c>
    </row>
    <row r="8462" spans="1:9">
      <c r="A8462" s="1">
        <v>0.35269244555875634</v>
      </c>
      <c r="B8462" s="1"/>
      <c r="C8462">
        <v>4</v>
      </c>
      <c r="D8462" t="s">
        <v>17216</v>
      </c>
      <c r="E8462" t="s">
        <v>33305</v>
      </c>
      <c r="F8462">
        <v>4</v>
      </c>
      <c r="G8462" t="s">
        <v>774</v>
      </c>
      <c r="H8462" t="s">
        <v>17217</v>
      </c>
      <c r="I8462" t="s">
        <v>30540</v>
      </c>
    </row>
    <row r="8463" spans="1:9">
      <c r="A8463" s="1">
        <v>0.15590798770154901</v>
      </c>
      <c r="B8463" s="1"/>
      <c r="C8463">
        <v>9</v>
      </c>
      <c r="D8463" t="s">
        <v>17218</v>
      </c>
      <c r="E8463" t="s">
        <v>33305</v>
      </c>
      <c r="F8463">
        <v>4</v>
      </c>
      <c r="G8463" t="s">
        <v>2738</v>
      </c>
      <c r="H8463" t="s">
        <v>17219</v>
      </c>
      <c r="I8463" t="s">
        <v>30540</v>
      </c>
    </row>
    <row r="8464" spans="1:9">
      <c r="A8464" s="1">
        <v>0.67981445094623538</v>
      </c>
      <c r="B8464" s="1"/>
      <c r="C8464">
        <v>11</v>
      </c>
      <c r="D8464" t="s">
        <v>17222</v>
      </c>
      <c r="E8464" t="s">
        <v>33305</v>
      </c>
      <c r="F8464">
        <v>4</v>
      </c>
      <c r="G8464" t="s">
        <v>14</v>
      </c>
      <c r="H8464" t="s">
        <v>17223</v>
      </c>
      <c r="I8464" t="s">
        <v>30540</v>
      </c>
    </row>
    <row r="8465" spans="1:9">
      <c r="A8465" s="1">
        <v>0.85238824544975633</v>
      </c>
      <c r="B8465" s="1"/>
      <c r="C8465">
        <v>7</v>
      </c>
      <c r="D8465" t="s">
        <v>17210</v>
      </c>
      <c r="E8465" t="s">
        <v>33306</v>
      </c>
      <c r="F8465">
        <v>5</v>
      </c>
      <c r="G8465" t="s">
        <v>14</v>
      </c>
      <c r="H8465" t="s">
        <v>17211</v>
      </c>
      <c r="I8465" t="s">
        <v>30540</v>
      </c>
    </row>
    <row r="8466" spans="1:9">
      <c r="A8466" s="1">
        <v>0.80936694973887424</v>
      </c>
      <c r="B8466" s="1"/>
      <c r="C8466">
        <v>8</v>
      </c>
      <c r="D8466" t="s">
        <v>17212</v>
      </c>
      <c r="E8466" t="s">
        <v>33306</v>
      </c>
      <c r="F8466">
        <v>5</v>
      </c>
      <c r="G8466" t="s">
        <v>0</v>
      </c>
      <c r="H8466" t="s">
        <v>17213</v>
      </c>
      <c r="I8466" t="s">
        <v>30540</v>
      </c>
    </row>
    <row r="8467" spans="1:9">
      <c r="A8467" s="1">
        <v>0.83074937118967729</v>
      </c>
      <c r="B8467" s="1"/>
      <c r="C8467">
        <v>9</v>
      </c>
      <c r="D8467" t="s">
        <v>17214</v>
      </c>
      <c r="E8467" t="s">
        <v>33306</v>
      </c>
      <c r="F8467">
        <v>4</v>
      </c>
      <c r="G8467" t="s">
        <v>14</v>
      </c>
      <c r="H8467" t="s">
        <v>17215</v>
      </c>
      <c r="I8467" t="s">
        <v>30540</v>
      </c>
    </row>
    <row r="8468" spans="1:9">
      <c r="A8468" s="1">
        <v>9.3677035760178939E-2</v>
      </c>
      <c r="B8468" s="1"/>
      <c r="C8468">
        <v>6</v>
      </c>
      <c r="D8468" t="s">
        <v>17208</v>
      </c>
      <c r="E8468" t="s">
        <v>33306</v>
      </c>
      <c r="F8468">
        <v>4</v>
      </c>
      <c r="G8468" t="s">
        <v>13</v>
      </c>
      <c r="H8468" t="s">
        <v>17209</v>
      </c>
      <c r="I8468" t="s">
        <v>30540</v>
      </c>
    </row>
    <row r="8469" spans="1:9">
      <c r="A8469" s="1">
        <v>0.5899115041332974</v>
      </c>
      <c r="B8469" s="1"/>
      <c r="C8469">
        <v>14</v>
      </c>
      <c r="D8469" t="s">
        <v>17206</v>
      </c>
      <c r="E8469" t="s">
        <v>33307</v>
      </c>
      <c r="F8469">
        <v>4</v>
      </c>
      <c r="G8469" t="s">
        <v>14</v>
      </c>
      <c r="H8469" t="s">
        <v>17207</v>
      </c>
      <c r="I8469" t="s">
        <v>30540</v>
      </c>
    </row>
    <row r="8470" spans="1:9">
      <c r="A8470" s="1">
        <v>0.75639727675221635</v>
      </c>
      <c r="B8470" s="1"/>
      <c r="C8470">
        <v>12</v>
      </c>
      <c r="D8470" t="s">
        <v>17204</v>
      </c>
      <c r="E8470" t="s">
        <v>33307</v>
      </c>
      <c r="F8470">
        <v>4</v>
      </c>
      <c r="G8470" t="s">
        <v>14</v>
      </c>
      <c r="H8470" t="s">
        <v>17205</v>
      </c>
      <c r="I8470" t="s">
        <v>30540</v>
      </c>
    </row>
    <row r="8471" spans="1:9">
      <c r="A8471" s="1">
        <v>0.36799997893558778</v>
      </c>
      <c r="B8471" s="1"/>
      <c r="C8471">
        <v>4</v>
      </c>
      <c r="D8471" t="s">
        <v>17192</v>
      </c>
      <c r="E8471" t="s">
        <v>33308</v>
      </c>
      <c r="F8471">
        <v>5</v>
      </c>
      <c r="G8471" t="s">
        <v>13</v>
      </c>
      <c r="H8471" t="s">
        <v>17193</v>
      </c>
      <c r="I8471" t="s">
        <v>30540</v>
      </c>
    </row>
    <row r="8472" spans="1:9">
      <c r="A8472" s="1">
        <v>0.4704396606204615</v>
      </c>
      <c r="B8472" s="1"/>
      <c r="C8472">
        <v>9</v>
      </c>
      <c r="D8472" t="s">
        <v>17196</v>
      </c>
      <c r="E8472" t="s">
        <v>33308</v>
      </c>
      <c r="F8472">
        <v>4</v>
      </c>
      <c r="G8472" t="s">
        <v>0</v>
      </c>
      <c r="H8472" t="s">
        <v>17197</v>
      </c>
      <c r="I8472" t="s">
        <v>30540</v>
      </c>
    </row>
    <row r="8473" spans="1:9">
      <c r="A8473" s="1">
        <v>0.59464457991705921</v>
      </c>
      <c r="B8473" s="1"/>
      <c r="C8473">
        <v>12</v>
      </c>
      <c r="D8473" t="s">
        <v>17198</v>
      </c>
      <c r="E8473" t="s">
        <v>33308</v>
      </c>
      <c r="F8473">
        <v>4</v>
      </c>
      <c r="G8473" t="s">
        <v>14</v>
      </c>
      <c r="H8473" t="s">
        <v>17199</v>
      </c>
      <c r="I8473" t="s">
        <v>30540</v>
      </c>
    </row>
    <row r="8474" spans="1:9">
      <c r="A8474" s="1">
        <v>0.51151694022791994</v>
      </c>
      <c r="B8474" s="1"/>
      <c r="C8474">
        <v>3</v>
      </c>
      <c r="D8474" t="s">
        <v>17190</v>
      </c>
      <c r="E8474" t="s">
        <v>33308</v>
      </c>
      <c r="F8474">
        <v>4</v>
      </c>
      <c r="G8474" t="s">
        <v>2</v>
      </c>
      <c r="H8474" t="s">
        <v>17191</v>
      </c>
      <c r="I8474" t="s">
        <v>30540</v>
      </c>
    </row>
    <row r="8475" spans="1:9">
      <c r="A8475" s="1">
        <v>0.39137818409446046</v>
      </c>
      <c r="B8475" s="1"/>
      <c r="C8475">
        <v>15</v>
      </c>
      <c r="D8475" t="s">
        <v>17202</v>
      </c>
      <c r="E8475" t="s">
        <v>33308</v>
      </c>
      <c r="F8475">
        <v>4</v>
      </c>
      <c r="G8475" t="s">
        <v>14</v>
      </c>
      <c r="H8475" t="s">
        <v>17203</v>
      </c>
      <c r="I8475" t="s">
        <v>30540</v>
      </c>
    </row>
    <row r="8476" spans="1:9">
      <c r="A8476" s="1">
        <v>0.23407517284450696</v>
      </c>
      <c r="B8476" s="1"/>
      <c r="C8476">
        <v>2</v>
      </c>
      <c r="D8476" t="s">
        <v>17188</v>
      </c>
      <c r="E8476" t="s">
        <v>33308</v>
      </c>
      <c r="F8476">
        <v>4</v>
      </c>
      <c r="G8476" t="s">
        <v>2</v>
      </c>
      <c r="H8476" t="s">
        <v>17189</v>
      </c>
      <c r="I8476" t="s">
        <v>30540</v>
      </c>
    </row>
    <row r="8477" spans="1:9">
      <c r="A8477" s="1">
        <v>0.75733374865586356</v>
      </c>
      <c r="B8477" s="1"/>
      <c r="C8477">
        <v>14</v>
      </c>
      <c r="D8477" t="s">
        <v>17200</v>
      </c>
      <c r="E8477" t="s">
        <v>33308</v>
      </c>
      <c r="F8477">
        <v>4</v>
      </c>
      <c r="G8477" t="s">
        <v>14</v>
      </c>
      <c r="H8477" t="s">
        <v>17201</v>
      </c>
      <c r="I8477" t="s">
        <v>30540</v>
      </c>
    </row>
    <row r="8478" spans="1:9">
      <c r="A8478" s="1">
        <v>0.63317492320251978</v>
      </c>
      <c r="B8478" s="1"/>
      <c r="C8478">
        <v>2</v>
      </c>
      <c r="D8478" t="s">
        <v>17176</v>
      </c>
      <c r="E8478" t="s">
        <v>33309</v>
      </c>
      <c r="F8478">
        <v>5</v>
      </c>
      <c r="G8478" t="s">
        <v>2</v>
      </c>
      <c r="H8478" t="s">
        <v>17177</v>
      </c>
      <c r="I8478" t="s">
        <v>30540</v>
      </c>
    </row>
    <row r="8479" spans="1:9">
      <c r="A8479" s="1">
        <v>0.85065588204583154</v>
      </c>
      <c r="B8479" s="1"/>
      <c r="C8479">
        <v>8</v>
      </c>
      <c r="D8479" t="s">
        <v>17178</v>
      </c>
      <c r="E8479" t="s">
        <v>33309</v>
      </c>
      <c r="F8479">
        <v>4</v>
      </c>
      <c r="G8479" t="s">
        <v>10</v>
      </c>
      <c r="H8479" t="s">
        <v>17179</v>
      </c>
      <c r="I8479" t="s">
        <v>30540</v>
      </c>
    </row>
    <row r="8480" spans="1:9">
      <c r="A8480" s="1">
        <v>0.89507710349767</v>
      </c>
      <c r="B8480" s="1"/>
      <c r="C8480">
        <v>16</v>
      </c>
      <c r="D8480" t="s">
        <v>17184</v>
      </c>
      <c r="E8480" t="s">
        <v>33309</v>
      </c>
      <c r="F8480">
        <v>3</v>
      </c>
      <c r="G8480" t="s">
        <v>14</v>
      </c>
      <c r="H8480" t="s">
        <v>17185</v>
      </c>
      <c r="I8480" t="s">
        <v>30540</v>
      </c>
    </row>
    <row r="8481" spans="1:9">
      <c r="A8481" s="1">
        <v>0.74811777620960662</v>
      </c>
      <c r="B8481" s="1"/>
      <c r="C8481">
        <v>11</v>
      </c>
      <c r="D8481" t="s">
        <v>17180</v>
      </c>
      <c r="E8481" t="s">
        <v>33309</v>
      </c>
      <c r="F8481">
        <v>3</v>
      </c>
      <c r="G8481" t="s">
        <v>10</v>
      </c>
      <c r="H8481" t="s">
        <v>17181</v>
      </c>
      <c r="I8481" t="s">
        <v>30540</v>
      </c>
    </row>
    <row r="8482" spans="1:9">
      <c r="A8482" s="1">
        <v>3.6741605409386313E-2</v>
      </c>
      <c r="B8482" s="1"/>
      <c r="C8482">
        <v>6</v>
      </c>
      <c r="D8482" t="s">
        <v>17168</v>
      </c>
      <c r="E8482" t="s">
        <v>33310</v>
      </c>
      <c r="F8482">
        <v>5</v>
      </c>
      <c r="G8482" t="s">
        <v>2</v>
      </c>
      <c r="H8482" t="s">
        <v>17169</v>
      </c>
      <c r="I8482" t="s">
        <v>30540</v>
      </c>
    </row>
    <row r="8483" spans="1:9">
      <c r="A8483" s="1">
        <v>0.58836090372060634</v>
      </c>
      <c r="B8483" s="1"/>
      <c r="C8483">
        <v>1</v>
      </c>
      <c r="D8483" t="s">
        <v>17163</v>
      </c>
      <c r="E8483" t="s">
        <v>33310</v>
      </c>
      <c r="F8483">
        <v>4</v>
      </c>
      <c r="G8483" t="s">
        <v>17164</v>
      </c>
      <c r="H8483" t="s">
        <v>17165</v>
      </c>
      <c r="I8483" t="s">
        <v>30540</v>
      </c>
    </row>
    <row r="8484" spans="1:9">
      <c r="A8484" s="1">
        <v>0.22521270753812461</v>
      </c>
      <c r="B8484" s="1"/>
      <c r="C8484">
        <v>3</v>
      </c>
      <c r="D8484" t="s">
        <v>17166</v>
      </c>
      <c r="E8484" t="s">
        <v>33310</v>
      </c>
      <c r="F8484">
        <v>4</v>
      </c>
      <c r="G8484" t="s">
        <v>9</v>
      </c>
      <c r="H8484" t="s">
        <v>17167</v>
      </c>
      <c r="I8484" t="s">
        <v>30540</v>
      </c>
    </row>
    <row r="8485" spans="1:9">
      <c r="A8485" s="1">
        <v>0.24437764372591797</v>
      </c>
      <c r="B8485" s="1"/>
      <c r="C8485">
        <v>17</v>
      </c>
      <c r="D8485" t="s">
        <v>17170</v>
      </c>
      <c r="E8485" t="s">
        <v>33310</v>
      </c>
      <c r="F8485">
        <v>3</v>
      </c>
      <c r="G8485" t="s">
        <v>10</v>
      </c>
      <c r="H8485" t="s">
        <v>17171</v>
      </c>
      <c r="I8485" t="s">
        <v>30540</v>
      </c>
    </row>
    <row r="8486" spans="1:9">
      <c r="A8486" s="1">
        <v>0.48712913664799817</v>
      </c>
      <c r="B8486" s="1"/>
      <c r="C8486">
        <v>10</v>
      </c>
      <c r="D8486" t="s">
        <v>17159</v>
      </c>
      <c r="E8486" t="s">
        <v>33311</v>
      </c>
      <c r="F8486">
        <v>4</v>
      </c>
      <c r="G8486" t="s">
        <v>14</v>
      </c>
      <c r="H8486" t="s">
        <v>17160</v>
      </c>
      <c r="I8486" t="s">
        <v>30540</v>
      </c>
    </row>
    <row r="8487" spans="1:9">
      <c r="A8487" s="1">
        <v>0.40954080582358299</v>
      </c>
      <c r="B8487" s="1"/>
      <c r="C8487">
        <v>14</v>
      </c>
      <c r="D8487" t="s">
        <v>17161</v>
      </c>
      <c r="E8487" t="s">
        <v>33311</v>
      </c>
      <c r="F8487">
        <v>4</v>
      </c>
      <c r="G8487" t="s">
        <v>13</v>
      </c>
      <c r="H8487" t="s">
        <v>17162</v>
      </c>
      <c r="I8487" t="s">
        <v>30540</v>
      </c>
    </row>
    <row r="8488" spans="1:9">
      <c r="A8488" s="1">
        <v>7.4638842394357585E-2</v>
      </c>
      <c r="B8488" s="1"/>
      <c r="C8488">
        <v>9</v>
      </c>
      <c r="D8488" t="s">
        <v>17157</v>
      </c>
      <c r="E8488" t="s">
        <v>33311</v>
      </c>
      <c r="F8488">
        <v>4</v>
      </c>
      <c r="G8488" t="s">
        <v>14</v>
      </c>
      <c r="H8488" t="s">
        <v>17158</v>
      </c>
      <c r="I8488" t="s">
        <v>30540</v>
      </c>
    </row>
    <row r="8489" spans="1:9">
      <c r="A8489" s="1">
        <v>0.81289929011393591</v>
      </c>
      <c r="B8489" s="1"/>
      <c r="C8489">
        <v>6</v>
      </c>
      <c r="D8489" t="s">
        <v>17149</v>
      </c>
      <c r="E8489" t="s">
        <v>33312</v>
      </c>
      <c r="F8489">
        <v>4</v>
      </c>
      <c r="G8489" t="s">
        <v>10</v>
      </c>
      <c r="H8489" t="s">
        <v>17150</v>
      </c>
      <c r="I8489" t="s">
        <v>30540</v>
      </c>
    </row>
    <row r="8490" spans="1:9">
      <c r="A8490" s="1">
        <v>6.3380792078357007E-2</v>
      </c>
      <c r="B8490" s="1"/>
      <c r="C8490">
        <v>7</v>
      </c>
      <c r="D8490" t="s">
        <v>17151</v>
      </c>
      <c r="E8490" t="s">
        <v>33312</v>
      </c>
      <c r="F8490">
        <v>4</v>
      </c>
      <c r="G8490" t="s">
        <v>9</v>
      </c>
      <c r="H8490" t="s">
        <v>17152</v>
      </c>
      <c r="I8490" t="s">
        <v>30540</v>
      </c>
    </row>
    <row r="8491" spans="1:9">
      <c r="A8491" s="1">
        <v>0.30944281832721554</v>
      </c>
      <c r="B8491" s="1"/>
      <c r="C8491">
        <v>2</v>
      </c>
      <c r="D8491" t="s">
        <v>17147</v>
      </c>
      <c r="E8491" t="s">
        <v>33312</v>
      </c>
      <c r="F8491">
        <v>4</v>
      </c>
      <c r="G8491" t="s">
        <v>0</v>
      </c>
      <c r="H8491" t="s">
        <v>17148</v>
      </c>
      <c r="I8491" t="s">
        <v>30540</v>
      </c>
    </row>
    <row r="8492" spans="1:9">
      <c r="A8492" s="1">
        <v>0.51035689569346909</v>
      </c>
      <c r="B8492" s="1"/>
      <c r="C8492">
        <v>1</v>
      </c>
      <c r="D8492" t="s">
        <v>17145</v>
      </c>
      <c r="E8492" t="s">
        <v>33312</v>
      </c>
      <c r="F8492">
        <v>4</v>
      </c>
      <c r="G8492" t="s">
        <v>2</v>
      </c>
      <c r="H8492" t="s">
        <v>17146</v>
      </c>
      <c r="I8492" t="s">
        <v>30540</v>
      </c>
    </row>
    <row r="8493" spans="1:9">
      <c r="A8493" s="1">
        <v>0.47504159616051944</v>
      </c>
      <c r="B8493" s="1"/>
      <c r="C8493">
        <v>9</v>
      </c>
      <c r="D8493" t="s">
        <v>17153</v>
      </c>
      <c r="E8493" t="s">
        <v>33312</v>
      </c>
      <c r="F8493">
        <v>4</v>
      </c>
      <c r="G8493" t="s">
        <v>14</v>
      </c>
      <c r="H8493" t="s">
        <v>17154</v>
      </c>
      <c r="I8493" t="s">
        <v>30540</v>
      </c>
    </row>
    <row r="8494" spans="1:9">
      <c r="A8494" s="1">
        <v>0.24473028212759074</v>
      </c>
      <c r="B8494" s="1"/>
      <c r="C8494">
        <v>8</v>
      </c>
      <c r="D8494" t="s">
        <v>17143</v>
      </c>
      <c r="E8494" t="s">
        <v>33313</v>
      </c>
      <c r="F8494">
        <v>4</v>
      </c>
      <c r="G8494" t="s">
        <v>14</v>
      </c>
      <c r="H8494" t="s">
        <v>17144</v>
      </c>
      <c r="I8494" t="s">
        <v>30540</v>
      </c>
    </row>
    <row r="8495" spans="1:9">
      <c r="A8495" s="1">
        <v>0.6346726345257413</v>
      </c>
      <c r="B8495" s="1"/>
      <c r="C8495">
        <v>7</v>
      </c>
      <c r="D8495" t="s">
        <v>17133</v>
      </c>
      <c r="E8495" t="s">
        <v>33314</v>
      </c>
      <c r="F8495">
        <v>4</v>
      </c>
      <c r="G8495" t="s">
        <v>1</v>
      </c>
      <c r="H8495" t="s">
        <v>17134</v>
      </c>
      <c r="I8495" t="s">
        <v>30540</v>
      </c>
    </row>
    <row r="8496" spans="1:9">
      <c r="A8496" s="1">
        <v>4.8630062580825584E-2</v>
      </c>
      <c r="B8496" s="1"/>
      <c r="C8496">
        <v>12</v>
      </c>
      <c r="D8496" t="s">
        <v>17137</v>
      </c>
      <c r="E8496" t="s">
        <v>33314</v>
      </c>
      <c r="F8496">
        <v>4</v>
      </c>
      <c r="G8496" t="s">
        <v>14</v>
      </c>
      <c r="H8496" t="s">
        <v>17138</v>
      </c>
      <c r="I8496" t="s">
        <v>30540</v>
      </c>
    </row>
    <row r="8497" spans="1:9">
      <c r="A8497" s="1">
        <v>0.94883362982321651</v>
      </c>
      <c r="B8497" s="1"/>
      <c r="C8497">
        <v>13</v>
      </c>
      <c r="D8497" t="s">
        <v>17139</v>
      </c>
      <c r="E8497" t="s">
        <v>33314</v>
      </c>
      <c r="F8497">
        <v>4</v>
      </c>
      <c r="G8497" t="s">
        <v>9</v>
      </c>
      <c r="H8497" t="s">
        <v>17140</v>
      </c>
      <c r="I8497" t="s">
        <v>30540</v>
      </c>
    </row>
    <row r="8498" spans="1:9">
      <c r="A8498" s="1">
        <v>0.77266591338291446</v>
      </c>
      <c r="B8498" s="1"/>
      <c r="C8498">
        <v>11</v>
      </c>
      <c r="D8498" t="s">
        <v>17135</v>
      </c>
      <c r="E8498" t="s">
        <v>33314</v>
      </c>
      <c r="F8498">
        <v>4</v>
      </c>
      <c r="G8498" t="s">
        <v>10</v>
      </c>
      <c r="H8498" t="s">
        <v>17136</v>
      </c>
      <c r="I8498" t="s">
        <v>30540</v>
      </c>
    </row>
    <row r="8499" spans="1:9">
      <c r="A8499" s="1">
        <v>0.17323795931662078</v>
      </c>
      <c r="B8499" s="1"/>
      <c r="C8499">
        <v>17</v>
      </c>
      <c r="D8499" t="s">
        <v>17131</v>
      </c>
      <c r="E8499" t="s">
        <v>33315</v>
      </c>
      <c r="F8499">
        <v>5</v>
      </c>
      <c r="G8499" t="s">
        <v>10</v>
      </c>
      <c r="H8499" t="s">
        <v>17132</v>
      </c>
      <c r="I8499" t="s">
        <v>30540</v>
      </c>
    </row>
    <row r="8500" spans="1:9">
      <c r="A8500" s="1">
        <v>0.84647313727962703</v>
      </c>
      <c r="B8500" s="1"/>
      <c r="C8500">
        <v>3</v>
      </c>
      <c r="D8500" t="s">
        <v>17122</v>
      </c>
      <c r="E8500" t="s">
        <v>33315</v>
      </c>
      <c r="F8500">
        <v>4</v>
      </c>
      <c r="G8500" t="s">
        <v>15</v>
      </c>
      <c r="H8500" t="s">
        <v>17123</v>
      </c>
      <c r="I8500" t="s">
        <v>30540</v>
      </c>
    </row>
    <row r="8501" spans="1:9">
      <c r="A8501" s="1">
        <v>0.64548884936367201</v>
      </c>
      <c r="B8501" s="1"/>
      <c r="C8501">
        <v>10</v>
      </c>
      <c r="D8501" t="s">
        <v>17126</v>
      </c>
      <c r="E8501" t="s">
        <v>33315</v>
      </c>
      <c r="F8501">
        <v>4</v>
      </c>
      <c r="G8501" t="s">
        <v>17127</v>
      </c>
      <c r="H8501" t="s">
        <v>17128</v>
      </c>
      <c r="I8501" t="s">
        <v>30540</v>
      </c>
    </row>
    <row r="8502" spans="1:9">
      <c r="A8502" s="1">
        <v>0.12388166772150622</v>
      </c>
      <c r="B8502" s="1"/>
      <c r="C8502">
        <v>16</v>
      </c>
      <c r="D8502" t="s">
        <v>17120</v>
      </c>
      <c r="E8502" t="s">
        <v>33316</v>
      </c>
      <c r="F8502">
        <v>4</v>
      </c>
      <c r="G8502" t="s">
        <v>14</v>
      </c>
      <c r="H8502" t="s">
        <v>17121</v>
      </c>
      <c r="I8502" t="s">
        <v>30540</v>
      </c>
    </row>
    <row r="8503" spans="1:9">
      <c r="A8503" s="1">
        <v>0.35911422682753547</v>
      </c>
      <c r="B8503" s="1"/>
      <c r="C8503">
        <v>2</v>
      </c>
      <c r="D8503" t="s">
        <v>17114</v>
      </c>
      <c r="E8503" t="s">
        <v>33316</v>
      </c>
      <c r="F8503">
        <v>4</v>
      </c>
      <c r="G8503" t="s">
        <v>2</v>
      </c>
      <c r="H8503" t="s">
        <v>17115</v>
      </c>
      <c r="I8503" t="s">
        <v>30540</v>
      </c>
    </row>
    <row r="8504" spans="1:9">
      <c r="A8504" s="1">
        <v>0.8807002075473519</v>
      </c>
      <c r="B8504" s="1"/>
      <c r="C8504">
        <v>15</v>
      </c>
      <c r="D8504" t="s">
        <v>17118</v>
      </c>
      <c r="E8504" t="s">
        <v>33316</v>
      </c>
      <c r="F8504">
        <v>3</v>
      </c>
      <c r="G8504" t="s">
        <v>14</v>
      </c>
      <c r="H8504" t="s">
        <v>17119</v>
      </c>
      <c r="I8504" t="s">
        <v>30540</v>
      </c>
    </row>
    <row r="8505" spans="1:9">
      <c r="A8505" s="1">
        <v>0.92758170778210847</v>
      </c>
      <c r="B8505" s="1"/>
      <c r="C8505">
        <v>12</v>
      </c>
      <c r="D8505" t="s">
        <v>21240</v>
      </c>
      <c r="E8505" t="s">
        <v>33317</v>
      </c>
      <c r="F8505">
        <v>4</v>
      </c>
      <c r="G8505" t="s">
        <v>2</v>
      </c>
      <c r="H8505" t="s">
        <v>21241</v>
      </c>
      <c r="I8505" t="s">
        <v>30540</v>
      </c>
    </row>
    <row r="8506" spans="1:9">
      <c r="A8506" s="1">
        <v>0.49916474358748575</v>
      </c>
      <c r="B8506" s="1"/>
      <c r="C8506">
        <v>19</v>
      </c>
      <c r="D8506" t="s">
        <v>21242</v>
      </c>
      <c r="E8506" t="s">
        <v>33317</v>
      </c>
      <c r="F8506">
        <v>4</v>
      </c>
      <c r="G8506" t="s">
        <v>10</v>
      </c>
      <c r="H8506" t="s">
        <v>21243</v>
      </c>
      <c r="I8506" t="s">
        <v>30540</v>
      </c>
    </row>
    <row r="8507" spans="1:9">
      <c r="A8507" s="1">
        <v>0.80550180877847033</v>
      </c>
      <c r="B8507" s="1"/>
      <c r="C8507">
        <v>8</v>
      </c>
      <c r="D8507" t="s">
        <v>21236</v>
      </c>
      <c r="E8507" t="s">
        <v>33318</v>
      </c>
      <c r="F8507">
        <v>4</v>
      </c>
      <c r="G8507" t="s">
        <v>13</v>
      </c>
      <c r="H8507" t="s">
        <v>21237</v>
      </c>
      <c r="I8507" t="s">
        <v>30540</v>
      </c>
    </row>
    <row r="8508" spans="1:9">
      <c r="A8508" s="1">
        <v>0.25148111417100039</v>
      </c>
      <c r="B8508" s="1"/>
      <c r="C8508">
        <v>9</v>
      </c>
      <c r="D8508" t="s">
        <v>21238</v>
      </c>
      <c r="E8508" t="s">
        <v>33318</v>
      </c>
      <c r="F8508">
        <v>4</v>
      </c>
      <c r="G8508" t="s">
        <v>14</v>
      </c>
      <c r="H8508" t="s">
        <v>21239</v>
      </c>
      <c r="I8508" t="s">
        <v>30540</v>
      </c>
    </row>
    <row r="8509" spans="1:9">
      <c r="A8509" s="1">
        <v>0.163032235836016</v>
      </c>
      <c r="B8509" s="1"/>
      <c r="C8509">
        <v>15</v>
      </c>
      <c r="D8509" t="s">
        <v>21228</v>
      </c>
      <c r="E8509" t="s">
        <v>33319</v>
      </c>
      <c r="F8509">
        <v>5</v>
      </c>
      <c r="G8509" t="s">
        <v>14</v>
      </c>
      <c r="H8509" t="s">
        <v>21229</v>
      </c>
      <c r="I8509" t="s">
        <v>30540</v>
      </c>
    </row>
    <row r="8510" spans="1:9">
      <c r="A8510" s="1">
        <v>0.96540007227327573</v>
      </c>
      <c r="B8510" s="1"/>
      <c r="C8510">
        <v>8</v>
      </c>
      <c r="D8510" t="s">
        <v>21224</v>
      </c>
      <c r="E8510" t="s">
        <v>33319</v>
      </c>
      <c r="F8510">
        <v>4</v>
      </c>
      <c r="G8510" t="s">
        <v>13</v>
      </c>
      <c r="H8510" t="s">
        <v>21225</v>
      </c>
      <c r="I8510" t="s">
        <v>30540</v>
      </c>
    </row>
    <row r="8511" spans="1:9">
      <c r="A8511" s="1">
        <v>0.27976100036255647</v>
      </c>
      <c r="B8511" s="1"/>
      <c r="C8511">
        <v>13</v>
      </c>
      <c r="D8511" t="s">
        <v>21226</v>
      </c>
      <c r="E8511" t="s">
        <v>33319</v>
      </c>
      <c r="F8511">
        <v>4</v>
      </c>
      <c r="G8511" t="s">
        <v>0</v>
      </c>
      <c r="H8511" t="s">
        <v>21227</v>
      </c>
      <c r="I8511" t="s">
        <v>30540</v>
      </c>
    </row>
    <row r="8512" spans="1:9">
      <c r="A8512" s="1">
        <v>5.511027810975655E-2</v>
      </c>
      <c r="B8512" s="1"/>
      <c r="C8512">
        <v>4</v>
      </c>
      <c r="D8512" t="s">
        <v>21220</v>
      </c>
      <c r="E8512" t="s">
        <v>33319</v>
      </c>
      <c r="F8512">
        <v>4</v>
      </c>
      <c r="G8512" t="s">
        <v>10</v>
      </c>
      <c r="H8512" t="s">
        <v>21221</v>
      </c>
      <c r="I8512" t="s">
        <v>30540</v>
      </c>
    </row>
    <row r="8513" spans="1:9">
      <c r="A8513" s="1">
        <v>0.51849354573863837</v>
      </c>
      <c r="B8513" s="1"/>
      <c r="C8513">
        <v>5</v>
      </c>
      <c r="D8513" t="s">
        <v>21222</v>
      </c>
      <c r="E8513" t="s">
        <v>33319</v>
      </c>
      <c r="F8513">
        <v>4</v>
      </c>
      <c r="G8513" t="s">
        <v>14</v>
      </c>
      <c r="H8513" t="s">
        <v>21223</v>
      </c>
      <c r="I8513" t="s">
        <v>30540</v>
      </c>
    </row>
    <row r="8514" spans="1:9">
      <c r="A8514" s="1">
        <v>0.18386439095819718</v>
      </c>
      <c r="B8514" s="1"/>
      <c r="C8514">
        <v>1</v>
      </c>
      <c r="D8514" t="s">
        <v>21204</v>
      </c>
      <c r="E8514" t="s">
        <v>33320</v>
      </c>
      <c r="F8514">
        <v>5</v>
      </c>
      <c r="G8514" t="s">
        <v>10</v>
      </c>
      <c r="H8514" t="s">
        <v>21205</v>
      </c>
      <c r="I8514" t="s">
        <v>30540</v>
      </c>
    </row>
    <row r="8515" spans="1:9">
      <c r="A8515" s="1">
        <v>0.5265751417150234</v>
      </c>
      <c r="B8515" s="1"/>
      <c r="C8515">
        <v>3</v>
      </c>
      <c r="D8515" t="s">
        <v>21206</v>
      </c>
      <c r="E8515" t="s">
        <v>33320</v>
      </c>
      <c r="F8515">
        <v>5</v>
      </c>
      <c r="G8515" t="s">
        <v>15</v>
      </c>
      <c r="H8515" t="s">
        <v>21207</v>
      </c>
      <c r="I8515" t="s">
        <v>30540</v>
      </c>
    </row>
    <row r="8516" spans="1:9">
      <c r="A8516" s="1">
        <v>0.5888562266353401</v>
      </c>
      <c r="B8516" s="1"/>
      <c r="C8516">
        <v>5</v>
      </c>
      <c r="D8516" t="s">
        <v>21210</v>
      </c>
      <c r="E8516" t="s">
        <v>33320</v>
      </c>
      <c r="F8516">
        <v>5</v>
      </c>
      <c r="G8516" t="s">
        <v>14</v>
      </c>
      <c r="H8516" t="s">
        <v>21211</v>
      </c>
      <c r="I8516" t="s">
        <v>30540</v>
      </c>
    </row>
    <row r="8517" spans="1:9">
      <c r="A8517" s="1">
        <v>0.57368474656298629</v>
      </c>
      <c r="B8517" s="1"/>
      <c r="C8517">
        <v>4</v>
      </c>
      <c r="D8517" t="s">
        <v>21208</v>
      </c>
      <c r="E8517" t="s">
        <v>33320</v>
      </c>
      <c r="F8517">
        <v>4</v>
      </c>
      <c r="G8517" t="s">
        <v>9</v>
      </c>
      <c r="H8517" t="s">
        <v>21209</v>
      </c>
      <c r="I8517" t="s">
        <v>30540</v>
      </c>
    </row>
    <row r="8518" spans="1:9">
      <c r="A8518" s="1">
        <v>0.42577126567988088</v>
      </c>
      <c r="B8518" s="1"/>
      <c r="C8518">
        <v>8</v>
      </c>
      <c r="D8518" t="s">
        <v>21214</v>
      </c>
      <c r="E8518" t="s">
        <v>33320</v>
      </c>
      <c r="F8518">
        <v>4</v>
      </c>
      <c r="G8518" t="s">
        <v>14</v>
      </c>
      <c r="H8518" t="s">
        <v>21215</v>
      </c>
      <c r="I8518" t="s">
        <v>30540</v>
      </c>
    </row>
    <row r="8519" spans="1:9">
      <c r="A8519" s="1">
        <v>0.40235189324861376</v>
      </c>
      <c r="B8519" s="1"/>
      <c r="C8519">
        <v>10</v>
      </c>
      <c r="D8519" t="s">
        <v>21216</v>
      </c>
      <c r="E8519" t="s">
        <v>33320</v>
      </c>
      <c r="F8519">
        <v>4</v>
      </c>
      <c r="G8519" t="s">
        <v>14</v>
      </c>
      <c r="H8519" t="s">
        <v>21217</v>
      </c>
      <c r="I8519" t="s">
        <v>30540</v>
      </c>
    </row>
    <row r="8520" spans="1:9">
      <c r="A8520" s="1">
        <v>0.52430053980812763</v>
      </c>
      <c r="B8520" s="1"/>
      <c r="C8520">
        <v>11</v>
      </c>
      <c r="D8520" t="s">
        <v>21218</v>
      </c>
      <c r="E8520" t="s">
        <v>33320</v>
      </c>
      <c r="F8520">
        <v>4</v>
      </c>
      <c r="G8520" t="s">
        <v>14</v>
      </c>
      <c r="H8520" t="s">
        <v>21219</v>
      </c>
      <c r="I8520" t="s">
        <v>30540</v>
      </c>
    </row>
    <row r="8521" spans="1:9">
      <c r="A8521" s="1">
        <v>0.60721716836298922</v>
      </c>
      <c r="B8521" s="1"/>
      <c r="C8521">
        <v>7</v>
      </c>
      <c r="D8521" t="s">
        <v>21212</v>
      </c>
      <c r="E8521" t="s">
        <v>33320</v>
      </c>
      <c r="F8521">
        <v>4</v>
      </c>
      <c r="G8521" t="s">
        <v>14</v>
      </c>
      <c r="H8521" t="s">
        <v>21213</v>
      </c>
      <c r="I8521" t="s">
        <v>30540</v>
      </c>
    </row>
    <row r="8522" spans="1:9">
      <c r="A8522" s="1">
        <v>0.15887744792333769</v>
      </c>
      <c r="B8522" s="1"/>
      <c r="C8522">
        <v>12</v>
      </c>
      <c r="D8522" t="s">
        <v>21202</v>
      </c>
      <c r="E8522" t="s">
        <v>33321</v>
      </c>
      <c r="F8522">
        <v>4</v>
      </c>
      <c r="G8522" t="s">
        <v>14</v>
      </c>
      <c r="H8522" t="s">
        <v>21203</v>
      </c>
      <c r="I8522" t="s">
        <v>30540</v>
      </c>
    </row>
    <row r="8523" spans="1:9">
      <c r="A8523" s="1">
        <v>1.5910188996175134E-2</v>
      </c>
      <c r="B8523" s="1"/>
      <c r="C8523">
        <v>3</v>
      </c>
      <c r="D8523" t="s">
        <v>21196</v>
      </c>
      <c r="E8523" t="s">
        <v>33321</v>
      </c>
      <c r="F8523">
        <v>4</v>
      </c>
      <c r="G8523" t="s">
        <v>14</v>
      </c>
      <c r="H8523" t="s">
        <v>21197</v>
      </c>
      <c r="I8523" t="s">
        <v>30540</v>
      </c>
    </row>
    <row r="8524" spans="1:9">
      <c r="A8524" s="1">
        <v>0.52257317364971401</v>
      </c>
      <c r="B8524" s="1"/>
      <c r="C8524">
        <v>12</v>
      </c>
      <c r="D8524" t="s">
        <v>21188</v>
      </c>
      <c r="E8524" t="s">
        <v>33322</v>
      </c>
      <c r="F8524">
        <v>5</v>
      </c>
      <c r="G8524" t="s">
        <v>3732</v>
      </c>
      <c r="H8524" t="s">
        <v>21189</v>
      </c>
      <c r="I8524" t="s">
        <v>30540</v>
      </c>
    </row>
    <row r="8525" spans="1:9">
      <c r="A8525" s="1">
        <v>0.47339315992087971</v>
      </c>
      <c r="B8525" s="1"/>
      <c r="C8525">
        <v>15</v>
      </c>
      <c r="D8525" t="s">
        <v>21190</v>
      </c>
      <c r="E8525" t="s">
        <v>33322</v>
      </c>
      <c r="F8525">
        <v>4</v>
      </c>
      <c r="G8525" t="s">
        <v>3107</v>
      </c>
      <c r="H8525" t="s">
        <v>21191</v>
      </c>
      <c r="I8525" t="s">
        <v>30540</v>
      </c>
    </row>
    <row r="8526" spans="1:9">
      <c r="A8526" s="1">
        <v>0.58375690214226539</v>
      </c>
      <c r="B8526" s="1"/>
      <c r="C8526">
        <v>4</v>
      </c>
      <c r="D8526" t="s">
        <v>21186</v>
      </c>
      <c r="E8526" t="s">
        <v>33322</v>
      </c>
      <c r="F8526">
        <v>4</v>
      </c>
      <c r="G8526" t="s">
        <v>1431</v>
      </c>
      <c r="H8526" t="s">
        <v>21187</v>
      </c>
      <c r="I8526" t="s">
        <v>30540</v>
      </c>
    </row>
    <row r="8527" spans="1:9">
      <c r="A8527" s="1">
        <v>0.10446495794481292</v>
      </c>
      <c r="B8527" s="1"/>
      <c r="C8527">
        <v>17</v>
      </c>
      <c r="D8527" t="s">
        <v>21192</v>
      </c>
      <c r="E8527" t="s">
        <v>33322</v>
      </c>
      <c r="F8527">
        <v>4</v>
      </c>
      <c r="G8527" t="s">
        <v>10</v>
      </c>
      <c r="H8527" t="s">
        <v>21193</v>
      </c>
      <c r="I8527" t="s">
        <v>30540</v>
      </c>
    </row>
    <row r="8528" spans="1:9">
      <c r="A8528" s="1">
        <v>0.89413701526341782</v>
      </c>
      <c r="B8528" s="1"/>
      <c r="C8528">
        <v>1</v>
      </c>
      <c r="D8528" t="s">
        <v>21184</v>
      </c>
      <c r="E8528" t="s">
        <v>33323</v>
      </c>
      <c r="F8528">
        <v>5</v>
      </c>
      <c r="G8528" t="s">
        <v>2</v>
      </c>
      <c r="H8528" t="s">
        <v>21185</v>
      </c>
      <c r="I8528" t="s">
        <v>30540</v>
      </c>
    </row>
    <row r="8529" spans="1:9">
      <c r="A8529" s="1">
        <v>0.92670953955536151</v>
      </c>
      <c r="B8529" s="1"/>
      <c r="C8529">
        <v>3</v>
      </c>
      <c r="D8529" t="s">
        <v>21176</v>
      </c>
      <c r="E8529" t="s">
        <v>33324</v>
      </c>
      <c r="F8529">
        <v>4</v>
      </c>
      <c r="G8529" t="s">
        <v>9</v>
      </c>
      <c r="H8529" t="s">
        <v>21177</v>
      </c>
      <c r="I8529" t="s">
        <v>30540</v>
      </c>
    </row>
    <row r="8530" spans="1:9">
      <c r="A8530" s="1">
        <v>0.50834179883341724</v>
      </c>
      <c r="B8530" s="1"/>
      <c r="C8530">
        <v>10</v>
      </c>
      <c r="D8530" t="s">
        <v>21180</v>
      </c>
      <c r="E8530" t="s">
        <v>33324</v>
      </c>
      <c r="F8530">
        <v>4</v>
      </c>
      <c r="G8530" t="s">
        <v>1</v>
      </c>
      <c r="H8530" t="s">
        <v>21181</v>
      </c>
      <c r="I8530" t="s">
        <v>30540</v>
      </c>
    </row>
    <row r="8531" spans="1:9">
      <c r="A8531" s="1">
        <v>0.67058885873635421</v>
      </c>
      <c r="B8531" s="1"/>
      <c r="C8531">
        <v>1</v>
      </c>
      <c r="D8531" t="s">
        <v>21174</v>
      </c>
      <c r="E8531" t="s">
        <v>33324</v>
      </c>
      <c r="F8531">
        <v>4</v>
      </c>
      <c r="G8531" t="s">
        <v>13</v>
      </c>
      <c r="H8531" t="s">
        <v>21175</v>
      </c>
      <c r="I8531" t="s">
        <v>30540</v>
      </c>
    </row>
    <row r="8532" spans="1:9">
      <c r="A8532" s="1">
        <v>0.61223984461755365</v>
      </c>
      <c r="B8532" s="1"/>
      <c r="C8532">
        <v>13</v>
      </c>
      <c r="D8532" t="s">
        <v>21172</v>
      </c>
      <c r="E8532" t="s">
        <v>33325</v>
      </c>
      <c r="F8532">
        <v>5</v>
      </c>
      <c r="G8532" t="s">
        <v>14</v>
      </c>
      <c r="H8532" t="s">
        <v>21173</v>
      </c>
      <c r="I8532" t="s">
        <v>30540</v>
      </c>
    </row>
    <row r="8533" spans="1:9">
      <c r="A8533" s="1">
        <v>0.86322776929258693</v>
      </c>
      <c r="B8533" s="1"/>
      <c r="C8533">
        <v>8</v>
      </c>
      <c r="D8533" t="s">
        <v>21166</v>
      </c>
      <c r="E8533" t="s">
        <v>33325</v>
      </c>
      <c r="F8533">
        <v>4</v>
      </c>
      <c r="G8533" t="s">
        <v>10</v>
      </c>
      <c r="H8533" t="s">
        <v>21167</v>
      </c>
      <c r="I8533" t="s">
        <v>30540</v>
      </c>
    </row>
    <row r="8534" spans="1:9">
      <c r="A8534" s="1">
        <v>0.17064130503836317</v>
      </c>
      <c r="B8534" s="1"/>
      <c r="C8534">
        <v>1</v>
      </c>
      <c r="D8534" t="s">
        <v>21162</v>
      </c>
      <c r="E8534" t="s">
        <v>33325</v>
      </c>
      <c r="F8534">
        <v>4</v>
      </c>
      <c r="G8534" t="s">
        <v>9</v>
      </c>
      <c r="H8534" t="s">
        <v>21163</v>
      </c>
      <c r="I8534" t="s">
        <v>30540</v>
      </c>
    </row>
    <row r="8535" spans="1:9">
      <c r="A8535" s="1">
        <v>0.61402107542570594</v>
      </c>
      <c r="B8535" s="1"/>
      <c r="C8535">
        <v>14</v>
      </c>
      <c r="D8535" t="s">
        <v>21160</v>
      </c>
      <c r="E8535" t="s">
        <v>33326</v>
      </c>
      <c r="F8535">
        <v>4</v>
      </c>
      <c r="G8535" t="s">
        <v>10</v>
      </c>
      <c r="H8535" t="s">
        <v>21161</v>
      </c>
      <c r="I8535" t="s">
        <v>30540</v>
      </c>
    </row>
    <row r="8536" spans="1:9">
      <c r="A8536" s="1">
        <v>0.52069659020415304</v>
      </c>
      <c r="B8536" s="1"/>
      <c r="C8536">
        <v>13</v>
      </c>
      <c r="D8536" t="s">
        <v>21158</v>
      </c>
      <c r="E8536" t="s">
        <v>33326</v>
      </c>
      <c r="F8536">
        <v>4</v>
      </c>
      <c r="G8536" t="s">
        <v>10</v>
      </c>
      <c r="H8536" t="s">
        <v>21159</v>
      </c>
      <c r="I8536" t="s">
        <v>30540</v>
      </c>
    </row>
    <row r="8537" spans="1:9">
      <c r="A8537" s="1">
        <v>0.24293742826535714</v>
      </c>
      <c r="B8537" s="1"/>
      <c r="C8537">
        <v>11</v>
      </c>
      <c r="D8537" t="s">
        <v>21156</v>
      </c>
      <c r="E8537" t="s">
        <v>33326</v>
      </c>
      <c r="F8537">
        <v>4</v>
      </c>
      <c r="G8537" t="s">
        <v>10</v>
      </c>
      <c r="H8537" t="s">
        <v>21157</v>
      </c>
      <c r="I8537" t="s">
        <v>30540</v>
      </c>
    </row>
    <row r="8538" spans="1:9">
      <c r="A8538" s="1">
        <v>2.2830347838197262E-2</v>
      </c>
      <c r="B8538" s="1"/>
      <c r="C8538">
        <v>10</v>
      </c>
      <c r="D8538" t="s">
        <v>21154</v>
      </c>
      <c r="E8538" t="s">
        <v>33326</v>
      </c>
      <c r="F8538">
        <v>4</v>
      </c>
      <c r="G8538" t="s">
        <v>10</v>
      </c>
      <c r="H8538" t="s">
        <v>21155</v>
      </c>
      <c r="I8538" t="s">
        <v>30540</v>
      </c>
    </row>
    <row r="8539" spans="1:9">
      <c r="A8539" s="1">
        <v>0.15070534172283068</v>
      </c>
      <c r="B8539" s="1"/>
      <c r="C8539">
        <v>12</v>
      </c>
      <c r="D8539" t="s">
        <v>21150</v>
      </c>
      <c r="E8539" t="s">
        <v>33327</v>
      </c>
      <c r="F8539">
        <v>4</v>
      </c>
      <c r="G8539" t="s">
        <v>10</v>
      </c>
      <c r="H8539" t="s">
        <v>21151</v>
      </c>
      <c r="I8539" t="s">
        <v>30540</v>
      </c>
    </row>
    <row r="8540" spans="1:9">
      <c r="A8540" s="1">
        <v>0.36526321688543295</v>
      </c>
      <c r="B8540" s="1"/>
      <c r="C8540">
        <v>1</v>
      </c>
      <c r="D8540" t="s">
        <v>21148</v>
      </c>
      <c r="E8540" t="s">
        <v>33327</v>
      </c>
      <c r="F8540">
        <v>4</v>
      </c>
      <c r="G8540" t="s">
        <v>9</v>
      </c>
      <c r="H8540" t="s">
        <v>21149</v>
      </c>
      <c r="I8540" t="s">
        <v>30540</v>
      </c>
    </row>
    <row r="8541" spans="1:9">
      <c r="A8541" s="1">
        <v>0.70867248257635562</v>
      </c>
      <c r="B8541" s="1"/>
      <c r="C8541">
        <v>17</v>
      </c>
      <c r="D8541" t="s">
        <v>21152</v>
      </c>
      <c r="E8541" t="s">
        <v>33327</v>
      </c>
      <c r="F8541">
        <v>4</v>
      </c>
      <c r="G8541" t="s">
        <v>762</v>
      </c>
      <c r="H8541" t="s">
        <v>21153</v>
      </c>
      <c r="I8541" t="s">
        <v>30540</v>
      </c>
    </row>
    <row r="8542" spans="1:9">
      <c r="A8542" s="1">
        <v>0.47807997350525799</v>
      </c>
      <c r="B8542" s="1"/>
      <c r="C8542">
        <v>8</v>
      </c>
      <c r="D8542" t="s">
        <v>21146</v>
      </c>
      <c r="E8542" t="s">
        <v>33328</v>
      </c>
      <c r="F8542">
        <v>3</v>
      </c>
      <c r="G8542" t="s">
        <v>0</v>
      </c>
      <c r="H8542" t="s">
        <v>21147</v>
      </c>
      <c r="I8542" t="s">
        <v>30540</v>
      </c>
    </row>
    <row r="8543" spans="1:9">
      <c r="A8543" s="1">
        <v>0.55250108876935666</v>
      </c>
      <c r="B8543" s="1"/>
      <c r="C8543">
        <v>11</v>
      </c>
      <c r="D8543" t="s">
        <v>21138</v>
      </c>
      <c r="E8543" t="s">
        <v>33329</v>
      </c>
      <c r="F8543">
        <v>5</v>
      </c>
      <c r="G8543" t="s">
        <v>9</v>
      </c>
      <c r="H8543" t="s">
        <v>21139</v>
      </c>
      <c r="I8543" t="s">
        <v>30540</v>
      </c>
    </row>
    <row r="8544" spans="1:9">
      <c r="A8544" s="1">
        <v>0.91877168086394334</v>
      </c>
      <c r="B8544" s="1"/>
      <c r="C8544">
        <v>1</v>
      </c>
      <c r="D8544" t="s">
        <v>21134</v>
      </c>
      <c r="E8544" t="s">
        <v>33329</v>
      </c>
      <c r="F8544">
        <v>5</v>
      </c>
      <c r="G8544" t="s">
        <v>10</v>
      </c>
      <c r="H8544" t="s">
        <v>21135</v>
      </c>
      <c r="I8544" t="s">
        <v>30540</v>
      </c>
    </row>
    <row r="8545" spans="1:9">
      <c r="A8545" s="1">
        <v>0.9936838870768806</v>
      </c>
      <c r="B8545" s="1"/>
      <c r="C8545">
        <v>14</v>
      </c>
      <c r="D8545" t="s">
        <v>21140</v>
      </c>
      <c r="E8545" t="s">
        <v>33329</v>
      </c>
      <c r="F8545">
        <v>4</v>
      </c>
      <c r="G8545" t="s">
        <v>14</v>
      </c>
      <c r="H8545" t="s">
        <v>21141</v>
      </c>
      <c r="I8545" t="s">
        <v>30540</v>
      </c>
    </row>
    <row r="8546" spans="1:9">
      <c r="A8546" s="1">
        <v>0.33647648137677899</v>
      </c>
      <c r="B8546" s="1"/>
      <c r="C8546">
        <v>16</v>
      </c>
      <c r="D8546" t="s">
        <v>21142</v>
      </c>
      <c r="E8546" t="s">
        <v>33329</v>
      </c>
      <c r="F8546">
        <v>4</v>
      </c>
      <c r="G8546" t="s">
        <v>14</v>
      </c>
      <c r="H8546" t="s">
        <v>21143</v>
      </c>
      <c r="I8546" t="s">
        <v>30540</v>
      </c>
    </row>
    <row r="8547" spans="1:9">
      <c r="A8547" s="1">
        <v>5.1765890621029209E-2</v>
      </c>
      <c r="B8547" s="1"/>
      <c r="C8547">
        <v>9</v>
      </c>
      <c r="D8547" t="s">
        <v>21136</v>
      </c>
      <c r="E8547" t="s">
        <v>33329</v>
      </c>
      <c r="F8547">
        <v>4</v>
      </c>
      <c r="G8547" t="s">
        <v>10</v>
      </c>
      <c r="H8547" t="s">
        <v>21137</v>
      </c>
      <c r="I8547" t="s">
        <v>30540</v>
      </c>
    </row>
    <row r="8548" spans="1:9">
      <c r="A8548" s="1">
        <v>0.59128676257957546</v>
      </c>
      <c r="B8548" s="1"/>
      <c r="C8548">
        <v>10</v>
      </c>
      <c r="D8548" t="s">
        <v>21132</v>
      </c>
      <c r="E8548" t="s">
        <v>33330</v>
      </c>
      <c r="F8548">
        <v>4</v>
      </c>
      <c r="G8548" t="s">
        <v>14</v>
      </c>
      <c r="H8548" t="s">
        <v>21133</v>
      </c>
      <c r="I8548" t="s">
        <v>30540</v>
      </c>
    </row>
    <row r="8549" spans="1:9">
      <c r="A8549" s="1">
        <v>0.18883244739392679</v>
      </c>
      <c r="B8549" s="1"/>
      <c r="C8549">
        <v>8</v>
      </c>
      <c r="D8549" t="s">
        <v>21126</v>
      </c>
      <c r="E8549" t="s">
        <v>33331</v>
      </c>
      <c r="F8549">
        <v>5</v>
      </c>
      <c r="G8549" t="s">
        <v>14</v>
      </c>
      <c r="H8549" t="s">
        <v>21127</v>
      </c>
      <c r="I8549" t="s">
        <v>30540</v>
      </c>
    </row>
    <row r="8550" spans="1:9">
      <c r="A8550" s="1">
        <v>4.7244380008050757E-2</v>
      </c>
      <c r="B8550" s="1"/>
      <c r="C8550">
        <v>15</v>
      </c>
      <c r="D8550" t="s">
        <v>21130</v>
      </c>
      <c r="E8550" t="s">
        <v>33331</v>
      </c>
      <c r="F8550">
        <v>4</v>
      </c>
      <c r="G8550" t="s">
        <v>14</v>
      </c>
      <c r="H8550" t="s">
        <v>21131</v>
      </c>
      <c r="I8550" t="s">
        <v>30540</v>
      </c>
    </row>
    <row r="8551" spans="1:9">
      <c r="A8551" s="1">
        <v>0.34818274135919669</v>
      </c>
      <c r="B8551" s="1"/>
      <c r="C8551">
        <v>14</v>
      </c>
      <c r="D8551" t="s">
        <v>21128</v>
      </c>
      <c r="E8551" t="s">
        <v>33331</v>
      </c>
      <c r="F8551">
        <v>4</v>
      </c>
      <c r="G8551" t="s">
        <v>14</v>
      </c>
      <c r="H8551" t="s">
        <v>21129</v>
      </c>
      <c r="I8551" t="s">
        <v>30540</v>
      </c>
    </row>
    <row r="8552" spans="1:9">
      <c r="A8552" s="1">
        <v>0.77663663521582993</v>
      </c>
      <c r="B8552" s="1"/>
      <c r="C8552">
        <v>12</v>
      </c>
      <c r="D8552" t="s">
        <v>21120</v>
      </c>
      <c r="E8552" t="s">
        <v>33332</v>
      </c>
      <c r="F8552">
        <v>5</v>
      </c>
      <c r="G8552" t="s">
        <v>1431</v>
      </c>
      <c r="H8552" t="s">
        <v>21121</v>
      </c>
      <c r="I8552" t="s">
        <v>30540</v>
      </c>
    </row>
    <row r="8553" spans="1:9">
      <c r="A8553" s="1">
        <v>0.59744807088205953</v>
      </c>
      <c r="B8553" s="1"/>
      <c r="C8553">
        <v>1</v>
      </c>
      <c r="D8553" t="s">
        <v>21118</v>
      </c>
      <c r="E8553" t="s">
        <v>33332</v>
      </c>
      <c r="F8553">
        <v>4</v>
      </c>
      <c r="G8553" t="s">
        <v>775</v>
      </c>
      <c r="H8553" t="s">
        <v>21119</v>
      </c>
      <c r="I8553" t="s">
        <v>30540</v>
      </c>
    </row>
    <row r="8554" spans="1:9">
      <c r="A8554" s="1">
        <v>0.23532580558749361</v>
      </c>
      <c r="B8554" s="1"/>
      <c r="C8554">
        <v>16</v>
      </c>
      <c r="D8554" t="s">
        <v>21122</v>
      </c>
      <c r="E8554" t="s">
        <v>33332</v>
      </c>
      <c r="F8554">
        <v>4</v>
      </c>
      <c r="G8554" t="s">
        <v>2229</v>
      </c>
      <c r="H8554" t="s">
        <v>21123</v>
      </c>
      <c r="I8554" t="s">
        <v>30540</v>
      </c>
    </row>
    <row r="8555" spans="1:9">
      <c r="A8555" s="1">
        <v>0.86969616257106175</v>
      </c>
      <c r="B8555" s="1"/>
      <c r="C8555">
        <v>13</v>
      </c>
      <c r="D8555" t="s">
        <v>21116</v>
      </c>
      <c r="E8555" t="s">
        <v>33333</v>
      </c>
      <c r="F8555">
        <v>5</v>
      </c>
      <c r="G8555" t="s">
        <v>14</v>
      </c>
      <c r="H8555" t="s">
        <v>21117</v>
      </c>
      <c r="I8555" t="s">
        <v>30540</v>
      </c>
    </row>
    <row r="8556" spans="1:9">
      <c r="A8556" s="1">
        <v>0.51233568699763665</v>
      </c>
      <c r="B8556" s="1"/>
      <c r="C8556">
        <v>7</v>
      </c>
      <c r="D8556" t="s">
        <v>21114</v>
      </c>
      <c r="E8556" t="s">
        <v>33333</v>
      </c>
      <c r="F8556">
        <v>4</v>
      </c>
      <c r="G8556" t="s">
        <v>13</v>
      </c>
      <c r="H8556" t="s">
        <v>21115</v>
      </c>
      <c r="I8556" t="s">
        <v>30540</v>
      </c>
    </row>
    <row r="8557" spans="1:9">
      <c r="A8557" s="1">
        <v>0.96641570495472406</v>
      </c>
      <c r="B8557" s="1"/>
      <c r="C8557">
        <v>8</v>
      </c>
      <c r="D8557" t="s">
        <v>21104</v>
      </c>
      <c r="E8557" t="s">
        <v>33334</v>
      </c>
      <c r="F8557">
        <v>5</v>
      </c>
      <c r="G8557" t="s">
        <v>14</v>
      </c>
      <c r="H8557" t="s">
        <v>21105</v>
      </c>
      <c r="I8557" t="s">
        <v>30540</v>
      </c>
    </row>
    <row r="8558" spans="1:9">
      <c r="A8558" s="1">
        <v>0.52695759802938635</v>
      </c>
      <c r="B8558" s="1"/>
      <c r="C8558">
        <v>3</v>
      </c>
      <c r="D8558" t="s">
        <v>21098</v>
      </c>
      <c r="E8558" t="s">
        <v>33334</v>
      </c>
      <c r="F8558">
        <v>5</v>
      </c>
      <c r="G8558" t="s">
        <v>9</v>
      </c>
      <c r="H8558" t="s">
        <v>21099</v>
      </c>
      <c r="I8558" t="s">
        <v>30540</v>
      </c>
    </row>
    <row r="8559" spans="1:9">
      <c r="A8559" s="1">
        <v>0.30792175995470605</v>
      </c>
      <c r="B8559" s="1"/>
      <c r="C8559">
        <v>9</v>
      </c>
      <c r="D8559" t="s">
        <v>21106</v>
      </c>
      <c r="E8559" t="s">
        <v>33334</v>
      </c>
      <c r="F8559">
        <v>4</v>
      </c>
      <c r="G8559" t="s">
        <v>15</v>
      </c>
      <c r="H8559" t="s">
        <v>21107</v>
      </c>
      <c r="I8559" t="s">
        <v>30540</v>
      </c>
    </row>
    <row r="8560" spans="1:9">
      <c r="A8560" s="1">
        <v>0.6780803580698741</v>
      </c>
      <c r="B8560" s="1"/>
      <c r="C8560">
        <v>6</v>
      </c>
      <c r="D8560" t="s">
        <v>21102</v>
      </c>
      <c r="E8560" t="s">
        <v>33334</v>
      </c>
      <c r="F8560">
        <v>4</v>
      </c>
      <c r="G8560" t="s">
        <v>14</v>
      </c>
      <c r="H8560" t="s">
        <v>21103</v>
      </c>
      <c r="I8560" t="s">
        <v>30540</v>
      </c>
    </row>
    <row r="8561" spans="1:9">
      <c r="A8561" s="1">
        <v>0.5450922777641688</v>
      </c>
      <c r="B8561" s="1"/>
      <c r="C8561">
        <v>14</v>
      </c>
      <c r="D8561" t="s">
        <v>21110</v>
      </c>
      <c r="E8561" t="s">
        <v>33334</v>
      </c>
      <c r="F8561">
        <v>4</v>
      </c>
      <c r="G8561" t="s">
        <v>10</v>
      </c>
      <c r="H8561" t="s">
        <v>21111</v>
      </c>
      <c r="I8561" t="s">
        <v>30540</v>
      </c>
    </row>
    <row r="8562" spans="1:9">
      <c r="A8562" s="1">
        <v>9.6828789041484398E-2</v>
      </c>
      <c r="B8562" s="1"/>
      <c r="C8562">
        <v>5</v>
      </c>
      <c r="D8562" t="s">
        <v>21100</v>
      </c>
      <c r="E8562" t="s">
        <v>33334</v>
      </c>
      <c r="F8562">
        <v>4</v>
      </c>
      <c r="G8562" t="s">
        <v>10</v>
      </c>
      <c r="H8562" t="s">
        <v>21101</v>
      </c>
      <c r="I8562" t="s">
        <v>30540</v>
      </c>
    </row>
    <row r="8563" spans="1:9">
      <c r="A8563" s="1">
        <v>0.15892615337048621</v>
      </c>
      <c r="B8563" s="1"/>
      <c r="C8563">
        <v>14</v>
      </c>
      <c r="D8563" t="s">
        <v>21094</v>
      </c>
      <c r="E8563" t="s">
        <v>33335</v>
      </c>
      <c r="F8563">
        <v>5</v>
      </c>
      <c r="G8563" t="s">
        <v>14</v>
      </c>
      <c r="H8563" t="s">
        <v>21095</v>
      </c>
      <c r="I8563" t="s">
        <v>30540</v>
      </c>
    </row>
    <row r="8564" spans="1:9">
      <c r="A8564" s="1">
        <v>0.49426980722821023</v>
      </c>
      <c r="B8564" s="1"/>
      <c r="C8564">
        <v>15</v>
      </c>
      <c r="D8564" t="s">
        <v>21096</v>
      </c>
      <c r="E8564" t="s">
        <v>33335</v>
      </c>
      <c r="F8564">
        <v>4</v>
      </c>
      <c r="G8564" t="s">
        <v>0</v>
      </c>
      <c r="H8564" t="s">
        <v>21097</v>
      </c>
      <c r="I8564" t="s">
        <v>30540</v>
      </c>
    </row>
    <row r="8565" spans="1:9">
      <c r="A8565" s="1">
        <v>0.96790272129170685</v>
      </c>
      <c r="B8565" s="1"/>
      <c r="C8565">
        <v>4</v>
      </c>
      <c r="D8565" t="s">
        <v>21090</v>
      </c>
      <c r="E8565" t="s">
        <v>33335</v>
      </c>
      <c r="F8565">
        <v>4</v>
      </c>
      <c r="G8565" t="s">
        <v>14</v>
      </c>
      <c r="H8565" t="s">
        <v>21091</v>
      </c>
      <c r="I8565" t="s">
        <v>30540</v>
      </c>
    </row>
    <row r="8566" spans="1:9">
      <c r="A8566" s="1">
        <v>7.9240845892642575E-2</v>
      </c>
      <c r="B8566" s="1"/>
      <c r="C8566">
        <v>10</v>
      </c>
      <c r="D8566" t="s">
        <v>21082</v>
      </c>
      <c r="E8566" t="s">
        <v>33336</v>
      </c>
      <c r="F8566">
        <v>4</v>
      </c>
      <c r="G8566" t="s">
        <v>13</v>
      </c>
      <c r="H8566" t="s">
        <v>21083</v>
      </c>
      <c r="I8566" t="s">
        <v>30540</v>
      </c>
    </row>
    <row r="8567" spans="1:9">
      <c r="A8567" s="1">
        <v>0.98965236886313246</v>
      </c>
      <c r="B8567" s="1"/>
      <c r="C8567">
        <v>3</v>
      </c>
      <c r="D8567" t="s">
        <v>21080</v>
      </c>
      <c r="E8567" t="s">
        <v>33336</v>
      </c>
      <c r="F8567">
        <v>4</v>
      </c>
      <c r="G8567" t="s">
        <v>9</v>
      </c>
      <c r="H8567" t="s">
        <v>21081</v>
      </c>
      <c r="I8567" t="s">
        <v>30540</v>
      </c>
    </row>
    <row r="8568" spans="1:9">
      <c r="A8568" s="1">
        <v>8.3362585055227534E-2</v>
      </c>
      <c r="B8568" s="1"/>
      <c r="C8568">
        <v>1</v>
      </c>
      <c r="D8568" t="s">
        <v>21078</v>
      </c>
      <c r="E8568" t="s">
        <v>33336</v>
      </c>
      <c r="F8568">
        <v>4</v>
      </c>
      <c r="G8568" t="s">
        <v>10</v>
      </c>
      <c r="H8568" t="s">
        <v>21079</v>
      </c>
      <c r="I8568" t="s">
        <v>30540</v>
      </c>
    </row>
    <row r="8569" spans="1:9">
      <c r="A8569" s="1">
        <v>0.66883742880933095</v>
      </c>
      <c r="B8569" s="1"/>
      <c r="C8569">
        <v>15</v>
      </c>
      <c r="D8569" t="s">
        <v>21086</v>
      </c>
      <c r="E8569" t="s">
        <v>33336</v>
      </c>
      <c r="F8569">
        <v>4</v>
      </c>
      <c r="G8569" t="s">
        <v>14</v>
      </c>
      <c r="H8569" t="s">
        <v>21087</v>
      </c>
      <c r="I8569" t="s">
        <v>30540</v>
      </c>
    </row>
    <row r="8570" spans="1:9">
      <c r="A8570" s="1">
        <v>0.18009678008821617</v>
      </c>
      <c r="B8570" s="1"/>
      <c r="C8570">
        <v>18</v>
      </c>
      <c r="D8570" t="s">
        <v>21088</v>
      </c>
      <c r="E8570" t="s">
        <v>33336</v>
      </c>
      <c r="F8570">
        <v>4</v>
      </c>
      <c r="G8570" t="s">
        <v>15</v>
      </c>
      <c r="H8570" t="s">
        <v>21089</v>
      </c>
      <c r="I8570" t="s">
        <v>30540</v>
      </c>
    </row>
    <row r="8571" spans="1:9">
      <c r="A8571" s="1">
        <v>0.12551517423433245</v>
      </c>
      <c r="B8571" s="1"/>
      <c r="C8571">
        <v>12</v>
      </c>
      <c r="D8571" t="s">
        <v>21084</v>
      </c>
      <c r="E8571" t="s">
        <v>33336</v>
      </c>
      <c r="F8571">
        <v>4</v>
      </c>
      <c r="G8571" t="s">
        <v>14</v>
      </c>
      <c r="H8571" t="s">
        <v>21085</v>
      </c>
      <c r="I8571" t="s">
        <v>30540</v>
      </c>
    </row>
    <row r="8572" spans="1:9">
      <c r="A8572" s="1">
        <v>0.5911423179678913</v>
      </c>
      <c r="B8572" s="1"/>
      <c r="C8572">
        <v>10</v>
      </c>
      <c r="D8572" t="s">
        <v>21072</v>
      </c>
      <c r="E8572" t="s">
        <v>33337</v>
      </c>
      <c r="F8572">
        <v>5</v>
      </c>
      <c r="G8572" t="s">
        <v>15</v>
      </c>
      <c r="H8572" t="s">
        <v>21073</v>
      </c>
      <c r="I8572" t="s">
        <v>30540</v>
      </c>
    </row>
    <row r="8573" spans="1:9">
      <c r="A8573" s="1">
        <v>0.48824440570485961</v>
      </c>
      <c r="B8573" s="1"/>
      <c r="C8573">
        <v>8</v>
      </c>
      <c r="D8573" t="s">
        <v>21070</v>
      </c>
      <c r="E8573" t="s">
        <v>33337</v>
      </c>
      <c r="F8573">
        <v>4</v>
      </c>
      <c r="G8573" t="s">
        <v>1431</v>
      </c>
      <c r="H8573" t="s">
        <v>21071</v>
      </c>
      <c r="I8573" t="s">
        <v>30540</v>
      </c>
    </row>
    <row r="8574" spans="1:9">
      <c r="A8574" s="1">
        <v>0.79061651133373367</v>
      </c>
      <c r="B8574" s="1"/>
      <c r="C8574">
        <v>18</v>
      </c>
      <c r="D8574" t="s">
        <v>21076</v>
      </c>
      <c r="E8574" t="s">
        <v>33337</v>
      </c>
      <c r="F8574">
        <v>4</v>
      </c>
      <c r="G8574" t="s">
        <v>14</v>
      </c>
      <c r="H8574" t="s">
        <v>21077</v>
      </c>
      <c r="I8574" t="s">
        <v>30540</v>
      </c>
    </row>
    <row r="8575" spans="1:9">
      <c r="A8575" s="1">
        <v>0.31041937415633869</v>
      </c>
      <c r="B8575" s="1"/>
      <c r="C8575">
        <v>13</v>
      </c>
      <c r="D8575" t="s">
        <v>21074</v>
      </c>
      <c r="E8575" t="s">
        <v>33337</v>
      </c>
      <c r="F8575">
        <v>4</v>
      </c>
      <c r="G8575" t="s">
        <v>766</v>
      </c>
      <c r="H8575" t="s">
        <v>21075</v>
      </c>
      <c r="I8575" t="s">
        <v>30540</v>
      </c>
    </row>
    <row r="8576" spans="1:9">
      <c r="A8576" s="1">
        <v>0.90569114161925635</v>
      </c>
      <c r="B8576" s="1"/>
      <c r="C8576">
        <v>10</v>
      </c>
      <c r="D8576" t="s">
        <v>21062</v>
      </c>
      <c r="E8576" t="s">
        <v>33338</v>
      </c>
      <c r="F8576">
        <v>5</v>
      </c>
      <c r="G8576" t="s">
        <v>1</v>
      </c>
      <c r="H8576" t="s">
        <v>21063</v>
      </c>
      <c r="I8576" t="s">
        <v>30540</v>
      </c>
    </row>
    <row r="8577" spans="1:9">
      <c r="A8577" s="1">
        <v>0.40904964818621448</v>
      </c>
      <c r="B8577" s="1"/>
      <c r="C8577">
        <v>13</v>
      </c>
      <c r="D8577" t="s">
        <v>21064</v>
      </c>
      <c r="E8577" t="s">
        <v>33338</v>
      </c>
      <c r="F8577">
        <v>5</v>
      </c>
      <c r="G8577" t="s">
        <v>14</v>
      </c>
      <c r="H8577" t="s">
        <v>21065</v>
      </c>
      <c r="I8577" t="s">
        <v>30540</v>
      </c>
    </row>
    <row r="8578" spans="1:9">
      <c r="A8578" s="1">
        <v>0.96772623247267886</v>
      </c>
      <c r="B8578" s="1"/>
      <c r="C8578">
        <v>14</v>
      </c>
      <c r="D8578" t="s">
        <v>21066</v>
      </c>
      <c r="E8578" t="s">
        <v>33338</v>
      </c>
      <c r="F8578">
        <v>4</v>
      </c>
      <c r="G8578" t="s">
        <v>14</v>
      </c>
      <c r="H8578" t="s">
        <v>21067</v>
      </c>
      <c r="I8578" t="s">
        <v>30540</v>
      </c>
    </row>
    <row r="8579" spans="1:9">
      <c r="A8579" s="1">
        <v>0.71273744130167527</v>
      </c>
      <c r="B8579" s="1"/>
      <c r="C8579">
        <v>15</v>
      </c>
      <c r="D8579" t="s">
        <v>21068</v>
      </c>
      <c r="E8579" t="s">
        <v>33338</v>
      </c>
      <c r="F8579">
        <v>3</v>
      </c>
      <c r="G8579" t="s">
        <v>14</v>
      </c>
      <c r="H8579" t="s">
        <v>21069</v>
      </c>
      <c r="I8579" t="s">
        <v>30540</v>
      </c>
    </row>
    <row r="8580" spans="1:9">
      <c r="A8580" s="1">
        <v>0.74049712105859589</v>
      </c>
      <c r="B8580" s="1"/>
      <c r="C8580">
        <v>13</v>
      </c>
      <c r="D8580" t="s">
        <v>21058</v>
      </c>
      <c r="E8580" t="s">
        <v>33339</v>
      </c>
      <c r="F8580">
        <v>5</v>
      </c>
      <c r="G8580" t="s">
        <v>14</v>
      </c>
      <c r="H8580" t="s">
        <v>21059</v>
      </c>
      <c r="I8580" t="s">
        <v>30540</v>
      </c>
    </row>
    <row r="8581" spans="1:9">
      <c r="A8581" s="1">
        <v>0.35435495922102944</v>
      </c>
      <c r="B8581" s="1"/>
      <c r="C8581">
        <v>9</v>
      </c>
      <c r="D8581" t="s">
        <v>21056</v>
      </c>
      <c r="E8581" t="s">
        <v>33339</v>
      </c>
      <c r="F8581">
        <v>5</v>
      </c>
      <c r="G8581" t="s">
        <v>10</v>
      </c>
      <c r="H8581" t="s">
        <v>21057</v>
      </c>
      <c r="I8581" t="s">
        <v>30540</v>
      </c>
    </row>
    <row r="8582" spans="1:9">
      <c r="A8582" s="1">
        <v>0.34264850029596006</v>
      </c>
      <c r="B8582" s="1"/>
      <c r="C8582">
        <v>1</v>
      </c>
      <c r="D8582" t="s">
        <v>21054</v>
      </c>
      <c r="E8582" t="s">
        <v>33339</v>
      </c>
      <c r="F8582">
        <v>5</v>
      </c>
      <c r="G8582" t="s">
        <v>2</v>
      </c>
      <c r="H8582" t="s">
        <v>21055</v>
      </c>
      <c r="I8582" t="s">
        <v>30540</v>
      </c>
    </row>
    <row r="8583" spans="1:9">
      <c r="A8583" s="1">
        <v>0.90061781782691497</v>
      </c>
      <c r="B8583" s="1"/>
      <c r="C8583">
        <v>16</v>
      </c>
      <c r="D8583" t="s">
        <v>21060</v>
      </c>
      <c r="E8583" t="s">
        <v>33339</v>
      </c>
      <c r="F8583">
        <v>4</v>
      </c>
      <c r="G8583" t="s">
        <v>14</v>
      </c>
      <c r="H8583" t="s">
        <v>21061</v>
      </c>
      <c r="I8583" t="s">
        <v>30540</v>
      </c>
    </row>
    <row r="8584" spans="1:9">
      <c r="A8584" s="1">
        <v>0.37299376862916611</v>
      </c>
      <c r="B8584" s="1"/>
      <c r="C8584">
        <v>12</v>
      </c>
      <c r="D8584" t="s">
        <v>21052</v>
      </c>
      <c r="E8584" t="s">
        <v>33340</v>
      </c>
      <c r="F8584">
        <v>5</v>
      </c>
      <c r="G8584" t="s">
        <v>14</v>
      </c>
      <c r="H8584" t="s">
        <v>21053</v>
      </c>
      <c r="I8584" t="s">
        <v>30540</v>
      </c>
    </row>
    <row r="8585" spans="1:9">
      <c r="A8585" s="1">
        <v>0.36339025819750359</v>
      </c>
      <c r="B8585" s="1"/>
      <c r="C8585">
        <v>11</v>
      </c>
      <c r="D8585" t="s">
        <v>21050</v>
      </c>
      <c r="E8585" t="s">
        <v>33340</v>
      </c>
      <c r="F8585">
        <v>5</v>
      </c>
      <c r="G8585" t="s">
        <v>14</v>
      </c>
      <c r="H8585" t="s">
        <v>21051</v>
      </c>
      <c r="I8585" t="s">
        <v>30540</v>
      </c>
    </row>
    <row r="8586" spans="1:9">
      <c r="A8586" s="1">
        <v>0.47944921223331405</v>
      </c>
      <c r="B8586" s="1"/>
      <c r="C8586">
        <v>14</v>
      </c>
      <c r="D8586" t="s">
        <v>21046</v>
      </c>
      <c r="E8586" t="s">
        <v>33341</v>
      </c>
      <c r="F8586">
        <v>5</v>
      </c>
      <c r="G8586" t="s">
        <v>14</v>
      </c>
      <c r="H8586" t="s">
        <v>21047</v>
      </c>
      <c r="I8586" t="s">
        <v>30540</v>
      </c>
    </row>
    <row r="8587" spans="1:9">
      <c r="A8587" s="1">
        <v>0.61100393100239669</v>
      </c>
      <c r="B8587" s="1"/>
      <c r="C8587">
        <v>10</v>
      </c>
      <c r="D8587" t="s">
        <v>21044</v>
      </c>
      <c r="E8587" t="s">
        <v>33341</v>
      </c>
      <c r="F8587">
        <v>5</v>
      </c>
      <c r="G8587" t="s">
        <v>14</v>
      </c>
      <c r="H8587" t="s">
        <v>21045</v>
      </c>
      <c r="I8587" t="s">
        <v>30540</v>
      </c>
    </row>
    <row r="8588" spans="1:9">
      <c r="A8588" s="1">
        <v>0.12637651555039597</v>
      </c>
      <c r="B8588" s="1"/>
      <c r="C8588">
        <v>6</v>
      </c>
      <c r="D8588" t="s">
        <v>21038</v>
      </c>
      <c r="E8588" t="s">
        <v>33341</v>
      </c>
      <c r="F8588">
        <v>5</v>
      </c>
      <c r="G8588" t="s">
        <v>14</v>
      </c>
      <c r="H8588" t="s">
        <v>21039</v>
      </c>
      <c r="I8588" t="s">
        <v>30540</v>
      </c>
    </row>
    <row r="8589" spans="1:9">
      <c r="A8589" s="1">
        <v>0.39380063922668829</v>
      </c>
      <c r="B8589" s="1"/>
      <c r="C8589">
        <v>1</v>
      </c>
      <c r="D8589" t="s">
        <v>21034</v>
      </c>
      <c r="E8589" t="s">
        <v>33341</v>
      </c>
      <c r="F8589">
        <v>4</v>
      </c>
      <c r="G8589" t="s">
        <v>10</v>
      </c>
      <c r="H8589" t="s">
        <v>21035</v>
      </c>
      <c r="I8589" t="s">
        <v>30540</v>
      </c>
    </row>
    <row r="8590" spans="1:9">
      <c r="A8590" s="1">
        <v>8.767065229305504E-2</v>
      </c>
      <c r="B8590" s="1"/>
      <c r="C8590">
        <v>8</v>
      </c>
      <c r="D8590" t="s">
        <v>21040</v>
      </c>
      <c r="E8590" t="s">
        <v>33341</v>
      </c>
      <c r="F8590">
        <v>4</v>
      </c>
      <c r="G8590" t="s">
        <v>10</v>
      </c>
      <c r="H8590" t="s">
        <v>21041</v>
      </c>
      <c r="I8590" t="s">
        <v>30540</v>
      </c>
    </row>
    <row r="8591" spans="1:9">
      <c r="A8591" s="1">
        <v>0.23820880577059722</v>
      </c>
      <c r="B8591" s="1"/>
      <c r="C8591">
        <v>9</v>
      </c>
      <c r="D8591" t="s">
        <v>21042</v>
      </c>
      <c r="E8591" t="s">
        <v>33341</v>
      </c>
      <c r="F8591">
        <v>4</v>
      </c>
      <c r="G8591" t="s">
        <v>14</v>
      </c>
      <c r="H8591" t="s">
        <v>21043</v>
      </c>
      <c r="I8591" t="s">
        <v>30540</v>
      </c>
    </row>
    <row r="8592" spans="1:9">
      <c r="A8592" s="1">
        <v>0.92864266146864716</v>
      </c>
      <c r="B8592" s="1"/>
      <c r="C8592">
        <v>2</v>
      </c>
      <c r="D8592" t="s">
        <v>21036</v>
      </c>
      <c r="E8592" t="s">
        <v>33341</v>
      </c>
      <c r="F8592">
        <v>3</v>
      </c>
      <c r="G8592" t="s">
        <v>1</v>
      </c>
      <c r="H8592" t="s">
        <v>21037</v>
      </c>
      <c r="I8592" t="s">
        <v>30540</v>
      </c>
    </row>
    <row r="8593" spans="1:9">
      <c r="A8593" s="1">
        <v>0.52834863240501639</v>
      </c>
      <c r="B8593" s="1"/>
      <c r="C8593">
        <v>12</v>
      </c>
      <c r="D8593" t="s">
        <v>21030</v>
      </c>
      <c r="E8593" t="s">
        <v>33342</v>
      </c>
      <c r="F8593">
        <v>5</v>
      </c>
      <c r="G8593" t="s">
        <v>2226</v>
      </c>
      <c r="H8593" t="s">
        <v>21031</v>
      </c>
      <c r="I8593" t="s">
        <v>30540</v>
      </c>
    </row>
    <row r="8594" spans="1:9">
      <c r="A8594" s="1">
        <v>0.4748987747804424</v>
      </c>
      <c r="B8594" s="1"/>
      <c r="C8594">
        <v>4</v>
      </c>
      <c r="D8594" t="s">
        <v>21024</v>
      </c>
      <c r="E8594" t="s">
        <v>33342</v>
      </c>
      <c r="F8594">
        <v>5</v>
      </c>
      <c r="G8594" t="s">
        <v>14</v>
      </c>
      <c r="H8594" t="s">
        <v>21025</v>
      </c>
      <c r="I8594" t="s">
        <v>30540</v>
      </c>
    </row>
    <row r="8595" spans="1:9">
      <c r="A8595" s="1">
        <v>0.50209240584231829</v>
      </c>
      <c r="B8595" s="1"/>
      <c r="C8595">
        <v>19</v>
      </c>
      <c r="D8595" t="s">
        <v>21032</v>
      </c>
      <c r="E8595" t="s">
        <v>33342</v>
      </c>
      <c r="F8595">
        <v>4</v>
      </c>
      <c r="G8595" t="s">
        <v>14</v>
      </c>
      <c r="H8595" t="s">
        <v>21033</v>
      </c>
      <c r="I8595" t="s">
        <v>30540</v>
      </c>
    </row>
    <row r="8596" spans="1:9">
      <c r="A8596" s="1">
        <v>0.81705034710907631</v>
      </c>
      <c r="B8596" s="1"/>
      <c r="C8596">
        <v>9</v>
      </c>
      <c r="D8596" t="s">
        <v>21028</v>
      </c>
      <c r="E8596" t="s">
        <v>33342</v>
      </c>
      <c r="F8596">
        <v>4</v>
      </c>
      <c r="G8596" t="s">
        <v>1431</v>
      </c>
      <c r="H8596" t="s">
        <v>21029</v>
      </c>
      <c r="I8596" t="s">
        <v>30540</v>
      </c>
    </row>
    <row r="8597" spans="1:9">
      <c r="A8597" s="1">
        <v>0.25450279006161491</v>
      </c>
      <c r="B8597" s="1"/>
      <c r="C8597">
        <v>5</v>
      </c>
      <c r="D8597" t="s">
        <v>21026</v>
      </c>
      <c r="E8597" t="s">
        <v>33342</v>
      </c>
      <c r="F8597">
        <v>4</v>
      </c>
      <c r="G8597" t="s">
        <v>1426</v>
      </c>
      <c r="H8597" t="s">
        <v>21027</v>
      </c>
      <c r="I8597" t="s">
        <v>30540</v>
      </c>
    </row>
    <row r="8598" spans="1:9">
      <c r="A8598" s="1">
        <v>0.22957179986453013</v>
      </c>
      <c r="B8598" s="1"/>
      <c r="C8598">
        <v>7</v>
      </c>
      <c r="D8598" t="s">
        <v>21022</v>
      </c>
      <c r="E8598" t="s">
        <v>33343</v>
      </c>
      <c r="F8598">
        <v>5</v>
      </c>
      <c r="G8598" t="s">
        <v>14</v>
      </c>
      <c r="H8598" t="s">
        <v>21023</v>
      </c>
      <c r="I8598" t="s">
        <v>30540</v>
      </c>
    </row>
    <row r="8599" spans="1:9">
      <c r="A8599" s="1">
        <v>0.64226872529020407</v>
      </c>
      <c r="B8599" s="1"/>
      <c r="C8599">
        <v>18</v>
      </c>
      <c r="D8599" t="s">
        <v>21020</v>
      </c>
      <c r="E8599" t="s">
        <v>33344</v>
      </c>
      <c r="F8599">
        <v>5</v>
      </c>
      <c r="G8599" t="s">
        <v>14</v>
      </c>
      <c r="H8599" t="s">
        <v>21021</v>
      </c>
      <c r="I8599" t="s">
        <v>30540</v>
      </c>
    </row>
    <row r="8600" spans="1:9">
      <c r="A8600" s="1">
        <v>0.71770778795682677</v>
      </c>
      <c r="B8600" s="1"/>
      <c r="C8600">
        <v>1</v>
      </c>
      <c r="D8600" t="s">
        <v>21006</v>
      </c>
      <c r="E8600" t="s">
        <v>33344</v>
      </c>
      <c r="F8600">
        <v>5</v>
      </c>
      <c r="G8600" t="s">
        <v>13</v>
      </c>
      <c r="H8600" t="s">
        <v>21007</v>
      </c>
      <c r="I8600" t="s">
        <v>30540</v>
      </c>
    </row>
    <row r="8601" spans="1:9">
      <c r="A8601" s="1">
        <v>6.0508749968945619E-2</v>
      </c>
      <c r="B8601" s="1"/>
      <c r="C8601">
        <v>15</v>
      </c>
      <c r="D8601" t="s">
        <v>21018</v>
      </c>
      <c r="E8601" t="s">
        <v>33344</v>
      </c>
      <c r="F8601">
        <v>4</v>
      </c>
      <c r="G8601" t="s">
        <v>13</v>
      </c>
      <c r="H8601" t="s">
        <v>21019</v>
      </c>
      <c r="I8601" t="s">
        <v>30540</v>
      </c>
    </row>
    <row r="8602" spans="1:9">
      <c r="A8602" s="1">
        <v>0.12712800442986716</v>
      </c>
      <c r="B8602" s="1"/>
      <c r="C8602">
        <v>2</v>
      </c>
      <c r="D8602" t="s">
        <v>21008</v>
      </c>
      <c r="E8602" t="s">
        <v>33344</v>
      </c>
      <c r="F8602">
        <v>4</v>
      </c>
      <c r="G8602" t="s">
        <v>10</v>
      </c>
      <c r="H8602" t="s">
        <v>21009</v>
      </c>
      <c r="I8602" t="s">
        <v>30540</v>
      </c>
    </row>
    <row r="8603" spans="1:9">
      <c r="A8603" s="1">
        <v>0.6479556106057045</v>
      </c>
      <c r="B8603" s="1"/>
      <c r="C8603">
        <v>4</v>
      </c>
      <c r="D8603" t="s">
        <v>21010</v>
      </c>
      <c r="E8603" t="s">
        <v>33344</v>
      </c>
      <c r="F8603">
        <v>4</v>
      </c>
      <c r="G8603" t="s">
        <v>10</v>
      </c>
      <c r="H8603" t="s">
        <v>21011</v>
      </c>
      <c r="I8603" t="s">
        <v>30540</v>
      </c>
    </row>
    <row r="8604" spans="1:9">
      <c r="A8604" s="1">
        <v>0.36773286460150145</v>
      </c>
      <c r="B8604" s="1"/>
      <c r="C8604">
        <v>10</v>
      </c>
      <c r="D8604" t="s">
        <v>21014</v>
      </c>
      <c r="E8604" t="s">
        <v>33344</v>
      </c>
      <c r="F8604">
        <v>4</v>
      </c>
      <c r="G8604" t="s">
        <v>14</v>
      </c>
      <c r="H8604" t="s">
        <v>21015</v>
      </c>
      <c r="I8604" t="s">
        <v>30540</v>
      </c>
    </row>
    <row r="8605" spans="1:9">
      <c r="A8605" s="1">
        <v>8.785735695587471E-2</v>
      </c>
      <c r="B8605" s="1"/>
      <c r="C8605">
        <v>12</v>
      </c>
      <c r="D8605" t="s">
        <v>21016</v>
      </c>
      <c r="E8605" t="s">
        <v>33344</v>
      </c>
      <c r="F8605">
        <v>4</v>
      </c>
      <c r="G8605" t="s">
        <v>14</v>
      </c>
      <c r="H8605" t="s">
        <v>21017</v>
      </c>
      <c r="I8605" t="s">
        <v>30540</v>
      </c>
    </row>
    <row r="8606" spans="1:9">
      <c r="A8606" s="1">
        <v>0.19439666986831705</v>
      </c>
      <c r="B8606" s="1"/>
      <c r="C8606">
        <v>4</v>
      </c>
      <c r="D8606" t="s">
        <v>21002</v>
      </c>
      <c r="E8606" t="s">
        <v>33345</v>
      </c>
      <c r="F8606">
        <v>4</v>
      </c>
      <c r="G8606" t="s">
        <v>13</v>
      </c>
      <c r="H8606" t="s">
        <v>21003</v>
      </c>
      <c r="I8606" t="s">
        <v>30540</v>
      </c>
    </row>
    <row r="8607" spans="1:9">
      <c r="A8607" s="1">
        <v>0.24193476349494003</v>
      </c>
      <c r="B8607" s="1"/>
      <c r="C8607">
        <v>14</v>
      </c>
      <c r="D8607" t="s">
        <v>20996</v>
      </c>
      <c r="E8607" t="s">
        <v>33346</v>
      </c>
      <c r="F8607">
        <v>5</v>
      </c>
      <c r="G8607" t="s">
        <v>14</v>
      </c>
      <c r="H8607" t="s">
        <v>20997</v>
      </c>
      <c r="I8607" t="s">
        <v>30540</v>
      </c>
    </row>
    <row r="8608" spans="1:9">
      <c r="A8608" s="1">
        <v>0.87119888186799554</v>
      </c>
      <c r="B8608" s="1"/>
      <c r="C8608">
        <v>17</v>
      </c>
      <c r="D8608" t="s">
        <v>21000</v>
      </c>
      <c r="E8608" t="s">
        <v>33346</v>
      </c>
      <c r="F8608">
        <v>4</v>
      </c>
      <c r="G8608" t="s">
        <v>15</v>
      </c>
      <c r="H8608" t="s">
        <v>21001</v>
      </c>
      <c r="I8608" t="s">
        <v>30540</v>
      </c>
    </row>
    <row r="8609" spans="1:9">
      <c r="A8609" s="1">
        <v>0.41057578896145408</v>
      </c>
      <c r="B8609" s="1"/>
      <c r="C8609">
        <v>15</v>
      </c>
      <c r="D8609" t="s">
        <v>20998</v>
      </c>
      <c r="E8609" t="s">
        <v>33346</v>
      </c>
      <c r="F8609">
        <v>4</v>
      </c>
      <c r="G8609" t="s">
        <v>14</v>
      </c>
      <c r="H8609" t="s">
        <v>20999</v>
      </c>
      <c r="I8609" t="s">
        <v>30540</v>
      </c>
    </row>
    <row r="8610" spans="1:9">
      <c r="A8610" s="1">
        <v>0.89276941445381874</v>
      </c>
      <c r="B8610" s="1"/>
      <c r="C8610">
        <v>4</v>
      </c>
      <c r="D8610" t="s">
        <v>20990</v>
      </c>
      <c r="E8610" t="s">
        <v>33346</v>
      </c>
      <c r="F8610">
        <v>4</v>
      </c>
      <c r="G8610" t="s">
        <v>2</v>
      </c>
      <c r="H8610" t="s">
        <v>20991</v>
      </c>
      <c r="I8610" t="s">
        <v>30540</v>
      </c>
    </row>
    <row r="8611" spans="1:9">
      <c r="A8611" s="1">
        <v>0.79664658757126772</v>
      </c>
      <c r="B8611" s="1"/>
      <c r="C8611">
        <v>8</v>
      </c>
      <c r="D8611" t="s">
        <v>20992</v>
      </c>
      <c r="E8611" t="s">
        <v>33346</v>
      </c>
      <c r="F8611">
        <v>4</v>
      </c>
      <c r="G8611" t="s">
        <v>10</v>
      </c>
      <c r="H8611" t="s">
        <v>20993</v>
      </c>
      <c r="I8611" t="s">
        <v>30540</v>
      </c>
    </row>
    <row r="8612" spans="1:9">
      <c r="A8612" s="1">
        <v>0.598145127774388</v>
      </c>
      <c r="B8612" s="1"/>
      <c r="C8612">
        <v>13</v>
      </c>
      <c r="D8612" t="s">
        <v>20994</v>
      </c>
      <c r="E8612" t="s">
        <v>33346</v>
      </c>
      <c r="F8612">
        <v>4</v>
      </c>
      <c r="G8612" t="s">
        <v>14</v>
      </c>
      <c r="H8612" t="s">
        <v>20995</v>
      </c>
      <c r="I8612" t="s">
        <v>30540</v>
      </c>
    </row>
    <row r="8613" spans="1:9">
      <c r="A8613" s="1">
        <v>0.73629129342755406</v>
      </c>
      <c r="B8613" s="1"/>
      <c r="C8613">
        <v>1</v>
      </c>
      <c r="D8613" t="s">
        <v>20988</v>
      </c>
      <c r="E8613" t="s">
        <v>33346</v>
      </c>
      <c r="F8613">
        <v>4</v>
      </c>
      <c r="G8613" t="s">
        <v>10</v>
      </c>
      <c r="H8613" t="s">
        <v>20989</v>
      </c>
      <c r="I8613" t="s">
        <v>30540</v>
      </c>
    </row>
    <row r="8614" spans="1:9">
      <c r="A8614" s="1">
        <v>0.83325337372267028</v>
      </c>
      <c r="B8614" s="1"/>
      <c r="C8614">
        <v>9</v>
      </c>
      <c r="D8614" t="s">
        <v>20980</v>
      </c>
      <c r="E8614" t="s">
        <v>33347</v>
      </c>
      <c r="F8614">
        <v>5</v>
      </c>
      <c r="G8614" t="s">
        <v>1295</v>
      </c>
      <c r="H8614" t="s">
        <v>20981</v>
      </c>
      <c r="I8614" t="s">
        <v>30540</v>
      </c>
    </row>
    <row r="8615" spans="1:9">
      <c r="A8615" s="1">
        <v>0.79788601474437204</v>
      </c>
      <c r="B8615" s="1"/>
      <c r="C8615">
        <v>10</v>
      </c>
      <c r="D8615" t="s">
        <v>20982</v>
      </c>
      <c r="E8615" t="s">
        <v>33347</v>
      </c>
      <c r="F8615">
        <v>5</v>
      </c>
      <c r="G8615" t="s">
        <v>14</v>
      </c>
      <c r="H8615" t="s">
        <v>20983</v>
      </c>
      <c r="I8615" t="s">
        <v>30540</v>
      </c>
    </row>
    <row r="8616" spans="1:9">
      <c r="A8616" s="1">
        <v>0.31928897314862881</v>
      </c>
      <c r="B8616" s="1"/>
      <c r="C8616">
        <v>20</v>
      </c>
      <c r="D8616" t="s">
        <v>20986</v>
      </c>
      <c r="E8616" t="s">
        <v>33347</v>
      </c>
      <c r="F8616">
        <v>5</v>
      </c>
      <c r="G8616" t="s">
        <v>14</v>
      </c>
      <c r="H8616" t="s">
        <v>20987</v>
      </c>
      <c r="I8616" t="s">
        <v>30540</v>
      </c>
    </row>
    <row r="8617" spans="1:9">
      <c r="A8617" s="1">
        <v>0.8843117380382377</v>
      </c>
      <c r="B8617" s="1"/>
      <c r="C8617">
        <v>19</v>
      </c>
      <c r="D8617" t="s">
        <v>20984</v>
      </c>
      <c r="E8617" t="s">
        <v>33347</v>
      </c>
      <c r="F8617">
        <v>4</v>
      </c>
      <c r="G8617" t="s">
        <v>1426</v>
      </c>
      <c r="H8617" t="s">
        <v>20985</v>
      </c>
      <c r="I8617" t="s">
        <v>30540</v>
      </c>
    </row>
    <row r="8618" spans="1:9">
      <c r="A8618" s="1">
        <v>0.25270613290062749</v>
      </c>
      <c r="B8618" s="1"/>
      <c r="C8618">
        <v>13</v>
      </c>
      <c r="D8618" t="s">
        <v>20978</v>
      </c>
      <c r="E8618" t="s">
        <v>33348</v>
      </c>
      <c r="F8618">
        <v>4</v>
      </c>
      <c r="G8618" t="s">
        <v>14</v>
      </c>
      <c r="H8618" t="s">
        <v>20979</v>
      </c>
      <c r="I8618" t="s">
        <v>30540</v>
      </c>
    </row>
    <row r="8619" spans="1:9">
      <c r="A8619" s="1">
        <v>0.63860931158459899</v>
      </c>
      <c r="B8619" s="1"/>
      <c r="C8619">
        <v>6</v>
      </c>
      <c r="D8619" t="s">
        <v>20966</v>
      </c>
      <c r="E8619" t="s">
        <v>33349</v>
      </c>
      <c r="F8619">
        <v>4</v>
      </c>
      <c r="G8619" t="s">
        <v>14</v>
      </c>
      <c r="H8619" t="s">
        <v>20967</v>
      </c>
      <c r="I8619" t="s">
        <v>30540</v>
      </c>
    </row>
    <row r="8620" spans="1:9">
      <c r="A8620" s="1">
        <v>0.31032877829510386</v>
      </c>
      <c r="B8620" s="1"/>
      <c r="C8620">
        <v>8</v>
      </c>
      <c r="D8620" t="s">
        <v>20968</v>
      </c>
      <c r="E8620" t="s">
        <v>33349</v>
      </c>
      <c r="F8620">
        <v>4</v>
      </c>
      <c r="G8620" t="s">
        <v>14</v>
      </c>
      <c r="H8620" t="s">
        <v>20969</v>
      </c>
      <c r="I8620" t="s">
        <v>30540</v>
      </c>
    </row>
    <row r="8621" spans="1:9">
      <c r="A8621" s="1">
        <v>0.57014116818190497</v>
      </c>
      <c r="B8621" s="1"/>
      <c r="C8621">
        <v>9</v>
      </c>
      <c r="D8621" t="s">
        <v>20970</v>
      </c>
      <c r="E8621" t="s">
        <v>33349</v>
      </c>
      <c r="F8621">
        <v>4</v>
      </c>
      <c r="G8621" t="s">
        <v>13</v>
      </c>
      <c r="H8621" t="s">
        <v>20971</v>
      </c>
      <c r="I8621" t="s">
        <v>30540</v>
      </c>
    </row>
    <row r="8622" spans="1:9">
      <c r="A8622" s="1">
        <v>0.31177379707428887</v>
      </c>
      <c r="B8622" s="1"/>
      <c r="C8622">
        <v>16</v>
      </c>
      <c r="D8622" t="s">
        <v>20974</v>
      </c>
      <c r="E8622" t="s">
        <v>33349</v>
      </c>
      <c r="F8622">
        <v>3</v>
      </c>
      <c r="G8622" t="s">
        <v>14</v>
      </c>
      <c r="H8622" t="s">
        <v>20975</v>
      </c>
      <c r="I8622" t="s">
        <v>30540</v>
      </c>
    </row>
    <row r="8623" spans="1:9">
      <c r="A8623" s="1">
        <v>0.59947553769533046</v>
      </c>
      <c r="B8623" s="1"/>
      <c r="C8623">
        <v>12</v>
      </c>
      <c r="D8623" t="s">
        <v>20960</v>
      </c>
      <c r="E8623" t="s">
        <v>33350</v>
      </c>
      <c r="F8623">
        <v>4</v>
      </c>
      <c r="G8623" t="s">
        <v>14</v>
      </c>
      <c r="H8623" t="s">
        <v>20961</v>
      </c>
      <c r="I8623" t="s">
        <v>30540</v>
      </c>
    </row>
    <row r="8624" spans="1:9">
      <c r="A8624" s="1">
        <v>0.16576220773342887</v>
      </c>
      <c r="B8624" s="1"/>
      <c r="C8624">
        <v>13</v>
      </c>
      <c r="D8624" t="s">
        <v>20962</v>
      </c>
      <c r="E8624" t="s">
        <v>33350</v>
      </c>
      <c r="F8624">
        <v>4</v>
      </c>
      <c r="G8624" t="s">
        <v>0</v>
      </c>
      <c r="H8624" t="s">
        <v>20963</v>
      </c>
      <c r="I8624" t="s">
        <v>30540</v>
      </c>
    </row>
    <row r="8625" spans="1:9">
      <c r="A8625" s="1">
        <v>0.53584832932857318</v>
      </c>
      <c r="B8625" s="1"/>
      <c r="C8625">
        <v>14</v>
      </c>
      <c r="D8625" t="s">
        <v>20964</v>
      </c>
      <c r="E8625" t="s">
        <v>33350</v>
      </c>
      <c r="F8625">
        <v>3</v>
      </c>
      <c r="G8625" t="s">
        <v>14</v>
      </c>
      <c r="H8625" t="s">
        <v>20965</v>
      </c>
      <c r="I8625" t="s">
        <v>30540</v>
      </c>
    </row>
    <row r="8626" spans="1:9">
      <c r="A8626" s="1">
        <v>0.61117946470564721</v>
      </c>
      <c r="B8626" s="1"/>
      <c r="C8626">
        <v>5</v>
      </c>
      <c r="D8626" t="s">
        <v>20954</v>
      </c>
      <c r="E8626" t="s">
        <v>33351</v>
      </c>
      <c r="F8626">
        <v>5</v>
      </c>
      <c r="G8626" t="s">
        <v>10</v>
      </c>
      <c r="H8626" t="s">
        <v>20955</v>
      </c>
      <c r="I8626" t="s">
        <v>30540</v>
      </c>
    </row>
    <row r="8627" spans="1:9">
      <c r="A8627" s="1">
        <v>0.97814551913824499</v>
      </c>
      <c r="B8627" s="1"/>
      <c r="C8627">
        <v>12</v>
      </c>
      <c r="D8627" t="s">
        <v>20956</v>
      </c>
      <c r="E8627" t="s">
        <v>33351</v>
      </c>
      <c r="F8627">
        <v>4</v>
      </c>
      <c r="G8627" t="s">
        <v>14</v>
      </c>
      <c r="H8627" t="s">
        <v>20957</v>
      </c>
      <c r="I8627" t="s">
        <v>30540</v>
      </c>
    </row>
    <row r="8628" spans="1:9">
      <c r="A8628" s="1">
        <v>0.87317566352625553</v>
      </c>
      <c r="B8628" s="1"/>
      <c r="C8628">
        <v>18</v>
      </c>
      <c r="D8628" t="s">
        <v>20952</v>
      </c>
      <c r="E8628" t="s">
        <v>33352</v>
      </c>
      <c r="F8628">
        <v>4</v>
      </c>
      <c r="G8628" t="s">
        <v>3732</v>
      </c>
      <c r="H8628" t="s">
        <v>20953</v>
      </c>
      <c r="I8628" t="s">
        <v>30540</v>
      </c>
    </row>
    <row r="8629" spans="1:9">
      <c r="A8629" s="1">
        <v>0.2357554757734216</v>
      </c>
      <c r="B8629" s="1"/>
      <c r="C8629">
        <v>1</v>
      </c>
      <c r="D8629" t="s">
        <v>20944</v>
      </c>
      <c r="E8629" t="s">
        <v>33352</v>
      </c>
      <c r="F8629">
        <v>4</v>
      </c>
      <c r="G8629" t="s">
        <v>775</v>
      </c>
      <c r="H8629" t="s">
        <v>20945</v>
      </c>
      <c r="I8629" t="s">
        <v>30540</v>
      </c>
    </row>
    <row r="8630" spans="1:9">
      <c r="A8630" s="1">
        <v>6.0503476322146699E-2</v>
      </c>
      <c r="B8630" s="1"/>
      <c r="C8630">
        <v>14</v>
      </c>
      <c r="D8630" t="s">
        <v>20950</v>
      </c>
      <c r="E8630" t="s">
        <v>33352</v>
      </c>
      <c r="F8630">
        <v>4</v>
      </c>
      <c r="G8630" t="s">
        <v>14</v>
      </c>
      <c r="H8630" t="s">
        <v>20951</v>
      </c>
      <c r="I8630" t="s">
        <v>30540</v>
      </c>
    </row>
    <row r="8631" spans="1:9">
      <c r="A8631" s="1">
        <v>0.45176099590423047</v>
      </c>
      <c r="B8631" s="1"/>
      <c r="C8631">
        <v>7</v>
      </c>
      <c r="D8631" t="s">
        <v>20946</v>
      </c>
      <c r="E8631" t="s">
        <v>33352</v>
      </c>
      <c r="F8631">
        <v>4</v>
      </c>
      <c r="G8631" t="s">
        <v>3107</v>
      </c>
      <c r="H8631" t="s">
        <v>20947</v>
      </c>
      <c r="I8631" t="s">
        <v>30540</v>
      </c>
    </row>
    <row r="8632" spans="1:9">
      <c r="A8632" s="1">
        <v>1.1750961118936032E-2</v>
      </c>
      <c r="B8632" s="1"/>
      <c r="C8632">
        <v>10</v>
      </c>
      <c r="D8632" t="s">
        <v>20940</v>
      </c>
      <c r="E8632" t="s">
        <v>33353</v>
      </c>
      <c r="F8632">
        <v>4</v>
      </c>
      <c r="G8632" t="s">
        <v>9</v>
      </c>
      <c r="H8632" t="s">
        <v>20941</v>
      </c>
      <c r="I8632" t="s">
        <v>30540</v>
      </c>
    </row>
    <row r="8633" spans="1:9">
      <c r="A8633" s="1">
        <v>0.96762356560594842</v>
      </c>
      <c r="B8633" s="1"/>
      <c r="C8633">
        <v>14</v>
      </c>
      <c r="D8633" t="s">
        <v>20942</v>
      </c>
      <c r="E8633" t="s">
        <v>33353</v>
      </c>
      <c r="F8633">
        <v>3</v>
      </c>
      <c r="G8633" t="s">
        <v>9</v>
      </c>
      <c r="H8633" t="s">
        <v>20943</v>
      </c>
      <c r="I8633" t="s">
        <v>30540</v>
      </c>
    </row>
    <row r="8634" spans="1:9">
      <c r="A8634" s="1">
        <v>0.19667807139393834</v>
      </c>
      <c r="B8634" s="1"/>
      <c r="C8634">
        <v>8</v>
      </c>
      <c r="D8634" t="s">
        <v>20938</v>
      </c>
      <c r="E8634" t="s">
        <v>33354</v>
      </c>
      <c r="F8634">
        <v>4</v>
      </c>
      <c r="G8634" t="s">
        <v>9</v>
      </c>
      <c r="H8634" t="s">
        <v>20939</v>
      </c>
      <c r="I8634" t="s">
        <v>30540</v>
      </c>
    </row>
    <row r="8635" spans="1:9">
      <c r="A8635" s="1">
        <v>0.30822718796657433</v>
      </c>
      <c r="B8635" s="1"/>
      <c r="C8635">
        <v>1</v>
      </c>
      <c r="D8635" t="s">
        <v>20934</v>
      </c>
      <c r="E8635" t="s">
        <v>33354</v>
      </c>
      <c r="F8635">
        <v>4</v>
      </c>
      <c r="G8635" t="s">
        <v>15</v>
      </c>
      <c r="H8635" t="s">
        <v>20935</v>
      </c>
      <c r="I8635" t="s">
        <v>30540</v>
      </c>
    </row>
    <row r="8636" spans="1:9">
      <c r="A8636" s="1">
        <v>0.90819048828295024</v>
      </c>
      <c r="B8636" s="1"/>
      <c r="C8636">
        <v>2</v>
      </c>
      <c r="D8636" t="s">
        <v>20936</v>
      </c>
      <c r="E8636" t="s">
        <v>33354</v>
      </c>
      <c r="F8636">
        <v>4</v>
      </c>
      <c r="G8636" t="s">
        <v>9</v>
      </c>
      <c r="H8636" t="s">
        <v>20937</v>
      </c>
      <c r="I8636" t="s">
        <v>30540</v>
      </c>
    </row>
    <row r="8637" spans="1:9">
      <c r="A8637" s="1">
        <v>0.91580928968720965</v>
      </c>
      <c r="B8637" s="1"/>
      <c r="C8637">
        <v>12</v>
      </c>
      <c r="D8637" t="s">
        <v>20932</v>
      </c>
      <c r="E8637" t="s">
        <v>33355</v>
      </c>
      <c r="F8637">
        <v>4</v>
      </c>
      <c r="G8637" t="s">
        <v>9</v>
      </c>
      <c r="H8637" t="s">
        <v>20933</v>
      </c>
      <c r="I8637" t="s">
        <v>30540</v>
      </c>
    </row>
    <row r="8638" spans="1:9">
      <c r="A8638" s="1">
        <v>0.61351977537749158</v>
      </c>
      <c r="B8638" s="1"/>
      <c r="C8638">
        <v>2</v>
      </c>
      <c r="D8638" t="s">
        <v>20928</v>
      </c>
      <c r="E8638" t="s">
        <v>33355</v>
      </c>
      <c r="F8638">
        <v>4</v>
      </c>
      <c r="G8638" t="s">
        <v>2</v>
      </c>
      <c r="H8638" t="s">
        <v>20929</v>
      </c>
      <c r="I8638" t="s">
        <v>30540</v>
      </c>
    </row>
    <row r="8639" spans="1:9">
      <c r="A8639" s="1">
        <v>0.16322600322105685</v>
      </c>
      <c r="B8639" s="1"/>
      <c r="C8639">
        <v>11</v>
      </c>
      <c r="D8639" t="s">
        <v>20930</v>
      </c>
      <c r="E8639" t="s">
        <v>33355</v>
      </c>
      <c r="F8639">
        <v>4</v>
      </c>
      <c r="G8639" t="s">
        <v>9</v>
      </c>
      <c r="H8639" t="s">
        <v>20931</v>
      </c>
      <c r="I8639" t="s">
        <v>30540</v>
      </c>
    </row>
    <row r="8640" spans="1:9">
      <c r="A8640" s="1">
        <v>0.91681533388868208</v>
      </c>
      <c r="B8640" s="1"/>
      <c r="C8640">
        <v>12</v>
      </c>
      <c r="D8640" t="s">
        <v>20926</v>
      </c>
      <c r="E8640" t="s">
        <v>33356</v>
      </c>
      <c r="F8640">
        <v>5</v>
      </c>
      <c r="G8640" t="s">
        <v>9</v>
      </c>
      <c r="H8640" t="s">
        <v>20927</v>
      </c>
      <c r="I8640" t="s">
        <v>30540</v>
      </c>
    </row>
    <row r="8641" spans="1:9">
      <c r="A8641" s="1">
        <v>0.6322538651928209</v>
      </c>
      <c r="B8641" s="1"/>
      <c r="C8641">
        <v>10</v>
      </c>
      <c r="D8641" t="s">
        <v>20924</v>
      </c>
      <c r="E8641" t="s">
        <v>33356</v>
      </c>
      <c r="F8641">
        <v>4</v>
      </c>
      <c r="G8641" t="s">
        <v>9</v>
      </c>
      <c r="H8641" t="s">
        <v>20925</v>
      </c>
      <c r="I8641" t="s">
        <v>30540</v>
      </c>
    </row>
    <row r="8642" spans="1:9">
      <c r="A8642" s="1">
        <v>0.4891988753592702</v>
      </c>
      <c r="B8642" s="1"/>
      <c r="C8642">
        <v>7</v>
      </c>
      <c r="D8642" t="s">
        <v>20920</v>
      </c>
      <c r="E8642" t="s">
        <v>33356</v>
      </c>
      <c r="F8642">
        <v>4</v>
      </c>
      <c r="G8642" t="s">
        <v>9</v>
      </c>
      <c r="H8642" t="s">
        <v>20921</v>
      </c>
      <c r="I8642" t="s">
        <v>30540</v>
      </c>
    </row>
    <row r="8643" spans="1:9">
      <c r="A8643" s="1">
        <v>0.66568749443994968</v>
      </c>
      <c r="B8643" s="1"/>
      <c r="C8643">
        <v>3</v>
      </c>
      <c r="D8643" t="s">
        <v>20918</v>
      </c>
      <c r="E8643" t="s">
        <v>33356</v>
      </c>
      <c r="F8643">
        <v>4</v>
      </c>
      <c r="G8643" t="s">
        <v>15</v>
      </c>
      <c r="H8643" t="s">
        <v>20919</v>
      </c>
      <c r="I8643" t="s">
        <v>30540</v>
      </c>
    </row>
    <row r="8644" spans="1:9">
      <c r="A8644" s="1">
        <v>0.54449030249541763</v>
      </c>
      <c r="B8644" s="1"/>
      <c r="C8644">
        <v>2</v>
      </c>
      <c r="D8644" t="s">
        <v>20914</v>
      </c>
      <c r="E8644" t="s">
        <v>33357</v>
      </c>
      <c r="F8644">
        <v>5</v>
      </c>
      <c r="G8644" t="s">
        <v>2</v>
      </c>
      <c r="H8644" t="s">
        <v>20915</v>
      </c>
      <c r="I8644" t="s">
        <v>30540</v>
      </c>
    </row>
    <row r="8645" spans="1:9">
      <c r="A8645" s="1">
        <v>0.44207200121539925</v>
      </c>
      <c r="B8645" s="1"/>
      <c r="C8645">
        <v>16</v>
      </c>
      <c r="D8645" t="s">
        <v>20916</v>
      </c>
      <c r="E8645" t="s">
        <v>33357</v>
      </c>
      <c r="F8645">
        <v>4</v>
      </c>
      <c r="G8645" t="s">
        <v>9</v>
      </c>
      <c r="H8645" t="s">
        <v>20917</v>
      </c>
      <c r="I8645" t="s">
        <v>30540</v>
      </c>
    </row>
    <row r="8646" spans="1:9">
      <c r="A8646" s="1">
        <v>1.8674000677816105E-2</v>
      </c>
      <c r="B8646" s="1"/>
      <c r="C8646">
        <v>9</v>
      </c>
      <c r="D8646" t="s">
        <v>20912</v>
      </c>
      <c r="E8646" t="s">
        <v>33358</v>
      </c>
      <c r="F8646">
        <v>4</v>
      </c>
      <c r="G8646" t="s">
        <v>9</v>
      </c>
      <c r="H8646" t="s">
        <v>20913</v>
      </c>
      <c r="I8646" t="s">
        <v>30540</v>
      </c>
    </row>
    <row r="8647" spans="1:9">
      <c r="A8647" s="1">
        <v>8.245517486199927E-2</v>
      </c>
      <c r="B8647" s="1"/>
      <c r="C8647">
        <v>6</v>
      </c>
      <c r="D8647" t="s">
        <v>20908</v>
      </c>
      <c r="E8647" t="s">
        <v>33359</v>
      </c>
      <c r="F8647">
        <v>5</v>
      </c>
      <c r="G8647" t="s">
        <v>9</v>
      </c>
      <c r="H8647" t="s">
        <v>20909</v>
      </c>
      <c r="I8647" t="s">
        <v>30540</v>
      </c>
    </row>
    <row r="8648" spans="1:9">
      <c r="A8648" s="1">
        <v>0.48105675231042067</v>
      </c>
      <c r="B8648" s="1"/>
      <c r="C8648">
        <v>13</v>
      </c>
      <c r="D8648" t="s">
        <v>20910</v>
      </c>
      <c r="E8648" t="s">
        <v>33359</v>
      </c>
      <c r="F8648">
        <v>4</v>
      </c>
      <c r="G8648" t="s">
        <v>9</v>
      </c>
      <c r="H8648" t="s">
        <v>20911</v>
      </c>
      <c r="I8648" t="s">
        <v>30540</v>
      </c>
    </row>
    <row r="8649" spans="1:9">
      <c r="A8649" s="1">
        <v>0.56774430807031906</v>
      </c>
      <c r="B8649" s="1"/>
      <c r="C8649">
        <v>10</v>
      </c>
      <c r="D8649" t="s">
        <v>20902</v>
      </c>
      <c r="E8649" t="s">
        <v>33360</v>
      </c>
      <c r="F8649">
        <v>5</v>
      </c>
      <c r="G8649" t="s">
        <v>9</v>
      </c>
      <c r="H8649" t="s">
        <v>20903</v>
      </c>
      <c r="I8649" t="s">
        <v>30540</v>
      </c>
    </row>
    <row r="8650" spans="1:9">
      <c r="A8650" s="1">
        <v>0.44499689647315355</v>
      </c>
      <c r="B8650" s="1"/>
      <c r="C8650">
        <v>1</v>
      </c>
      <c r="D8650" t="s">
        <v>20900</v>
      </c>
      <c r="E8650" t="s">
        <v>33360</v>
      </c>
      <c r="F8650">
        <v>4</v>
      </c>
      <c r="G8650" t="s">
        <v>15</v>
      </c>
      <c r="H8650" t="s">
        <v>20901</v>
      </c>
      <c r="I8650" t="s">
        <v>30540</v>
      </c>
    </row>
    <row r="8651" spans="1:9">
      <c r="A8651" s="1">
        <v>0.31789484132465584</v>
      </c>
      <c r="B8651" s="1"/>
      <c r="C8651">
        <v>11</v>
      </c>
      <c r="D8651" t="s">
        <v>20904</v>
      </c>
      <c r="E8651" t="s">
        <v>33360</v>
      </c>
      <c r="F8651">
        <v>4</v>
      </c>
      <c r="G8651" t="s">
        <v>15</v>
      </c>
      <c r="H8651" t="s">
        <v>20905</v>
      </c>
      <c r="I8651" t="s">
        <v>30540</v>
      </c>
    </row>
    <row r="8652" spans="1:9">
      <c r="A8652" s="1">
        <v>0.67507952408680294</v>
      </c>
      <c r="B8652" s="1"/>
      <c r="C8652">
        <v>7</v>
      </c>
      <c r="D8652" t="s">
        <v>20896</v>
      </c>
      <c r="E8652" t="s">
        <v>33361</v>
      </c>
      <c r="F8652">
        <v>4</v>
      </c>
      <c r="G8652" t="s">
        <v>14</v>
      </c>
      <c r="H8652" t="s">
        <v>20897</v>
      </c>
      <c r="I8652" t="s">
        <v>30540</v>
      </c>
    </row>
    <row r="8653" spans="1:9">
      <c r="A8653" s="1">
        <v>0.58974080025578535</v>
      </c>
      <c r="B8653" s="1"/>
      <c r="C8653">
        <v>5</v>
      </c>
      <c r="D8653" t="s">
        <v>20894</v>
      </c>
      <c r="E8653" t="s">
        <v>33361</v>
      </c>
      <c r="F8653">
        <v>4</v>
      </c>
      <c r="G8653" t="s">
        <v>14</v>
      </c>
      <c r="H8653" t="s">
        <v>20895</v>
      </c>
      <c r="I8653" t="s">
        <v>30540</v>
      </c>
    </row>
    <row r="8654" spans="1:9">
      <c r="A8654" s="1">
        <v>0.67766014029004074</v>
      </c>
      <c r="B8654" s="1"/>
      <c r="C8654">
        <v>11</v>
      </c>
      <c r="D8654" t="s">
        <v>20898</v>
      </c>
      <c r="E8654" t="s">
        <v>33361</v>
      </c>
      <c r="F8654">
        <v>4</v>
      </c>
      <c r="G8654" t="s">
        <v>14</v>
      </c>
      <c r="H8654" t="s">
        <v>20899</v>
      </c>
      <c r="I8654" t="s">
        <v>30540</v>
      </c>
    </row>
    <row r="8655" spans="1:9">
      <c r="A8655" s="1">
        <v>0.21347207169657334</v>
      </c>
      <c r="B8655" s="1"/>
      <c r="C8655">
        <v>14</v>
      </c>
      <c r="D8655" t="s">
        <v>20892</v>
      </c>
      <c r="E8655" t="s">
        <v>33362</v>
      </c>
      <c r="F8655">
        <v>4</v>
      </c>
      <c r="G8655" t="s">
        <v>14</v>
      </c>
      <c r="H8655" t="s">
        <v>20893</v>
      </c>
      <c r="I8655" t="s">
        <v>30540</v>
      </c>
    </row>
    <row r="8656" spans="1:9">
      <c r="A8656" s="1">
        <v>7.7619562619539728E-2</v>
      </c>
      <c r="B8656" s="1"/>
      <c r="C8656">
        <v>13</v>
      </c>
      <c r="D8656" t="s">
        <v>20890</v>
      </c>
      <c r="E8656" t="s">
        <v>33362</v>
      </c>
      <c r="F8656">
        <v>4</v>
      </c>
      <c r="G8656" t="s">
        <v>14</v>
      </c>
      <c r="H8656" t="s">
        <v>20891</v>
      </c>
      <c r="I8656" t="s">
        <v>30540</v>
      </c>
    </row>
    <row r="8657" spans="1:9">
      <c r="A8657" s="1">
        <v>0.441840160308829</v>
      </c>
      <c r="B8657" s="1"/>
      <c r="C8657">
        <v>9</v>
      </c>
      <c r="D8657" t="s">
        <v>20888</v>
      </c>
      <c r="E8657" t="s">
        <v>33362</v>
      </c>
      <c r="F8657">
        <v>4</v>
      </c>
      <c r="G8657" t="s">
        <v>0</v>
      </c>
      <c r="H8657" t="s">
        <v>20889</v>
      </c>
      <c r="I8657" t="s">
        <v>30540</v>
      </c>
    </row>
    <row r="8658" spans="1:9">
      <c r="A8658" s="1">
        <v>0.99606827017994726</v>
      </c>
      <c r="B8658" s="1"/>
      <c r="C8658">
        <v>14</v>
      </c>
      <c r="D8658" t="s">
        <v>20884</v>
      </c>
      <c r="E8658" t="s">
        <v>33363</v>
      </c>
      <c r="F8658">
        <v>5</v>
      </c>
      <c r="G8658" t="s">
        <v>10</v>
      </c>
      <c r="H8658" t="s">
        <v>20885</v>
      </c>
      <c r="I8658" t="s">
        <v>30540</v>
      </c>
    </row>
    <row r="8659" spans="1:9">
      <c r="A8659" s="1">
        <v>0.80406485668229422</v>
      </c>
      <c r="B8659" s="1"/>
      <c r="C8659">
        <v>13</v>
      </c>
      <c r="D8659" t="s">
        <v>20882</v>
      </c>
      <c r="E8659" t="s">
        <v>33363</v>
      </c>
      <c r="F8659">
        <v>5</v>
      </c>
      <c r="G8659" t="s">
        <v>0</v>
      </c>
      <c r="H8659" t="s">
        <v>20883</v>
      </c>
      <c r="I8659" t="s">
        <v>30540</v>
      </c>
    </row>
    <row r="8660" spans="1:9">
      <c r="A8660" s="1">
        <v>1.5091600083768753E-2</v>
      </c>
      <c r="B8660" s="1"/>
      <c r="C8660">
        <v>15</v>
      </c>
      <c r="D8660" t="s">
        <v>20886</v>
      </c>
      <c r="E8660" t="s">
        <v>33363</v>
      </c>
      <c r="F8660">
        <v>4</v>
      </c>
      <c r="G8660" t="s">
        <v>14</v>
      </c>
      <c r="H8660" t="s">
        <v>20887</v>
      </c>
      <c r="I8660" t="s">
        <v>30540</v>
      </c>
    </row>
    <row r="8661" spans="1:9">
      <c r="A8661" s="1">
        <v>0.31528008142741482</v>
      </c>
      <c r="B8661" s="1"/>
      <c r="C8661">
        <v>7</v>
      </c>
      <c r="D8661" t="s">
        <v>20878</v>
      </c>
      <c r="E8661" t="s">
        <v>33363</v>
      </c>
      <c r="F8661">
        <v>4</v>
      </c>
      <c r="G8661" t="s">
        <v>14</v>
      </c>
      <c r="H8661" t="s">
        <v>20879</v>
      </c>
      <c r="I8661" t="s">
        <v>30540</v>
      </c>
    </row>
    <row r="8662" spans="1:9">
      <c r="A8662" s="1">
        <v>0.33486801802737853</v>
      </c>
      <c r="B8662" s="1"/>
      <c r="C8662">
        <v>2</v>
      </c>
      <c r="D8662" t="s">
        <v>20876</v>
      </c>
      <c r="E8662" t="s">
        <v>33363</v>
      </c>
      <c r="F8662">
        <v>4</v>
      </c>
      <c r="G8662" t="s">
        <v>10</v>
      </c>
      <c r="H8662" t="s">
        <v>20877</v>
      </c>
      <c r="I8662" t="s">
        <v>30540</v>
      </c>
    </row>
    <row r="8663" spans="1:9">
      <c r="A8663" s="1">
        <v>0.97715752362262276</v>
      </c>
      <c r="B8663" s="1"/>
      <c r="C8663">
        <v>19</v>
      </c>
      <c r="D8663" t="s">
        <v>20874</v>
      </c>
      <c r="E8663" t="s">
        <v>33364</v>
      </c>
      <c r="F8663">
        <v>5</v>
      </c>
      <c r="G8663" t="s">
        <v>13</v>
      </c>
      <c r="H8663" t="s">
        <v>20875</v>
      </c>
      <c r="I8663" t="s">
        <v>30540</v>
      </c>
    </row>
    <row r="8664" spans="1:9">
      <c r="A8664" s="1">
        <v>0.17029322388174639</v>
      </c>
      <c r="B8664" s="1"/>
      <c r="C8664">
        <v>8</v>
      </c>
      <c r="D8664" t="s">
        <v>20872</v>
      </c>
      <c r="E8664" t="s">
        <v>33364</v>
      </c>
      <c r="F8664">
        <v>4</v>
      </c>
      <c r="G8664" t="s">
        <v>0</v>
      </c>
      <c r="H8664" t="s">
        <v>20873</v>
      </c>
      <c r="I8664" t="s">
        <v>30540</v>
      </c>
    </row>
    <row r="8665" spans="1:9">
      <c r="A8665" s="1">
        <v>0.45310274017617735</v>
      </c>
      <c r="B8665" s="1"/>
      <c r="C8665">
        <v>6</v>
      </c>
      <c r="D8665" t="s">
        <v>20868</v>
      </c>
      <c r="E8665" t="s">
        <v>33365</v>
      </c>
      <c r="F8665">
        <v>4</v>
      </c>
      <c r="G8665" t="s">
        <v>14</v>
      </c>
      <c r="H8665" t="s">
        <v>20869</v>
      </c>
      <c r="I8665" t="s">
        <v>30540</v>
      </c>
    </row>
    <row r="8666" spans="1:9">
      <c r="A8666" s="1">
        <v>0.89507639152344098</v>
      </c>
      <c r="B8666" s="1"/>
      <c r="C8666">
        <v>8</v>
      </c>
      <c r="D8666" t="s">
        <v>20870</v>
      </c>
      <c r="E8666" t="s">
        <v>33365</v>
      </c>
      <c r="F8666">
        <v>4</v>
      </c>
      <c r="G8666" t="s">
        <v>14</v>
      </c>
      <c r="H8666" t="s">
        <v>20871</v>
      </c>
      <c r="I8666" t="s">
        <v>30540</v>
      </c>
    </row>
    <row r="8667" spans="1:9">
      <c r="A8667" s="1">
        <v>0.35733725041447062</v>
      </c>
      <c r="B8667" s="1"/>
      <c r="C8667">
        <v>18</v>
      </c>
      <c r="D8667" t="s">
        <v>20866</v>
      </c>
      <c r="E8667" t="s">
        <v>33366</v>
      </c>
      <c r="F8667">
        <v>5</v>
      </c>
      <c r="G8667" t="s">
        <v>1</v>
      </c>
      <c r="H8667" t="s">
        <v>20867</v>
      </c>
      <c r="I8667" t="s">
        <v>30540</v>
      </c>
    </row>
    <row r="8668" spans="1:9">
      <c r="A8668" s="1">
        <v>0.60459460233268714</v>
      </c>
      <c r="B8668" s="1"/>
      <c r="C8668">
        <v>11</v>
      </c>
      <c r="D8668" t="s">
        <v>20858</v>
      </c>
      <c r="E8668" t="s">
        <v>33366</v>
      </c>
      <c r="F8668">
        <v>5</v>
      </c>
      <c r="G8668" t="s">
        <v>14</v>
      </c>
      <c r="H8668" t="s">
        <v>20859</v>
      </c>
      <c r="I8668" t="s">
        <v>30540</v>
      </c>
    </row>
    <row r="8669" spans="1:9">
      <c r="A8669" s="1">
        <v>0.32856952218467939</v>
      </c>
      <c r="B8669" s="1"/>
      <c r="C8669">
        <v>8</v>
      </c>
      <c r="D8669" t="s">
        <v>20856</v>
      </c>
      <c r="E8669" t="s">
        <v>33366</v>
      </c>
      <c r="F8669">
        <v>4</v>
      </c>
      <c r="G8669" t="s">
        <v>14</v>
      </c>
      <c r="H8669" t="s">
        <v>20857</v>
      </c>
      <c r="I8669" t="s">
        <v>30540</v>
      </c>
    </row>
    <row r="8670" spans="1:9">
      <c r="A8670" s="1">
        <v>0.16023893098160691</v>
      </c>
      <c r="B8670" s="1"/>
      <c r="C8670">
        <v>15</v>
      </c>
      <c r="D8670" t="s">
        <v>20862</v>
      </c>
      <c r="E8670" t="s">
        <v>33366</v>
      </c>
      <c r="F8670">
        <v>4</v>
      </c>
      <c r="G8670" t="s">
        <v>1</v>
      </c>
      <c r="H8670" t="s">
        <v>20863</v>
      </c>
      <c r="I8670" t="s">
        <v>30540</v>
      </c>
    </row>
    <row r="8671" spans="1:9">
      <c r="A8671" s="1">
        <v>0.77566241295752536</v>
      </c>
      <c r="B8671" s="1"/>
      <c r="C8671">
        <v>4</v>
      </c>
      <c r="D8671" t="s">
        <v>20854</v>
      </c>
      <c r="E8671" t="s">
        <v>33366</v>
      </c>
      <c r="F8671">
        <v>4</v>
      </c>
      <c r="G8671" t="s">
        <v>15</v>
      </c>
      <c r="H8671" t="s">
        <v>20855</v>
      </c>
      <c r="I8671" t="s">
        <v>30540</v>
      </c>
    </row>
    <row r="8672" spans="1:9">
      <c r="A8672" s="1">
        <v>0.74206641220790659</v>
      </c>
      <c r="B8672" s="1"/>
      <c r="C8672">
        <v>3</v>
      </c>
      <c r="D8672" t="s">
        <v>20850</v>
      </c>
      <c r="E8672" t="s">
        <v>33367</v>
      </c>
      <c r="F8672">
        <v>5</v>
      </c>
      <c r="G8672" t="s">
        <v>14</v>
      </c>
      <c r="H8672" t="s">
        <v>20851</v>
      </c>
      <c r="I8672" t="s">
        <v>30540</v>
      </c>
    </row>
    <row r="8673" spans="1:9">
      <c r="A8673" s="1">
        <v>0.44209895188201764</v>
      </c>
      <c r="B8673" s="1"/>
      <c r="C8673">
        <v>15</v>
      </c>
      <c r="D8673" t="s">
        <v>20852</v>
      </c>
      <c r="E8673" t="s">
        <v>33367</v>
      </c>
      <c r="F8673">
        <v>4</v>
      </c>
      <c r="G8673" t="s">
        <v>14</v>
      </c>
      <c r="H8673" t="s">
        <v>20853</v>
      </c>
      <c r="I8673" t="s">
        <v>30540</v>
      </c>
    </row>
    <row r="8674" spans="1:9">
      <c r="A8674" s="1">
        <v>0.1940926862686515</v>
      </c>
      <c r="B8674" s="1"/>
      <c r="C8674">
        <v>11</v>
      </c>
      <c r="D8674" t="s">
        <v>20846</v>
      </c>
      <c r="E8674" t="s">
        <v>33368</v>
      </c>
      <c r="F8674">
        <v>4</v>
      </c>
      <c r="G8674" t="s">
        <v>13</v>
      </c>
      <c r="H8674" t="s">
        <v>20847</v>
      </c>
      <c r="I8674" t="s">
        <v>30540</v>
      </c>
    </row>
    <row r="8675" spans="1:9">
      <c r="A8675" s="1">
        <v>0.85226546166028383</v>
      </c>
      <c r="B8675" s="1"/>
      <c r="C8675">
        <v>14</v>
      </c>
      <c r="D8675" t="s">
        <v>20848</v>
      </c>
      <c r="E8675" t="s">
        <v>33368</v>
      </c>
      <c r="F8675">
        <v>4</v>
      </c>
      <c r="G8675" t="s">
        <v>14</v>
      </c>
      <c r="H8675" t="s">
        <v>20849</v>
      </c>
      <c r="I8675" t="s">
        <v>30540</v>
      </c>
    </row>
    <row r="8676" spans="1:9">
      <c r="A8676" s="1">
        <v>8.8610861620852965E-2</v>
      </c>
      <c r="B8676" s="1"/>
      <c r="C8676">
        <v>1</v>
      </c>
      <c r="D8676" t="s">
        <v>20840</v>
      </c>
      <c r="E8676" t="s">
        <v>33368</v>
      </c>
      <c r="F8676">
        <v>4</v>
      </c>
      <c r="G8676" t="s">
        <v>10</v>
      </c>
      <c r="H8676" t="s">
        <v>20841</v>
      </c>
      <c r="I8676" t="s">
        <v>30540</v>
      </c>
    </row>
    <row r="8677" spans="1:9">
      <c r="A8677" s="1">
        <v>0.45498594223186806</v>
      </c>
      <c r="B8677" s="1"/>
      <c r="C8677">
        <v>10</v>
      </c>
      <c r="D8677" t="s">
        <v>20844</v>
      </c>
      <c r="E8677" t="s">
        <v>33368</v>
      </c>
      <c r="F8677">
        <v>4</v>
      </c>
      <c r="G8677" t="s">
        <v>14</v>
      </c>
      <c r="H8677" t="s">
        <v>20845</v>
      </c>
      <c r="I8677" t="s">
        <v>30540</v>
      </c>
    </row>
    <row r="8678" spans="1:9">
      <c r="A8678" s="1">
        <v>0.67122099686482539</v>
      </c>
      <c r="B8678" s="1"/>
      <c r="C8678">
        <v>3</v>
      </c>
      <c r="D8678" t="s">
        <v>20842</v>
      </c>
      <c r="E8678" t="s">
        <v>33368</v>
      </c>
      <c r="F8678">
        <v>3</v>
      </c>
      <c r="G8678" t="s">
        <v>14</v>
      </c>
      <c r="H8678" t="s">
        <v>20843</v>
      </c>
      <c r="I8678" t="s">
        <v>30540</v>
      </c>
    </row>
    <row r="8679" spans="1:9">
      <c r="A8679" s="1">
        <v>0.16241907879294137</v>
      </c>
      <c r="B8679" s="1"/>
      <c r="C8679">
        <v>3</v>
      </c>
      <c r="D8679" t="s">
        <v>20828</v>
      </c>
      <c r="E8679" t="s">
        <v>33369</v>
      </c>
      <c r="F8679">
        <v>5</v>
      </c>
      <c r="G8679" t="s">
        <v>15</v>
      </c>
      <c r="H8679" t="s">
        <v>20829</v>
      </c>
      <c r="I8679" t="s">
        <v>30540</v>
      </c>
    </row>
    <row r="8680" spans="1:9">
      <c r="A8680" s="1">
        <v>0.47441968545806013</v>
      </c>
      <c r="B8680" s="1"/>
      <c r="C8680">
        <v>4</v>
      </c>
      <c r="D8680" t="s">
        <v>20830</v>
      </c>
      <c r="E8680" t="s">
        <v>33369</v>
      </c>
      <c r="F8680">
        <v>5</v>
      </c>
      <c r="G8680" t="s">
        <v>13</v>
      </c>
      <c r="H8680" t="s">
        <v>20831</v>
      </c>
      <c r="I8680" t="s">
        <v>30540</v>
      </c>
    </row>
    <row r="8681" spans="1:9">
      <c r="A8681" s="1">
        <v>0.9698638971858986</v>
      </c>
      <c r="B8681" s="1"/>
      <c r="C8681">
        <v>8</v>
      </c>
      <c r="D8681" t="s">
        <v>20832</v>
      </c>
      <c r="E8681" t="s">
        <v>33369</v>
      </c>
      <c r="F8681">
        <v>4</v>
      </c>
      <c r="G8681" t="s">
        <v>1431</v>
      </c>
      <c r="H8681" t="s">
        <v>20833</v>
      </c>
      <c r="I8681" t="s">
        <v>30540</v>
      </c>
    </row>
    <row r="8682" spans="1:9">
      <c r="A8682" s="1">
        <v>0.81415833306514052</v>
      </c>
      <c r="B8682" s="1"/>
      <c r="C8682">
        <v>11</v>
      </c>
      <c r="D8682" t="s">
        <v>20834</v>
      </c>
      <c r="E8682" t="s">
        <v>33369</v>
      </c>
      <c r="F8682">
        <v>4</v>
      </c>
      <c r="G8682" t="s">
        <v>2</v>
      </c>
      <c r="H8682" t="s">
        <v>20835</v>
      </c>
      <c r="I8682" t="s">
        <v>30540</v>
      </c>
    </row>
    <row r="8683" spans="1:9">
      <c r="A8683" s="1">
        <v>0.32089217211722831</v>
      </c>
      <c r="B8683" s="1"/>
      <c r="C8683">
        <v>14</v>
      </c>
      <c r="D8683" t="s">
        <v>20836</v>
      </c>
      <c r="E8683" t="s">
        <v>33369</v>
      </c>
      <c r="F8683">
        <v>4</v>
      </c>
      <c r="G8683" t="s">
        <v>769</v>
      </c>
      <c r="H8683" t="s">
        <v>20837</v>
      </c>
      <c r="I8683" t="s">
        <v>30540</v>
      </c>
    </row>
    <row r="8684" spans="1:9">
      <c r="A8684" s="1">
        <v>0.98199965884692364</v>
      </c>
      <c r="B8684" s="1"/>
      <c r="C8684">
        <v>18</v>
      </c>
      <c r="D8684" t="s">
        <v>20838</v>
      </c>
      <c r="E8684" t="s">
        <v>33369</v>
      </c>
      <c r="F8684">
        <v>4</v>
      </c>
      <c r="G8684" t="s">
        <v>10</v>
      </c>
      <c r="H8684" t="s">
        <v>20839</v>
      </c>
      <c r="I8684" t="s">
        <v>30540</v>
      </c>
    </row>
    <row r="8685" spans="1:9">
      <c r="A8685" s="1">
        <v>0.92265915605222082</v>
      </c>
      <c r="B8685" s="1"/>
      <c r="C8685">
        <v>6</v>
      </c>
      <c r="D8685" t="s">
        <v>20826</v>
      </c>
      <c r="E8685" t="s">
        <v>33370</v>
      </c>
      <c r="F8685">
        <v>4</v>
      </c>
      <c r="G8685" t="s">
        <v>9</v>
      </c>
      <c r="H8685" t="s">
        <v>20827</v>
      </c>
      <c r="I8685" t="s">
        <v>30540</v>
      </c>
    </row>
    <row r="8686" spans="1:9">
      <c r="A8686" s="1">
        <v>0.35819583354453199</v>
      </c>
      <c r="B8686" s="1"/>
      <c r="C8686">
        <v>2</v>
      </c>
      <c r="D8686" t="s">
        <v>20824</v>
      </c>
      <c r="E8686" t="s">
        <v>33370</v>
      </c>
      <c r="F8686">
        <v>4</v>
      </c>
      <c r="G8686" t="s">
        <v>2</v>
      </c>
      <c r="H8686" t="s">
        <v>20825</v>
      </c>
      <c r="I8686" t="s">
        <v>30540</v>
      </c>
    </row>
    <row r="8687" spans="1:9">
      <c r="A8687" s="1">
        <v>0.76712719014288677</v>
      </c>
      <c r="B8687" s="1"/>
      <c r="C8687">
        <v>13</v>
      </c>
      <c r="D8687" t="s">
        <v>20822</v>
      </c>
      <c r="E8687" t="s">
        <v>33371</v>
      </c>
      <c r="F8687">
        <v>5</v>
      </c>
      <c r="G8687" t="s">
        <v>10</v>
      </c>
      <c r="H8687" t="s">
        <v>20823</v>
      </c>
      <c r="I8687" t="s">
        <v>30540</v>
      </c>
    </row>
    <row r="8688" spans="1:9">
      <c r="A8688" s="1">
        <v>0.21855873206228549</v>
      </c>
      <c r="B8688" s="1"/>
      <c r="C8688">
        <v>4</v>
      </c>
      <c r="D8688" t="s">
        <v>20816</v>
      </c>
      <c r="E8688" t="s">
        <v>33371</v>
      </c>
      <c r="F8688">
        <v>4</v>
      </c>
      <c r="G8688" t="s">
        <v>2</v>
      </c>
      <c r="H8688" t="s">
        <v>20817</v>
      </c>
      <c r="I8688" t="s">
        <v>30540</v>
      </c>
    </row>
    <row r="8689" spans="1:9">
      <c r="A8689" s="1">
        <v>0.4842273508109699</v>
      </c>
      <c r="B8689" s="1"/>
      <c r="C8689">
        <v>12</v>
      </c>
      <c r="D8689" t="s">
        <v>20820</v>
      </c>
      <c r="E8689" t="s">
        <v>33371</v>
      </c>
      <c r="F8689">
        <v>4</v>
      </c>
      <c r="G8689" t="s">
        <v>14</v>
      </c>
      <c r="H8689" t="s">
        <v>20821</v>
      </c>
      <c r="I8689" t="s">
        <v>30540</v>
      </c>
    </row>
    <row r="8690" spans="1:9">
      <c r="A8690" s="1">
        <v>0.53350675043169737</v>
      </c>
      <c r="B8690" s="1"/>
      <c r="C8690">
        <v>11</v>
      </c>
      <c r="D8690" t="s">
        <v>20818</v>
      </c>
      <c r="E8690" t="s">
        <v>33371</v>
      </c>
      <c r="F8690">
        <v>4</v>
      </c>
      <c r="G8690" t="s">
        <v>2</v>
      </c>
      <c r="H8690" t="s">
        <v>20819</v>
      </c>
      <c r="I8690" t="s">
        <v>30540</v>
      </c>
    </row>
    <row r="8691" spans="1:9">
      <c r="A8691" s="1">
        <v>0.28545122215395879</v>
      </c>
      <c r="B8691" s="1"/>
      <c r="C8691">
        <v>12</v>
      </c>
      <c r="D8691" t="s">
        <v>20814</v>
      </c>
      <c r="E8691" t="s">
        <v>33372</v>
      </c>
      <c r="F8691">
        <v>5</v>
      </c>
      <c r="G8691" t="s">
        <v>14</v>
      </c>
      <c r="H8691" t="s">
        <v>20815</v>
      </c>
      <c r="I8691" t="s">
        <v>30540</v>
      </c>
    </row>
    <row r="8692" spans="1:9">
      <c r="A8692" s="1">
        <v>0.43529696957864494</v>
      </c>
      <c r="B8692" s="1"/>
      <c r="C8692">
        <v>9</v>
      </c>
      <c r="D8692" t="s">
        <v>20810</v>
      </c>
      <c r="E8692" t="s">
        <v>33372</v>
      </c>
      <c r="F8692">
        <v>5</v>
      </c>
      <c r="G8692" t="s">
        <v>0</v>
      </c>
      <c r="H8692" t="s">
        <v>20811</v>
      </c>
      <c r="I8692" t="s">
        <v>30540</v>
      </c>
    </row>
    <row r="8693" spans="1:9">
      <c r="A8693" s="1">
        <v>3.2448714130899781E-2</v>
      </c>
      <c r="B8693" s="1"/>
      <c r="C8693">
        <v>4</v>
      </c>
      <c r="D8693" t="s">
        <v>20806</v>
      </c>
      <c r="E8693" t="s">
        <v>33372</v>
      </c>
      <c r="F8693">
        <v>4</v>
      </c>
      <c r="G8693" t="s">
        <v>14</v>
      </c>
      <c r="H8693" t="s">
        <v>20807</v>
      </c>
      <c r="I8693" t="s">
        <v>30540</v>
      </c>
    </row>
    <row r="8694" spans="1:9">
      <c r="A8694" s="1">
        <v>0.38837732397055613</v>
      </c>
      <c r="B8694" s="1"/>
      <c r="C8694">
        <v>1</v>
      </c>
      <c r="D8694" t="s">
        <v>20804</v>
      </c>
      <c r="E8694" t="s">
        <v>33372</v>
      </c>
      <c r="F8694">
        <v>4</v>
      </c>
      <c r="G8694" t="s">
        <v>13</v>
      </c>
      <c r="H8694" t="s">
        <v>20805</v>
      </c>
      <c r="I8694" t="s">
        <v>30540</v>
      </c>
    </row>
    <row r="8695" spans="1:9">
      <c r="A8695" s="1">
        <v>0.79741103094914023</v>
      </c>
      <c r="B8695" s="1"/>
      <c r="C8695">
        <v>11</v>
      </c>
      <c r="D8695" t="s">
        <v>20812</v>
      </c>
      <c r="E8695" t="s">
        <v>33372</v>
      </c>
      <c r="F8695">
        <v>4</v>
      </c>
      <c r="G8695" t="s">
        <v>14</v>
      </c>
      <c r="H8695" t="s">
        <v>20813</v>
      </c>
      <c r="I8695" t="s">
        <v>30540</v>
      </c>
    </row>
    <row r="8696" spans="1:9">
      <c r="A8696" s="1">
        <v>0.69233963152046119</v>
      </c>
      <c r="B8696" s="1"/>
      <c r="C8696">
        <v>6</v>
      </c>
      <c r="D8696" t="s">
        <v>20808</v>
      </c>
      <c r="E8696" t="s">
        <v>33372</v>
      </c>
      <c r="F8696">
        <v>4</v>
      </c>
      <c r="G8696" t="s">
        <v>0</v>
      </c>
      <c r="H8696" t="s">
        <v>20809</v>
      </c>
      <c r="I8696" t="s">
        <v>30540</v>
      </c>
    </row>
    <row r="8697" spans="1:9">
      <c r="A8697" s="1">
        <v>0.51467075531785733</v>
      </c>
      <c r="B8697" s="1"/>
      <c r="C8697">
        <v>1</v>
      </c>
      <c r="D8697" t="s">
        <v>20794</v>
      </c>
      <c r="E8697" t="s">
        <v>33373</v>
      </c>
      <c r="F8697">
        <v>5</v>
      </c>
      <c r="G8697" t="s">
        <v>2</v>
      </c>
      <c r="H8697" t="s">
        <v>20795</v>
      </c>
      <c r="I8697" t="s">
        <v>30540</v>
      </c>
    </row>
    <row r="8698" spans="1:9">
      <c r="A8698" s="1">
        <v>0.2399327023575285</v>
      </c>
      <c r="B8698" s="1"/>
      <c r="C8698">
        <v>3</v>
      </c>
      <c r="D8698" t="s">
        <v>20796</v>
      </c>
      <c r="E8698" t="s">
        <v>33373</v>
      </c>
      <c r="F8698">
        <v>5</v>
      </c>
      <c r="G8698" t="s">
        <v>2</v>
      </c>
      <c r="H8698" t="s">
        <v>20797</v>
      </c>
      <c r="I8698" t="s">
        <v>30540</v>
      </c>
    </row>
    <row r="8699" spans="1:9">
      <c r="A8699" s="1">
        <v>0.79717081663314115</v>
      </c>
      <c r="B8699" s="1"/>
      <c r="C8699">
        <v>5</v>
      </c>
      <c r="D8699" t="s">
        <v>20798</v>
      </c>
      <c r="E8699" t="s">
        <v>33373</v>
      </c>
      <c r="F8699">
        <v>4</v>
      </c>
      <c r="G8699" t="s">
        <v>2</v>
      </c>
      <c r="H8699" t="s">
        <v>20799</v>
      </c>
      <c r="I8699" t="s">
        <v>30540</v>
      </c>
    </row>
    <row r="8700" spans="1:9">
      <c r="A8700" s="1">
        <v>0.44564677700226962</v>
      </c>
      <c r="B8700" s="1"/>
      <c r="C8700">
        <v>10</v>
      </c>
      <c r="D8700" t="s">
        <v>20802</v>
      </c>
      <c r="E8700" t="s">
        <v>33373</v>
      </c>
      <c r="F8700">
        <v>3</v>
      </c>
      <c r="G8700" t="s">
        <v>9</v>
      </c>
      <c r="H8700" t="s">
        <v>20803</v>
      </c>
      <c r="I8700" t="s">
        <v>30540</v>
      </c>
    </row>
    <row r="8701" spans="1:9">
      <c r="A8701" s="1">
        <v>0.61462842532950113</v>
      </c>
      <c r="B8701" s="1"/>
      <c r="C8701">
        <v>7</v>
      </c>
      <c r="D8701" t="s">
        <v>20800</v>
      </c>
      <c r="E8701" t="s">
        <v>33373</v>
      </c>
      <c r="F8701">
        <v>3</v>
      </c>
      <c r="G8701" t="s">
        <v>10</v>
      </c>
      <c r="H8701" t="s">
        <v>20801</v>
      </c>
      <c r="I8701" t="s">
        <v>30540</v>
      </c>
    </row>
    <row r="8702" spans="1:9">
      <c r="A8702" s="1">
        <v>0.43941900632571851</v>
      </c>
      <c r="B8702" s="1"/>
      <c r="C8702">
        <v>7</v>
      </c>
      <c r="D8702" t="s">
        <v>20786</v>
      </c>
      <c r="E8702" t="s">
        <v>33374</v>
      </c>
      <c r="F8702">
        <v>4</v>
      </c>
      <c r="G8702" t="s">
        <v>0</v>
      </c>
      <c r="H8702" t="s">
        <v>20787</v>
      </c>
      <c r="I8702" t="s">
        <v>30540</v>
      </c>
    </row>
    <row r="8703" spans="1:9">
      <c r="A8703" s="1">
        <v>0.58867521357395947</v>
      </c>
      <c r="B8703" s="1"/>
      <c r="C8703">
        <v>1</v>
      </c>
      <c r="D8703" t="s">
        <v>20782</v>
      </c>
      <c r="E8703" t="s">
        <v>33374</v>
      </c>
      <c r="F8703">
        <v>4</v>
      </c>
      <c r="G8703" t="s">
        <v>2</v>
      </c>
      <c r="H8703" t="s">
        <v>20783</v>
      </c>
      <c r="I8703" t="s">
        <v>30540</v>
      </c>
    </row>
    <row r="8704" spans="1:9">
      <c r="A8704" s="1">
        <v>0.656242705189929</v>
      </c>
      <c r="B8704" s="1"/>
      <c r="C8704">
        <v>8</v>
      </c>
      <c r="D8704" t="s">
        <v>20788</v>
      </c>
      <c r="E8704" t="s">
        <v>33374</v>
      </c>
      <c r="F8704">
        <v>4</v>
      </c>
      <c r="G8704" t="s">
        <v>2</v>
      </c>
      <c r="H8704" t="s">
        <v>20789</v>
      </c>
      <c r="I8704" t="s">
        <v>30540</v>
      </c>
    </row>
    <row r="8705" spans="1:9">
      <c r="A8705" s="1">
        <v>0.27461293500153239</v>
      </c>
      <c r="B8705" s="1"/>
      <c r="C8705">
        <v>14</v>
      </c>
      <c r="D8705" t="s">
        <v>20792</v>
      </c>
      <c r="E8705" t="s">
        <v>33374</v>
      </c>
      <c r="F8705">
        <v>4</v>
      </c>
      <c r="G8705" t="s">
        <v>2</v>
      </c>
      <c r="H8705" t="s">
        <v>20793</v>
      </c>
      <c r="I8705" t="s">
        <v>30540</v>
      </c>
    </row>
    <row r="8706" spans="1:9">
      <c r="A8706" s="1">
        <v>0.25370673190071402</v>
      </c>
      <c r="B8706" s="1"/>
      <c r="C8706">
        <v>13</v>
      </c>
      <c r="D8706" t="s">
        <v>20790</v>
      </c>
      <c r="E8706" t="s">
        <v>33374</v>
      </c>
      <c r="F8706">
        <v>4</v>
      </c>
      <c r="G8706" t="s">
        <v>14</v>
      </c>
      <c r="H8706" t="s">
        <v>20791</v>
      </c>
      <c r="I8706" t="s">
        <v>30540</v>
      </c>
    </row>
    <row r="8707" spans="1:9">
      <c r="A8707" s="1">
        <v>7.72362171137011E-2</v>
      </c>
      <c r="B8707" s="1"/>
      <c r="C8707">
        <v>5</v>
      </c>
      <c r="D8707" t="s">
        <v>20784</v>
      </c>
      <c r="E8707" t="s">
        <v>33374</v>
      </c>
      <c r="F8707">
        <v>4</v>
      </c>
      <c r="G8707" t="s">
        <v>2</v>
      </c>
      <c r="H8707" t="s">
        <v>20785</v>
      </c>
      <c r="I8707" t="s">
        <v>30540</v>
      </c>
    </row>
    <row r="8708" spans="1:9">
      <c r="A8708" s="1">
        <v>0.68448825386587875</v>
      </c>
      <c r="B8708" s="1"/>
      <c r="C8708">
        <v>1</v>
      </c>
      <c r="D8708" t="s">
        <v>20770</v>
      </c>
      <c r="E8708" t="s">
        <v>33375</v>
      </c>
      <c r="F8708">
        <v>5</v>
      </c>
      <c r="G8708" t="s">
        <v>9</v>
      </c>
      <c r="H8708" t="s">
        <v>20771</v>
      </c>
      <c r="I8708" t="s">
        <v>30540</v>
      </c>
    </row>
    <row r="8709" spans="1:9">
      <c r="A8709" s="1">
        <v>0.37596890743813471</v>
      </c>
      <c r="B8709" s="1"/>
      <c r="C8709">
        <v>15</v>
      </c>
      <c r="D8709" t="s">
        <v>20778</v>
      </c>
      <c r="E8709" t="s">
        <v>33375</v>
      </c>
      <c r="F8709">
        <v>4</v>
      </c>
      <c r="G8709" t="s">
        <v>14</v>
      </c>
      <c r="H8709" t="s">
        <v>20779</v>
      </c>
      <c r="I8709" t="s">
        <v>30540</v>
      </c>
    </row>
    <row r="8710" spans="1:9">
      <c r="A8710" s="1">
        <v>0.76891032903843592</v>
      </c>
      <c r="B8710" s="1"/>
      <c r="C8710">
        <v>10</v>
      </c>
      <c r="D8710" t="s">
        <v>20774</v>
      </c>
      <c r="E8710" t="s">
        <v>33375</v>
      </c>
      <c r="F8710">
        <v>4</v>
      </c>
      <c r="G8710" t="s">
        <v>14</v>
      </c>
      <c r="H8710" t="s">
        <v>20775</v>
      </c>
      <c r="I8710" t="s">
        <v>30540</v>
      </c>
    </row>
    <row r="8711" spans="1:9">
      <c r="A8711" s="1">
        <v>0.84683563518867022</v>
      </c>
      <c r="B8711" s="1"/>
      <c r="C8711">
        <v>2</v>
      </c>
      <c r="D8711" t="s">
        <v>20772</v>
      </c>
      <c r="E8711" t="s">
        <v>33375</v>
      </c>
      <c r="F8711">
        <v>4</v>
      </c>
      <c r="G8711" t="s">
        <v>9</v>
      </c>
      <c r="H8711" t="s">
        <v>20773</v>
      </c>
      <c r="I8711" t="s">
        <v>30540</v>
      </c>
    </row>
    <row r="8712" spans="1:9">
      <c r="A8712" s="1">
        <v>0.16133382824382569</v>
      </c>
      <c r="B8712" s="1"/>
      <c r="C8712">
        <v>14</v>
      </c>
      <c r="D8712" t="s">
        <v>20776</v>
      </c>
      <c r="E8712" t="s">
        <v>33375</v>
      </c>
      <c r="F8712">
        <v>4</v>
      </c>
      <c r="G8712" t="s">
        <v>0</v>
      </c>
      <c r="H8712" t="s">
        <v>20777</v>
      </c>
      <c r="I8712" t="s">
        <v>30540</v>
      </c>
    </row>
    <row r="8713" spans="1:9">
      <c r="A8713" s="1">
        <v>0.84453028810080577</v>
      </c>
      <c r="B8713" s="1"/>
      <c r="C8713">
        <v>16</v>
      </c>
      <c r="D8713" t="s">
        <v>20780</v>
      </c>
      <c r="E8713" t="s">
        <v>33375</v>
      </c>
      <c r="F8713">
        <v>4</v>
      </c>
      <c r="G8713" t="s">
        <v>1</v>
      </c>
      <c r="H8713" t="s">
        <v>20781</v>
      </c>
      <c r="I8713" t="s">
        <v>30540</v>
      </c>
    </row>
    <row r="8714" spans="1:9">
      <c r="A8714" s="1">
        <v>6.4389395575366937E-2</v>
      </c>
      <c r="B8714" s="1"/>
      <c r="C8714">
        <v>5</v>
      </c>
      <c r="D8714" t="s">
        <v>20762</v>
      </c>
      <c r="E8714" t="s">
        <v>33376</v>
      </c>
      <c r="F8714">
        <v>5</v>
      </c>
      <c r="G8714" t="s">
        <v>10</v>
      </c>
      <c r="H8714" t="s">
        <v>20763</v>
      </c>
      <c r="I8714" t="s">
        <v>30540</v>
      </c>
    </row>
    <row r="8715" spans="1:9">
      <c r="A8715" s="1">
        <v>0.17376535246998359</v>
      </c>
      <c r="B8715" s="1"/>
      <c r="C8715">
        <v>9</v>
      </c>
      <c r="D8715" t="s">
        <v>20764</v>
      </c>
      <c r="E8715" t="s">
        <v>33376</v>
      </c>
      <c r="F8715">
        <v>5</v>
      </c>
      <c r="G8715" t="s">
        <v>14</v>
      </c>
      <c r="H8715" t="s">
        <v>20765</v>
      </c>
      <c r="I8715" t="s">
        <v>30540</v>
      </c>
    </row>
    <row r="8716" spans="1:9">
      <c r="A8716" s="1">
        <v>0.71375224872727683</v>
      </c>
      <c r="B8716" s="1"/>
      <c r="C8716">
        <v>4</v>
      </c>
      <c r="D8716" t="s">
        <v>20760</v>
      </c>
      <c r="E8716" t="s">
        <v>33376</v>
      </c>
      <c r="F8716">
        <v>4</v>
      </c>
      <c r="G8716" t="s">
        <v>9</v>
      </c>
      <c r="H8716" t="s">
        <v>20761</v>
      </c>
      <c r="I8716" t="s">
        <v>30540</v>
      </c>
    </row>
    <row r="8717" spans="1:9">
      <c r="A8717" s="1">
        <v>0.29553950342123214</v>
      </c>
      <c r="B8717" s="1"/>
      <c r="C8717">
        <v>2</v>
      </c>
      <c r="D8717" t="s">
        <v>20758</v>
      </c>
      <c r="E8717" t="s">
        <v>33376</v>
      </c>
      <c r="F8717">
        <v>4</v>
      </c>
      <c r="G8717" t="s">
        <v>2</v>
      </c>
      <c r="H8717" t="s">
        <v>20759</v>
      </c>
      <c r="I8717" t="s">
        <v>30540</v>
      </c>
    </row>
    <row r="8718" spans="1:9">
      <c r="A8718" s="1">
        <v>0.96347090024784832</v>
      </c>
      <c r="B8718" s="1"/>
      <c r="C8718">
        <v>13</v>
      </c>
      <c r="D8718" t="s">
        <v>20768</v>
      </c>
      <c r="E8718" t="s">
        <v>33376</v>
      </c>
      <c r="F8718">
        <v>4</v>
      </c>
      <c r="G8718" t="s">
        <v>14</v>
      </c>
      <c r="H8718" t="s">
        <v>20769</v>
      </c>
      <c r="I8718" t="s">
        <v>30540</v>
      </c>
    </row>
    <row r="8719" spans="1:9">
      <c r="A8719" s="1">
        <v>0.8900810685721473</v>
      </c>
      <c r="B8719" s="1"/>
      <c r="C8719">
        <v>13</v>
      </c>
      <c r="D8719" t="s">
        <v>20756</v>
      </c>
      <c r="E8719" t="s">
        <v>33377</v>
      </c>
      <c r="F8719">
        <v>4</v>
      </c>
      <c r="G8719" t="s">
        <v>9</v>
      </c>
      <c r="H8719" t="s">
        <v>20757</v>
      </c>
      <c r="I8719" t="s">
        <v>30540</v>
      </c>
    </row>
    <row r="8720" spans="1:9">
      <c r="A8720" s="1">
        <v>0.94520013287328353</v>
      </c>
      <c r="B8720" s="1"/>
      <c r="C8720">
        <v>3</v>
      </c>
      <c r="D8720" t="s">
        <v>20754</v>
      </c>
      <c r="E8720" t="s">
        <v>33377</v>
      </c>
      <c r="F8720">
        <v>4</v>
      </c>
      <c r="G8720" t="s">
        <v>762</v>
      </c>
      <c r="H8720" t="s">
        <v>20755</v>
      </c>
      <c r="I8720" t="s">
        <v>30540</v>
      </c>
    </row>
    <row r="8721" spans="1:9">
      <c r="A8721" s="1">
        <v>0.26759814632283507</v>
      </c>
      <c r="B8721" s="1"/>
      <c r="C8721">
        <v>8</v>
      </c>
      <c r="D8721" t="s">
        <v>20750</v>
      </c>
      <c r="E8721" t="s">
        <v>33378</v>
      </c>
      <c r="F8721">
        <v>4</v>
      </c>
      <c r="G8721" t="s">
        <v>0</v>
      </c>
      <c r="H8721" t="s">
        <v>20751</v>
      </c>
      <c r="I8721" t="s">
        <v>30540</v>
      </c>
    </row>
    <row r="8722" spans="1:9">
      <c r="A8722" s="1">
        <v>0.21736719077792388</v>
      </c>
      <c r="B8722" s="1"/>
      <c r="C8722">
        <v>12</v>
      </c>
      <c r="D8722" t="s">
        <v>20752</v>
      </c>
      <c r="E8722" t="s">
        <v>33378</v>
      </c>
      <c r="F8722">
        <v>4</v>
      </c>
      <c r="G8722" t="s">
        <v>14</v>
      </c>
      <c r="H8722" t="s">
        <v>20753</v>
      </c>
      <c r="I8722" t="s">
        <v>30540</v>
      </c>
    </row>
    <row r="8723" spans="1:9">
      <c r="A8723" s="1">
        <v>0.82027968656528027</v>
      </c>
      <c r="B8723" s="1"/>
      <c r="C8723">
        <v>11</v>
      </c>
      <c r="D8723" t="s">
        <v>20748</v>
      </c>
      <c r="E8723" t="s">
        <v>33379</v>
      </c>
      <c r="F8723">
        <v>4</v>
      </c>
      <c r="G8723" t="s">
        <v>14</v>
      </c>
      <c r="H8723" t="s">
        <v>20749</v>
      </c>
      <c r="I8723" t="s">
        <v>30540</v>
      </c>
    </row>
    <row r="8724" spans="1:9">
      <c r="A8724" s="1">
        <v>0.34111594244381616</v>
      </c>
      <c r="B8724" s="1"/>
      <c r="C8724">
        <v>4</v>
      </c>
      <c r="D8724" t="s">
        <v>20746</v>
      </c>
      <c r="E8724" t="s">
        <v>33379</v>
      </c>
      <c r="F8724">
        <v>4</v>
      </c>
      <c r="G8724" t="s">
        <v>10</v>
      </c>
      <c r="H8724" t="s">
        <v>20747</v>
      </c>
      <c r="I8724" t="s">
        <v>30540</v>
      </c>
    </row>
    <row r="8725" spans="1:9">
      <c r="A8725" s="1">
        <v>0.74791391876464774</v>
      </c>
      <c r="B8725" s="1"/>
      <c r="C8725">
        <v>8</v>
      </c>
      <c r="D8725" t="s">
        <v>20736</v>
      </c>
      <c r="E8725" t="s">
        <v>33380</v>
      </c>
      <c r="F8725">
        <v>5</v>
      </c>
      <c r="G8725" t="s">
        <v>2</v>
      </c>
      <c r="H8725" t="s">
        <v>20737</v>
      </c>
      <c r="I8725" t="s">
        <v>30540</v>
      </c>
    </row>
    <row r="8726" spans="1:9">
      <c r="A8726" s="1">
        <v>0.4770536650528483</v>
      </c>
      <c r="B8726" s="1"/>
      <c r="C8726">
        <v>14</v>
      </c>
      <c r="D8726" t="s">
        <v>20740</v>
      </c>
      <c r="E8726" t="s">
        <v>33380</v>
      </c>
      <c r="F8726">
        <v>4</v>
      </c>
      <c r="G8726" t="s">
        <v>14</v>
      </c>
      <c r="H8726" t="s">
        <v>20741</v>
      </c>
      <c r="I8726" t="s">
        <v>30540</v>
      </c>
    </row>
    <row r="8727" spans="1:9">
      <c r="A8727" s="1">
        <v>4.3076362341861185E-2</v>
      </c>
      <c r="B8727" s="1"/>
      <c r="C8727">
        <v>18</v>
      </c>
      <c r="D8727" t="s">
        <v>20744</v>
      </c>
      <c r="E8727" t="s">
        <v>33380</v>
      </c>
      <c r="F8727">
        <v>4</v>
      </c>
      <c r="G8727" t="s">
        <v>0</v>
      </c>
      <c r="H8727" t="s">
        <v>20745</v>
      </c>
      <c r="I8727" t="s">
        <v>30540</v>
      </c>
    </row>
    <row r="8728" spans="1:9">
      <c r="A8728" s="1">
        <v>0.55261470116751743</v>
      </c>
      <c r="B8728" s="1"/>
      <c r="C8728">
        <v>7</v>
      </c>
      <c r="D8728" t="s">
        <v>20734</v>
      </c>
      <c r="E8728" t="s">
        <v>33380</v>
      </c>
      <c r="F8728">
        <v>4</v>
      </c>
      <c r="G8728" t="s">
        <v>14</v>
      </c>
      <c r="H8728" t="s">
        <v>20735</v>
      </c>
      <c r="I8728" t="s">
        <v>30540</v>
      </c>
    </row>
    <row r="8729" spans="1:9">
      <c r="A8729" s="1">
        <v>0.37919779636399897</v>
      </c>
      <c r="B8729" s="1"/>
      <c r="C8729">
        <v>10</v>
      </c>
      <c r="D8729" t="s">
        <v>20738</v>
      </c>
      <c r="E8729" t="s">
        <v>33380</v>
      </c>
      <c r="F8729">
        <v>4</v>
      </c>
      <c r="G8729" t="s">
        <v>14</v>
      </c>
      <c r="H8729" t="s">
        <v>20739</v>
      </c>
      <c r="I8729" t="s">
        <v>30540</v>
      </c>
    </row>
    <row r="8730" spans="1:9">
      <c r="A8730" s="1">
        <v>0.66585597972859045</v>
      </c>
      <c r="B8730" s="1"/>
      <c r="C8730">
        <v>15</v>
      </c>
      <c r="D8730" t="s">
        <v>20742</v>
      </c>
      <c r="E8730" t="s">
        <v>33380</v>
      </c>
      <c r="F8730">
        <v>3</v>
      </c>
      <c r="G8730" t="s">
        <v>14</v>
      </c>
      <c r="H8730" t="s">
        <v>20743</v>
      </c>
      <c r="I8730" t="s">
        <v>30540</v>
      </c>
    </row>
    <row r="8731" spans="1:9">
      <c r="A8731" s="1">
        <v>9.1733336141940569E-2</v>
      </c>
      <c r="B8731" s="1"/>
      <c r="C8731">
        <v>15</v>
      </c>
      <c r="D8731" t="s">
        <v>20732</v>
      </c>
      <c r="E8731" t="s">
        <v>33381</v>
      </c>
      <c r="F8731">
        <v>5</v>
      </c>
      <c r="G8731" t="s">
        <v>14</v>
      </c>
      <c r="H8731" t="s">
        <v>20733</v>
      </c>
      <c r="I8731" t="s">
        <v>30540</v>
      </c>
    </row>
    <row r="8732" spans="1:9">
      <c r="A8732" s="1">
        <v>0.95618031860105557</v>
      </c>
      <c r="B8732" s="1"/>
      <c r="C8732">
        <v>7</v>
      </c>
      <c r="D8732" t="s">
        <v>20724</v>
      </c>
      <c r="E8732" t="s">
        <v>33381</v>
      </c>
      <c r="F8732">
        <v>5</v>
      </c>
      <c r="G8732" t="s">
        <v>10</v>
      </c>
      <c r="H8732" t="s">
        <v>20725</v>
      </c>
      <c r="I8732" t="s">
        <v>30540</v>
      </c>
    </row>
    <row r="8733" spans="1:9">
      <c r="A8733" s="1">
        <v>0.98551865958768559</v>
      </c>
      <c r="B8733" s="1"/>
      <c r="C8733">
        <v>6</v>
      </c>
      <c r="D8733" t="s">
        <v>20722</v>
      </c>
      <c r="E8733" t="s">
        <v>33381</v>
      </c>
      <c r="F8733">
        <v>5</v>
      </c>
      <c r="G8733" t="s">
        <v>15</v>
      </c>
      <c r="H8733" t="s">
        <v>20723</v>
      </c>
      <c r="I8733" t="s">
        <v>30540</v>
      </c>
    </row>
    <row r="8734" spans="1:9">
      <c r="A8734" s="1">
        <v>0.45051063173118733</v>
      </c>
      <c r="B8734" s="1"/>
      <c r="C8734">
        <v>12</v>
      </c>
      <c r="D8734" t="s">
        <v>20728</v>
      </c>
      <c r="E8734" t="s">
        <v>33381</v>
      </c>
      <c r="F8734">
        <v>4</v>
      </c>
      <c r="G8734" t="s">
        <v>10</v>
      </c>
      <c r="H8734" t="s">
        <v>20729</v>
      </c>
      <c r="I8734" t="s">
        <v>30540</v>
      </c>
    </row>
    <row r="8735" spans="1:9">
      <c r="A8735" s="1">
        <v>0.32824794162159909</v>
      </c>
      <c r="B8735" s="1"/>
      <c r="C8735">
        <v>11</v>
      </c>
      <c r="D8735" t="s">
        <v>20726</v>
      </c>
      <c r="E8735" t="s">
        <v>33381</v>
      </c>
      <c r="F8735">
        <v>4</v>
      </c>
      <c r="G8735" t="s">
        <v>0</v>
      </c>
      <c r="H8735" t="s">
        <v>20727</v>
      </c>
      <c r="I8735" t="s">
        <v>30540</v>
      </c>
    </row>
    <row r="8736" spans="1:9">
      <c r="A8736" s="1">
        <v>0.80373739965892754</v>
      </c>
      <c r="B8736" s="1"/>
      <c r="C8736">
        <v>14</v>
      </c>
      <c r="D8736" t="s">
        <v>20730</v>
      </c>
      <c r="E8736" t="s">
        <v>33381</v>
      </c>
      <c r="F8736">
        <v>3</v>
      </c>
      <c r="G8736" t="s">
        <v>13</v>
      </c>
      <c r="H8736" t="s">
        <v>20731</v>
      </c>
      <c r="I8736" t="s">
        <v>30540</v>
      </c>
    </row>
    <row r="8737" spans="1:9">
      <c r="A8737" s="1">
        <v>0.10140003550182519</v>
      </c>
      <c r="B8737" s="1"/>
      <c r="C8737">
        <v>14</v>
      </c>
      <c r="D8737" t="s">
        <v>20720</v>
      </c>
      <c r="E8737" t="s">
        <v>33382</v>
      </c>
      <c r="F8737">
        <v>4</v>
      </c>
      <c r="G8737" t="s">
        <v>1426</v>
      </c>
      <c r="H8737" t="s">
        <v>20721</v>
      </c>
      <c r="I8737" t="s">
        <v>30540</v>
      </c>
    </row>
    <row r="8738" spans="1:9">
      <c r="A8738" s="1">
        <v>0.74332433986784774</v>
      </c>
      <c r="B8738" s="1"/>
      <c r="C8738">
        <v>6</v>
      </c>
      <c r="D8738" t="s">
        <v>20716</v>
      </c>
      <c r="E8738" t="s">
        <v>33383</v>
      </c>
      <c r="F8738">
        <v>5</v>
      </c>
      <c r="G8738" t="s">
        <v>10</v>
      </c>
      <c r="H8738" t="s">
        <v>20717</v>
      </c>
      <c r="I8738" t="s">
        <v>30540</v>
      </c>
    </row>
    <row r="8739" spans="1:9">
      <c r="A8739" s="1">
        <v>9.0331949372330023E-2</v>
      </c>
      <c r="B8739" s="1"/>
      <c r="C8739">
        <v>8</v>
      </c>
      <c r="D8739" t="s">
        <v>20718</v>
      </c>
      <c r="E8739" t="s">
        <v>33383</v>
      </c>
      <c r="F8739">
        <v>4</v>
      </c>
      <c r="G8739" t="s">
        <v>9</v>
      </c>
      <c r="H8739" t="s">
        <v>20719</v>
      </c>
      <c r="I8739" t="s">
        <v>30540</v>
      </c>
    </row>
    <row r="8740" spans="1:9">
      <c r="A8740" s="1">
        <v>0.99896192338747436</v>
      </c>
      <c r="B8740" s="1"/>
      <c r="C8740">
        <v>4</v>
      </c>
      <c r="D8740" t="s">
        <v>20710</v>
      </c>
      <c r="E8740" t="s">
        <v>33384</v>
      </c>
      <c r="F8740">
        <v>4</v>
      </c>
      <c r="G8740" t="s">
        <v>14</v>
      </c>
      <c r="H8740" t="s">
        <v>20711</v>
      </c>
      <c r="I8740" t="s">
        <v>30540</v>
      </c>
    </row>
    <row r="8741" spans="1:9">
      <c r="A8741" s="1">
        <v>0.18258790474018138</v>
      </c>
      <c r="B8741" s="1"/>
      <c r="C8741">
        <v>9</v>
      </c>
      <c r="D8741" t="s">
        <v>20706</v>
      </c>
      <c r="E8741" t="s">
        <v>33385</v>
      </c>
      <c r="F8741">
        <v>5</v>
      </c>
      <c r="G8741" t="s">
        <v>14</v>
      </c>
      <c r="H8741" t="s">
        <v>20707</v>
      </c>
      <c r="I8741" t="s">
        <v>30540</v>
      </c>
    </row>
    <row r="8742" spans="1:9">
      <c r="A8742" s="1">
        <v>4.703425191646915E-2</v>
      </c>
      <c r="B8742" s="1"/>
      <c r="C8742">
        <v>11</v>
      </c>
      <c r="D8742" t="s">
        <v>20708</v>
      </c>
      <c r="E8742" t="s">
        <v>33385</v>
      </c>
      <c r="F8742">
        <v>4</v>
      </c>
      <c r="G8742" t="s">
        <v>14</v>
      </c>
      <c r="H8742" t="s">
        <v>20709</v>
      </c>
      <c r="I8742" t="s">
        <v>30540</v>
      </c>
    </row>
    <row r="8743" spans="1:9">
      <c r="A8743" s="1">
        <v>0.81678703196960201</v>
      </c>
      <c r="B8743" s="1"/>
      <c r="C8743">
        <v>5</v>
      </c>
      <c r="D8743" t="s">
        <v>20698</v>
      </c>
      <c r="E8743" t="s">
        <v>33386</v>
      </c>
      <c r="F8743">
        <v>4</v>
      </c>
      <c r="G8743" t="s">
        <v>10</v>
      </c>
      <c r="H8743" t="s">
        <v>20699</v>
      </c>
      <c r="I8743" t="s">
        <v>30540</v>
      </c>
    </row>
    <row r="8744" spans="1:9">
      <c r="A8744" s="1">
        <v>0.92280233374065701</v>
      </c>
      <c r="B8744" s="1"/>
      <c r="C8744">
        <v>12</v>
      </c>
      <c r="D8744" t="s">
        <v>20704</v>
      </c>
      <c r="E8744" t="s">
        <v>33386</v>
      </c>
      <c r="F8744">
        <v>4</v>
      </c>
      <c r="G8744" t="s">
        <v>1</v>
      </c>
      <c r="H8744" t="s">
        <v>20705</v>
      </c>
      <c r="I8744" t="s">
        <v>30540</v>
      </c>
    </row>
    <row r="8745" spans="1:9">
      <c r="A8745" s="1">
        <v>0.56298526655887215</v>
      </c>
      <c r="B8745" s="1"/>
      <c r="C8745">
        <v>8</v>
      </c>
      <c r="D8745" t="s">
        <v>20700</v>
      </c>
      <c r="E8745" t="s">
        <v>33386</v>
      </c>
      <c r="F8745">
        <v>4</v>
      </c>
      <c r="G8745" t="s">
        <v>14</v>
      </c>
      <c r="H8745" t="s">
        <v>20701</v>
      </c>
      <c r="I8745" t="s">
        <v>30540</v>
      </c>
    </row>
    <row r="8746" spans="1:9">
      <c r="A8746" s="1">
        <v>0.60491908036792785</v>
      </c>
      <c r="B8746" s="1"/>
      <c r="C8746">
        <v>1</v>
      </c>
      <c r="D8746" t="s">
        <v>20696</v>
      </c>
      <c r="E8746" t="s">
        <v>33386</v>
      </c>
      <c r="F8746">
        <v>4</v>
      </c>
      <c r="G8746" t="s">
        <v>10</v>
      </c>
      <c r="H8746" t="s">
        <v>20697</v>
      </c>
      <c r="I8746" t="s">
        <v>30540</v>
      </c>
    </row>
    <row r="8747" spans="1:9">
      <c r="A8747" s="1">
        <v>0.79943415134691087</v>
      </c>
      <c r="B8747" s="1"/>
      <c r="C8747">
        <v>11</v>
      </c>
      <c r="D8747" t="s">
        <v>20702</v>
      </c>
      <c r="E8747" t="s">
        <v>33386</v>
      </c>
      <c r="F8747">
        <v>3</v>
      </c>
      <c r="G8747" t="s">
        <v>14</v>
      </c>
      <c r="H8747" t="s">
        <v>20703</v>
      </c>
      <c r="I8747" t="s">
        <v>30540</v>
      </c>
    </row>
    <row r="8748" spans="1:9">
      <c r="A8748" s="1">
        <v>0.85173124700963287</v>
      </c>
      <c r="B8748" s="1"/>
      <c r="C8748">
        <v>19</v>
      </c>
      <c r="D8748" t="s">
        <v>20694</v>
      </c>
      <c r="E8748" t="s">
        <v>33387</v>
      </c>
      <c r="F8748">
        <v>4</v>
      </c>
      <c r="G8748" t="s">
        <v>771</v>
      </c>
      <c r="H8748" t="s">
        <v>20695</v>
      </c>
      <c r="I8748" t="s">
        <v>30540</v>
      </c>
    </row>
    <row r="8749" spans="1:9">
      <c r="A8749" s="1">
        <v>0.78973046103352618</v>
      </c>
      <c r="B8749" s="1"/>
      <c r="C8749">
        <v>17</v>
      </c>
      <c r="D8749" t="s">
        <v>20692</v>
      </c>
      <c r="E8749" t="s">
        <v>33387</v>
      </c>
      <c r="F8749">
        <v>4</v>
      </c>
      <c r="G8749" t="s">
        <v>0</v>
      </c>
      <c r="H8749" t="s">
        <v>20693</v>
      </c>
      <c r="I8749" t="s">
        <v>30540</v>
      </c>
    </row>
    <row r="8750" spans="1:9">
      <c r="A8750" s="1">
        <v>0.23013694812759034</v>
      </c>
      <c r="B8750" s="1"/>
      <c r="C8750">
        <v>3</v>
      </c>
      <c r="D8750" t="s">
        <v>20680</v>
      </c>
      <c r="E8750" t="s">
        <v>33388</v>
      </c>
      <c r="F8750">
        <v>5</v>
      </c>
      <c r="G8750" t="s">
        <v>10</v>
      </c>
      <c r="H8750" t="s">
        <v>20681</v>
      </c>
      <c r="I8750" t="s">
        <v>30540</v>
      </c>
    </row>
    <row r="8751" spans="1:9">
      <c r="A8751" s="1">
        <v>0.30947223985024996</v>
      </c>
      <c r="B8751" s="1"/>
      <c r="C8751">
        <v>8</v>
      </c>
      <c r="D8751" t="s">
        <v>20684</v>
      </c>
      <c r="E8751" t="s">
        <v>33388</v>
      </c>
      <c r="F8751">
        <v>5</v>
      </c>
      <c r="G8751" t="s">
        <v>10</v>
      </c>
      <c r="H8751" t="s">
        <v>20685</v>
      </c>
      <c r="I8751" t="s">
        <v>30540</v>
      </c>
    </row>
    <row r="8752" spans="1:9">
      <c r="A8752" s="1">
        <v>0.75732135613923324</v>
      </c>
      <c r="B8752" s="1"/>
      <c r="C8752">
        <v>10</v>
      </c>
      <c r="D8752" t="s">
        <v>20688</v>
      </c>
      <c r="E8752" t="s">
        <v>33388</v>
      </c>
      <c r="F8752">
        <v>5</v>
      </c>
      <c r="G8752" t="s">
        <v>13</v>
      </c>
      <c r="H8752" t="s">
        <v>20689</v>
      </c>
      <c r="I8752" t="s">
        <v>30540</v>
      </c>
    </row>
    <row r="8753" spans="1:9">
      <c r="A8753" s="1">
        <v>0.59865396199344079</v>
      </c>
      <c r="B8753" s="1"/>
      <c r="C8753">
        <v>2</v>
      </c>
      <c r="D8753" t="s">
        <v>20678</v>
      </c>
      <c r="E8753" t="s">
        <v>33388</v>
      </c>
      <c r="F8753">
        <v>4</v>
      </c>
      <c r="G8753" t="s">
        <v>10</v>
      </c>
      <c r="H8753" t="s">
        <v>20679</v>
      </c>
      <c r="I8753" t="s">
        <v>30540</v>
      </c>
    </row>
    <row r="8754" spans="1:9">
      <c r="A8754" s="1">
        <v>0.61287934837290403</v>
      </c>
      <c r="B8754" s="1"/>
      <c r="C8754">
        <v>5</v>
      </c>
      <c r="D8754" t="s">
        <v>20682</v>
      </c>
      <c r="E8754" t="s">
        <v>33388</v>
      </c>
      <c r="F8754">
        <v>4</v>
      </c>
      <c r="G8754" t="s">
        <v>13</v>
      </c>
      <c r="H8754" t="s">
        <v>20683</v>
      </c>
      <c r="I8754" t="s">
        <v>30540</v>
      </c>
    </row>
    <row r="8755" spans="1:9">
      <c r="A8755" s="1">
        <v>9.9791534599720233E-3</v>
      </c>
      <c r="B8755" s="1"/>
      <c r="C8755">
        <v>12</v>
      </c>
      <c r="D8755" t="s">
        <v>20690</v>
      </c>
      <c r="E8755" t="s">
        <v>33388</v>
      </c>
      <c r="F8755">
        <v>4</v>
      </c>
      <c r="G8755" t="s">
        <v>14</v>
      </c>
      <c r="H8755" t="s">
        <v>20691</v>
      </c>
      <c r="I8755" t="s">
        <v>30540</v>
      </c>
    </row>
    <row r="8756" spans="1:9">
      <c r="A8756" s="1">
        <v>8.0381632829583327E-2</v>
      </c>
      <c r="B8756" s="1"/>
      <c r="C8756">
        <v>9</v>
      </c>
      <c r="D8756" t="s">
        <v>20686</v>
      </c>
      <c r="E8756" t="s">
        <v>33388</v>
      </c>
      <c r="F8756">
        <v>4</v>
      </c>
      <c r="G8756" t="s">
        <v>2</v>
      </c>
      <c r="H8756" t="s">
        <v>20687</v>
      </c>
      <c r="I8756" t="s">
        <v>30540</v>
      </c>
    </row>
    <row r="8757" spans="1:9">
      <c r="A8757" s="1">
        <v>0.79792421639596356</v>
      </c>
      <c r="B8757" s="1"/>
      <c r="C8757">
        <v>8</v>
      </c>
      <c r="D8757" t="s">
        <v>20674</v>
      </c>
      <c r="E8757" t="s">
        <v>33390</v>
      </c>
      <c r="F8757">
        <v>4</v>
      </c>
      <c r="G8757" t="s">
        <v>14</v>
      </c>
      <c r="H8757" t="s">
        <v>20675</v>
      </c>
      <c r="I8757" t="s">
        <v>30540</v>
      </c>
    </row>
    <row r="8758" spans="1:9">
      <c r="A8758" s="1">
        <v>0.91830485878223467</v>
      </c>
      <c r="B8758" s="1"/>
      <c r="C8758">
        <v>2</v>
      </c>
      <c r="D8758" t="s">
        <v>20666</v>
      </c>
      <c r="E8758" t="s">
        <v>33391</v>
      </c>
      <c r="F8758">
        <v>5</v>
      </c>
      <c r="G8758" t="s">
        <v>10</v>
      </c>
      <c r="H8758" t="s">
        <v>20667</v>
      </c>
      <c r="I8758" t="s">
        <v>30540</v>
      </c>
    </row>
    <row r="8759" spans="1:9">
      <c r="A8759" s="1">
        <v>0.831553421296231</v>
      </c>
      <c r="B8759" s="1"/>
      <c r="C8759">
        <v>12</v>
      </c>
      <c r="D8759" t="s">
        <v>20672</v>
      </c>
      <c r="E8759" t="s">
        <v>33391</v>
      </c>
      <c r="F8759">
        <v>4</v>
      </c>
      <c r="G8759" t="s">
        <v>14</v>
      </c>
      <c r="H8759" t="s">
        <v>20673</v>
      </c>
      <c r="I8759" t="s">
        <v>30540</v>
      </c>
    </row>
    <row r="8760" spans="1:9">
      <c r="A8760" s="1">
        <v>0.6389402930057011</v>
      </c>
      <c r="B8760" s="1"/>
      <c r="C8760">
        <v>11</v>
      </c>
      <c r="D8760" t="s">
        <v>20670</v>
      </c>
      <c r="E8760" t="s">
        <v>33391</v>
      </c>
      <c r="F8760">
        <v>4</v>
      </c>
      <c r="G8760" t="s">
        <v>14</v>
      </c>
      <c r="H8760" t="s">
        <v>20671</v>
      </c>
      <c r="I8760" t="s">
        <v>30540</v>
      </c>
    </row>
    <row r="8761" spans="1:9">
      <c r="A8761" s="1">
        <v>0.58012865693613747</v>
      </c>
      <c r="B8761" s="1"/>
      <c r="C8761">
        <v>9</v>
      </c>
      <c r="D8761" t="s">
        <v>20668</v>
      </c>
      <c r="E8761" t="s">
        <v>33391</v>
      </c>
      <c r="F8761">
        <v>4</v>
      </c>
      <c r="G8761" t="s">
        <v>10</v>
      </c>
      <c r="H8761" t="s">
        <v>20669</v>
      </c>
      <c r="I8761" t="s">
        <v>30540</v>
      </c>
    </row>
    <row r="8762" spans="1:9">
      <c r="A8762" s="1">
        <v>3.1217952162674756E-2</v>
      </c>
      <c r="B8762" s="1"/>
      <c r="C8762">
        <v>1</v>
      </c>
      <c r="D8762" t="s">
        <v>20656</v>
      </c>
      <c r="E8762" t="s">
        <v>33392</v>
      </c>
      <c r="F8762">
        <v>4</v>
      </c>
      <c r="G8762" t="s">
        <v>2</v>
      </c>
      <c r="H8762" t="s">
        <v>20657</v>
      </c>
      <c r="I8762" t="s">
        <v>30540</v>
      </c>
    </row>
    <row r="8763" spans="1:9">
      <c r="A8763" s="1">
        <v>0.10824822907314258</v>
      </c>
      <c r="B8763" s="1"/>
      <c r="C8763">
        <v>2</v>
      </c>
      <c r="D8763" t="s">
        <v>20658</v>
      </c>
      <c r="E8763" t="s">
        <v>33392</v>
      </c>
      <c r="F8763">
        <v>4</v>
      </c>
      <c r="G8763" t="s">
        <v>14</v>
      </c>
      <c r="H8763" t="s">
        <v>20659</v>
      </c>
      <c r="I8763" t="s">
        <v>30540</v>
      </c>
    </row>
    <row r="8764" spans="1:9">
      <c r="A8764" s="1">
        <v>0.59531852219271186</v>
      </c>
      <c r="B8764" s="1"/>
      <c r="C8764">
        <v>10</v>
      </c>
      <c r="D8764" t="s">
        <v>20660</v>
      </c>
      <c r="E8764" t="s">
        <v>33392</v>
      </c>
      <c r="F8764">
        <v>4</v>
      </c>
      <c r="G8764" t="s">
        <v>14</v>
      </c>
      <c r="H8764" t="s">
        <v>20661</v>
      </c>
      <c r="I8764" t="s">
        <v>30540</v>
      </c>
    </row>
    <row r="8765" spans="1:9">
      <c r="A8765" s="1">
        <v>0.81595416593717618</v>
      </c>
      <c r="B8765" s="1"/>
      <c r="C8765">
        <v>12</v>
      </c>
      <c r="D8765" t="s">
        <v>20664</v>
      </c>
      <c r="E8765" t="s">
        <v>33392</v>
      </c>
      <c r="F8765">
        <v>4</v>
      </c>
      <c r="G8765" t="s">
        <v>14</v>
      </c>
      <c r="H8765" t="s">
        <v>20665</v>
      </c>
      <c r="I8765" t="s">
        <v>30540</v>
      </c>
    </row>
    <row r="8766" spans="1:9">
      <c r="A8766" s="1">
        <v>0.76509712961564336</v>
      </c>
      <c r="B8766" s="1"/>
      <c r="C8766">
        <v>11</v>
      </c>
      <c r="D8766" t="s">
        <v>20652</v>
      </c>
      <c r="E8766" t="s">
        <v>33393</v>
      </c>
      <c r="F8766">
        <v>4</v>
      </c>
      <c r="G8766" t="s">
        <v>14</v>
      </c>
      <c r="H8766" t="s">
        <v>20653</v>
      </c>
      <c r="I8766" t="s">
        <v>30540</v>
      </c>
    </row>
    <row r="8767" spans="1:9">
      <c r="A8767" s="1">
        <v>5.5228870671751973E-2</v>
      </c>
      <c r="B8767" s="1"/>
      <c r="C8767">
        <v>12</v>
      </c>
      <c r="D8767" t="s">
        <v>20654</v>
      </c>
      <c r="E8767" t="s">
        <v>33393</v>
      </c>
      <c r="F8767">
        <v>4</v>
      </c>
      <c r="G8767" t="s">
        <v>14</v>
      </c>
      <c r="H8767" t="s">
        <v>20655</v>
      </c>
      <c r="I8767" t="s">
        <v>30540</v>
      </c>
    </row>
    <row r="8768" spans="1:9">
      <c r="A8768" s="1">
        <v>0.12037941499032068</v>
      </c>
      <c r="B8768" s="1"/>
      <c r="C8768">
        <v>20</v>
      </c>
      <c r="D8768" t="s">
        <v>20648</v>
      </c>
      <c r="E8768" t="s">
        <v>33394</v>
      </c>
      <c r="F8768">
        <v>4</v>
      </c>
      <c r="G8768" t="s">
        <v>14</v>
      </c>
      <c r="H8768" t="s">
        <v>20649</v>
      </c>
      <c r="I8768" t="s">
        <v>30540</v>
      </c>
    </row>
    <row r="8769" spans="1:9">
      <c r="A8769" s="1">
        <v>0.67262983345990746</v>
      </c>
      <c r="B8769" s="1"/>
      <c r="C8769">
        <v>8</v>
      </c>
      <c r="D8769" t="s">
        <v>20640</v>
      </c>
      <c r="E8769" t="s">
        <v>33395</v>
      </c>
      <c r="F8769">
        <v>5</v>
      </c>
      <c r="G8769" t="s">
        <v>14</v>
      </c>
      <c r="H8769" t="s">
        <v>20641</v>
      </c>
      <c r="I8769" t="s">
        <v>30540</v>
      </c>
    </row>
    <row r="8770" spans="1:9">
      <c r="A8770" s="1">
        <v>0.29467477462800296</v>
      </c>
      <c r="B8770" s="1"/>
      <c r="C8770">
        <v>3</v>
      </c>
      <c r="D8770" t="s">
        <v>20638</v>
      </c>
      <c r="E8770" t="s">
        <v>33395</v>
      </c>
      <c r="F8770">
        <v>4</v>
      </c>
      <c r="G8770" t="s">
        <v>10</v>
      </c>
      <c r="H8770" t="s">
        <v>20639</v>
      </c>
      <c r="I8770" t="s">
        <v>30540</v>
      </c>
    </row>
    <row r="8771" spans="1:9">
      <c r="A8771" s="1">
        <v>0.31132213128667852</v>
      </c>
      <c r="B8771" s="1"/>
      <c r="C8771">
        <v>11</v>
      </c>
      <c r="D8771" t="s">
        <v>20644</v>
      </c>
      <c r="E8771" t="s">
        <v>33395</v>
      </c>
      <c r="F8771">
        <v>4</v>
      </c>
      <c r="G8771" t="s">
        <v>10</v>
      </c>
      <c r="H8771" t="s">
        <v>20645</v>
      </c>
      <c r="I8771" t="s">
        <v>30540</v>
      </c>
    </row>
    <row r="8772" spans="1:9">
      <c r="A8772" s="1">
        <v>0.64952318050782709</v>
      </c>
      <c r="B8772" s="1"/>
      <c r="C8772">
        <v>10</v>
      </c>
      <c r="D8772" t="s">
        <v>20642</v>
      </c>
      <c r="E8772" t="s">
        <v>33395</v>
      </c>
      <c r="F8772">
        <v>4</v>
      </c>
      <c r="G8772" t="s">
        <v>14</v>
      </c>
      <c r="H8772" t="s">
        <v>20643</v>
      </c>
      <c r="I8772" t="s">
        <v>30540</v>
      </c>
    </row>
    <row r="8773" spans="1:9">
      <c r="A8773" s="1">
        <v>0.2269790479108168</v>
      </c>
      <c r="B8773" s="1"/>
      <c r="C8773">
        <v>8</v>
      </c>
      <c r="D8773" t="s">
        <v>20634</v>
      </c>
      <c r="E8773" t="s">
        <v>33396</v>
      </c>
      <c r="F8773">
        <v>5</v>
      </c>
      <c r="G8773" t="s">
        <v>9</v>
      </c>
      <c r="H8773" t="s">
        <v>20635</v>
      </c>
      <c r="I8773" t="s">
        <v>30540</v>
      </c>
    </row>
    <row r="8774" spans="1:9">
      <c r="A8774" s="1">
        <v>0.7344391245724281</v>
      </c>
      <c r="B8774" s="1"/>
      <c r="C8774">
        <v>6</v>
      </c>
      <c r="D8774" t="s">
        <v>20632</v>
      </c>
      <c r="E8774" t="s">
        <v>33396</v>
      </c>
      <c r="F8774">
        <v>4</v>
      </c>
      <c r="G8774" t="s">
        <v>14</v>
      </c>
      <c r="H8774" t="s">
        <v>20633</v>
      </c>
      <c r="I8774" t="s">
        <v>30540</v>
      </c>
    </row>
    <row r="8775" spans="1:9">
      <c r="A8775" s="1">
        <v>0.12554475852163316</v>
      </c>
      <c r="B8775" s="1"/>
      <c r="C8775">
        <v>13</v>
      </c>
      <c r="D8775" t="s">
        <v>20636</v>
      </c>
      <c r="E8775" t="s">
        <v>33396</v>
      </c>
      <c r="F8775">
        <v>4</v>
      </c>
      <c r="G8775" t="s">
        <v>14</v>
      </c>
      <c r="H8775" t="s">
        <v>20637</v>
      </c>
      <c r="I8775" t="s">
        <v>30540</v>
      </c>
    </row>
    <row r="8776" spans="1:9">
      <c r="A8776" s="1">
        <v>7.1652876317289005E-2</v>
      </c>
      <c r="B8776" s="1"/>
      <c r="C8776">
        <v>1</v>
      </c>
      <c r="D8776" t="s">
        <v>20630</v>
      </c>
      <c r="E8776" t="s">
        <v>33396</v>
      </c>
      <c r="F8776">
        <v>4</v>
      </c>
      <c r="G8776" t="s">
        <v>10</v>
      </c>
      <c r="H8776" t="s">
        <v>20631</v>
      </c>
      <c r="I8776" t="s">
        <v>30540</v>
      </c>
    </row>
    <row r="8777" spans="1:9">
      <c r="A8777" s="1">
        <v>0.38268510834424241</v>
      </c>
      <c r="B8777" s="1"/>
      <c r="C8777">
        <v>1</v>
      </c>
      <c r="D8777" t="s">
        <v>20624</v>
      </c>
      <c r="E8777" t="s">
        <v>33397</v>
      </c>
      <c r="F8777">
        <v>5</v>
      </c>
      <c r="G8777" t="s">
        <v>15</v>
      </c>
      <c r="H8777" t="s">
        <v>20625</v>
      </c>
      <c r="I8777" t="s">
        <v>30540</v>
      </c>
    </row>
    <row r="8778" spans="1:9">
      <c r="A8778" s="1">
        <v>9.8172488736493535E-2</v>
      </c>
      <c r="B8778" s="1"/>
      <c r="C8778">
        <v>13</v>
      </c>
      <c r="D8778" t="s">
        <v>20628</v>
      </c>
      <c r="E8778" t="s">
        <v>33397</v>
      </c>
      <c r="F8778">
        <v>4</v>
      </c>
      <c r="G8778" t="s">
        <v>14</v>
      </c>
      <c r="H8778" t="s">
        <v>20629</v>
      </c>
      <c r="I8778" t="s">
        <v>30540</v>
      </c>
    </row>
    <row r="8779" spans="1:9">
      <c r="A8779" s="1">
        <v>0.90745321127535894</v>
      </c>
      <c r="B8779" s="1"/>
      <c r="C8779">
        <v>5</v>
      </c>
      <c r="D8779" t="s">
        <v>20612</v>
      </c>
      <c r="E8779" t="s">
        <v>33398</v>
      </c>
      <c r="F8779">
        <v>5</v>
      </c>
      <c r="G8779" t="s">
        <v>14</v>
      </c>
      <c r="H8779" t="s">
        <v>20613</v>
      </c>
      <c r="I8779" t="s">
        <v>30540</v>
      </c>
    </row>
    <row r="8780" spans="1:9">
      <c r="A8780" s="1">
        <v>0.49391255990192029</v>
      </c>
      <c r="B8780" s="1"/>
      <c r="C8780">
        <v>3</v>
      </c>
      <c r="D8780" t="s">
        <v>20610</v>
      </c>
      <c r="E8780" t="s">
        <v>33398</v>
      </c>
      <c r="F8780">
        <v>5</v>
      </c>
      <c r="G8780" t="s">
        <v>10</v>
      </c>
      <c r="H8780" t="s">
        <v>20611</v>
      </c>
      <c r="I8780" t="s">
        <v>30540</v>
      </c>
    </row>
    <row r="8781" spans="1:9">
      <c r="A8781" s="1">
        <v>0.97763505723086352</v>
      </c>
      <c r="B8781" s="1"/>
      <c r="C8781">
        <v>15</v>
      </c>
      <c r="D8781" t="s">
        <v>20622</v>
      </c>
      <c r="E8781" t="s">
        <v>33398</v>
      </c>
      <c r="F8781">
        <v>5</v>
      </c>
      <c r="G8781" t="s">
        <v>13</v>
      </c>
      <c r="H8781" t="s">
        <v>20623</v>
      </c>
      <c r="I8781" t="s">
        <v>30540</v>
      </c>
    </row>
    <row r="8782" spans="1:9">
      <c r="A8782" s="1">
        <v>0.40499248629665852</v>
      </c>
      <c r="B8782" s="1"/>
      <c r="C8782">
        <v>8</v>
      </c>
      <c r="D8782" t="s">
        <v>20614</v>
      </c>
      <c r="E8782" t="s">
        <v>33398</v>
      </c>
      <c r="F8782">
        <v>4</v>
      </c>
      <c r="G8782" t="s">
        <v>9</v>
      </c>
      <c r="H8782" t="s">
        <v>20615</v>
      </c>
      <c r="I8782" t="s">
        <v>30540</v>
      </c>
    </row>
    <row r="8783" spans="1:9">
      <c r="A8783" s="1">
        <v>0.54594636825572895</v>
      </c>
      <c r="B8783" s="1"/>
      <c r="C8783">
        <v>9</v>
      </c>
      <c r="D8783" t="s">
        <v>20616</v>
      </c>
      <c r="E8783" t="s">
        <v>33398</v>
      </c>
      <c r="F8783">
        <v>4</v>
      </c>
      <c r="G8783" t="s">
        <v>14</v>
      </c>
      <c r="H8783" t="s">
        <v>20617</v>
      </c>
      <c r="I8783" t="s">
        <v>30540</v>
      </c>
    </row>
    <row r="8784" spans="1:9">
      <c r="A8784" s="1">
        <v>0.4918487826578829</v>
      </c>
      <c r="B8784" s="1"/>
      <c r="C8784">
        <v>12</v>
      </c>
      <c r="D8784" t="s">
        <v>20618</v>
      </c>
      <c r="E8784" t="s">
        <v>33398</v>
      </c>
      <c r="F8784">
        <v>4</v>
      </c>
      <c r="G8784" t="s">
        <v>14</v>
      </c>
      <c r="H8784" t="s">
        <v>20619</v>
      </c>
      <c r="I8784" t="s">
        <v>30540</v>
      </c>
    </row>
    <row r="8785" spans="1:9">
      <c r="A8785" s="1">
        <v>0.48257158252433008</v>
      </c>
      <c r="B8785" s="1"/>
      <c r="C8785">
        <v>13</v>
      </c>
      <c r="D8785" t="s">
        <v>20620</v>
      </c>
      <c r="E8785" t="s">
        <v>33398</v>
      </c>
      <c r="F8785">
        <v>3</v>
      </c>
      <c r="G8785" t="s">
        <v>13</v>
      </c>
      <c r="H8785" t="s">
        <v>20621</v>
      </c>
      <c r="I8785" t="s">
        <v>30540</v>
      </c>
    </row>
    <row r="8786" spans="1:9">
      <c r="A8786" s="1">
        <v>0.53220977148978188</v>
      </c>
      <c r="B8786" s="1"/>
      <c r="C8786">
        <v>6</v>
      </c>
      <c r="D8786" t="s">
        <v>20608</v>
      </c>
      <c r="E8786" t="s">
        <v>33399</v>
      </c>
      <c r="F8786">
        <v>5</v>
      </c>
      <c r="G8786" t="s">
        <v>1431</v>
      </c>
      <c r="H8786" t="s">
        <v>20609</v>
      </c>
      <c r="I8786" t="s">
        <v>30540</v>
      </c>
    </row>
    <row r="8787" spans="1:9">
      <c r="A8787" s="1">
        <v>0.21100552140445006</v>
      </c>
      <c r="B8787" s="1"/>
      <c r="C8787">
        <v>11</v>
      </c>
      <c r="D8787" t="s">
        <v>20604</v>
      </c>
      <c r="E8787" t="s">
        <v>33400</v>
      </c>
      <c r="F8787">
        <v>5</v>
      </c>
      <c r="G8787" t="s">
        <v>14</v>
      </c>
      <c r="H8787" t="s">
        <v>20605</v>
      </c>
      <c r="I8787" t="s">
        <v>30540</v>
      </c>
    </row>
    <row r="8788" spans="1:9">
      <c r="A8788" s="1">
        <v>0.62314765238107206</v>
      </c>
      <c r="B8788" s="1"/>
      <c r="C8788">
        <v>13</v>
      </c>
      <c r="D8788" t="s">
        <v>20606</v>
      </c>
      <c r="E8788" t="s">
        <v>33400</v>
      </c>
      <c r="F8788">
        <v>5</v>
      </c>
      <c r="G8788" t="s">
        <v>1</v>
      </c>
      <c r="H8788" t="s">
        <v>20607</v>
      </c>
      <c r="I8788" t="s">
        <v>30540</v>
      </c>
    </row>
    <row r="8789" spans="1:9">
      <c r="A8789" s="1">
        <v>4.3953853523113762E-2</v>
      </c>
      <c r="B8789" s="1"/>
      <c r="C8789">
        <v>8</v>
      </c>
      <c r="D8789" t="s">
        <v>20598</v>
      </c>
      <c r="E8789" t="s">
        <v>33401</v>
      </c>
      <c r="F8789">
        <v>5</v>
      </c>
      <c r="G8789" t="s">
        <v>9</v>
      </c>
      <c r="H8789" t="s">
        <v>20599</v>
      </c>
      <c r="I8789" t="s">
        <v>30540</v>
      </c>
    </row>
    <row r="8790" spans="1:9">
      <c r="A8790" s="1">
        <v>0.73482431237008294</v>
      </c>
      <c r="B8790" s="1"/>
      <c r="C8790">
        <v>2</v>
      </c>
      <c r="D8790" t="s">
        <v>20594</v>
      </c>
      <c r="E8790" t="s">
        <v>33401</v>
      </c>
      <c r="F8790">
        <v>5</v>
      </c>
      <c r="G8790" t="s">
        <v>10</v>
      </c>
      <c r="H8790" t="s">
        <v>20595</v>
      </c>
      <c r="I8790" t="s">
        <v>30540</v>
      </c>
    </row>
    <row r="8791" spans="1:9">
      <c r="A8791" s="1">
        <v>0.70000494908859545</v>
      </c>
      <c r="B8791" s="1"/>
      <c r="C8791">
        <v>10</v>
      </c>
      <c r="D8791" t="s">
        <v>20600</v>
      </c>
      <c r="E8791" t="s">
        <v>33401</v>
      </c>
      <c r="F8791">
        <v>4</v>
      </c>
      <c r="G8791" t="s">
        <v>14</v>
      </c>
      <c r="H8791" t="s">
        <v>20601</v>
      </c>
      <c r="I8791" t="s">
        <v>30540</v>
      </c>
    </row>
    <row r="8792" spans="1:9">
      <c r="A8792" s="1">
        <v>0.59070850687229592</v>
      </c>
      <c r="B8792" s="1"/>
      <c r="C8792">
        <v>4</v>
      </c>
      <c r="D8792" t="s">
        <v>20596</v>
      </c>
      <c r="E8792" t="s">
        <v>33401</v>
      </c>
      <c r="F8792">
        <v>4</v>
      </c>
      <c r="G8792" t="s">
        <v>13</v>
      </c>
      <c r="H8792" t="s">
        <v>20597</v>
      </c>
      <c r="I8792" t="s">
        <v>30540</v>
      </c>
    </row>
    <row r="8793" spans="1:9">
      <c r="A8793" s="1">
        <v>0.15172144192463244</v>
      </c>
      <c r="B8793" s="1"/>
      <c r="C8793">
        <v>13</v>
      </c>
      <c r="D8793" t="s">
        <v>20602</v>
      </c>
      <c r="E8793" t="s">
        <v>33401</v>
      </c>
      <c r="F8793">
        <v>4</v>
      </c>
      <c r="G8793" t="s">
        <v>14</v>
      </c>
      <c r="H8793" t="s">
        <v>20603</v>
      </c>
      <c r="I8793" t="s">
        <v>30540</v>
      </c>
    </row>
    <row r="8794" spans="1:9">
      <c r="A8794" s="1">
        <v>6.674807005220218E-2</v>
      </c>
      <c r="B8794" s="1"/>
      <c r="C8794">
        <v>8</v>
      </c>
      <c r="D8794" t="s">
        <v>20590</v>
      </c>
      <c r="E8794" t="s">
        <v>33402</v>
      </c>
      <c r="F8794">
        <v>4</v>
      </c>
      <c r="G8794" t="s">
        <v>14</v>
      </c>
      <c r="H8794" t="s">
        <v>20591</v>
      </c>
      <c r="I8794" t="s">
        <v>30540</v>
      </c>
    </row>
    <row r="8795" spans="1:9">
      <c r="A8795" s="1">
        <v>0.44572446328931303</v>
      </c>
      <c r="B8795" s="1"/>
      <c r="C8795">
        <v>14</v>
      </c>
      <c r="D8795" t="s">
        <v>20592</v>
      </c>
      <c r="E8795" t="s">
        <v>33402</v>
      </c>
      <c r="F8795">
        <v>4</v>
      </c>
      <c r="G8795" t="s">
        <v>14</v>
      </c>
      <c r="H8795" t="s">
        <v>20593</v>
      </c>
      <c r="I8795" t="s">
        <v>30540</v>
      </c>
    </row>
    <row r="8796" spans="1:9">
      <c r="A8796" s="1">
        <v>5.6115572645068723E-2</v>
      </c>
      <c r="B8796" s="1"/>
      <c r="C8796">
        <v>6</v>
      </c>
      <c r="D8796" t="s">
        <v>20588</v>
      </c>
      <c r="E8796" t="s">
        <v>33402</v>
      </c>
      <c r="F8796">
        <v>3</v>
      </c>
      <c r="G8796" t="s">
        <v>14</v>
      </c>
      <c r="H8796" t="s">
        <v>20589</v>
      </c>
      <c r="I8796" t="s">
        <v>30540</v>
      </c>
    </row>
    <row r="8797" spans="1:9">
      <c r="A8797" s="1">
        <v>0.48879176427309745</v>
      </c>
      <c r="B8797" s="1"/>
      <c r="C8797">
        <v>9</v>
      </c>
      <c r="D8797" t="s">
        <v>20582</v>
      </c>
      <c r="E8797" t="s">
        <v>33403</v>
      </c>
      <c r="F8797">
        <v>5</v>
      </c>
      <c r="G8797" t="s">
        <v>14</v>
      </c>
      <c r="H8797" t="s">
        <v>20583</v>
      </c>
      <c r="I8797" t="s">
        <v>30540</v>
      </c>
    </row>
    <row r="8798" spans="1:9">
      <c r="A8798" s="1">
        <v>0.72586026033048368</v>
      </c>
      <c r="B8798" s="1"/>
      <c r="C8798">
        <v>2</v>
      </c>
      <c r="D8798" t="s">
        <v>20574</v>
      </c>
      <c r="E8798" t="s">
        <v>33403</v>
      </c>
      <c r="F8798">
        <v>5</v>
      </c>
      <c r="G8798" t="s">
        <v>1</v>
      </c>
      <c r="H8798" t="s">
        <v>20575</v>
      </c>
      <c r="I8798" t="s">
        <v>30540</v>
      </c>
    </row>
    <row r="8799" spans="1:9">
      <c r="A8799" s="1">
        <v>0.29606095629914575</v>
      </c>
      <c r="B8799" s="1"/>
      <c r="C8799">
        <v>3</v>
      </c>
      <c r="D8799" t="s">
        <v>20576</v>
      </c>
      <c r="E8799" t="s">
        <v>33403</v>
      </c>
      <c r="F8799">
        <v>4</v>
      </c>
      <c r="G8799" t="s">
        <v>10</v>
      </c>
      <c r="H8799" t="s">
        <v>20577</v>
      </c>
      <c r="I8799" t="s">
        <v>30540</v>
      </c>
    </row>
    <row r="8800" spans="1:9">
      <c r="A8800" s="1">
        <v>0.83157692427833685</v>
      </c>
      <c r="B8800" s="1"/>
      <c r="C8800">
        <v>7</v>
      </c>
      <c r="D8800" t="s">
        <v>20580</v>
      </c>
      <c r="E8800" t="s">
        <v>33403</v>
      </c>
      <c r="F8800">
        <v>4</v>
      </c>
      <c r="G8800" t="s">
        <v>2</v>
      </c>
      <c r="H8800" t="s">
        <v>20581</v>
      </c>
      <c r="I8800" t="s">
        <v>30540</v>
      </c>
    </row>
    <row r="8801" spans="1:9">
      <c r="A8801" s="1">
        <v>0.99191267426416718</v>
      </c>
      <c r="B8801" s="1"/>
      <c r="C8801">
        <v>1</v>
      </c>
      <c r="D8801" t="s">
        <v>20572</v>
      </c>
      <c r="E8801" t="s">
        <v>33403</v>
      </c>
      <c r="F8801">
        <v>4</v>
      </c>
      <c r="G8801" t="s">
        <v>10</v>
      </c>
      <c r="H8801" t="s">
        <v>20573</v>
      </c>
      <c r="I8801" t="s">
        <v>30540</v>
      </c>
    </row>
    <row r="8802" spans="1:9">
      <c r="A8802" s="1">
        <v>0.22216916706480194</v>
      </c>
      <c r="B8802" s="1"/>
      <c r="C8802">
        <v>5</v>
      </c>
      <c r="D8802" t="s">
        <v>20578</v>
      </c>
      <c r="E8802" t="s">
        <v>33403</v>
      </c>
      <c r="F8802">
        <v>4</v>
      </c>
      <c r="G8802" t="s">
        <v>13</v>
      </c>
      <c r="H8802" t="s">
        <v>20579</v>
      </c>
      <c r="I8802" t="s">
        <v>30540</v>
      </c>
    </row>
    <row r="8803" spans="1:9">
      <c r="A8803" s="1">
        <v>0.46792889332033638</v>
      </c>
      <c r="B8803" s="1"/>
      <c r="C8803">
        <v>12</v>
      </c>
      <c r="D8803" t="s">
        <v>20584</v>
      </c>
      <c r="E8803" t="s">
        <v>33403</v>
      </c>
      <c r="F8803">
        <v>4</v>
      </c>
      <c r="G8803" t="s">
        <v>10</v>
      </c>
      <c r="H8803" t="s">
        <v>20585</v>
      </c>
      <c r="I8803" t="s">
        <v>30540</v>
      </c>
    </row>
    <row r="8804" spans="1:9">
      <c r="A8804" s="1">
        <v>0.53580093858978151</v>
      </c>
      <c r="B8804" s="1"/>
      <c r="C8804">
        <v>5</v>
      </c>
      <c r="D8804" t="s">
        <v>20560</v>
      </c>
      <c r="E8804" t="s">
        <v>33404</v>
      </c>
      <c r="F8804">
        <v>5</v>
      </c>
      <c r="G8804" t="s">
        <v>13</v>
      </c>
      <c r="H8804" t="s">
        <v>20561</v>
      </c>
      <c r="I8804" t="s">
        <v>30540</v>
      </c>
    </row>
    <row r="8805" spans="1:9">
      <c r="A8805" s="1">
        <v>0.85705676415525978</v>
      </c>
      <c r="B8805" s="1"/>
      <c r="C8805">
        <v>17</v>
      </c>
      <c r="D8805" t="s">
        <v>20568</v>
      </c>
      <c r="E8805" t="s">
        <v>33404</v>
      </c>
      <c r="F8805">
        <v>5</v>
      </c>
      <c r="G8805" t="s">
        <v>1431</v>
      </c>
      <c r="H8805" t="s">
        <v>20569</v>
      </c>
      <c r="I8805" t="s">
        <v>30540</v>
      </c>
    </row>
    <row r="8806" spans="1:9">
      <c r="A8806" s="1">
        <v>0.19435575213217771</v>
      </c>
      <c r="B8806" s="1"/>
      <c r="C8806">
        <v>10</v>
      </c>
      <c r="D8806" t="s">
        <v>20562</v>
      </c>
      <c r="E8806" t="s">
        <v>33404</v>
      </c>
      <c r="F8806">
        <v>4</v>
      </c>
      <c r="G8806" t="s">
        <v>766</v>
      </c>
      <c r="H8806" t="s">
        <v>20563</v>
      </c>
      <c r="I8806" t="s">
        <v>30540</v>
      </c>
    </row>
    <row r="8807" spans="1:9">
      <c r="A8807" s="1">
        <v>0.10362695346791329</v>
      </c>
      <c r="B8807" s="1"/>
      <c r="C8807">
        <v>16</v>
      </c>
      <c r="D8807" t="s">
        <v>20566</v>
      </c>
      <c r="E8807" t="s">
        <v>33404</v>
      </c>
      <c r="F8807">
        <v>4</v>
      </c>
      <c r="G8807" t="s">
        <v>770</v>
      </c>
      <c r="H8807" t="s">
        <v>20567</v>
      </c>
      <c r="I8807" t="s">
        <v>30540</v>
      </c>
    </row>
    <row r="8808" spans="1:9">
      <c r="A8808" s="1">
        <v>0.85603643157731613</v>
      </c>
      <c r="B8808" s="1"/>
      <c r="C8808">
        <v>11</v>
      </c>
      <c r="D8808" t="s">
        <v>20564</v>
      </c>
      <c r="E8808" t="s">
        <v>33404</v>
      </c>
      <c r="F8808">
        <v>3</v>
      </c>
      <c r="G8808" t="s">
        <v>762</v>
      </c>
      <c r="H8808" t="s">
        <v>20565</v>
      </c>
      <c r="I8808" t="s">
        <v>30540</v>
      </c>
    </row>
    <row r="8809" spans="1:9">
      <c r="A8809" s="1">
        <v>0.47212663356529161</v>
      </c>
      <c r="B8809" s="1"/>
      <c r="C8809">
        <v>1</v>
      </c>
      <c r="D8809" t="s">
        <v>20554</v>
      </c>
      <c r="E8809" t="s">
        <v>33405</v>
      </c>
      <c r="F8809">
        <v>5</v>
      </c>
      <c r="G8809" t="s">
        <v>0</v>
      </c>
      <c r="H8809" t="s">
        <v>20555</v>
      </c>
      <c r="I8809" t="s">
        <v>30540</v>
      </c>
    </row>
    <row r="8810" spans="1:9">
      <c r="A8810" s="1">
        <v>3.8416498831943757E-2</v>
      </c>
      <c r="B8810" s="1"/>
      <c r="C8810">
        <v>10</v>
      </c>
      <c r="D8810" t="s">
        <v>20558</v>
      </c>
      <c r="E8810" t="s">
        <v>33405</v>
      </c>
      <c r="F8810">
        <v>4</v>
      </c>
      <c r="G8810" t="s">
        <v>14</v>
      </c>
      <c r="H8810" t="s">
        <v>20559</v>
      </c>
      <c r="I8810" t="s">
        <v>30540</v>
      </c>
    </row>
    <row r="8811" spans="1:9">
      <c r="A8811" s="1">
        <v>0.3555031354174556</v>
      </c>
      <c r="B8811" s="1"/>
      <c r="C8811">
        <v>12</v>
      </c>
      <c r="D8811" t="s">
        <v>20550</v>
      </c>
      <c r="E8811" t="s">
        <v>33406</v>
      </c>
      <c r="F8811">
        <v>5</v>
      </c>
      <c r="G8811" t="s">
        <v>1</v>
      </c>
      <c r="H8811" t="s">
        <v>20551</v>
      </c>
      <c r="I8811" t="s">
        <v>30540</v>
      </c>
    </row>
    <row r="8812" spans="1:9">
      <c r="A8812" s="1">
        <v>1.6673195256929119E-2</v>
      </c>
      <c r="B8812" s="1"/>
      <c r="C8812">
        <v>10</v>
      </c>
      <c r="D8812" t="s">
        <v>20548</v>
      </c>
      <c r="E8812" t="s">
        <v>33406</v>
      </c>
      <c r="F8812">
        <v>4</v>
      </c>
      <c r="G8812" t="s">
        <v>10</v>
      </c>
      <c r="H8812" t="s">
        <v>20549</v>
      </c>
      <c r="I8812" t="s">
        <v>30540</v>
      </c>
    </row>
    <row r="8813" spans="1:9">
      <c r="A8813" s="1">
        <v>0.40767045979585426</v>
      </c>
      <c r="B8813" s="1"/>
      <c r="C8813">
        <v>15</v>
      </c>
      <c r="D8813" t="s">
        <v>20552</v>
      </c>
      <c r="E8813" t="s">
        <v>33406</v>
      </c>
      <c r="F8813">
        <v>4</v>
      </c>
      <c r="G8813" t="s">
        <v>10</v>
      </c>
      <c r="H8813" t="s">
        <v>20553</v>
      </c>
      <c r="I8813" t="s">
        <v>30540</v>
      </c>
    </row>
    <row r="8814" spans="1:9">
      <c r="A8814" s="1">
        <v>0.37512058035106233</v>
      </c>
      <c r="B8814" s="1"/>
      <c r="C8814">
        <v>8</v>
      </c>
      <c r="D8814" t="s">
        <v>20544</v>
      </c>
      <c r="E8814" t="s">
        <v>33407</v>
      </c>
      <c r="F8814">
        <v>5</v>
      </c>
      <c r="G8814" t="s">
        <v>14</v>
      </c>
      <c r="H8814" t="s">
        <v>20545</v>
      </c>
      <c r="I8814" t="s">
        <v>30540</v>
      </c>
    </row>
    <row r="8815" spans="1:9">
      <c r="A8815" s="1">
        <v>0.12211116849978887</v>
      </c>
      <c r="B8815" s="1"/>
      <c r="C8815">
        <v>13</v>
      </c>
      <c r="D8815" t="s">
        <v>20546</v>
      </c>
      <c r="E8815" t="s">
        <v>33407</v>
      </c>
      <c r="F8815">
        <v>4</v>
      </c>
      <c r="G8815" t="s">
        <v>14</v>
      </c>
      <c r="H8815" t="s">
        <v>20547</v>
      </c>
      <c r="I8815" t="s">
        <v>30540</v>
      </c>
    </row>
    <row r="8816" spans="1:9">
      <c r="A8816" s="1">
        <v>0.76376563892853466</v>
      </c>
      <c r="B8816" s="1"/>
      <c r="C8816">
        <v>1</v>
      </c>
      <c r="D8816" t="s">
        <v>20534</v>
      </c>
      <c r="E8816" t="s">
        <v>33408</v>
      </c>
      <c r="F8816">
        <v>4</v>
      </c>
      <c r="G8816" t="s">
        <v>10</v>
      </c>
      <c r="H8816" t="s">
        <v>20535</v>
      </c>
      <c r="I8816" t="s">
        <v>30540</v>
      </c>
    </row>
    <row r="8817" spans="1:9">
      <c r="A8817" s="1">
        <v>0.61978184637749933</v>
      </c>
      <c r="B8817" s="1"/>
      <c r="C8817">
        <v>4</v>
      </c>
      <c r="D8817" t="s">
        <v>20528</v>
      </c>
      <c r="E8817" t="s">
        <v>33409</v>
      </c>
      <c r="F8817">
        <v>4</v>
      </c>
      <c r="G8817" t="s">
        <v>10</v>
      </c>
      <c r="H8817" t="s">
        <v>20529</v>
      </c>
      <c r="I8817" t="s">
        <v>30540</v>
      </c>
    </row>
    <row r="8818" spans="1:9">
      <c r="A8818" s="1">
        <v>0.24793728334095433</v>
      </c>
      <c r="B8818" s="1"/>
      <c r="C8818">
        <v>14</v>
      </c>
      <c r="D8818" t="s">
        <v>20532</v>
      </c>
      <c r="E8818" t="s">
        <v>33409</v>
      </c>
      <c r="F8818">
        <v>4</v>
      </c>
      <c r="G8818" t="s">
        <v>10</v>
      </c>
      <c r="H8818" t="s">
        <v>20533</v>
      </c>
      <c r="I8818" t="s">
        <v>30540</v>
      </c>
    </row>
    <row r="8819" spans="1:9">
      <c r="A8819" s="1">
        <v>0.39702101732573891</v>
      </c>
      <c r="B8819" s="1"/>
      <c r="C8819">
        <v>3</v>
      </c>
      <c r="D8819" t="s">
        <v>20526</v>
      </c>
      <c r="E8819" t="s">
        <v>33409</v>
      </c>
      <c r="F8819">
        <v>4</v>
      </c>
      <c r="G8819" t="s">
        <v>2</v>
      </c>
      <c r="H8819" t="s">
        <v>20527</v>
      </c>
      <c r="I8819" t="s">
        <v>30540</v>
      </c>
    </row>
    <row r="8820" spans="1:9">
      <c r="A8820" s="1">
        <v>0.13739007208475607</v>
      </c>
      <c r="B8820" s="1"/>
      <c r="C8820">
        <v>6</v>
      </c>
      <c r="D8820" t="s">
        <v>20530</v>
      </c>
      <c r="E8820" t="s">
        <v>33409</v>
      </c>
      <c r="F8820">
        <v>4</v>
      </c>
      <c r="G8820" t="s">
        <v>14</v>
      </c>
      <c r="H8820" t="s">
        <v>20531</v>
      </c>
      <c r="I8820" t="s">
        <v>30540</v>
      </c>
    </row>
    <row r="8821" spans="1:9">
      <c r="A8821" s="1">
        <v>0.28604189823195258</v>
      </c>
      <c r="B8821" s="1"/>
      <c r="C8821">
        <v>3</v>
      </c>
      <c r="D8821" t="s">
        <v>20522</v>
      </c>
      <c r="E8821" t="s">
        <v>33410</v>
      </c>
      <c r="F8821">
        <v>4</v>
      </c>
      <c r="G8821" t="s">
        <v>0</v>
      </c>
      <c r="H8821" t="s">
        <v>20523</v>
      </c>
      <c r="I8821" t="s">
        <v>30540</v>
      </c>
    </row>
    <row r="8822" spans="1:9">
      <c r="A8822" s="1">
        <v>0.61051777914991279</v>
      </c>
      <c r="B8822" s="1"/>
      <c r="C8822">
        <v>6</v>
      </c>
      <c r="D8822" t="s">
        <v>20524</v>
      </c>
      <c r="E8822" t="s">
        <v>33410</v>
      </c>
      <c r="F8822">
        <v>3</v>
      </c>
      <c r="G8822" t="s">
        <v>14</v>
      </c>
      <c r="H8822" t="s">
        <v>20525</v>
      </c>
      <c r="I8822" t="s">
        <v>30540</v>
      </c>
    </row>
    <row r="8823" spans="1:9">
      <c r="A8823" s="1">
        <v>0.69002338817436992</v>
      </c>
      <c r="B8823" s="1"/>
      <c r="C8823">
        <v>4</v>
      </c>
      <c r="D8823" t="s">
        <v>20518</v>
      </c>
      <c r="E8823" t="s">
        <v>33411</v>
      </c>
      <c r="F8823">
        <v>5</v>
      </c>
      <c r="G8823" t="s">
        <v>13</v>
      </c>
      <c r="H8823" t="s">
        <v>20519</v>
      </c>
      <c r="I8823" t="s">
        <v>30540</v>
      </c>
    </row>
    <row r="8824" spans="1:9">
      <c r="A8824" s="1">
        <v>0.79057539533037535</v>
      </c>
      <c r="B8824" s="1"/>
      <c r="C8824">
        <v>3</v>
      </c>
      <c r="D8824" t="s">
        <v>20516</v>
      </c>
      <c r="E8824" t="s">
        <v>33411</v>
      </c>
      <c r="F8824">
        <v>5</v>
      </c>
      <c r="G8824" t="s">
        <v>15</v>
      </c>
      <c r="H8824" t="s">
        <v>20517</v>
      </c>
      <c r="I8824" t="s">
        <v>30540</v>
      </c>
    </row>
    <row r="8825" spans="1:9">
      <c r="A8825" s="1">
        <v>0.68141785945130928</v>
      </c>
      <c r="B8825" s="1"/>
      <c r="C8825">
        <v>2</v>
      </c>
      <c r="D8825" t="s">
        <v>20514</v>
      </c>
      <c r="E8825" t="s">
        <v>33411</v>
      </c>
      <c r="F8825">
        <v>4</v>
      </c>
      <c r="G8825" t="s">
        <v>10</v>
      </c>
      <c r="H8825" t="s">
        <v>20515</v>
      </c>
      <c r="I8825" t="s">
        <v>30540</v>
      </c>
    </row>
    <row r="8826" spans="1:9">
      <c r="A8826" s="1">
        <v>0.67865188263985154</v>
      </c>
      <c r="B8826" s="1"/>
      <c r="C8826">
        <v>11</v>
      </c>
      <c r="D8826" t="s">
        <v>20510</v>
      </c>
      <c r="E8826" t="s">
        <v>33412</v>
      </c>
      <c r="F8826">
        <v>5</v>
      </c>
      <c r="G8826" t="s">
        <v>1</v>
      </c>
      <c r="H8826" t="s">
        <v>20511</v>
      </c>
      <c r="I8826" t="s">
        <v>30540</v>
      </c>
    </row>
    <row r="8827" spans="1:9">
      <c r="A8827" s="1">
        <v>0.72365435770974773</v>
      </c>
      <c r="B8827" s="1"/>
      <c r="C8827">
        <v>6</v>
      </c>
      <c r="D8827" t="s">
        <v>20508</v>
      </c>
      <c r="E8827" t="s">
        <v>33412</v>
      </c>
      <c r="F8827">
        <v>5</v>
      </c>
      <c r="G8827" t="s">
        <v>14</v>
      </c>
      <c r="H8827" t="s">
        <v>20509</v>
      </c>
      <c r="I8827" t="s">
        <v>30540</v>
      </c>
    </row>
    <row r="8828" spans="1:9">
      <c r="A8828" s="1">
        <v>0.80710743906516025</v>
      </c>
      <c r="B8828" s="1"/>
      <c r="C8828">
        <v>12</v>
      </c>
      <c r="D8828" t="s">
        <v>20512</v>
      </c>
      <c r="E8828" t="s">
        <v>33412</v>
      </c>
      <c r="F8828">
        <v>4</v>
      </c>
      <c r="G8828" t="s">
        <v>14</v>
      </c>
      <c r="H8828" t="s">
        <v>20513</v>
      </c>
      <c r="I8828" t="s">
        <v>30540</v>
      </c>
    </row>
    <row r="8829" spans="1:9">
      <c r="A8829" s="1">
        <v>0.99002166503877209</v>
      </c>
      <c r="B8829" s="1"/>
      <c r="C8829">
        <v>12</v>
      </c>
      <c r="D8829" t="s">
        <v>20504</v>
      </c>
      <c r="E8829" t="s">
        <v>33413</v>
      </c>
      <c r="F8829">
        <v>5</v>
      </c>
      <c r="G8829" t="s">
        <v>14</v>
      </c>
      <c r="H8829" t="s">
        <v>20505</v>
      </c>
      <c r="I8829" t="s">
        <v>30540</v>
      </c>
    </row>
    <row r="8830" spans="1:9">
      <c r="A8830" s="1">
        <v>0.1498533749984462</v>
      </c>
      <c r="B8830" s="1"/>
      <c r="C8830">
        <v>9</v>
      </c>
      <c r="D8830" t="s">
        <v>20500</v>
      </c>
      <c r="E8830" t="s">
        <v>33413</v>
      </c>
      <c r="F8830">
        <v>5</v>
      </c>
      <c r="G8830" t="s">
        <v>1</v>
      </c>
      <c r="H8830" t="s">
        <v>20501</v>
      </c>
      <c r="I8830" t="s">
        <v>30540</v>
      </c>
    </row>
    <row r="8831" spans="1:9">
      <c r="A8831" s="1">
        <v>8.3514251896724678E-3</v>
      </c>
      <c r="B8831" s="1"/>
      <c r="C8831">
        <v>10</v>
      </c>
      <c r="D8831" t="s">
        <v>20502</v>
      </c>
      <c r="E8831" t="s">
        <v>33413</v>
      </c>
      <c r="F8831">
        <v>4</v>
      </c>
      <c r="G8831" t="s">
        <v>0</v>
      </c>
      <c r="H8831" t="s">
        <v>20503</v>
      </c>
      <c r="I8831" t="s">
        <v>30540</v>
      </c>
    </row>
    <row r="8832" spans="1:9">
      <c r="A8832" s="1">
        <v>0.85939410450655462</v>
      </c>
      <c r="B8832" s="1"/>
      <c r="C8832">
        <v>8</v>
      </c>
      <c r="D8832" t="s">
        <v>20498</v>
      </c>
      <c r="E8832" t="s">
        <v>33413</v>
      </c>
      <c r="F8832">
        <v>3</v>
      </c>
      <c r="G8832" t="s">
        <v>0</v>
      </c>
      <c r="H8832" t="s">
        <v>20499</v>
      </c>
      <c r="I8832" t="s">
        <v>30540</v>
      </c>
    </row>
    <row r="8833" spans="1:9">
      <c r="A8833" s="1">
        <v>0.30613860933164927</v>
      </c>
      <c r="B8833" s="1"/>
      <c r="C8833">
        <v>6</v>
      </c>
      <c r="D8833" t="s">
        <v>20496</v>
      </c>
      <c r="E8833" t="s">
        <v>33413</v>
      </c>
      <c r="F8833">
        <v>3</v>
      </c>
      <c r="G8833" t="s">
        <v>13</v>
      </c>
      <c r="H8833" t="s">
        <v>20497</v>
      </c>
      <c r="I8833" t="s">
        <v>30540</v>
      </c>
    </row>
    <row r="8834" spans="1:9">
      <c r="A8834" s="1">
        <v>0.30390836079165584</v>
      </c>
      <c r="B8834" s="1"/>
      <c r="C8834">
        <v>3</v>
      </c>
      <c r="D8834" t="s">
        <v>20488</v>
      </c>
      <c r="E8834" t="s">
        <v>33414</v>
      </c>
      <c r="F8834">
        <v>4</v>
      </c>
      <c r="G8834" t="s">
        <v>2</v>
      </c>
      <c r="H8834" t="s">
        <v>20489</v>
      </c>
      <c r="I8834" t="s">
        <v>30540</v>
      </c>
    </row>
    <row r="8835" spans="1:9">
      <c r="A8835" s="1">
        <v>0.87680530049513816</v>
      </c>
      <c r="B8835" s="1"/>
      <c r="C8835">
        <v>10</v>
      </c>
      <c r="D8835" t="s">
        <v>20494</v>
      </c>
      <c r="E8835" t="s">
        <v>33414</v>
      </c>
      <c r="F8835">
        <v>4</v>
      </c>
      <c r="G8835" t="s">
        <v>771</v>
      </c>
      <c r="H8835" t="s">
        <v>20495</v>
      </c>
      <c r="I8835" t="s">
        <v>30540</v>
      </c>
    </row>
    <row r="8836" spans="1:9">
      <c r="A8836" s="1">
        <v>0.26175962165680766</v>
      </c>
      <c r="B8836" s="1"/>
      <c r="C8836">
        <v>1</v>
      </c>
      <c r="D8836" t="s">
        <v>20486</v>
      </c>
      <c r="E8836" t="s">
        <v>33414</v>
      </c>
      <c r="F8836">
        <v>4</v>
      </c>
      <c r="G8836" t="s">
        <v>1295</v>
      </c>
      <c r="H8836" t="s">
        <v>20487</v>
      </c>
      <c r="I8836" t="s">
        <v>30540</v>
      </c>
    </row>
    <row r="8837" spans="1:9">
      <c r="A8837" s="1">
        <v>0.23081613319185423</v>
      </c>
      <c r="B8837" s="1"/>
      <c r="C8837">
        <v>9</v>
      </c>
      <c r="D8837" t="s">
        <v>20492</v>
      </c>
      <c r="E8837" t="s">
        <v>33414</v>
      </c>
      <c r="F8837">
        <v>3</v>
      </c>
      <c r="G8837" t="s">
        <v>762</v>
      </c>
      <c r="H8837" t="s">
        <v>20493</v>
      </c>
      <c r="I8837" t="s">
        <v>30540</v>
      </c>
    </row>
    <row r="8838" spans="1:9">
      <c r="A8838" s="1">
        <v>0.18747045326330214</v>
      </c>
      <c r="B8838" s="1"/>
      <c r="C8838">
        <v>15</v>
      </c>
      <c r="D8838" t="s">
        <v>20484</v>
      </c>
      <c r="E8838" t="s">
        <v>33415</v>
      </c>
      <c r="F8838">
        <v>5</v>
      </c>
      <c r="G8838" t="s">
        <v>14</v>
      </c>
      <c r="H8838" t="s">
        <v>20485</v>
      </c>
      <c r="I8838" t="s">
        <v>30540</v>
      </c>
    </row>
    <row r="8839" spans="1:9">
      <c r="A8839" s="1">
        <v>0.55604762328394031</v>
      </c>
      <c r="B8839" s="1"/>
      <c r="C8839">
        <v>14</v>
      </c>
      <c r="D8839" t="s">
        <v>20482</v>
      </c>
      <c r="E8839" t="s">
        <v>33415</v>
      </c>
      <c r="F8839">
        <v>5</v>
      </c>
      <c r="G8839" t="s">
        <v>14</v>
      </c>
      <c r="H8839" t="s">
        <v>20483</v>
      </c>
      <c r="I8839" t="s">
        <v>30540</v>
      </c>
    </row>
    <row r="8840" spans="1:9">
      <c r="A8840" s="1">
        <v>0.47906274066092513</v>
      </c>
      <c r="B8840" s="1"/>
      <c r="C8840">
        <v>3</v>
      </c>
      <c r="D8840" t="s">
        <v>20476</v>
      </c>
      <c r="E8840" t="s">
        <v>33415</v>
      </c>
      <c r="F8840">
        <v>5</v>
      </c>
      <c r="G8840" t="s">
        <v>10</v>
      </c>
      <c r="H8840" t="s">
        <v>20477</v>
      </c>
      <c r="I8840" t="s">
        <v>30540</v>
      </c>
    </row>
    <row r="8841" spans="1:9">
      <c r="A8841" s="1">
        <v>0.61935416376098718</v>
      </c>
      <c r="B8841" s="1"/>
      <c r="C8841">
        <v>6</v>
      </c>
      <c r="D8841" t="s">
        <v>20478</v>
      </c>
      <c r="E8841" t="s">
        <v>33415</v>
      </c>
      <c r="F8841">
        <v>4</v>
      </c>
      <c r="G8841" t="s">
        <v>14</v>
      </c>
      <c r="H8841" t="s">
        <v>20479</v>
      </c>
      <c r="I8841" t="s">
        <v>30540</v>
      </c>
    </row>
    <row r="8842" spans="1:9">
      <c r="A8842" s="1">
        <v>0.45443276275700684</v>
      </c>
      <c r="B8842" s="1"/>
      <c r="C8842">
        <v>1</v>
      </c>
      <c r="D8842" t="s">
        <v>20470</v>
      </c>
      <c r="E8842" t="s">
        <v>33416</v>
      </c>
      <c r="F8842">
        <v>5</v>
      </c>
      <c r="G8842" t="s">
        <v>2</v>
      </c>
      <c r="H8842" t="s">
        <v>20471</v>
      </c>
      <c r="I8842" t="s">
        <v>30540</v>
      </c>
    </row>
    <row r="8843" spans="1:9">
      <c r="A8843" s="1">
        <v>0.67281797417263745</v>
      </c>
      <c r="B8843" s="1"/>
      <c r="C8843">
        <v>20</v>
      </c>
      <c r="D8843" t="s">
        <v>20474</v>
      </c>
      <c r="E8843" t="s">
        <v>33416</v>
      </c>
      <c r="F8843">
        <v>4</v>
      </c>
      <c r="G8843" t="s">
        <v>0</v>
      </c>
      <c r="H8843" t="s">
        <v>20475</v>
      </c>
      <c r="I8843" t="s">
        <v>30540</v>
      </c>
    </row>
    <row r="8844" spans="1:9">
      <c r="A8844" s="1">
        <v>0.74463063448589273</v>
      </c>
      <c r="B8844" s="1"/>
      <c r="C8844">
        <v>13</v>
      </c>
      <c r="D8844" t="s">
        <v>20472</v>
      </c>
      <c r="E8844" t="s">
        <v>33416</v>
      </c>
      <c r="F8844">
        <v>4</v>
      </c>
      <c r="G8844" t="s">
        <v>2738</v>
      </c>
      <c r="H8844" t="s">
        <v>20473</v>
      </c>
      <c r="I8844" t="s">
        <v>30540</v>
      </c>
    </row>
    <row r="8845" spans="1:9">
      <c r="A8845" s="1">
        <v>0.81391463049629698</v>
      </c>
      <c r="B8845" s="1"/>
      <c r="C8845">
        <v>13</v>
      </c>
      <c r="D8845" t="s">
        <v>20468</v>
      </c>
      <c r="E8845" t="s">
        <v>33417</v>
      </c>
      <c r="F8845">
        <v>5</v>
      </c>
      <c r="G8845" t="s">
        <v>14</v>
      </c>
      <c r="H8845" t="s">
        <v>20469</v>
      </c>
      <c r="I8845" t="s">
        <v>30540</v>
      </c>
    </row>
    <row r="8846" spans="1:9">
      <c r="A8846" s="1">
        <v>0.46891988988472144</v>
      </c>
      <c r="B8846" s="1"/>
      <c r="C8846">
        <v>10</v>
      </c>
      <c r="D8846" t="s">
        <v>20464</v>
      </c>
      <c r="E8846" t="s">
        <v>33418</v>
      </c>
      <c r="F8846">
        <v>5</v>
      </c>
      <c r="G8846" t="s">
        <v>14</v>
      </c>
      <c r="H8846" t="s">
        <v>20465</v>
      </c>
      <c r="I8846" t="s">
        <v>30540</v>
      </c>
    </row>
    <row r="8847" spans="1:9">
      <c r="A8847" s="1">
        <v>0.55641983769190784</v>
      </c>
      <c r="B8847" s="1"/>
      <c r="C8847">
        <v>7</v>
      </c>
      <c r="D8847" t="s">
        <v>20460</v>
      </c>
      <c r="E8847" t="s">
        <v>33418</v>
      </c>
      <c r="F8847">
        <v>4</v>
      </c>
      <c r="G8847" t="s">
        <v>10</v>
      </c>
      <c r="H8847" t="s">
        <v>20461</v>
      </c>
      <c r="I8847" t="s">
        <v>30540</v>
      </c>
    </row>
    <row r="8848" spans="1:9">
      <c r="A8848" s="1">
        <v>0.19390642146638559</v>
      </c>
      <c r="B8848" s="1"/>
      <c r="C8848">
        <v>9</v>
      </c>
      <c r="D8848" t="s">
        <v>20462</v>
      </c>
      <c r="E8848" t="s">
        <v>33418</v>
      </c>
      <c r="F8848">
        <v>4</v>
      </c>
      <c r="G8848" t="s">
        <v>14</v>
      </c>
      <c r="H8848" t="s">
        <v>20463</v>
      </c>
      <c r="I8848" t="s">
        <v>30540</v>
      </c>
    </row>
    <row r="8849" spans="1:9">
      <c r="A8849" s="1">
        <v>7.9450942544365577E-2</v>
      </c>
      <c r="B8849" s="1"/>
      <c r="C8849">
        <v>5</v>
      </c>
      <c r="D8849" t="s">
        <v>20458</v>
      </c>
      <c r="E8849" t="s">
        <v>33418</v>
      </c>
      <c r="F8849">
        <v>4</v>
      </c>
      <c r="G8849" t="s">
        <v>1</v>
      </c>
      <c r="H8849" t="s">
        <v>20459</v>
      </c>
      <c r="I8849" t="s">
        <v>30540</v>
      </c>
    </row>
    <row r="8850" spans="1:9">
      <c r="A8850" s="1">
        <v>0.58769386432303072</v>
      </c>
      <c r="B8850" s="1"/>
      <c r="C8850">
        <v>12</v>
      </c>
      <c r="D8850" t="s">
        <v>20466</v>
      </c>
      <c r="E8850" t="s">
        <v>33418</v>
      </c>
      <c r="F8850">
        <v>4</v>
      </c>
      <c r="G8850" t="s">
        <v>14</v>
      </c>
      <c r="H8850" t="s">
        <v>20467</v>
      </c>
      <c r="I8850" t="s">
        <v>30540</v>
      </c>
    </row>
    <row r="8851" spans="1:9">
      <c r="A8851" s="1">
        <v>0.51673405513058224</v>
      </c>
      <c r="B8851" s="1"/>
      <c r="C8851">
        <v>10</v>
      </c>
      <c r="D8851" t="s">
        <v>20456</v>
      </c>
      <c r="E8851" t="s">
        <v>33419</v>
      </c>
      <c r="F8851">
        <v>5</v>
      </c>
      <c r="G8851" t="s">
        <v>10</v>
      </c>
      <c r="H8851" t="s">
        <v>20457</v>
      </c>
      <c r="I8851" t="s">
        <v>30540</v>
      </c>
    </row>
    <row r="8852" spans="1:9">
      <c r="A8852" s="1">
        <v>0.3764986543267439</v>
      </c>
      <c r="B8852" s="1"/>
      <c r="C8852">
        <v>5</v>
      </c>
      <c r="D8852" t="s">
        <v>20452</v>
      </c>
      <c r="E8852" t="s">
        <v>33419</v>
      </c>
      <c r="F8852">
        <v>4</v>
      </c>
      <c r="G8852" t="s">
        <v>10</v>
      </c>
      <c r="H8852" t="s">
        <v>20453</v>
      </c>
      <c r="I8852" t="s">
        <v>30540</v>
      </c>
    </row>
    <row r="8853" spans="1:9">
      <c r="A8853" s="1">
        <v>0.97425838850550162</v>
      </c>
      <c r="B8853" s="1"/>
      <c r="C8853">
        <v>3</v>
      </c>
      <c r="D8853" t="s">
        <v>20450</v>
      </c>
      <c r="E8853" t="s">
        <v>33419</v>
      </c>
      <c r="F8853">
        <v>4</v>
      </c>
      <c r="G8853" t="s">
        <v>10</v>
      </c>
      <c r="H8853" t="s">
        <v>20451</v>
      </c>
      <c r="I8853" t="s">
        <v>30540</v>
      </c>
    </row>
    <row r="8854" spans="1:9">
      <c r="A8854" s="1">
        <v>6.5348038810385867E-2</v>
      </c>
      <c r="B8854" s="1"/>
      <c r="C8854">
        <v>7</v>
      </c>
      <c r="D8854" t="s">
        <v>20454</v>
      </c>
      <c r="E8854" t="s">
        <v>33419</v>
      </c>
      <c r="F8854">
        <v>4</v>
      </c>
      <c r="G8854" t="s">
        <v>10</v>
      </c>
      <c r="H8854" t="s">
        <v>20455</v>
      </c>
      <c r="I8854" t="s">
        <v>30540</v>
      </c>
    </row>
    <row r="8855" spans="1:9">
      <c r="A8855" s="1">
        <v>0.28718037647267791</v>
      </c>
      <c r="B8855" s="1"/>
      <c r="C8855">
        <v>8</v>
      </c>
      <c r="D8855" t="s">
        <v>20446</v>
      </c>
      <c r="E8855" t="s">
        <v>33420</v>
      </c>
      <c r="F8855">
        <v>5</v>
      </c>
      <c r="G8855" t="s">
        <v>0</v>
      </c>
      <c r="H8855" t="s">
        <v>20447</v>
      </c>
      <c r="I8855" t="s">
        <v>30540</v>
      </c>
    </row>
    <row r="8856" spans="1:9">
      <c r="A8856" s="1">
        <v>0.49013054693656732</v>
      </c>
      <c r="B8856" s="1"/>
      <c r="C8856">
        <v>10</v>
      </c>
      <c r="D8856" t="s">
        <v>20448</v>
      </c>
      <c r="E8856" t="s">
        <v>33420</v>
      </c>
      <c r="F8856">
        <v>4</v>
      </c>
      <c r="G8856" t="s">
        <v>14</v>
      </c>
      <c r="H8856" t="s">
        <v>20449</v>
      </c>
      <c r="I8856" t="s">
        <v>30540</v>
      </c>
    </row>
    <row r="8857" spans="1:9">
      <c r="A8857" s="1">
        <v>0.92137300377420162</v>
      </c>
      <c r="B8857" s="1"/>
      <c r="C8857">
        <v>6</v>
      </c>
      <c r="D8857" t="s">
        <v>20442</v>
      </c>
      <c r="E8857" t="s">
        <v>33420</v>
      </c>
      <c r="F8857">
        <v>4</v>
      </c>
      <c r="G8857" t="s">
        <v>14</v>
      </c>
      <c r="H8857" t="s">
        <v>20443</v>
      </c>
      <c r="I8857" t="s">
        <v>30540</v>
      </c>
    </row>
    <row r="8858" spans="1:9">
      <c r="A8858" s="1">
        <v>0.55509015303098486</v>
      </c>
      <c r="B8858" s="1"/>
      <c r="C8858">
        <v>15</v>
      </c>
      <c r="D8858" t="s">
        <v>20438</v>
      </c>
      <c r="E8858" t="s">
        <v>33421</v>
      </c>
      <c r="F8858">
        <v>5</v>
      </c>
      <c r="G8858" t="s">
        <v>774</v>
      </c>
      <c r="H8858" t="s">
        <v>20439</v>
      </c>
      <c r="I8858" t="s">
        <v>30540</v>
      </c>
    </row>
    <row r="8859" spans="1:9">
      <c r="A8859" s="1">
        <v>8.230116538674781E-3</v>
      </c>
      <c r="B8859" s="1"/>
      <c r="C8859">
        <v>19</v>
      </c>
      <c r="D8859" t="s">
        <v>20440</v>
      </c>
      <c r="E8859" t="s">
        <v>33421</v>
      </c>
      <c r="F8859">
        <v>4</v>
      </c>
      <c r="G8859" t="s">
        <v>1426</v>
      </c>
      <c r="H8859" t="s">
        <v>20441</v>
      </c>
      <c r="I8859" t="s">
        <v>30540</v>
      </c>
    </row>
    <row r="8860" spans="1:9">
      <c r="A8860" s="1">
        <v>6.7246545643656175E-2</v>
      </c>
      <c r="B8860" s="1"/>
      <c r="C8860">
        <v>5</v>
      </c>
      <c r="D8860" t="s">
        <v>20432</v>
      </c>
      <c r="E8860" t="s">
        <v>33422</v>
      </c>
      <c r="F8860">
        <v>5</v>
      </c>
      <c r="G8860" t="s">
        <v>14</v>
      </c>
      <c r="H8860" t="s">
        <v>20433</v>
      </c>
      <c r="I8860" t="s">
        <v>30540</v>
      </c>
    </row>
    <row r="8861" spans="1:9">
      <c r="A8861" s="1">
        <v>0.25755825221764417</v>
      </c>
      <c r="B8861" s="1"/>
      <c r="C8861">
        <v>6</v>
      </c>
      <c r="D8861" t="s">
        <v>20434</v>
      </c>
      <c r="E8861" t="s">
        <v>33422</v>
      </c>
      <c r="F8861">
        <v>4</v>
      </c>
      <c r="G8861" t="s">
        <v>9</v>
      </c>
      <c r="H8861" t="s">
        <v>20435</v>
      </c>
      <c r="I8861" t="s">
        <v>30540</v>
      </c>
    </row>
    <row r="8862" spans="1:9">
      <c r="A8862" s="1">
        <v>0.58822891623288476</v>
      </c>
      <c r="B8862" s="1"/>
      <c r="C8862">
        <v>9</v>
      </c>
      <c r="D8862" t="s">
        <v>20436</v>
      </c>
      <c r="E8862" t="s">
        <v>33422</v>
      </c>
      <c r="F8862">
        <v>4</v>
      </c>
      <c r="G8862" t="s">
        <v>14</v>
      </c>
      <c r="H8862" t="s">
        <v>20437</v>
      </c>
      <c r="I8862" t="s">
        <v>30540</v>
      </c>
    </row>
    <row r="8863" spans="1:9">
      <c r="A8863" s="1">
        <v>0.12891392356285991</v>
      </c>
      <c r="B8863" s="1"/>
      <c r="C8863">
        <v>14</v>
      </c>
      <c r="D8863" t="s">
        <v>20430</v>
      </c>
      <c r="E8863" t="s">
        <v>33423</v>
      </c>
      <c r="F8863">
        <v>5</v>
      </c>
      <c r="G8863" t="s">
        <v>14</v>
      </c>
      <c r="H8863" t="s">
        <v>20431</v>
      </c>
      <c r="I8863" t="s">
        <v>30540</v>
      </c>
    </row>
    <row r="8864" spans="1:9">
      <c r="A8864" s="1">
        <v>0.91394347468063997</v>
      </c>
      <c r="B8864" s="1"/>
      <c r="C8864">
        <v>8</v>
      </c>
      <c r="D8864" t="s">
        <v>20428</v>
      </c>
      <c r="E8864" t="s">
        <v>33423</v>
      </c>
      <c r="F8864">
        <v>5</v>
      </c>
      <c r="G8864" t="s">
        <v>0</v>
      </c>
      <c r="H8864" t="s">
        <v>20429</v>
      </c>
      <c r="I8864" t="s">
        <v>30540</v>
      </c>
    </row>
    <row r="8865" spans="1:9">
      <c r="A8865" s="1">
        <v>0.19500002121902626</v>
      </c>
      <c r="B8865" s="1"/>
      <c r="C8865">
        <v>1</v>
      </c>
      <c r="D8865" t="s">
        <v>20426</v>
      </c>
      <c r="E8865" t="s">
        <v>33423</v>
      </c>
      <c r="F8865">
        <v>4</v>
      </c>
      <c r="G8865" t="s">
        <v>10</v>
      </c>
      <c r="H8865" t="s">
        <v>20427</v>
      </c>
      <c r="I8865" t="s">
        <v>30540</v>
      </c>
    </row>
    <row r="8866" spans="1:9">
      <c r="A8866" s="1">
        <v>0.55203239825123529</v>
      </c>
      <c r="B8866" s="1"/>
      <c r="C8866">
        <v>8</v>
      </c>
      <c r="D8866" t="s">
        <v>20424</v>
      </c>
      <c r="E8866" t="s">
        <v>33424</v>
      </c>
      <c r="F8866">
        <v>5</v>
      </c>
      <c r="G8866" t="s">
        <v>14</v>
      </c>
      <c r="H8866" t="s">
        <v>20425</v>
      </c>
      <c r="I8866" t="s">
        <v>30540</v>
      </c>
    </row>
    <row r="8867" spans="1:9">
      <c r="A8867" s="1">
        <v>0.84132717304236926</v>
      </c>
      <c r="B8867" s="1"/>
      <c r="C8867">
        <v>6</v>
      </c>
      <c r="D8867" t="s">
        <v>20418</v>
      </c>
      <c r="E8867" t="s">
        <v>33425</v>
      </c>
      <c r="F8867">
        <v>5</v>
      </c>
      <c r="G8867" t="s">
        <v>13</v>
      </c>
      <c r="H8867" t="s">
        <v>20419</v>
      </c>
      <c r="I8867" t="s">
        <v>30540</v>
      </c>
    </row>
    <row r="8868" spans="1:9">
      <c r="A8868" s="1">
        <v>0.26938061357198007</v>
      </c>
      <c r="B8868" s="1"/>
      <c r="C8868">
        <v>8</v>
      </c>
      <c r="D8868" t="s">
        <v>20416</v>
      </c>
      <c r="E8868" t="s">
        <v>33426</v>
      </c>
      <c r="F8868">
        <v>4</v>
      </c>
      <c r="G8868" t="s">
        <v>775</v>
      </c>
      <c r="H8868" t="s">
        <v>20417</v>
      </c>
      <c r="I8868" t="s">
        <v>30540</v>
      </c>
    </row>
    <row r="8869" spans="1:9">
      <c r="A8869" s="1">
        <v>0.46051193768298915</v>
      </c>
      <c r="B8869" s="1"/>
      <c r="C8869">
        <v>6</v>
      </c>
      <c r="D8869" t="s">
        <v>20408</v>
      </c>
      <c r="E8869" t="s">
        <v>33427</v>
      </c>
      <c r="F8869">
        <v>4</v>
      </c>
      <c r="G8869" t="s">
        <v>14</v>
      </c>
      <c r="H8869" t="s">
        <v>20409</v>
      </c>
      <c r="I8869" t="s">
        <v>30540</v>
      </c>
    </row>
    <row r="8870" spans="1:9">
      <c r="A8870" s="1">
        <v>0.65692575766055961</v>
      </c>
      <c r="B8870" s="1"/>
      <c r="C8870">
        <v>10</v>
      </c>
      <c r="D8870" t="s">
        <v>20412</v>
      </c>
      <c r="E8870" t="s">
        <v>33427</v>
      </c>
      <c r="F8870">
        <v>4</v>
      </c>
      <c r="G8870" t="s">
        <v>14</v>
      </c>
      <c r="H8870" t="s">
        <v>20413</v>
      </c>
      <c r="I8870" t="s">
        <v>30540</v>
      </c>
    </row>
    <row r="8871" spans="1:9">
      <c r="A8871" s="1">
        <v>0.61479088556460693</v>
      </c>
      <c r="B8871" s="1"/>
      <c r="C8871">
        <v>8</v>
      </c>
      <c r="D8871" t="s">
        <v>20410</v>
      </c>
      <c r="E8871" t="s">
        <v>33427</v>
      </c>
      <c r="F8871">
        <v>4</v>
      </c>
      <c r="G8871" t="s">
        <v>0</v>
      </c>
      <c r="H8871" t="s">
        <v>20411</v>
      </c>
      <c r="I8871" t="s">
        <v>30540</v>
      </c>
    </row>
    <row r="8872" spans="1:9">
      <c r="A8872" s="1">
        <v>0.22158152857371693</v>
      </c>
      <c r="B8872" s="1"/>
      <c r="C8872">
        <v>17</v>
      </c>
      <c r="D8872" t="s">
        <v>20404</v>
      </c>
      <c r="E8872" t="s">
        <v>33428</v>
      </c>
      <c r="F8872">
        <v>5</v>
      </c>
      <c r="G8872" t="s">
        <v>14</v>
      </c>
      <c r="H8872" t="s">
        <v>20405</v>
      </c>
      <c r="I8872" t="s">
        <v>30540</v>
      </c>
    </row>
    <row r="8873" spans="1:9">
      <c r="A8873" s="1">
        <v>0.50983993229800795</v>
      </c>
      <c r="B8873" s="1"/>
      <c r="C8873">
        <v>16</v>
      </c>
      <c r="D8873" t="s">
        <v>20402</v>
      </c>
      <c r="E8873" t="s">
        <v>33428</v>
      </c>
      <c r="F8873">
        <v>5</v>
      </c>
      <c r="G8873" t="s">
        <v>0</v>
      </c>
      <c r="H8873" t="s">
        <v>20403</v>
      </c>
      <c r="I8873" t="s">
        <v>30540</v>
      </c>
    </row>
    <row r="8874" spans="1:9">
      <c r="A8874" s="1">
        <v>0.97880109665094039</v>
      </c>
      <c r="B8874" s="1"/>
      <c r="C8874">
        <v>2</v>
      </c>
      <c r="D8874" t="s">
        <v>20396</v>
      </c>
      <c r="E8874" t="s">
        <v>33428</v>
      </c>
      <c r="F8874">
        <v>5</v>
      </c>
      <c r="G8874" t="s">
        <v>10</v>
      </c>
      <c r="H8874" t="s">
        <v>20397</v>
      </c>
      <c r="I8874" t="s">
        <v>30540</v>
      </c>
    </row>
    <row r="8875" spans="1:9">
      <c r="A8875" s="1">
        <v>2.2964109537685018E-2</v>
      </c>
      <c r="B8875" s="1"/>
      <c r="C8875">
        <v>11</v>
      </c>
      <c r="D8875" t="s">
        <v>20398</v>
      </c>
      <c r="E8875" t="s">
        <v>33428</v>
      </c>
      <c r="F8875">
        <v>4</v>
      </c>
      <c r="G8875" t="s">
        <v>14</v>
      </c>
      <c r="H8875" t="s">
        <v>20399</v>
      </c>
      <c r="I8875" t="s">
        <v>30540</v>
      </c>
    </row>
    <row r="8876" spans="1:9">
      <c r="A8876" s="1">
        <v>0.84325425064531667</v>
      </c>
      <c r="B8876" s="1"/>
      <c r="C8876">
        <v>1</v>
      </c>
      <c r="D8876" t="s">
        <v>20394</v>
      </c>
      <c r="E8876" t="s">
        <v>33428</v>
      </c>
      <c r="F8876">
        <v>4</v>
      </c>
      <c r="G8876" t="s">
        <v>2</v>
      </c>
      <c r="H8876" t="s">
        <v>20395</v>
      </c>
      <c r="I8876" t="s">
        <v>30540</v>
      </c>
    </row>
    <row r="8877" spans="1:9">
      <c r="A8877" s="1">
        <v>0.6733995974610163</v>
      </c>
      <c r="B8877" s="1"/>
      <c r="C8877">
        <v>18</v>
      </c>
      <c r="D8877" t="s">
        <v>20406</v>
      </c>
      <c r="E8877" t="s">
        <v>33428</v>
      </c>
      <c r="F8877">
        <v>4</v>
      </c>
      <c r="G8877" t="s">
        <v>14</v>
      </c>
      <c r="H8877" t="s">
        <v>20407</v>
      </c>
      <c r="I8877" t="s">
        <v>30540</v>
      </c>
    </row>
    <row r="8878" spans="1:9">
      <c r="A8878" s="1">
        <v>0.474018607480027</v>
      </c>
      <c r="B8878" s="1"/>
      <c r="C8878">
        <v>14</v>
      </c>
      <c r="D8878" t="s">
        <v>20392</v>
      </c>
      <c r="E8878" t="s">
        <v>33429</v>
      </c>
      <c r="F8878">
        <v>4</v>
      </c>
      <c r="G8878" t="s">
        <v>14</v>
      </c>
      <c r="H8878" t="s">
        <v>20393</v>
      </c>
      <c r="I8878" t="s">
        <v>30540</v>
      </c>
    </row>
    <row r="8879" spans="1:9">
      <c r="A8879" s="1">
        <v>0.64138396752190718</v>
      </c>
      <c r="B8879" s="1"/>
      <c r="C8879">
        <v>4</v>
      </c>
      <c r="D8879" t="s">
        <v>20382</v>
      </c>
      <c r="E8879" t="s">
        <v>33430</v>
      </c>
      <c r="F8879">
        <v>5</v>
      </c>
      <c r="G8879" t="s">
        <v>10</v>
      </c>
      <c r="H8879" t="s">
        <v>20383</v>
      </c>
      <c r="I8879" t="s">
        <v>30540</v>
      </c>
    </row>
    <row r="8880" spans="1:9">
      <c r="A8880" s="1">
        <v>0.45385337384512059</v>
      </c>
      <c r="B8880" s="1"/>
      <c r="C8880">
        <v>1</v>
      </c>
      <c r="D8880" t="s">
        <v>20380</v>
      </c>
      <c r="E8880" t="s">
        <v>33430</v>
      </c>
      <c r="F8880">
        <v>4</v>
      </c>
      <c r="G8880" t="s">
        <v>10</v>
      </c>
      <c r="H8880" t="s">
        <v>20381</v>
      </c>
      <c r="I8880" t="s">
        <v>30540</v>
      </c>
    </row>
    <row r="8881" spans="1:9">
      <c r="A8881" s="1">
        <v>0.14866216079924333</v>
      </c>
      <c r="B8881" s="1"/>
      <c r="C8881">
        <v>9</v>
      </c>
      <c r="D8881" t="s">
        <v>20384</v>
      </c>
      <c r="E8881" t="s">
        <v>33430</v>
      </c>
      <c r="F8881">
        <v>4</v>
      </c>
      <c r="G8881" t="s">
        <v>14</v>
      </c>
      <c r="H8881" t="s">
        <v>20385</v>
      </c>
      <c r="I8881" t="s">
        <v>30540</v>
      </c>
    </row>
    <row r="8882" spans="1:9">
      <c r="A8882" s="1">
        <v>0.76848732347175419</v>
      </c>
      <c r="B8882" s="1"/>
      <c r="C8882">
        <v>15</v>
      </c>
      <c r="D8882" t="s">
        <v>20388</v>
      </c>
      <c r="E8882" t="s">
        <v>33430</v>
      </c>
      <c r="F8882">
        <v>4</v>
      </c>
      <c r="G8882" t="s">
        <v>1</v>
      </c>
      <c r="H8882" t="s">
        <v>20389</v>
      </c>
      <c r="I8882" t="s">
        <v>30540</v>
      </c>
    </row>
    <row r="8883" spans="1:9">
      <c r="A8883" s="1">
        <v>0.36337263042957146</v>
      </c>
      <c r="B8883" s="1"/>
      <c r="C8883">
        <v>12</v>
      </c>
      <c r="D8883" t="s">
        <v>20386</v>
      </c>
      <c r="E8883" t="s">
        <v>33430</v>
      </c>
      <c r="F8883">
        <v>4</v>
      </c>
      <c r="G8883" t="s">
        <v>14</v>
      </c>
      <c r="H8883" t="s">
        <v>20387</v>
      </c>
      <c r="I8883" t="s">
        <v>30540</v>
      </c>
    </row>
    <row r="8884" spans="1:9">
      <c r="A8884" s="1">
        <v>0.40763612624608414</v>
      </c>
      <c r="B8884" s="1"/>
      <c r="C8884">
        <v>14</v>
      </c>
      <c r="D8884" t="s">
        <v>20376</v>
      </c>
      <c r="E8884" t="s">
        <v>33431</v>
      </c>
      <c r="F8884">
        <v>5</v>
      </c>
      <c r="G8884" t="s">
        <v>762</v>
      </c>
      <c r="H8884" t="s">
        <v>20377</v>
      </c>
      <c r="I8884" t="s">
        <v>30540</v>
      </c>
    </row>
    <row r="8885" spans="1:9">
      <c r="A8885" s="1">
        <v>0.88406322811839477</v>
      </c>
      <c r="B8885" s="1"/>
      <c r="C8885">
        <v>20</v>
      </c>
      <c r="D8885" t="s">
        <v>20378</v>
      </c>
      <c r="E8885" t="s">
        <v>33431</v>
      </c>
      <c r="F8885">
        <v>4</v>
      </c>
      <c r="G8885" t="s">
        <v>1431</v>
      </c>
      <c r="H8885" t="s">
        <v>20379</v>
      </c>
      <c r="I8885" t="s">
        <v>30540</v>
      </c>
    </row>
    <row r="8886" spans="1:9">
      <c r="A8886" s="1">
        <v>0.12568656764051911</v>
      </c>
      <c r="B8886" s="1"/>
      <c r="C8886">
        <v>4</v>
      </c>
      <c r="D8886" t="s">
        <v>20374</v>
      </c>
      <c r="E8886" t="s">
        <v>33431</v>
      </c>
      <c r="F8886">
        <v>4</v>
      </c>
      <c r="G8886" t="s">
        <v>1426</v>
      </c>
      <c r="H8886" t="s">
        <v>20375</v>
      </c>
      <c r="I8886" t="s">
        <v>30540</v>
      </c>
    </row>
    <row r="8887" spans="1:9">
      <c r="A8887" s="1">
        <v>0.64351351256656852</v>
      </c>
      <c r="B8887" s="1"/>
      <c r="C8887">
        <v>8</v>
      </c>
      <c r="D8887" t="s">
        <v>20366</v>
      </c>
      <c r="E8887" t="s">
        <v>33432</v>
      </c>
      <c r="F8887">
        <v>4</v>
      </c>
      <c r="G8887" t="s">
        <v>0</v>
      </c>
      <c r="H8887" t="s">
        <v>20367</v>
      </c>
      <c r="I8887" t="s">
        <v>30540</v>
      </c>
    </row>
    <row r="8888" spans="1:9">
      <c r="A8888" s="1">
        <v>0.60818193644117002</v>
      </c>
      <c r="B8888" s="1"/>
      <c r="C8888">
        <v>10</v>
      </c>
      <c r="D8888" t="s">
        <v>20368</v>
      </c>
      <c r="E8888" t="s">
        <v>33432</v>
      </c>
      <c r="F8888">
        <v>4</v>
      </c>
      <c r="G8888" t="s">
        <v>10</v>
      </c>
      <c r="H8888" t="s">
        <v>20369</v>
      </c>
      <c r="I8888" t="s">
        <v>30540</v>
      </c>
    </row>
    <row r="8889" spans="1:9">
      <c r="A8889" s="1">
        <v>0.54422336209853295</v>
      </c>
      <c r="B8889" s="1"/>
      <c r="C8889">
        <v>13</v>
      </c>
      <c r="D8889" t="s">
        <v>20370</v>
      </c>
      <c r="E8889" t="s">
        <v>33432</v>
      </c>
      <c r="F8889">
        <v>4</v>
      </c>
      <c r="G8889" t="s">
        <v>10</v>
      </c>
      <c r="H8889" t="s">
        <v>20371</v>
      </c>
      <c r="I8889" t="s">
        <v>30540</v>
      </c>
    </row>
    <row r="8890" spans="1:9">
      <c r="A8890" s="1">
        <v>0.72492441801369645</v>
      </c>
      <c r="B8890" s="1"/>
      <c r="C8890">
        <v>1</v>
      </c>
      <c r="D8890" t="s">
        <v>20358</v>
      </c>
      <c r="E8890" t="s">
        <v>33433</v>
      </c>
      <c r="F8890">
        <v>4</v>
      </c>
      <c r="G8890" t="s">
        <v>10</v>
      </c>
      <c r="H8890" t="s">
        <v>20359</v>
      </c>
      <c r="I8890" t="s">
        <v>30540</v>
      </c>
    </row>
    <row r="8891" spans="1:9">
      <c r="A8891" s="1">
        <v>0.68946824144144814</v>
      </c>
      <c r="B8891" s="1"/>
      <c r="C8891">
        <v>2</v>
      </c>
      <c r="D8891" t="s">
        <v>20360</v>
      </c>
      <c r="E8891" t="s">
        <v>33433</v>
      </c>
      <c r="F8891">
        <v>4</v>
      </c>
      <c r="G8891" t="s">
        <v>2</v>
      </c>
      <c r="H8891" t="s">
        <v>20361</v>
      </c>
      <c r="I8891" t="s">
        <v>30540</v>
      </c>
    </row>
    <row r="8892" spans="1:9">
      <c r="A8892" s="1">
        <v>7.168839195808685E-2</v>
      </c>
      <c r="B8892" s="1"/>
      <c r="C8892">
        <v>10</v>
      </c>
      <c r="D8892" t="s">
        <v>20362</v>
      </c>
      <c r="E8892" t="s">
        <v>33433</v>
      </c>
      <c r="F8892">
        <v>4</v>
      </c>
      <c r="G8892" t="s">
        <v>14</v>
      </c>
      <c r="H8892" t="s">
        <v>20363</v>
      </c>
      <c r="I8892" t="s">
        <v>30540</v>
      </c>
    </row>
    <row r="8893" spans="1:9">
      <c r="A8893" s="1">
        <v>0.10349338770076089</v>
      </c>
      <c r="B8893" s="1"/>
      <c r="C8893">
        <v>13</v>
      </c>
      <c r="D8893" t="s">
        <v>20364</v>
      </c>
      <c r="E8893" t="s">
        <v>33433</v>
      </c>
      <c r="F8893">
        <v>4</v>
      </c>
      <c r="G8893" t="s">
        <v>14</v>
      </c>
      <c r="H8893" t="s">
        <v>20365</v>
      </c>
      <c r="I8893" t="s">
        <v>30540</v>
      </c>
    </row>
    <row r="8894" spans="1:9">
      <c r="A8894" s="1">
        <v>0.82907286689258552</v>
      </c>
      <c r="B8894" s="1"/>
      <c r="C8894">
        <v>6</v>
      </c>
      <c r="D8894" t="s">
        <v>20352</v>
      </c>
      <c r="E8894" t="s">
        <v>33434</v>
      </c>
      <c r="F8894">
        <v>5</v>
      </c>
      <c r="G8894" t="s">
        <v>14</v>
      </c>
      <c r="H8894" t="s">
        <v>20353</v>
      </c>
      <c r="I8894" t="s">
        <v>30540</v>
      </c>
    </row>
    <row r="8895" spans="1:9">
      <c r="A8895" s="1">
        <v>0.23611991741136895</v>
      </c>
      <c r="B8895" s="1"/>
      <c r="C8895">
        <v>3</v>
      </c>
      <c r="D8895" t="s">
        <v>20350</v>
      </c>
      <c r="E8895" t="s">
        <v>33434</v>
      </c>
      <c r="F8895">
        <v>5</v>
      </c>
      <c r="G8895" t="s">
        <v>0</v>
      </c>
      <c r="H8895" t="s">
        <v>20351</v>
      </c>
      <c r="I8895" t="s">
        <v>30540</v>
      </c>
    </row>
    <row r="8896" spans="1:9">
      <c r="A8896" s="1">
        <v>0.34902491618973064</v>
      </c>
      <c r="B8896" s="1"/>
      <c r="C8896">
        <v>10</v>
      </c>
      <c r="D8896" t="s">
        <v>20344</v>
      </c>
      <c r="E8896" t="s">
        <v>33435</v>
      </c>
      <c r="F8896">
        <v>5</v>
      </c>
      <c r="G8896" t="s">
        <v>14</v>
      </c>
      <c r="H8896" t="s">
        <v>20345</v>
      </c>
      <c r="I8896" t="s">
        <v>30540</v>
      </c>
    </row>
    <row r="8897" spans="1:9">
      <c r="A8897" s="1">
        <v>0.86402016473562981</v>
      </c>
      <c r="B8897" s="1"/>
      <c r="C8897">
        <v>13</v>
      </c>
      <c r="D8897" t="s">
        <v>20346</v>
      </c>
      <c r="E8897" t="s">
        <v>33435</v>
      </c>
      <c r="F8897">
        <v>5</v>
      </c>
      <c r="G8897" t="s">
        <v>13</v>
      </c>
      <c r="H8897" t="s">
        <v>20347</v>
      </c>
      <c r="I8897" t="s">
        <v>30540</v>
      </c>
    </row>
    <row r="8898" spans="1:9">
      <c r="A8898" s="1">
        <v>0.25492314324046284</v>
      </c>
      <c r="B8898" s="1"/>
      <c r="C8898">
        <v>2</v>
      </c>
      <c r="D8898" t="s">
        <v>20340</v>
      </c>
      <c r="E8898" t="s">
        <v>33435</v>
      </c>
      <c r="F8898">
        <v>5</v>
      </c>
      <c r="G8898" t="s">
        <v>10</v>
      </c>
      <c r="H8898" t="s">
        <v>20341</v>
      </c>
      <c r="I8898" t="s">
        <v>30540</v>
      </c>
    </row>
    <row r="8899" spans="1:9">
      <c r="A8899" s="1">
        <v>0.44908547926019848</v>
      </c>
      <c r="B8899" s="1"/>
      <c r="C8899">
        <v>5</v>
      </c>
      <c r="D8899" t="s">
        <v>20342</v>
      </c>
      <c r="E8899" t="s">
        <v>33435</v>
      </c>
      <c r="F8899">
        <v>5</v>
      </c>
      <c r="G8899" t="s">
        <v>0</v>
      </c>
      <c r="H8899" t="s">
        <v>20343</v>
      </c>
      <c r="I8899" t="s">
        <v>30540</v>
      </c>
    </row>
    <row r="8900" spans="1:9">
      <c r="A8900" s="1">
        <v>0.28096238053093947</v>
      </c>
      <c r="B8900" s="1"/>
      <c r="C8900">
        <v>14</v>
      </c>
      <c r="D8900" t="s">
        <v>20348</v>
      </c>
      <c r="E8900" t="s">
        <v>33435</v>
      </c>
      <c r="F8900">
        <v>4</v>
      </c>
      <c r="G8900" t="s">
        <v>10</v>
      </c>
      <c r="H8900" t="s">
        <v>20349</v>
      </c>
      <c r="I8900" t="s">
        <v>30540</v>
      </c>
    </row>
    <row r="8901" spans="1:9">
      <c r="A8901" s="1">
        <v>0.30542717930646568</v>
      </c>
      <c r="B8901" s="1"/>
      <c r="C8901">
        <v>17</v>
      </c>
      <c r="D8901" t="s">
        <v>20338</v>
      </c>
      <c r="E8901" t="s">
        <v>33436</v>
      </c>
      <c r="F8901">
        <v>4</v>
      </c>
      <c r="G8901" t="s">
        <v>13</v>
      </c>
      <c r="H8901" t="s">
        <v>20339</v>
      </c>
      <c r="I8901" t="s">
        <v>30540</v>
      </c>
    </row>
    <row r="8902" spans="1:9">
      <c r="A8902" s="1">
        <v>0.62642030317323916</v>
      </c>
      <c r="B8902" s="1"/>
      <c r="C8902">
        <v>2</v>
      </c>
      <c r="D8902" t="s">
        <v>20336</v>
      </c>
      <c r="E8902" t="s">
        <v>33436</v>
      </c>
      <c r="F8902">
        <v>3</v>
      </c>
      <c r="G8902" t="s">
        <v>1431</v>
      </c>
      <c r="H8902" t="s">
        <v>20337</v>
      </c>
      <c r="I8902" t="s">
        <v>30540</v>
      </c>
    </row>
    <row r="8903" spans="1:9">
      <c r="A8903" s="1">
        <v>4.7577923890927742E-2</v>
      </c>
      <c r="B8903" s="1"/>
      <c r="C8903">
        <v>13</v>
      </c>
      <c r="D8903" t="s">
        <v>20334</v>
      </c>
      <c r="E8903" t="s">
        <v>33437</v>
      </c>
      <c r="F8903">
        <v>5</v>
      </c>
      <c r="G8903" t="s">
        <v>14</v>
      </c>
      <c r="H8903" t="s">
        <v>20335</v>
      </c>
      <c r="I8903" t="s">
        <v>30540</v>
      </c>
    </row>
    <row r="8904" spans="1:9">
      <c r="A8904" s="1">
        <v>0.10970265538211343</v>
      </c>
      <c r="B8904" s="1"/>
      <c r="C8904">
        <v>9</v>
      </c>
      <c r="D8904" t="s">
        <v>20324</v>
      </c>
      <c r="E8904" t="s">
        <v>33438</v>
      </c>
      <c r="F8904">
        <v>4</v>
      </c>
      <c r="G8904" t="s">
        <v>10</v>
      </c>
      <c r="H8904" t="s">
        <v>20325</v>
      </c>
      <c r="I8904" t="s">
        <v>30540</v>
      </c>
    </row>
    <row r="8905" spans="1:9">
      <c r="A8905" s="1">
        <v>0.55610043596590575</v>
      </c>
      <c r="B8905" s="1"/>
      <c r="C8905">
        <v>2</v>
      </c>
      <c r="D8905" t="s">
        <v>20322</v>
      </c>
      <c r="E8905" t="s">
        <v>33438</v>
      </c>
      <c r="F8905">
        <v>4</v>
      </c>
      <c r="G8905" t="s">
        <v>10</v>
      </c>
      <c r="H8905" t="s">
        <v>20323</v>
      </c>
      <c r="I8905" t="s">
        <v>30540</v>
      </c>
    </row>
    <row r="8906" spans="1:9">
      <c r="A8906" s="1">
        <v>0.10436779148242115</v>
      </c>
      <c r="B8906" s="1"/>
      <c r="C8906">
        <v>11</v>
      </c>
      <c r="D8906" t="s">
        <v>20326</v>
      </c>
      <c r="E8906" t="s">
        <v>33438</v>
      </c>
      <c r="F8906">
        <v>4</v>
      </c>
      <c r="G8906" t="s">
        <v>10</v>
      </c>
      <c r="H8906" t="s">
        <v>20327</v>
      </c>
      <c r="I8906" t="s">
        <v>30540</v>
      </c>
    </row>
    <row r="8907" spans="1:9">
      <c r="A8907" s="1">
        <v>0.44269131413617724</v>
      </c>
      <c r="B8907" s="1"/>
      <c r="C8907">
        <v>12</v>
      </c>
      <c r="D8907" t="s">
        <v>20328</v>
      </c>
      <c r="E8907" t="s">
        <v>33438</v>
      </c>
      <c r="F8907">
        <v>4</v>
      </c>
      <c r="G8907" t="s">
        <v>10</v>
      </c>
      <c r="H8907" t="s">
        <v>20329</v>
      </c>
      <c r="I8907" t="s">
        <v>30540</v>
      </c>
    </row>
    <row r="8908" spans="1:9">
      <c r="A8908" s="1">
        <v>0.76316606224224659</v>
      </c>
      <c r="B8908" s="1"/>
      <c r="C8908">
        <v>16</v>
      </c>
      <c r="D8908" t="s">
        <v>20332</v>
      </c>
      <c r="E8908" t="s">
        <v>33438</v>
      </c>
      <c r="F8908">
        <v>4</v>
      </c>
      <c r="G8908" t="s">
        <v>10</v>
      </c>
      <c r="H8908" t="s">
        <v>20333</v>
      </c>
      <c r="I8908" t="s">
        <v>30540</v>
      </c>
    </row>
    <row r="8909" spans="1:9">
      <c r="A8909" s="1">
        <v>5.1062290582433056E-2</v>
      </c>
      <c r="B8909" s="1"/>
      <c r="C8909">
        <v>13</v>
      </c>
      <c r="D8909" t="s">
        <v>20330</v>
      </c>
      <c r="E8909" t="s">
        <v>33438</v>
      </c>
      <c r="F8909">
        <v>3</v>
      </c>
      <c r="G8909" t="s">
        <v>10</v>
      </c>
      <c r="H8909" t="s">
        <v>20331</v>
      </c>
      <c r="I8909" t="s">
        <v>30540</v>
      </c>
    </row>
    <row r="8910" spans="1:9">
      <c r="A8910" s="1">
        <v>0.39733042884573955</v>
      </c>
      <c r="B8910" s="1"/>
      <c r="C8910">
        <v>7</v>
      </c>
      <c r="D8910" t="s">
        <v>20320</v>
      </c>
      <c r="E8910" t="s">
        <v>33439</v>
      </c>
      <c r="F8910">
        <v>4</v>
      </c>
      <c r="G8910" t="s">
        <v>14</v>
      </c>
      <c r="H8910" t="s">
        <v>20321</v>
      </c>
      <c r="I8910" t="s">
        <v>30540</v>
      </c>
    </row>
    <row r="8911" spans="1:9">
      <c r="A8911" s="1">
        <v>0.6757565062001023</v>
      </c>
      <c r="B8911" s="1"/>
      <c r="C8911">
        <v>1</v>
      </c>
      <c r="D8911" t="s">
        <v>20312</v>
      </c>
      <c r="E8911" t="s">
        <v>33440</v>
      </c>
      <c r="F8911">
        <v>5</v>
      </c>
      <c r="G8911" t="s">
        <v>10</v>
      </c>
      <c r="H8911" t="s">
        <v>20313</v>
      </c>
      <c r="I8911" t="s">
        <v>30540</v>
      </c>
    </row>
    <row r="8912" spans="1:9">
      <c r="A8912" s="1">
        <v>0.42760949101073287</v>
      </c>
      <c r="B8912" s="1"/>
      <c r="C8912">
        <v>16</v>
      </c>
      <c r="D8912" t="s">
        <v>20318</v>
      </c>
      <c r="E8912" t="s">
        <v>33440</v>
      </c>
      <c r="F8912">
        <v>4</v>
      </c>
      <c r="G8912" t="s">
        <v>14</v>
      </c>
      <c r="H8912" t="s">
        <v>20319</v>
      </c>
      <c r="I8912" t="s">
        <v>30540</v>
      </c>
    </row>
    <row r="8913" spans="1:9">
      <c r="A8913" s="1">
        <v>0.97509693749696402</v>
      </c>
      <c r="B8913" s="1"/>
      <c r="C8913">
        <v>11</v>
      </c>
      <c r="D8913" t="s">
        <v>20314</v>
      </c>
      <c r="E8913" t="s">
        <v>33440</v>
      </c>
      <c r="F8913">
        <v>4</v>
      </c>
      <c r="G8913" t="s">
        <v>14</v>
      </c>
      <c r="H8913" t="s">
        <v>20315</v>
      </c>
      <c r="I8913" t="s">
        <v>30540</v>
      </c>
    </row>
    <row r="8914" spans="1:9">
      <c r="A8914" s="1">
        <v>0.78524313565068882</v>
      </c>
      <c r="B8914" s="1"/>
      <c r="C8914">
        <v>15</v>
      </c>
      <c r="D8914" t="s">
        <v>20316</v>
      </c>
      <c r="E8914" t="s">
        <v>33440</v>
      </c>
      <c r="F8914">
        <v>4</v>
      </c>
      <c r="G8914" t="s">
        <v>14</v>
      </c>
      <c r="H8914" t="s">
        <v>20317</v>
      </c>
      <c r="I8914" t="s">
        <v>30540</v>
      </c>
    </row>
    <row r="8915" spans="1:9">
      <c r="A8915" s="1">
        <v>0.30196423723807686</v>
      </c>
      <c r="B8915" s="1"/>
      <c r="C8915">
        <v>13</v>
      </c>
      <c r="D8915" t="s">
        <v>20308</v>
      </c>
      <c r="E8915" t="s">
        <v>33441</v>
      </c>
      <c r="F8915">
        <v>5</v>
      </c>
      <c r="G8915" t="s">
        <v>770</v>
      </c>
      <c r="H8915" t="s">
        <v>20309</v>
      </c>
      <c r="I8915" t="s">
        <v>30540</v>
      </c>
    </row>
    <row r="8916" spans="1:9">
      <c r="A8916" s="1">
        <v>0.43076814152987097</v>
      </c>
      <c r="B8916" s="1"/>
      <c r="C8916">
        <v>5</v>
      </c>
      <c r="D8916" t="s">
        <v>20306</v>
      </c>
      <c r="E8916" t="s">
        <v>33441</v>
      </c>
      <c r="F8916">
        <v>4</v>
      </c>
      <c r="G8916" t="s">
        <v>10</v>
      </c>
      <c r="H8916" t="s">
        <v>20307</v>
      </c>
      <c r="I8916" t="s">
        <v>30540</v>
      </c>
    </row>
    <row r="8917" spans="1:9">
      <c r="A8917" s="1">
        <v>0.49090696804929246</v>
      </c>
      <c r="B8917" s="1"/>
      <c r="C8917">
        <v>6</v>
      </c>
      <c r="D8917" t="s">
        <v>20304</v>
      </c>
      <c r="E8917" t="s">
        <v>33442</v>
      </c>
      <c r="F8917">
        <v>3</v>
      </c>
      <c r="G8917" t="s">
        <v>14</v>
      </c>
      <c r="H8917" t="s">
        <v>20305</v>
      </c>
      <c r="I8917" t="s">
        <v>30540</v>
      </c>
    </row>
    <row r="8918" spans="1:9">
      <c r="A8918" s="1">
        <v>0.25920142895138809</v>
      </c>
      <c r="B8918" s="1"/>
      <c r="C8918">
        <v>2</v>
      </c>
      <c r="D8918" t="s">
        <v>20296</v>
      </c>
      <c r="E8918" t="s">
        <v>33443</v>
      </c>
      <c r="F8918">
        <v>5</v>
      </c>
      <c r="G8918" t="s">
        <v>2</v>
      </c>
      <c r="H8918" t="s">
        <v>20297</v>
      </c>
      <c r="I8918" t="s">
        <v>30540</v>
      </c>
    </row>
    <row r="8919" spans="1:9">
      <c r="A8919" s="1">
        <v>0.13232925146961416</v>
      </c>
      <c r="B8919" s="1"/>
      <c r="C8919">
        <v>11</v>
      </c>
      <c r="D8919" t="s">
        <v>20300</v>
      </c>
      <c r="E8919" t="s">
        <v>33443</v>
      </c>
      <c r="F8919">
        <v>4</v>
      </c>
      <c r="G8919" t="s">
        <v>13</v>
      </c>
      <c r="H8919" t="s">
        <v>20301</v>
      </c>
      <c r="I8919" t="s">
        <v>30540</v>
      </c>
    </row>
    <row r="8920" spans="1:9">
      <c r="A8920" s="1">
        <v>0.96939338661121588</v>
      </c>
      <c r="B8920" s="1"/>
      <c r="C8920">
        <v>12</v>
      </c>
      <c r="D8920" t="s">
        <v>20302</v>
      </c>
      <c r="E8920" t="s">
        <v>33443</v>
      </c>
      <c r="F8920">
        <v>4</v>
      </c>
      <c r="G8920" t="s">
        <v>14</v>
      </c>
      <c r="H8920" t="s">
        <v>20303</v>
      </c>
      <c r="I8920" t="s">
        <v>30540</v>
      </c>
    </row>
    <row r="8921" spans="1:9">
      <c r="A8921" s="1">
        <v>0.33349333961513083</v>
      </c>
      <c r="B8921" s="1"/>
      <c r="C8921">
        <v>6</v>
      </c>
      <c r="D8921" t="s">
        <v>20292</v>
      </c>
      <c r="E8921" t="s">
        <v>33444</v>
      </c>
      <c r="F8921">
        <v>5</v>
      </c>
      <c r="G8921" t="s">
        <v>14</v>
      </c>
      <c r="H8921" t="s">
        <v>20293</v>
      </c>
      <c r="I8921" t="s">
        <v>30540</v>
      </c>
    </row>
    <row r="8922" spans="1:9">
      <c r="A8922" s="1">
        <v>0.86132487534900881</v>
      </c>
      <c r="B8922" s="1"/>
      <c r="C8922">
        <v>5</v>
      </c>
      <c r="D8922" t="s">
        <v>20290</v>
      </c>
      <c r="E8922" t="s">
        <v>33444</v>
      </c>
      <c r="F8922">
        <v>5</v>
      </c>
      <c r="G8922" t="s">
        <v>13</v>
      </c>
      <c r="H8922" t="s">
        <v>20291</v>
      </c>
      <c r="I8922" t="s">
        <v>30540</v>
      </c>
    </row>
    <row r="8923" spans="1:9">
      <c r="A8923" s="1">
        <v>0.96903696107836523</v>
      </c>
      <c r="B8923" s="1"/>
      <c r="C8923">
        <v>1</v>
      </c>
      <c r="D8923" t="s">
        <v>20282</v>
      </c>
      <c r="E8923" t="s">
        <v>33445</v>
      </c>
      <c r="F8923">
        <v>4</v>
      </c>
      <c r="G8923" t="s">
        <v>2</v>
      </c>
      <c r="H8923" t="s">
        <v>20283</v>
      </c>
      <c r="I8923" t="s">
        <v>30540</v>
      </c>
    </row>
    <row r="8924" spans="1:9">
      <c r="A8924" s="1">
        <v>0.92933926252309806</v>
      </c>
      <c r="B8924" s="1"/>
      <c r="C8924">
        <v>13</v>
      </c>
      <c r="D8924" t="s">
        <v>20288</v>
      </c>
      <c r="E8924" t="s">
        <v>33445</v>
      </c>
      <c r="F8924">
        <v>4</v>
      </c>
      <c r="G8924" t="s">
        <v>14</v>
      </c>
      <c r="H8924" t="s">
        <v>20289</v>
      </c>
      <c r="I8924" t="s">
        <v>30540</v>
      </c>
    </row>
    <row r="8925" spans="1:9">
      <c r="A8925" s="1">
        <v>0.45463777919513149</v>
      </c>
      <c r="B8925" s="1"/>
      <c r="C8925">
        <v>9</v>
      </c>
      <c r="D8925" t="s">
        <v>20286</v>
      </c>
      <c r="E8925" t="s">
        <v>33445</v>
      </c>
      <c r="F8925">
        <v>3</v>
      </c>
      <c r="G8925" t="s">
        <v>9</v>
      </c>
      <c r="H8925" t="s">
        <v>20287</v>
      </c>
      <c r="I8925" t="s">
        <v>30540</v>
      </c>
    </row>
    <row r="8926" spans="1:9">
      <c r="A8926" s="1">
        <v>0.36431812028635735</v>
      </c>
      <c r="B8926" s="1"/>
      <c r="C8926">
        <v>4</v>
      </c>
      <c r="D8926" t="s">
        <v>20284</v>
      </c>
      <c r="E8926" t="s">
        <v>33445</v>
      </c>
      <c r="F8926">
        <v>3</v>
      </c>
      <c r="G8926" t="s">
        <v>14</v>
      </c>
      <c r="H8926" t="s">
        <v>20285</v>
      </c>
      <c r="I8926" t="s">
        <v>30540</v>
      </c>
    </row>
    <row r="8927" spans="1:9">
      <c r="A8927" s="1">
        <v>0.81084093672782553</v>
      </c>
      <c r="B8927" s="1"/>
      <c r="C8927">
        <v>20</v>
      </c>
      <c r="D8927" t="s">
        <v>20280</v>
      </c>
      <c r="E8927" t="s">
        <v>33446</v>
      </c>
      <c r="F8927">
        <v>4</v>
      </c>
      <c r="G8927" t="s">
        <v>774</v>
      </c>
      <c r="H8927" t="s">
        <v>20281</v>
      </c>
      <c r="I8927" t="s">
        <v>30540</v>
      </c>
    </row>
    <row r="8928" spans="1:9">
      <c r="A8928" s="1">
        <v>0.70430996895957976</v>
      </c>
      <c r="B8928" s="1"/>
      <c r="C8928">
        <v>18</v>
      </c>
      <c r="D8928" t="s">
        <v>20278</v>
      </c>
      <c r="E8928" t="s">
        <v>33446</v>
      </c>
      <c r="F8928">
        <v>4</v>
      </c>
      <c r="G8928" t="s">
        <v>14</v>
      </c>
      <c r="H8928" t="s">
        <v>20279</v>
      </c>
      <c r="I8928" t="s">
        <v>30540</v>
      </c>
    </row>
    <row r="8929" spans="1:9">
      <c r="A8929" s="1">
        <v>0.23342890599626809</v>
      </c>
      <c r="B8929" s="1"/>
      <c r="C8929">
        <v>1</v>
      </c>
      <c r="D8929" t="s">
        <v>20272</v>
      </c>
      <c r="E8929" t="s">
        <v>33446</v>
      </c>
      <c r="F8929">
        <v>4</v>
      </c>
      <c r="G8929" t="s">
        <v>775</v>
      </c>
      <c r="H8929" t="s">
        <v>20273</v>
      </c>
      <c r="I8929" t="s">
        <v>30540</v>
      </c>
    </row>
    <row r="8930" spans="1:9">
      <c r="A8930" s="1">
        <v>0.95669999913190373</v>
      </c>
      <c r="B8930" s="1"/>
      <c r="C8930">
        <v>13</v>
      </c>
      <c r="D8930" t="s">
        <v>20276</v>
      </c>
      <c r="E8930" t="s">
        <v>33446</v>
      </c>
      <c r="F8930">
        <v>3</v>
      </c>
      <c r="G8930" t="s">
        <v>762</v>
      </c>
      <c r="H8930" t="s">
        <v>20277</v>
      </c>
      <c r="I8930" t="s">
        <v>30540</v>
      </c>
    </row>
    <row r="8931" spans="1:9">
      <c r="A8931" s="1">
        <v>0.302599517509896</v>
      </c>
      <c r="B8931" s="1"/>
      <c r="C8931">
        <v>5</v>
      </c>
      <c r="D8931" t="s">
        <v>20268</v>
      </c>
      <c r="E8931" t="s">
        <v>33447</v>
      </c>
      <c r="F8931">
        <v>4</v>
      </c>
      <c r="G8931" t="s">
        <v>0</v>
      </c>
      <c r="H8931" t="s">
        <v>20269</v>
      </c>
      <c r="I8931" t="s">
        <v>30540</v>
      </c>
    </row>
    <row r="8932" spans="1:9">
      <c r="A8932" s="1">
        <v>0.14112328183498202</v>
      </c>
      <c r="B8932" s="1"/>
      <c r="C8932">
        <v>11</v>
      </c>
      <c r="D8932" t="s">
        <v>20270</v>
      </c>
      <c r="E8932" t="s">
        <v>33447</v>
      </c>
      <c r="F8932">
        <v>3</v>
      </c>
      <c r="G8932" t="s">
        <v>14</v>
      </c>
      <c r="H8932" t="s">
        <v>20271</v>
      </c>
      <c r="I8932" t="s">
        <v>30540</v>
      </c>
    </row>
    <row r="8933" spans="1:9">
      <c r="A8933" s="1">
        <v>0.21247820535456019</v>
      </c>
      <c r="B8933" s="1"/>
      <c r="C8933">
        <v>15</v>
      </c>
      <c r="D8933" t="s">
        <v>20266</v>
      </c>
      <c r="E8933" t="s">
        <v>33448</v>
      </c>
      <c r="F8933">
        <v>5</v>
      </c>
      <c r="G8933" t="s">
        <v>14</v>
      </c>
      <c r="H8933" t="s">
        <v>20267</v>
      </c>
      <c r="I8933" t="s">
        <v>30540</v>
      </c>
    </row>
    <row r="8934" spans="1:9">
      <c r="A8934" s="1">
        <v>0.86541676060105799</v>
      </c>
      <c r="B8934" s="1"/>
      <c r="C8934">
        <v>8</v>
      </c>
      <c r="D8934" t="s">
        <v>20262</v>
      </c>
      <c r="E8934" t="s">
        <v>33448</v>
      </c>
      <c r="F8934">
        <v>4</v>
      </c>
      <c r="G8934" t="s">
        <v>14</v>
      </c>
      <c r="H8934" t="s">
        <v>20263</v>
      </c>
      <c r="I8934" t="s">
        <v>30540</v>
      </c>
    </row>
    <row r="8935" spans="1:9">
      <c r="A8935" s="1">
        <v>6.1892504010868654E-2</v>
      </c>
      <c r="B8935" s="1"/>
      <c r="C8935">
        <v>4</v>
      </c>
      <c r="D8935" t="s">
        <v>20258</v>
      </c>
      <c r="E8935" t="s">
        <v>33448</v>
      </c>
      <c r="F8935">
        <v>4</v>
      </c>
      <c r="G8935" t="s">
        <v>9</v>
      </c>
      <c r="H8935" t="s">
        <v>20259</v>
      </c>
      <c r="I8935" t="s">
        <v>30540</v>
      </c>
    </row>
    <row r="8936" spans="1:9">
      <c r="A8936" s="1">
        <v>0.25349869997021468</v>
      </c>
      <c r="B8936" s="1"/>
      <c r="C8936">
        <v>2</v>
      </c>
      <c r="D8936" t="s">
        <v>20256</v>
      </c>
      <c r="E8936" t="s">
        <v>33448</v>
      </c>
      <c r="F8936">
        <v>4</v>
      </c>
      <c r="G8936" t="s">
        <v>10</v>
      </c>
      <c r="H8936" t="s">
        <v>20257</v>
      </c>
      <c r="I8936" t="s">
        <v>30540</v>
      </c>
    </row>
    <row r="8937" spans="1:9">
      <c r="A8937" s="1">
        <v>0.47089267371941768</v>
      </c>
      <c r="B8937" s="1"/>
      <c r="C8937">
        <v>13</v>
      </c>
      <c r="D8937" t="s">
        <v>20264</v>
      </c>
      <c r="E8937" t="s">
        <v>33448</v>
      </c>
      <c r="F8937">
        <v>3</v>
      </c>
      <c r="G8937" t="s">
        <v>1</v>
      </c>
      <c r="H8937" t="s">
        <v>20265</v>
      </c>
      <c r="I8937" t="s">
        <v>30540</v>
      </c>
    </row>
    <row r="8938" spans="1:9">
      <c r="A8938" s="1">
        <v>0.85956882307715776</v>
      </c>
      <c r="B8938" s="1"/>
      <c r="C8938">
        <v>10</v>
      </c>
      <c r="D8938" t="s">
        <v>20252</v>
      </c>
      <c r="E8938" t="s">
        <v>33449</v>
      </c>
      <c r="F8938">
        <v>4</v>
      </c>
      <c r="G8938" t="s">
        <v>14</v>
      </c>
      <c r="H8938" t="s">
        <v>20253</v>
      </c>
      <c r="I8938" t="s">
        <v>30540</v>
      </c>
    </row>
    <row r="8939" spans="1:9">
      <c r="A8939" s="1">
        <v>0.69786100435879062</v>
      </c>
      <c r="B8939" s="1"/>
      <c r="C8939">
        <v>9</v>
      </c>
      <c r="D8939" t="s">
        <v>20250</v>
      </c>
      <c r="E8939" t="s">
        <v>33449</v>
      </c>
      <c r="F8939">
        <v>4</v>
      </c>
      <c r="G8939" t="s">
        <v>14</v>
      </c>
      <c r="H8939" t="s">
        <v>20251</v>
      </c>
      <c r="I8939" t="s">
        <v>30540</v>
      </c>
    </row>
    <row r="8940" spans="1:9">
      <c r="A8940" s="1">
        <v>0.15282798702564437</v>
      </c>
      <c r="B8940" s="1"/>
      <c r="C8940">
        <v>7</v>
      </c>
      <c r="D8940" t="s">
        <v>20244</v>
      </c>
      <c r="E8940" t="s">
        <v>33450</v>
      </c>
      <c r="F8940">
        <v>5</v>
      </c>
      <c r="G8940" t="s">
        <v>10</v>
      </c>
      <c r="H8940" t="s">
        <v>20245</v>
      </c>
      <c r="I8940" t="s">
        <v>30540</v>
      </c>
    </row>
    <row r="8941" spans="1:9">
      <c r="A8941" s="1">
        <v>7.8177743465113192E-4</v>
      </c>
      <c r="B8941" s="1"/>
      <c r="C8941">
        <v>4</v>
      </c>
      <c r="D8941" t="s">
        <v>20242</v>
      </c>
      <c r="E8941" t="s">
        <v>33450</v>
      </c>
      <c r="F8941">
        <v>5</v>
      </c>
      <c r="G8941" t="s">
        <v>0</v>
      </c>
      <c r="H8941" t="s">
        <v>20243</v>
      </c>
      <c r="I8941" t="s">
        <v>30540</v>
      </c>
    </row>
    <row r="8942" spans="1:9">
      <c r="A8942" s="1">
        <v>0.96884458912111759</v>
      </c>
      <c r="B8942" s="1"/>
      <c r="C8942">
        <v>11</v>
      </c>
      <c r="D8942" t="s">
        <v>20246</v>
      </c>
      <c r="E8942" t="s">
        <v>33450</v>
      </c>
      <c r="F8942">
        <v>4</v>
      </c>
      <c r="G8942" t="s">
        <v>10</v>
      </c>
      <c r="H8942" t="s">
        <v>20247</v>
      </c>
      <c r="I8942" t="s">
        <v>30540</v>
      </c>
    </row>
    <row r="8943" spans="1:9">
      <c r="A8943" s="1">
        <v>0.46961941443738986</v>
      </c>
      <c r="B8943" s="1"/>
      <c r="C8943">
        <v>19</v>
      </c>
      <c r="D8943" t="s">
        <v>20240</v>
      </c>
      <c r="E8943" t="s">
        <v>33451</v>
      </c>
      <c r="F8943">
        <v>5</v>
      </c>
      <c r="G8943" t="s">
        <v>3732</v>
      </c>
      <c r="H8943" t="s">
        <v>20241</v>
      </c>
      <c r="I8943" t="s">
        <v>30540</v>
      </c>
    </row>
    <row r="8944" spans="1:9">
      <c r="A8944" s="1">
        <v>0.21609692040045647</v>
      </c>
      <c r="B8944" s="1"/>
      <c r="C8944">
        <v>6</v>
      </c>
      <c r="D8944" t="s">
        <v>20234</v>
      </c>
      <c r="E8944" t="s">
        <v>33451</v>
      </c>
      <c r="F8944">
        <v>4</v>
      </c>
      <c r="G8944" t="s">
        <v>766</v>
      </c>
      <c r="H8944" t="s">
        <v>20235</v>
      </c>
      <c r="I8944" t="s">
        <v>30540</v>
      </c>
    </row>
    <row r="8945" spans="1:9">
      <c r="A8945" s="1">
        <v>0.20916398440791961</v>
      </c>
      <c r="B8945" s="1"/>
      <c r="C8945">
        <v>17</v>
      </c>
      <c r="D8945" t="s">
        <v>20238</v>
      </c>
      <c r="E8945" t="s">
        <v>33451</v>
      </c>
      <c r="F8945">
        <v>4</v>
      </c>
      <c r="G8945" t="s">
        <v>766</v>
      </c>
      <c r="H8945" t="s">
        <v>20239</v>
      </c>
      <c r="I8945" t="s">
        <v>30540</v>
      </c>
    </row>
    <row r="8946" spans="1:9">
      <c r="A8946" s="1">
        <v>0.58541668796533342</v>
      </c>
      <c r="B8946" s="1"/>
      <c r="C8946">
        <v>3</v>
      </c>
      <c r="D8946" t="s">
        <v>20232</v>
      </c>
      <c r="E8946" t="s">
        <v>33451</v>
      </c>
      <c r="F8946">
        <v>4</v>
      </c>
      <c r="G8946" t="s">
        <v>15</v>
      </c>
      <c r="H8946" t="s">
        <v>20233</v>
      </c>
      <c r="I8946" t="s">
        <v>30540</v>
      </c>
    </row>
    <row r="8947" spans="1:9">
      <c r="A8947" s="1">
        <v>0.97677466345634922</v>
      </c>
      <c r="B8947" s="1"/>
      <c r="C8947">
        <v>16</v>
      </c>
      <c r="D8947" t="s">
        <v>20236</v>
      </c>
      <c r="E8947" t="s">
        <v>33451</v>
      </c>
      <c r="F8947">
        <v>4</v>
      </c>
      <c r="G8947" t="s">
        <v>1431</v>
      </c>
      <c r="H8947" t="s">
        <v>20237</v>
      </c>
      <c r="I8947" t="s">
        <v>30540</v>
      </c>
    </row>
    <row r="8948" spans="1:9">
      <c r="A8948" s="1">
        <v>0.39440230933924514</v>
      </c>
      <c r="B8948" s="1"/>
      <c r="C8948">
        <v>1</v>
      </c>
      <c r="D8948" t="s">
        <v>20224</v>
      </c>
      <c r="E8948" t="s">
        <v>33452</v>
      </c>
      <c r="F8948">
        <v>5</v>
      </c>
      <c r="G8948" t="s">
        <v>10</v>
      </c>
      <c r="H8948" t="s">
        <v>20225</v>
      </c>
      <c r="I8948" t="s">
        <v>30540</v>
      </c>
    </row>
    <row r="8949" spans="1:9">
      <c r="A8949" s="1">
        <v>0.62711988388007578</v>
      </c>
      <c r="B8949" s="1"/>
      <c r="C8949">
        <v>14</v>
      </c>
      <c r="D8949" t="s">
        <v>20228</v>
      </c>
      <c r="E8949" t="s">
        <v>33452</v>
      </c>
      <c r="F8949">
        <v>4</v>
      </c>
      <c r="G8949" t="s">
        <v>13</v>
      </c>
      <c r="H8949" t="s">
        <v>20229</v>
      </c>
      <c r="I8949" t="s">
        <v>30540</v>
      </c>
    </row>
    <row r="8950" spans="1:9">
      <c r="A8950" s="1">
        <v>0.96526517488759556</v>
      </c>
      <c r="B8950" s="1"/>
      <c r="C8950">
        <v>16</v>
      </c>
      <c r="D8950" t="s">
        <v>20230</v>
      </c>
      <c r="E8950" t="s">
        <v>33452</v>
      </c>
      <c r="F8950">
        <v>4</v>
      </c>
      <c r="G8950" t="s">
        <v>14</v>
      </c>
      <c r="H8950" t="s">
        <v>20231</v>
      </c>
      <c r="I8950" t="s">
        <v>30540</v>
      </c>
    </row>
    <row r="8951" spans="1:9">
      <c r="A8951" s="1">
        <v>0.15388550986357008</v>
      </c>
      <c r="B8951" s="1"/>
      <c r="C8951">
        <v>17</v>
      </c>
      <c r="D8951" t="s">
        <v>20222</v>
      </c>
      <c r="E8951" t="s">
        <v>33453</v>
      </c>
      <c r="F8951">
        <v>5</v>
      </c>
      <c r="G8951" t="s">
        <v>14</v>
      </c>
      <c r="H8951" t="s">
        <v>20223</v>
      </c>
      <c r="I8951" t="s">
        <v>30540</v>
      </c>
    </row>
    <row r="8952" spans="1:9">
      <c r="A8952" s="1">
        <v>0.9203582076904866</v>
      </c>
      <c r="B8952" s="1"/>
      <c r="C8952">
        <v>1</v>
      </c>
      <c r="D8952" t="s">
        <v>20210</v>
      </c>
      <c r="E8952" t="s">
        <v>33453</v>
      </c>
      <c r="F8952">
        <v>4</v>
      </c>
      <c r="G8952" t="s">
        <v>10</v>
      </c>
      <c r="H8952" t="s">
        <v>20211</v>
      </c>
      <c r="I8952" t="s">
        <v>30540</v>
      </c>
    </row>
    <row r="8953" spans="1:9">
      <c r="A8953" s="1">
        <v>0.82467902687931938</v>
      </c>
      <c r="B8953" s="1"/>
      <c r="C8953">
        <v>10</v>
      </c>
      <c r="D8953" t="s">
        <v>20214</v>
      </c>
      <c r="E8953" t="s">
        <v>33453</v>
      </c>
      <c r="F8953">
        <v>4</v>
      </c>
      <c r="G8953" t="s">
        <v>0</v>
      </c>
      <c r="H8953" t="s">
        <v>20215</v>
      </c>
      <c r="I8953" t="s">
        <v>30540</v>
      </c>
    </row>
    <row r="8954" spans="1:9">
      <c r="A8954" s="1">
        <v>0.91957671836780253</v>
      </c>
      <c r="B8954" s="1"/>
      <c r="C8954">
        <v>15</v>
      </c>
      <c r="D8954" t="s">
        <v>20218</v>
      </c>
      <c r="E8954" t="s">
        <v>33453</v>
      </c>
      <c r="F8954">
        <v>4</v>
      </c>
      <c r="G8954" t="s">
        <v>14</v>
      </c>
      <c r="H8954" t="s">
        <v>20219</v>
      </c>
      <c r="I8954" t="s">
        <v>30540</v>
      </c>
    </row>
    <row r="8955" spans="1:9">
      <c r="A8955" s="1">
        <v>0.24728686791066057</v>
      </c>
      <c r="B8955" s="1"/>
      <c r="C8955">
        <v>4</v>
      </c>
      <c r="D8955" t="s">
        <v>20212</v>
      </c>
      <c r="E8955" t="s">
        <v>33453</v>
      </c>
      <c r="F8955">
        <v>4</v>
      </c>
      <c r="G8955" t="s">
        <v>10</v>
      </c>
      <c r="H8955" t="s">
        <v>20213</v>
      </c>
      <c r="I8955" t="s">
        <v>30540</v>
      </c>
    </row>
    <row r="8956" spans="1:9">
      <c r="A8956" s="1">
        <v>0.86292771950744096</v>
      </c>
      <c r="B8956" s="1"/>
      <c r="C8956">
        <v>12</v>
      </c>
      <c r="D8956" t="s">
        <v>20216</v>
      </c>
      <c r="E8956" t="s">
        <v>33453</v>
      </c>
      <c r="F8956">
        <v>4</v>
      </c>
      <c r="G8956" t="s">
        <v>13</v>
      </c>
      <c r="H8956" t="s">
        <v>20217</v>
      </c>
      <c r="I8956" t="s">
        <v>30540</v>
      </c>
    </row>
    <row r="8957" spans="1:9">
      <c r="A8957" s="1">
        <v>0.87256031255044164</v>
      </c>
      <c r="B8957" s="1"/>
      <c r="C8957">
        <v>16</v>
      </c>
      <c r="D8957" t="s">
        <v>20220</v>
      </c>
      <c r="E8957" t="s">
        <v>33453</v>
      </c>
      <c r="F8957">
        <v>4</v>
      </c>
      <c r="G8957" t="s">
        <v>1</v>
      </c>
      <c r="H8957" t="s">
        <v>20221</v>
      </c>
      <c r="I8957" t="s">
        <v>30540</v>
      </c>
    </row>
    <row r="8958" spans="1:9">
      <c r="A8958" s="1">
        <v>0.68027964858869461</v>
      </c>
      <c r="B8958" s="1"/>
      <c r="C8958">
        <v>11</v>
      </c>
      <c r="D8958" t="s">
        <v>20204</v>
      </c>
      <c r="E8958" t="s">
        <v>33454</v>
      </c>
      <c r="F8958">
        <v>5</v>
      </c>
      <c r="G8958" t="s">
        <v>14</v>
      </c>
      <c r="H8958" t="s">
        <v>20205</v>
      </c>
      <c r="I8958" t="s">
        <v>30540</v>
      </c>
    </row>
    <row r="8959" spans="1:9">
      <c r="A8959" s="1">
        <v>0.10363306537407058</v>
      </c>
      <c r="B8959" s="1"/>
      <c r="C8959">
        <v>4</v>
      </c>
      <c r="D8959" t="s">
        <v>20200</v>
      </c>
      <c r="E8959" t="s">
        <v>33454</v>
      </c>
      <c r="F8959">
        <v>4</v>
      </c>
      <c r="G8959" t="s">
        <v>14</v>
      </c>
      <c r="H8959" t="s">
        <v>20201</v>
      </c>
      <c r="I8959" t="s">
        <v>30540</v>
      </c>
    </row>
    <row r="8960" spans="1:9">
      <c r="A8960" s="1">
        <v>1.4681852825256914E-2</v>
      </c>
      <c r="B8960" s="1"/>
      <c r="C8960">
        <v>14</v>
      </c>
      <c r="D8960" t="s">
        <v>20208</v>
      </c>
      <c r="E8960" t="s">
        <v>33454</v>
      </c>
      <c r="F8960">
        <v>4</v>
      </c>
      <c r="G8960" t="s">
        <v>14</v>
      </c>
      <c r="H8960" t="s">
        <v>20209</v>
      </c>
      <c r="I8960" t="s">
        <v>30540</v>
      </c>
    </row>
    <row r="8961" spans="1:9">
      <c r="A8961" s="1">
        <v>0.97474871514700168</v>
      </c>
      <c r="B8961" s="1"/>
      <c r="C8961">
        <v>12</v>
      </c>
      <c r="D8961" t="s">
        <v>20206</v>
      </c>
      <c r="E8961" t="s">
        <v>33454</v>
      </c>
      <c r="F8961">
        <v>4</v>
      </c>
      <c r="G8961" t="s">
        <v>0</v>
      </c>
      <c r="H8961" t="s">
        <v>20207</v>
      </c>
      <c r="I8961" t="s">
        <v>30540</v>
      </c>
    </row>
    <row r="8962" spans="1:9">
      <c r="A8962" s="1">
        <v>0.22873236694573407</v>
      </c>
      <c r="B8962" s="1"/>
      <c r="C8962">
        <v>16</v>
      </c>
      <c r="D8962" t="s">
        <v>20198</v>
      </c>
      <c r="E8962" t="s">
        <v>33455</v>
      </c>
      <c r="F8962">
        <v>4</v>
      </c>
      <c r="G8962" t="s">
        <v>14</v>
      </c>
      <c r="H8962" t="s">
        <v>20199</v>
      </c>
      <c r="I8962" t="s">
        <v>30540</v>
      </c>
    </row>
    <row r="8963" spans="1:9">
      <c r="A8963" s="1">
        <v>0.4575645817807551</v>
      </c>
      <c r="B8963" s="1"/>
      <c r="C8963">
        <v>11</v>
      </c>
      <c r="D8963" t="s">
        <v>20196</v>
      </c>
      <c r="E8963" t="s">
        <v>33455</v>
      </c>
      <c r="F8963">
        <v>4</v>
      </c>
      <c r="G8963" t="s">
        <v>1</v>
      </c>
      <c r="H8963" t="s">
        <v>20197</v>
      </c>
      <c r="I8963" t="s">
        <v>30540</v>
      </c>
    </row>
    <row r="8964" spans="1:9">
      <c r="A8964" s="1">
        <v>0.73113194067230747</v>
      </c>
      <c r="B8964" s="1"/>
      <c r="C8964">
        <v>1</v>
      </c>
      <c r="D8964" t="s">
        <v>20192</v>
      </c>
      <c r="E8964" t="s">
        <v>33455</v>
      </c>
      <c r="F8964">
        <v>4</v>
      </c>
      <c r="G8964" t="s">
        <v>10</v>
      </c>
      <c r="H8964" t="s">
        <v>20193</v>
      </c>
      <c r="I8964" t="s">
        <v>30540</v>
      </c>
    </row>
    <row r="8965" spans="1:9">
      <c r="A8965" s="1">
        <v>3.2051317715732663E-2</v>
      </c>
      <c r="B8965" s="1"/>
      <c r="C8965">
        <v>3</v>
      </c>
      <c r="D8965" t="s">
        <v>20194</v>
      </c>
      <c r="E8965" t="s">
        <v>33455</v>
      </c>
      <c r="F8965">
        <v>4</v>
      </c>
      <c r="G8965" t="s">
        <v>10</v>
      </c>
      <c r="H8965" t="s">
        <v>20195</v>
      </c>
      <c r="I8965" t="s">
        <v>30540</v>
      </c>
    </row>
    <row r="8966" spans="1:9">
      <c r="A8966" s="1">
        <v>0.7432311957714991</v>
      </c>
      <c r="B8966" s="1"/>
      <c r="C8966">
        <v>13</v>
      </c>
      <c r="D8966" t="s">
        <v>20188</v>
      </c>
      <c r="E8966" t="s">
        <v>33456</v>
      </c>
      <c r="F8966">
        <v>5</v>
      </c>
      <c r="G8966" t="s">
        <v>3732</v>
      </c>
      <c r="H8966" t="s">
        <v>20189</v>
      </c>
      <c r="I8966" t="s">
        <v>30540</v>
      </c>
    </row>
    <row r="8967" spans="1:9">
      <c r="A8967" s="1">
        <v>9.0207664701756674E-2</v>
      </c>
      <c r="B8967" s="1"/>
      <c r="C8967">
        <v>19</v>
      </c>
      <c r="D8967" t="s">
        <v>20190</v>
      </c>
      <c r="E8967" t="s">
        <v>33456</v>
      </c>
      <c r="F8967">
        <v>4</v>
      </c>
      <c r="G8967" t="s">
        <v>14</v>
      </c>
      <c r="H8967" t="s">
        <v>20191</v>
      </c>
      <c r="I8967" t="s">
        <v>30540</v>
      </c>
    </row>
    <row r="8968" spans="1:9">
      <c r="A8968" s="1">
        <v>0.89760642333645579</v>
      </c>
      <c r="B8968" s="1"/>
      <c r="C8968">
        <v>20</v>
      </c>
      <c r="D8968" t="s">
        <v>20184</v>
      </c>
      <c r="E8968" t="s">
        <v>33457</v>
      </c>
      <c r="F8968">
        <v>4</v>
      </c>
      <c r="G8968" t="s">
        <v>14</v>
      </c>
      <c r="H8968" t="s">
        <v>20185</v>
      </c>
      <c r="I8968" t="s">
        <v>30540</v>
      </c>
    </row>
    <row r="8969" spans="1:9">
      <c r="A8969" s="1">
        <v>0.64028216599179821</v>
      </c>
      <c r="B8969" s="1"/>
      <c r="C8969">
        <v>13</v>
      </c>
      <c r="D8969" t="s">
        <v>20180</v>
      </c>
      <c r="E8969" t="s">
        <v>33457</v>
      </c>
      <c r="F8969">
        <v>4</v>
      </c>
      <c r="G8969" t="s">
        <v>1</v>
      </c>
      <c r="H8969" t="s">
        <v>20181</v>
      </c>
      <c r="I8969" t="s">
        <v>30540</v>
      </c>
    </row>
    <row r="8970" spans="1:9">
      <c r="A8970" s="1">
        <v>0.16616532623573266</v>
      </c>
      <c r="B8970" s="1"/>
      <c r="C8970">
        <v>16</v>
      </c>
      <c r="D8970" t="s">
        <v>20182</v>
      </c>
      <c r="E8970" t="s">
        <v>33457</v>
      </c>
      <c r="F8970">
        <v>3</v>
      </c>
      <c r="G8970" t="s">
        <v>13</v>
      </c>
      <c r="H8970" t="s">
        <v>20183</v>
      </c>
      <c r="I8970" t="s">
        <v>30540</v>
      </c>
    </row>
    <row r="8971" spans="1:9">
      <c r="A8971" s="1">
        <v>0.872572501245379</v>
      </c>
      <c r="B8971" s="1"/>
      <c r="C8971">
        <v>1</v>
      </c>
      <c r="D8971" t="s">
        <v>20174</v>
      </c>
      <c r="E8971" t="s">
        <v>33458</v>
      </c>
      <c r="F8971">
        <v>4</v>
      </c>
      <c r="G8971" t="s">
        <v>2</v>
      </c>
      <c r="H8971" t="s">
        <v>20175</v>
      </c>
      <c r="I8971" t="s">
        <v>30540</v>
      </c>
    </row>
    <row r="8972" spans="1:9">
      <c r="A8972" s="1">
        <v>0.11926146207547128</v>
      </c>
      <c r="B8972" s="1"/>
      <c r="C8972">
        <v>11</v>
      </c>
      <c r="D8972" t="s">
        <v>20176</v>
      </c>
      <c r="E8972" t="s">
        <v>33458</v>
      </c>
      <c r="F8972">
        <v>4</v>
      </c>
      <c r="G8972" t="s">
        <v>14</v>
      </c>
      <c r="H8972" t="s">
        <v>20177</v>
      </c>
      <c r="I8972" t="s">
        <v>30540</v>
      </c>
    </row>
    <row r="8973" spans="1:9">
      <c r="A8973" s="1">
        <v>0.63647606167298965</v>
      </c>
      <c r="B8973" s="1"/>
      <c r="C8973">
        <v>6</v>
      </c>
      <c r="D8973" t="s">
        <v>20168</v>
      </c>
      <c r="E8973" t="s">
        <v>33459</v>
      </c>
      <c r="F8973">
        <v>4</v>
      </c>
      <c r="G8973" t="s">
        <v>9</v>
      </c>
      <c r="H8973" t="s">
        <v>20169</v>
      </c>
      <c r="I8973" t="s">
        <v>30540</v>
      </c>
    </row>
    <row r="8974" spans="1:9">
      <c r="A8974" s="1">
        <v>0.66302423121722698</v>
      </c>
      <c r="B8974" s="1"/>
      <c r="C8974">
        <v>9</v>
      </c>
      <c r="D8974" t="s">
        <v>20172</v>
      </c>
      <c r="E8974" t="s">
        <v>33459</v>
      </c>
      <c r="F8974">
        <v>4</v>
      </c>
      <c r="G8974" t="s">
        <v>14</v>
      </c>
      <c r="H8974" t="s">
        <v>20173</v>
      </c>
      <c r="I8974" t="s">
        <v>30540</v>
      </c>
    </row>
    <row r="8975" spans="1:9">
      <c r="A8975" s="1">
        <v>0.71660536002021358</v>
      </c>
      <c r="B8975" s="1"/>
      <c r="C8975">
        <v>8</v>
      </c>
      <c r="D8975" t="s">
        <v>20170</v>
      </c>
      <c r="E8975" t="s">
        <v>33459</v>
      </c>
      <c r="F8975">
        <v>4</v>
      </c>
      <c r="G8975" t="s">
        <v>2</v>
      </c>
      <c r="H8975" t="s">
        <v>20171</v>
      </c>
      <c r="I8975" t="s">
        <v>30540</v>
      </c>
    </row>
    <row r="8976" spans="1:9">
      <c r="A8976" s="1">
        <v>0.67033086767068006</v>
      </c>
      <c r="B8976" s="1"/>
      <c r="C8976">
        <v>14</v>
      </c>
      <c r="D8976" t="s">
        <v>20166</v>
      </c>
      <c r="E8976" t="s">
        <v>33460</v>
      </c>
      <c r="F8976">
        <v>4</v>
      </c>
      <c r="G8976" t="s">
        <v>14</v>
      </c>
      <c r="H8976" t="s">
        <v>20167</v>
      </c>
      <c r="I8976" t="s">
        <v>30540</v>
      </c>
    </row>
    <row r="8977" spans="1:9">
      <c r="A8977" s="1">
        <v>0.9380679238993429</v>
      </c>
      <c r="B8977" s="1"/>
      <c r="C8977">
        <v>6</v>
      </c>
      <c r="D8977" t="s">
        <v>20164</v>
      </c>
      <c r="E8977" t="s">
        <v>33460</v>
      </c>
      <c r="F8977">
        <v>3</v>
      </c>
      <c r="G8977" t="s">
        <v>14</v>
      </c>
      <c r="H8977" t="s">
        <v>20165</v>
      </c>
      <c r="I8977" t="s">
        <v>30540</v>
      </c>
    </row>
    <row r="8978" spans="1:9">
      <c r="A8978" s="1">
        <v>2.5672136447821181E-2</v>
      </c>
      <c r="B8978" s="1"/>
      <c r="C8978">
        <v>16</v>
      </c>
      <c r="D8978" t="s">
        <v>20158</v>
      </c>
      <c r="E8978" t="s">
        <v>33461</v>
      </c>
      <c r="F8978">
        <v>4</v>
      </c>
      <c r="G8978" t="s">
        <v>2738</v>
      </c>
      <c r="H8978" t="s">
        <v>20159</v>
      </c>
      <c r="I8978" t="s">
        <v>30540</v>
      </c>
    </row>
    <row r="8979" spans="1:9">
      <c r="A8979" s="1">
        <v>0.56959010345805416</v>
      </c>
      <c r="B8979" s="1"/>
      <c r="C8979">
        <v>12</v>
      </c>
      <c r="D8979" t="s">
        <v>20154</v>
      </c>
      <c r="E8979" t="s">
        <v>33462</v>
      </c>
      <c r="F8979">
        <v>5</v>
      </c>
      <c r="G8979" t="s">
        <v>10</v>
      </c>
      <c r="H8979" t="s">
        <v>20155</v>
      </c>
      <c r="I8979" t="s">
        <v>30540</v>
      </c>
    </row>
    <row r="8980" spans="1:9">
      <c r="A8980" s="1">
        <v>0.63913768626729084</v>
      </c>
      <c r="B8980" s="1"/>
      <c r="C8980">
        <v>5</v>
      </c>
      <c r="D8980" t="s">
        <v>20152</v>
      </c>
      <c r="E8980" t="s">
        <v>33462</v>
      </c>
      <c r="F8980">
        <v>4</v>
      </c>
      <c r="G8980" t="s">
        <v>10</v>
      </c>
      <c r="H8980" t="s">
        <v>20153</v>
      </c>
      <c r="I8980" t="s">
        <v>30540</v>
      </c>
    </row>
    <row r="8981" spans="1:9">
      <c r="A8981" s="1">
        <v>0.21971478068211781</v>
      </c>
      <c r="B8981" s="1"/>
      <c r="C8981">
        <v>13</v>
      </c>
      <c r="D8981" t="s">
        <v>20156</v>
      </c>
      <c r="E8981" t="s">
        <v>33462</v>
      </c>
      <c r="F8981">
        <v>4</v>
      </c>
      <c r="G8981" t="s">
        <v>10</v>
      </c>
      <c r="H8981" t="s">
        <v>20157</v>
      </c>
      <c r="I8981" t="s">
        <v>30540</v>
      </c>
    </row>
    <row r="8982" spans="1:9">
      <c r="A8982" s="1">
        <v>0.4527148315918309</v>
      </c>
      <c r="B8982" s="1"/>
      <c r="C8982">
        <v>15</v>
      </c>
      <c r="D8982" t="s">
        <v>20150</v>
      </c>
      <c r="E8982" t="s">
        <v>33463</v>
      </c>
      <c r="F8982">
        <v>5</v>
      </c>
      <c r="G8982" t="s">
        <v>14</v>
      </c>
      <c r="H8982" t="s">
        <v>20151</v>
      </c>
      <c r="I8982" t="s">
        <v>30540</v>
      </c>
    </row>
    <row r="8983" spans="1:9">
      <c r="A8983" s="1">
        <v>0.12728889810264221</v>
      </c>
      <c r="B8983" s="1"/>
      <c r="C8983">
        <v>4</v>
      </c>
      <c r="D8983" t="s">
        <v>20142</v>
      </c>
      <c r="E8983" t="s">
        <v>33463</v>
      </c>
      <c r="F8983">
        <v>4</v>
      </c>
      <c r="G8983" t="s">
        <v>9</v>
      </c>
      <c r="H8983" t="s">
        <v>20143</v>
      </c>
      <c r="I8983" t="s">
        <v>30540</v>
      </c>
    </row>
    <row r="8984" spans="1:9">
      <c r="A8984" s="1">
        <v>0.91968338719706055</v>
      </c>
      <c r="B8984" s="1"/>
      <c r="C8984">
        <v>6</v>
      </c>
      <c r="D8984" t="s">
        <v>20144</v>
      </c>
      <c r="E8984" t="s">
        <v>33463</v>
      </c>
      <c r="F8984">
        <v>4</v>
      </c>
      <c r="G8984" t="s">
        <v>10</v>
      </c>
      <c r="H8984" t="s">
        <v>20145</v>
      </c>
      <c r="I8984" t="s">
        <v>30540</v>
      </c>
    </row>
    <row r="8985" spans="1:9">
      <c r="A8985" s="1">
        <v>6.9953031724855341E-3</v>
      </c>
      <c r="B8985" s="1"/>
      <c r="C8985">
        <v>14</v>
      </c>
      <c r="D8985" t="s">
        <v>20148</v>
      </c>
      <c r="E8985" t="s">
        <v>33463</v>
      </c>
      <c r="F8985">
        <v>4</v>
      </c>
      <c r="G8985" t="s">
        <v>14</v>
      </c>
      <c r="H8985" t="s">
        <v>20149</v>
      </c>
      <c r="I8985" t="s">
        <v>30540</v>
      </c>
    </row>
    <row r="8986" spans="1:9">
      <c r="A8986" s="1">
        <v>0.85028632033275231</v>
      </c>
      <c r="B8986" s="1"/>
      <c r="C8986">
        <v>12</v>
      </c>
      <c r="D8986" t="s">
        <v>20146</v>
      </c>
      <c r="E8986" t="s">
        <v>33463</v>
      </c>
      <c r="F8986">
        <v>4</v>
      </c>
      <c r="G8986" t="s">
        <v>14</v>
      </c>
      <c r="H8986" t="s">
        <v>20147</v>
      </c>
      <c r="I8986" t="s">
        <v>30540</v>
      </c>
    </row>
    <row r="8987" spans="1:9">
      <c r="A8987" s="1">
        <v>0.53447553344090415</v>
      </c>
      <c r="B8987" s="1"/>
      <c r="C8987">
        <v>3</v>
      </c>
      <c r="D8987" t="s">
        <v>20138</v>
      </c>
      <c r="E8987" t="s">
        <v>33464</v>
      </c>
      <c r="F8987">
        <v>4</v>
      </c>
      <c r="G8987" t="s">
        <v>14</v>
      </c>
      <c r="H8987" t="s">
        <v>20139</v>
      </c>
      <c r="I8987" t="s">
        <v>30540</v>
      </c>
    </row>
    <row r="8988" spans="1:9">
      <c r="A8988" s="1">
        <v>0.47228653415715838</v>
      </c>
      <c r="B8988" s="1"/>
      <c r="C8988">
        <v>5</v>
      </c>
      <c r="D8988" t="s">
        <v>20140</v>
      </c>
      <c r="E8988" t="s">
        <v>33464</v>
      </c>
      <c r="F8988">
        <v>4</v>
      </c>
      <c r="G8988" t="s">
        <v>14</v>
      </c>
      <c r="H8988" t="s">
        <v>20141</v>
      </c>
      <c r="I8988" t="s">
        <v>30540</v>
      </c>
    </row>
    <row r="8989" spans="1:9">
      <c r="A8989" s="1">
        <v>0.97717109115572343</v>
      </c>
      <c r="B8989" s="1"/>
      <c r="C8989">
        <v>2</v>
      </c>
      <c r="D8989" t="s">
        <v>20128</v>
      </c>
      <c r="E8989" t="s">
        <v>33465</v>
      </c>
      <c r="F8989">
        <v>4</v>
      </c>
      <c r="G8989" t="s">
        <v>10</v>
      </c>
      <c r="H8989" t="s">
        <v>20129</v>
      </c>
      <c r="I8989" t="s">
        <v>30540</v>
      </c>
    </row>
    <row r="8990" spans="1:9">
      <c r="A8990" s="1">
        <v>0.75601196401241821</v>
      </c>
      <c r="B8990" s="1"/>
      <c r="C8990">
        <v>12</v>
      </c>
      <c r="D8990" t="s">
        <v>20134</v>
      </c>
      <c r="E8990" t="s">
        <v>33465</v>
      </c>
      <c r="F8990">
        <v>4</v>
      </c>
      <c r="G8990" t="s">
        <v>10</v>
      </c>
      <c r="H8990" t="s">
        <v>20135</v>
      </c>
      <c r="I8990" t="s">
        <v>30540</v>
      </c>
    </row>
    <row r="8991" spans="1:9">
      <c r="A8991" s="1">
        <v>0.73906206080154535</v>
      </c>
      <c r="B8991" s="1"/>
      <c r="C8991">
        <v>6</v>
      </c>
      <c r="D8991" t="s">
        <v>20130</v>
      </c>
      <c r="E8991" t="s">
        <v>33465</v>
      </c>
      <c r="F8991">
        <v>3</v>
      </c>
      <c r="G8991" t="s">
        <v>14</v>
      </c>
      <c r="H8991" t="s">
        <v>20131</v>
      </c>
      <c r="I8991" t="s">
        <v>30540</v>
      </c>
    </row>
    <row r="8992" spans="1:9">
      <c r="A8992" s="1">
        <v>8.5286693891863607E-2</v>
      </c>
      <c r="B8992" s="1"/>
      <c r="C8992">
        <v>8</v>
      </c>
      <c r="D8992" t="s">
        <v>20132</v>
      </c>
      <c r="E8992" t="s">
        <v>33465</v>
      </c>
      <c r="F8992">
        <v>3</v>
      </c>
      <c r="G8992" t="s">
        <v>14</v>
      </c>
      <c r="H8992" t="s">
        <v>20133</v>
      </c>
      <c r="I8992" t="s">
        <v>30540</v>
      </c>
    </row>
    <row r="8993" spans="1:9">
      <c r="A8993" s="1">
        <v>0.51190052717071777</v>
      </c>
      <c r="B8993" s="1"/>
      <c r="C8993">
        <v>3</v>
      </c>
      <c r="D8993" t="s">
        <v>20122</v>
      </c>
      <c r="E8993" t="s">
        <v>33466</v>
      </c>
      <c r="F8993">
        <v>4</v>
      </c>
      <c r="G8993" t="s">
        <v>766</v>
      </c>
      <c r="H8993" t="s">
        <v>20123</v>
      </c>
      <c r="I8993" t="s">
        <v>30540</v>
      </c>
    </row>
    <row r="8994" spans="1:9">
      <c r="A8994" s="1">
        <v>0.74236975301234809</v>
      </c>
      <c r="B8994" s="1"/>
      <c r="C8994">
        <v>10</v>
      </c>
      <c r="D8994" t="s">
        <v>20120</v>
      </c>
      <c r="E8994" t="s">
        <v>33467</v>
      </c>
      <c r="F8994">
        <v>5</v>
      </c>
      <c r="G8994" t="s">
        <v>14</v>
      </c>
      <c r="H8994" t="s">
        <v>20121</v>
      </c>
      <c r="I8994" t="s">
        <v>30540</v>
      </c>
    </row>
    <row r="8995" spans="1:9">
      <c r="A8995" s="1">
        <v>0.15301501286060348</v>
      </c>
      <c r="B8995" s="1"/>
      <c r="C8995">
        <v>5</v>
      </c>
      <c r="D8995" t="s">
        <v>20116</v>
      </c>
      <c r="E8995" t="s">
        <v>33467</v>
      </c>
      <c r="F8995">
        <v>4</v>
      </c>
      <c r="G8995" t="s">
        <v>15</v>
      </c>
      <c r="H8995" t="s">
        <v>20117</v>
      </c>
      <c r="I8995" t="s">
        <v>30540</v>
      </c>
    </row>
    <row r="8996" spans="1:9">
      <c r="A8996" s="1">
        <v>0.98976203956348885</v>
      </c>
      <c r="B8996" s="1"/>
      <c r="C8996">
        <v>9</v>
      </c>
      <c r="D8996" t="s">
        <v>20118</v>
      </c>
      <c r="E8996" t="s">
        <v>33467</v>
      </c>
      <c r="F8996">
        <v>4</v>
      </c>
      <c r="G8996" t="s">
        <v>14</v>
      </c>
      <c r="H8996" t="s">
        <v>20119</v>
      </c>
      <c r="I8996" t="s">
        <v>30540</v>
      </c>
    </row>
    <row r="8997" spans="1:9">
      <c r="A8997" s="1">
        <v>0.96090881881084655</v>
      </c>
      <c r="B8997" s="1"/>
      <c r="C8997">
        <v>3</v>
      </c>
      <c r="D8997" t="s">
        <v>20106</v>
      </c>
      <c r="E8997" t="s">
        <v>33468</v>
      </c>
      <c r="F8997">
        <v>5</v>
      </c>
      <c r="G8997" t="s">
        <v>10</v>
      </c>
      <c r="H8997" t="s">
        <v>20107</v>
      </c>
      <c r="I8997" t="s">
        <v>30540</v>
      </c>
    </row>
    <row r="8998" spans="1:9">
      <c r="A8998" s="1">
        <v>7.7371741522417548E-2</v>
      </c>
      <c r="B8998" s="1"/>
      <c r="C8998">
        <v>12</v>
      </c>
      <c r="D8998" t="s">
        <v>20110</v>
      </c>
      <c r="E8998" t="s">
        <v>33468</v>
      </c>
      <c r="F8998">
        <v>5</v>
      </c>
      <c r="G8998" t="s">
        <v>14</v>
      </c>
      <c r="H8998" t="s">
        <v>20111</v>
      </c>
      <c r="I8998" t="s">
        <v>30540</v>
      </c>
    </row>
    <row r="8999" spans="1:9">
      <c r="A8999" s="1">
        <v>0.21922874809256476</v>
      </c>
      <c r="B8999" s="1"/>
      <c r="C8999">
        <v>2</v>
      </c>
      <c r="D8999" t="s">
        <v>20104</v>
      </c>
      <c r="E8999" t="s">
        <v>33468</v>
      </c>
      <c r="F8999">
        <v>4</v>
      </c>
      <c r="G8999" t="s">
        <v>10</v>
      </c>
      <c r="H8999" t="s">
        <v>20105</v>
      </c>
      <c r="I8999" t="s">
        <v>30540</v>
      </c>
    </row>
    <row r="9000" spans="1:9">
      <c r="A9000" s="1">
        <v>7.2962873756376889E-2</v>
      </c>
      <c r="B9000" s="1"/>
      <c r="C9000">
        <v>1</v>
      </c>
      <c r="D9000" t="s">
        <v>20102</v>
      </c>
      <c r="E9000" t="s">
        <v>33468</v>
      </c>
      <c r="F9000">
        <v>4</v>
      </c>
      <c r="G9000" t="s">
        <v>2</v>
      </c>
      <c r="H9000" t="s">
        <v>20103</v>
      </c>
      <c r="I9000" t="s">
        <v>30540</v>
      </c>
    </row>
    <row r="9001" spans="1:9">
      <c r="A9001" s="1">
        <v>0.31490826731792998</v>
      </c>
      <c r="B9001" s="1"/>
      <c r="C9001">
        <v>14</v>
      </c>
      <c r="D9001" t="s">
        <v>20112</v>
      </c>
      <c r="E9001" t="s">
        <v>33468</v>
      </c>
      <c r="F9001">
        <v>4</v>
      </c>
      <c r="G9001" t="s">
        <v>1</v>
      </c>
      <c r="H9001" t="s">
        <v>20113</v>
      </c>
      <c r="I9001" t="s">
        <v>30540</v>
      </c>
    </row>
    <row r="9002" spans="1:9">
      <c r="A9002" s="1">
        <v>8.3421689319863601E-3</v>
      </c>
      <c r="B9002" s="1"/>
      <c r="C9002">
        <v>15</v>
      </c>
      <c r="D9002" t="s">
        <v>20114</v>
      </c>
      <c r="E9002" t="s">
        <v>33468</v>
      </c>
      <c r="F9002">
        <v>4</v>
      </c>
      <c r="G9002" t="s">
        <v>14</v>
      </c>
      <c r="H9002" t="s">
        <v>20115</v>
      </c>
      <c r="I9002" t="s">
        <v>30540</v>
      </c>
    </row>
    <row r="9003" spans="1:9">
      <c r="A9003" s="1">
        <v>0.69863320473644752</v>
      </c>
      <c r="B9003" s="1"/>
      <c r="C9003">
        <v>8</v>
      </c>
      <c r="D9003" t="s">
        <v>20108</v>
      </c>
      <c r="E9003" t="s">
        <v>33468</v>
      </c>
      <c r="F9003">
        <v>4</v>
      </c>
      <c r="G9003" t="s">
        <v>10</v>
      </c>
      <c r="H9003" t="s">
        <v>20109</v>
      </c>
      <c r="I9003" t="s">
        <v>30540</v>
      </c>
    </row>
    <row r="9004" spans="1:9">
      <c r="A9004" s="1">
        <v>0.72760346754256622</v>
      </c>
      <c r="B9004" s="1"/>
      <c r="C9004">
        <v>8</v>
      </c>
      <c r="D9004" t="s">
        <v>20096</v>
      </c>
      <c r="E9004" t="s">
        <v>33469</v>
      </c>
      <c r="F9004">
        <v>5</v>
      </c>
      <c r="G9004" t="s">
        <v>14</v>
      </c>
      <c r="H9004" t="s">
        <v>20097</v>
      </c>
      <c r="I9004" t="s">
        <v>30540</v>
      </c>
    </row>
    <row r="9005" spans="1:9">
      <c r="A9005" s="1">
        <v>0.63812303596957665</v>
      </c>
      <c r="B9005" s="1"/>
      <c r="C9005">
        <v>9</v>
      </c>
      <c r="D9005" t="s">
        <v>20098</v>
      </c>
      <c r="E9005" t="s">
        <v>33469</v>
      </c>
      <c r="F9005">
        <v>4</v>
      </c>
      <c r="G9005" t="s">
        <v>14</v>
      </c>
      <c r="H9005" t="s">
        <v>20099</v>
      </c>
      <c r="I9005" t="s">
        <v>30540</v>
      </c>
    </row>
    <row r="9006" spans="1:9">
      <c r="A9006" s="1">
        <v>0.87094406681315395</v>
      </c>
      <c r="B9006" s="1"/>
      <c r="C9006">
        <v>1</v>
      </c>
      <c r="D9006" t="s">
        <v>20092</v>
      </c>
      <c r="E9006" t="s">
        <v>33469</v>
      </c>
      <c r="F9006">
        <v>4</v>
      </c>
      <c r="G9006" t="s">
        <v>13</v>
      </c>
      <c r="H9006" t="s">
        <v>20093</v>
      </c>
      <c r="I9006" t="s">
        <v>30540</v>
      </c>
    </row>
    <row r="9007" spans="1:9">
      <c r="A9007" s="1">
        <v>0.43123343446414919</v>
      </c>
      <c r="B9007" s="1"/>
      <c r="C9007">
        <v>2</v>
      </c>
      <c r="D9007" t="s">
        <v>20094</v>
      </c>
      <c r="E9007" t="s">
        <v>33469</v>
      </c>
      <c r="F9007">
        <v>4</v>
      </c>
      <c r="G9007" t="s">
        <v>9</v>
      </c>
      <c r="H9007" t="s">
        <v>20095</v>
      </c>
      <c r="I9007" t="s">
        <v>30540</v>
      </c>
    </row>
    <row r="9008" spans="1:9">
      <c r="A9008" s="1">
        <v>0.51801182641790799</v>
      </c>
      <c r="B9008" s="1"/>
      <c r="C9008">
        <v>9</v>
      </c>
      <c r="D9008" t="s">
        <v>20088</v>
      </c>
      <c r="E9008" t="s">
        <v>33470</v>
      </c>
      <c r="F9008">
        <v>5</v>
      </c>
      <c r="G9008" t="s">
        <v>14</v>
      </c>
      <c r="H9008" t="s">
        <v>20089</v>
      </c>
      <c r="I9008" t="s">
        <v>30540</v>
      </c>
    </row>
    <row r="9009" spans="1:9">
      <c r="A9009" s="1">
        <v>6.560518396803805E-2</v>
      </c>
      <c r="B9009" s="1"/>
      <c r="C9009">
        <v>14</v>
      </c>
      <c r="D9009" t="s">
        <v>20090</v>
      </c>
      <c r="E9009" t="s">
        <v>33470</v>
      </c>
      <c r="F9009">
        <v>4</v>
      </c>
      <c r="G9009" t="s">
        <v>14</v>
      </c>
      <c r="H9009" t="s">
        <v>20091</v>
      </c>
      <c r="I9009" t="s">
        <v>30540</v>
      </c>
    </row>
    <row r="9010" spans="1:9">
      <c r="A9010" s="1">
        <v>0.92098616578052472</v>
      </c>
      <c r="B9010" s="1"/>
      <c r="C9010">
        <v>6</v>
      </c>
      <c r="D9010" t="s">
        <v>20086</v>
      </c>
      <c r="E9010" t="s">
        <v>33470</v>
      </c>
      <c r="F9010">
        <v>3</v>
      </c>
      <c r="G9010" t="s">
        <v>0</v>
      </c>
      <c r="H9010" t="s">
        <v>20087</v>
      </c>
      <c r="I9010" t="s">
        <v>30540</v>
      </c>
    </row>
    <row r="9011" spans="1:9">
      <c r="A9011" s="1">
        <v>0.11446387735538621</v>
      </c>
      <c r="B9011" s="1"/>
      <c r="C9011">
        <v>20</v>
      </c>
      <c r="D9011" t="s">
        <v>20084</v>
      </c>
      <c r="E9011" t="s">
        <v>33471</v>
      </c>
      <c r="F9011">
        <v>4</v>
      </c>
      <c r="G9011" t="s">
        <v>2738</v>
      </c>
      <c r="H9011" t="s">
        <v>20085</v>
      </c>
      <c r="I9011" t="s">
        <v>30540</v>
      </c>
    </row>
    <row r="9012" spans="1:9">
      <c r="A9012" s="1">
        <v>0.77399690955770728</v>
      </c>
      <c r="B9012" s="1"/>
      <c r="C9012">
        <v>2</v>
      </c>
      <c r="D9012" t="s">
        <v>20082</v>
      </c>
      <c r="E9012" t="s">
        <v>33471</v>
      </c>
      <c r="F9012">
        <v>4</v>
      </c>
      <c r="G9012" t="s">
        <v>3732</v>
      </c>
      <c r="H9012" t="s">
        <v>20083</v>
      </c>
      <c r="I9012" t="s">
        <v>30540</v>
      </c>
    </row>
    <row r="9013" spans="1:9">
      <c r="A9013" s="1">
        <v>0.32402848290792807</v>
      </c>
      <c r="B9013" s="1"/>
      <c r="C9013">
        <v>5</v>
      </c>
      <c r="D9013" t="s">
        <v>20078</v>
      </c>
      <c r="E9013" t="s">
        <v>33472</v>
      </c>
      <c r="F9013">
        <v>4</v>
      </c>
      <c r="G9013" t="s">
        <v>10</v>
      </c>
      <c r="H9013" t="s">
        <v>20079</v>
      </c>
      <c r="I9013" t="s">
        <v>30540</v>
      </c>
    </row>
    <row r="9014" spans="1:9">
      <c r="A9014" s="1">
        <v>0.20126226661742685</v>
      </c>
      <c r="B9014" s="1"/>
      <c r="C9014">
        <v>8</v>
      </c>
      <c r="D9014" t="s">
        <v>20080</v>
      </c>
      <c r="E9014" t="s">
        <v>33472</v>
      </c>
      <c r="F9014">
        <v>4</v>
      </c>
      <c r="G9014" t="s">
        <v>10</v>
      </c>
      <c r="H9014" t="s">
        <v>20081</v>
      </c>
      <c r="I9014" t="s">
        <v>30540</v>
      </c>
    </row>
    <row r="9015" spans="1:9">
      <c r="A9015" s="1">
        <v>0.46546147509067981</v>
      </c>
      <c r="B9015" s="1"/>
      <c r="C9015">
        <v>13</v>
      </c>
      <c r="D9015" t="s">
        <v>20074</v>
      </c>
      <c r="E9015" t="s">
        <v>33473</v>
      </c>
      <c r="F9015">
        <v>5</v>
      </c>
      <c r="G9015" t="s">
        <v>14</v>
      </c>
      <c r="H9015" t="s">
        <v>20075</v>
      </c>
      <c r="I9015" t="s">
        <v>30540</v>
      </c>
    </row>
    <row r="9016" spans="1:9">
      <c r="A9016" s="1">
        <v>0.59672518361563787</v>
      </c>
      <c r="B9016" s="1"/>
      <c r="C9016">
        <v>16</v>
      </c>
      <c r="D9016" t="s">
        <v>20076</v>
      </c>
      <c r="E9016" t="s">
        <v>33473</v>
      </c>
      <c r="F9016">
        <v>4</v>
      </c>
      <c r="G9016" t="s">
        <v>14</v>
      </c>
      <c r="H9016" t="s">
        <v>20077</v>
      </c>
      <c r="I9016" t="s">
        <v>30540</v>
      </c>
    </row>
    <row r="9017" spans="1:9">
      <c r="A9017" s="1">
        <v>0.35963694430397142</v>
      </c>
      <c r="B9017" s="1"/>
      <c r="C9017">
        <v>4</v>
      </c>
      <c r="D9017" t="s">
        <v>20072</v>
      </c>
      <c r="E9017" t="s">
        <v>33473</v>
      </c>
      <c r="F9017">
        <v>4</v>
      </c>
      <c r="G9017" t="s">
        <v>10</v>
      </c>
      <c r="H9017" t="s">
        <v>20073</v>
      </c>
      <c r="I9017" t="s">
        <v>30540</v>
      </c>
    </row>
    <row r="9018" spans="1:9">
      <c r="A9018" s="1">
        <v>0.16602187679491942</v>
      </c>
      <c r="B9018" s="1"/>
      <c r="C9018">
        <v>1</v>
      </c>
      <c r="D9018" t="s">
        <v>20070</v>
      </c>
      <c r="E9018" t="s">
        <v>33473</v>
      </c>
      <c r="F9018">
        <v>4</v>
      </c>
      <c r="G9018" t="s">
        <v>10</v>
      </c>
      <c r="H9018" t="s">
        <v>20071</v>
      </c>
      <c r="I9018" t="s">
        <v>30540</v>
      </c>
    </row>
    <row r="9019" spans="1:9">
      <c r="A9019" s="1">
        <v>0.90469827597965569</v>
      </c>
      <c r="B9019" s="1"/>
      <c r="C9019">
        <v>8</v>
      </c>
      <c r="D9019" t="s">
        <v>20066</v>
      </c>
      <c r="E9019" t="s">
        <v>33474</v>
      </c>
      <c r="F9019">
        <v>4</v>
      </c>
      <c r="G9019" t="s">
        <v>14</v>
      </c>
      <c r="H9019" t="s">
        <v>20067</v>
      </c>
      <c r="I9019" t="s">
        <v>30540</v>
      </c>
    </row>
    <row r="9020" spans="1:9">
      <c r="A9020" s="1">
        <v>0.54940473166972825</v>
      </c>
      <c r="B9020" s="1"/>
      <c r="C9020">
        <v>5</v>
      </c>
      <c r="D9020" t="s">
        <v>20064</v>
      </c>
      <c r="E9020" t="s">
        <v>33474</v>
      </c>
      <c r="F9020">
        <v>4</v>
      </c>
      <c r="G9020" t="s">
        <v>2</v>
      </c>
      <c r="H9020" t="s">
        <v>20065</v>
      </c>
      <c r="I9020" t="s">
        <v>30540</v>
      </c>
    </row>
    <row r="9021" spans="1:9">
      <c r="A9021" s="1">
        <v>0.45825640160598224</v>
      </c>
      <c r="B9021" s="1"/>
      <c r="C9021">
        <v>9</v>
      </c>
      <c r="D9021" t="s">
        <v>20058</v>
      </c>
      <c r="E9021" t="s">
        <v>33475</v>
      </c>
      <c r="F9021">
        <v>5</v>
      </c>
      <c r="G9021" t="s">
        <v>14</v>
      </c>
      <c r="H9021" t="s">
        <v>20059</v>
      </c>
      <c r="I9021" t="s">
        <v>30540</v>
      </c>
    </row>
    <row r="9022" spans="1:9">
      <c r="A9022" s="1">
        <v>0.19009599958796752</v>
      </c>
      <c r="B9022" s="1"/>
      <c r="C9022">
        <v>4</v>
      </c>
      <c r="D9022" t="s">
        <v>20054</v>
      </c>
      <c r="E9022" t="s">
        <v>33475</v>
      </c>
      <c r="F9022">
        <v>4</v>
      </c>
      <c r="G9022" t="s">
        <v>1</v>
      </c>
      <c r="H9022" t="s">
        <v>20055</v>
      </c>
      <c r="I9022" t="s">
        <v>30540</v>
      </c>
    </row>
    <row r="9023" spans="1:9">
      <c r="A9023" s="1">
        <v>0.92030985112417596</v>
      </c>
      <c r="B9023" s="1"/>
      <c r="C9023">
        <v>14</v>
      </c>
      <c r="D9023" t="s">
        <v>20062</v>
      </c>
      <c r="E9023" t="s">
        <v>33475</v>
      </c>
      <c r="F9023">
        <v>4</v>
      </c>
      <c r="G9023" t="s">
        <v>14</v>
      </c>
      <c r="H9023" t="s">
        <v>20063</v>
      </c>
      <c r="I9023" t="s">
        <v>30540</v>
      </c>
    </row>
    <row r="9024" spans="1:9">
      <c r="A9024" s="1">
        <v>0.74681393472445379</v>
      </c>
      <c r="B9024" s="1"/>
      <c r="C9024">
        <v>5</v>
      </c>
      <c r="D9024" t="s">
        <v>20056</v>
      </c>
      <c r="E9024" t="s">
        <v>33475</v>
      </c>
      <c r="F9024">
        <v>4</v>
      </c>
      <c r="G9024" t="s">
        <v>14</v>
      </c>
      <c r="H9024" t="s">
        <v>20057</v>
      </c>
      <c r="I9024" t="s">
        <v>30540</v>
      </c>
    </row>
    <row r="9025" spans="1:9">
      <c r="A9025" s="1">
        <v>0.95309755797949713</v>
      </c>
      <c r="B9025" s="1"/>
      <c r="C9025">
        <v>10</v>
      </c>
      <c r="D9025" t="s">
        <v>20060</v>
      </c>
      <c r="E9025" t="s">
        <v>33475</v>
      </c>
      <c r="F9025">
        <v>4</v>
      </c>
      <c r="G9025" t="s">
        <v>14</v>
      </c>
      <c r="H9025" t="s">
        <v>20061</v>
      </c>
      <c r="I9025" t="s">
        <v>30540</v>
      </c>
    </row>
    <row r="9026" spans="1:9">
      <c r="A9026" s="1">
        <v>0.17910739717931656</v>
      </c>
      <c r="B9026" s="1"/>
      <c r="C9026">
        <v>10</v>
      </c>
      <c r="D9026" t="s">
        <v>20050</v>
      </c>
      <c r="E9026" t="s">
        <v>33476</v>
      </c>
      <c r="F9026">
        <v>4</v>
      </c>
      <c r="G9026" t="s">
        <v>14</v>
      </c>
      <c r="H9026" t="s">
        <v>20051</v>
      </c>
      <c r="I9026" t="s">
        <v>30540</v>
      </c>
    </row>
    <row r="9027" spans="1:9">
      <c r="A9027" s="1">
        <v>0.16732617529436233</v>
      </c>
      <c r="B9027" s="1"/>
      <c r="C9027">
        <v>9</v>
      </c>
      <c r="D9027" t="s">
        <v>20048</v>
      </c>
      <c r="E9027" t="s">
        <v>33476</v>
      </c>
      <c r="F9027">
        <v>4</v>
      </c>
      <c r="G9027" t="s">
        <v>1426</v>
      </c>
      <c r="H9027" t="s">
        <v>20049</v>
      </c>
      <c r="I9027" t="s">
        <v>30540</v>
      </c>
    </row>
    <row r="9028" spans="1:9">
      <c r="A9028" s="1">
        <v>0.38953935624873059</v>
      </c>
      <c r="B9028" s="1"/>
      <c r="C9028">
        <v>18</v>
      </c>
      <c r="D9028" t="s">
        <v>20052</v>
      </c>
      <c r="E9028" t="s">
        <v>33476</v>
      </c>
      <c r="F9028">
        <v>3</v>
      </c>
      <c r="G9028" t="s">
        <v>14</v>
      </c>
      <c r="H9028" t="s">
        <v>20053</v>
      </c>
      <c r="I9028" t="s">
        <v>30540</v>
      </c>
    </row>
    <row r="9029" spans="1:9">
      <c r="A9029" s="1">
        <v>0.93205516676588795</v>
      </c>
      <c r="B9029" s="1"/>
      <c r="C9029">
        <v>6</v>
      </c>
      <c r="D9029" t="s">
        <v>20038</v>
      </c>
      <c r="E9029" t="s">
        <v>33477</v>
      </c>
      <c r="F9029">
        <v>5</v>
      </c>
      <c r="G9029" t="s">
        <v>14</v>
      </c>
      <c r="H9029" t="s">
        <v>20039</v>
      </c>
      <c r="I9029" t="s">
        <v>30540</v>
      </c>
    </row>
    <row r="9030" spans="1:9">
      <c r="A9030" s="1">
        <v>0.43273752941954657</v>
      </c>
      <c r="B9030" s="1"/>
      <c r="C9030">
        <v>12</v>
      </c>
      <c r="D9030" t="s">
        <v>20042</v>
      </c>
      <c r="E9030" t="s">
        <v>33477</v>
      </c>
      <c r="F9030">
        <v>5</v>
      </c>
      <c r="G9030" t="s">
        <v>13</v>
      </c>
      <c r="H9030" t="s">
        <v>20043</v>
      </c>
      <c r="I9030" t="s">
        <v>30540</v>
      </c>
    </row>
    <row r="9031" spans="1:9">
      <c r="A9031" s="1">
        <v>0.46362726304421653</v>
      </c>
      <c r="B9031" s="1"/>
      <c r="C9031">
        <v>8</v>
      </c>
      <c r="D9031" t="s">
        <v>20040</v>
      </c>
      <c r="E9031" t="s">
        <v>33477</v>
      </c>
      <c r="F9031">
        <v>4</v>
      </c>
      <c r="G9031" t="s">
        <v>9</v>
      </c>
      <c r="H9031" t="s">
        <v>20041</v>
      </c>
      <c r="I9031" t="s">
        <v>30540</v>
      </c>
    </row>
    <row r="9032" spans="1:9">
      <c r="A9032" s="1">
        <v>0.23374722162218453</v>
      </c>
      <c r="B9032" s="1"/>
      <c r="C9032">
        <v>14</v>
      </c>
      <c r="D9032" t="s">
        <v>20046</v>
      </c>
      <c r="E9032" t="s">
        <v>33477</v>
      </c>
      <c r="F9032">
        <v>4</v>
      </c>
      <c r="G9032" t="s">
        <v>14</v>
      </c>
      <c r="H9032" t="s">
        <v>20047</v>
      </c>
      <c r="I9032" t="s">
        <v>30540</v>
      </c>
    </row>
    <row r="9033" spans="1:9">
      <c r="A9033" s="1">
        <v>0.73587339568645183</v>
      </c>
      <c r="B9033" s="1"/>
      <c r="C9033">
        <v>8</v>
      </c>
      <c r="D9033" t="s">
        <v>20034</v>
      </c>
      <c r="E9033" t="s">
        <v>33478</v>
      </c>
      <c r="F9033">
        <v>4</v>
      </c>
      <c r="G9033" t="s">
        <v>14</v>
      </c>
      <c r="H9033" t="s">
        <v>20035</v>
      </c>
      <c r="I9033" t="s">
        <v>30540</v>
      </c>
    </row>
    <row r="9034" spans="1:9">
      <c r="A9034" s="1">
        <v>0.53786133587559526</v>
      </c>
      <c r="B9034" s="1"/>
      <c r="C9034">
        <v>6</v>
      </c>
      <c r="D9034" t="s">
        <v>20030</v>
      </c>
      <c r="E9034" t="s">
        <v>33478</v>
      </c>
      <c r="F9034">
        <v>4</v>
      </c>
      <c r="G9034" t="s">
        <v>14</v>
      </c>
      <c r="H9034" t="s">
        <v>20031</v>
      </c>
      <c r="I9034" t="s">
        <v>30540</v>
      </c>
    </row>
    <row r="9035" spans="1:9">
      <c r="A9035" s="1">
        <v>0.5779922187758787</v>
      </c>
      <c r="B9035" s="1"/>
      <c r="C9035">
        <v>16</v>
      </c>
      <c r="D9035" t="s">
        <v>20036</v>
      </c>
      <c r="E9035" t="s">
        <v>33478</v>
      </c>
      <c r="F9035">
        <v>4</v>
      </c>
      <c r="G9035" t="s">
        <v>13</v>
      </c>
      <c r="H9035" t="s">
        <v>20037</v>
      </c>
      <c r="I9035" t="s">
        <v>30540</v>
      </c>
    </row>
    <row r="9036" spans="1:9">
      <c r="A9036" s="1">
        <v>0.28303510540882204</v>
      </c>
      <c r="B9036" s="1"/>
      <c r="C9036">
        <v>13</v>
      </c>
      <c r="D9036" t="s">
        <v>20024</v>
      </c>
      <c r="E9036" t="s">
        <v>33479</v>
      </c>
      <c r="F9036">
        <v>5</v>
      </c>
      <c r="G9036" t="s">
        <v>15</v>
      </c>
      <c r="H9036" t="s">
        <v>20025</v>
      </c>
      <c r="I9036" t="s">
        <v>30540</v>
      </c>
    </row>
    <row r="9037" spans="1:9">
      <c r="A9037" s="1">
        <v>0.18903897249994039</v>
      </c>
      <c r="B9037" s="1"/>
      <c r="C9037">
        <v>12</v>
      </c>
      <c r="D9037" t="s">
        <v>20022</v>
      </c>
      <c r="E9037" t="s">
        <v>33479</v>
      </c>
      <c r="F9037">
        <v>4</v>
      </c>
      <c r="G9037" t="s">
        <v>14</v>
      </c>
      <c r="H9037" t="s">
        <v>20023</v>
      </c>
      <c r="I9037" t="s">
        <v>30540</v>
      </c>
    </row>
    <row r="9038" spans="1:9">
      <c r="A9038" s="1">
        <v>0.49101198286765124</v>
      </c>
      <c r="B9038" s="1"/>
      <c r="C9038">
        <v>15</v>
      </c>
      <c r="D9038" t="s">
        <v>20028</v>
      </c>
      <c r="E9038" t="s">
        <v>33479</v>
      </c>
      <c r="F9038">
        <v>4</v>
      </c>
      <c r="G9038" t="s">
        <v>1</v>
      </c>
      <c r="H9038" t="s">
        <v>20029</v>
      </c>
      <c r="I9038" t="s">
        <v>30540</v>
      </c>
    </row>
    <row r="9039" spans="1:9">
      <c r="A9039" s="1">
        <v>0.32688510535035331</v>
      </c>
      <c r="B9039" s="1"/>
      <c r="C9039">
        <v>14</v>
      </c>
      <c r="D9039" t="s">
        <v>20026</v>
      </c>
      <c r="E9039" t="s">
        <v>33479</v>
      </c>
      <c r="F9039">
        <v>4</v>
      </c>
      <c r="G9039" t="s">
        <v>14</v>
      </c>
      <c r="H9039" t="s">
        <v>20027</v>
      </c>
      <c r="I9039" t="s">
        <v>30540</v>
      </c>
    </row>
    <row r="9040" spans="1:9">
      <c r="A9040" s="1">
        <v>0.55256285524795956</v>
      </c>
      <c r="B9040" s="1"/>
      <c r="C9040">
        <v>5</v>
      </c>
      <c r="D9040" t="s">
        <v>20020</v>
      </c>
      <c r="E9040" t="s">
        <v>33479</v>
      </c>
      <c r="F9040">
        <v>3</v>
      </c>
      <c r="G9040" t="s">
        <v>2</v>
      </c>
      <c r="H9040" t="s">
        <v>20021</v>
      </c>
      <c r="I9040" t="s">
        <v>30540</v>
      </c>
    </row>
    <row r="9041" spans="1:9">
      <c r="A9041" s="1">
        <v>5.7881848297418381E-2</v>
      </c>
      <c r="B9041" s="1"/>
      <c r="C9041">
        <v>2</v>
      </c>
      <c r="D9041" t="s">
        <v>20010</v>
      </c>
      <c r="E9041" t="s">
        <v>33480</v>
      </c>
      <c r="F9041">
        <v>5</v>
      </c>
      <c r="G9041" t="s">
        <v>10</v>
      </c>
      <c r="H9041" t="s">
        <v>20011</v>
      </c>
      <c r="I9041" t="s">
        <v>30540</v>
      </c>
    </row>
    <row r="9042" spans="1:9">
      <c r="A9042" s="1">
        <v>0.1793698936578052</v>
      </c>
      <c r="B9042" s="1"/>
      <c r="C9042">
        <v>8</v>
      </c>
      <c r="D9042" t="s">
        <v>20014</v>
      </c>
      <c r="E9042" t="s">
        <v>33480</v>
      </c>
      <c r="F9042">
        <v>5</v>
      </c>
      <c r="G9042" t="s">
        <v>14</v>
      </c>
      <c r="H9042" t="s">
        <v>20015</v>
      </c>
      <c r="I9042" t="s">
        <v>30540</v>
      </c>
    </row>
    <row r="9043" spans="1:9">
      <c r="A9043" s="1">
        <v>0.92966244051013058</v>
      </c>
      <c r="B9043" s="1"/>
      <c r="C9043">
        <v>7</v>
      </c>
      <c r="D9043" t="s">
        <v>20012</v>
      </c>
      <c r="E9043" t="s">
        <v>33480</v>
      </c>
      <c r="F9043">
        <v>4</v>
      </c>
      <c r="G9043" t="s">
        <v>14</v>
      </c>
      <c r="H9043" t="s">
        <v>20013</v>
      </c>
      <c r="I9043" t="s">
        <v>30540</v>
      </c>
    </row>
    <row r="9044" spans="1:9">
      <c r="A9044" s="1">
        <v>8.9370209062566652E-2</v>
      </c>
      <c r="B9044" s="1"/>
      <c r="C9044">
        <v>11</v>
      </c>
      <c r="D9044" t="s">
        <v>20018</v>
      </c>
      <c r="E9044" t="s">
        <v>33480</v>
      </c>
      <c r="F9044">
        <v>4</v>
      </c>
      <c r="G9044" t="s">
        <v>14</v>
      </c>
      <c r="H9044" t="s">
        <v>20019</v>
      </c>
      <c r="I9044" t="s">
        <v>30540</v>
      </c>
    </row>
    <row r="9045" spans="1:9">
      <c r="A9045" s="1">
        <v>3.973405205767544E-2</v>
      </c>
      <c r="B9045" s="1"/>
      <c r="C9045">
        <v>9</v>
      </c>
      <c r="D9045" t="s">
        <v>20016</v>
      </c>
      <c r="E9045" t="s">
        <v>33480</v>
      </c>
      <c r="F9045">
        <v>3</v>
      </c>
      <c r="G9045" t="s">
        <v>1</v>
      </c>
      <c r="H9045" t="s">
        <v>20017</v>
      </c>
      <c r="I9045" t="s">
        <v>30540</v>
      </c>
    </row>
    <row r="9046" spans="1:9">
      <c r="A9046" s="1">
        <v>0.97777833009066428</v>
      </c>
      <c r="B9046" s="1"/>
      <c r="C9046">
        <v>10</v>
      </c>
      <c r="D9046" t="s">
        <v>20008</v>
      </c>
      <c r="E9046" t="s">
        <v>33481</v>
      </c>
      <c r="F9046">
        <v>4</v>
      </c>
      <c r="G9046" t="s">
        <v>10</v>
      </c>
      <c r="H9046" t="s">
        <v>20009</v>
      </c>
      <c r="I9046" t="s">
        <v>30540</v>
      </c>
    </row>
    <row r="9047" spans="1:9">
      <c r="A9047" s="1">
        <v>3.2766646368735719E-2</v>
      </c>
      <c r="B9047" s="1"/>
      <c r="C9047">
        <v>2</v>
      </c>
      <c r="D9047" t="s">
        <v>20004</v>
      </c>
      <c r="E9047" t="s">
        <v>33481</v>
      </c>
      <c r="F9047">
        <v>4</v>
      </c>
      <c r="G9047" t="s">
        <v>10</v>
      </c>
      <c r="H9047" t="s">
        <v>20005</v>
      </c>
      <c r="I9047" t="s">
        <v>30540</v>
      </c>
    </row>
    <row r="9048" spans="1:9">
      <c r="A9048" s="1">
        <v>0.87273522221980637</v>
      </c>
      <c r="B9048" s="1"/>
      <c r="C9048">
        <v>6</v>
      </c>
      <c r="D9048" t="s">
        <v>20006</v>
      </c>
      <c r="E9048" t="s">
        <v>33481</v>
      </c>
      <c r="F9048">
        <v>4</v>
      </c>
      <c r="G9048" t="s">
        <v>1431</v>
      </c>
      <c r="H9048" t="s">
        <v>20007</v>
      </c>
      <c r="I9048" t="s">
        <v>30540</v>
      </c>
    </row>
    <row r="9049" spans="1:9">
      <c r="A9049" s="1">
        <v>0.32847497826655003</v>
      </c>
      <c r="B9049" s="1"/>
      <c r="C9049">
        <v>8</v>
      </c>
      <c r="D9049" t="s">
        <v>19998</v>
      </c>
      <c r="E9049" t="s">
        <v>33482</v>
      </c>
      <c r="F9049">
        <v>4</v>
      </c>
      <c r="G9049" t="s">
        <v>14</v>
      </c>
      <c r="H9049" t="s">
        <v>19999</v>
      </c>
      <c r="I9049" t="s">
        <v>30540</v>
      </c>
    </row>
    <row r="9050" spans="1:9">
      <c r="A9050" s="1">
        <v>0.74973027654842483</v>
      </c>
      <c r="B9050" s="1"/>
      <c r="C9050">
        <v>10</v>
      </c>
      <c r="D9050" t="s">
        <v>20000</v>
      </c>
      <c r="E9050" t="s">
        <v>33482</v>
      </c>
      <c r="F9050">
        <v>4</v>
      </c>
      <c r="G9050" t="s">
        <v>14</v>
      </c>
      <c r="H9050" t="s">
        <v>20001</v>
      </c>
      <c r="I9050" t="s">
        <v>30540</v>
      </c>
    </row>
    <row r="9051" spans="1:9">
      <c r="A9051" s="1">
        <v>0.63436227607354001</v>
      </c>
      <c r="B9051" s="1"/>
      <c r="C9051">
        <v>1</v>
      </c>
      <c r="D9051" t="s">
        <v>19992</v>
      </c>
      <c r="E9051" t="s">
        <v>33483</v>
      </c>
      <c r="F9051">
        <v>4</v>
      </c>
      <c r="G9051" t="s">
        <v>10</v>
      </c>
      <c r="H9051" t="s">
        <v>19993</v>
      </c>
      <c r="I9051" t="s">
        <v>30540</v>
      </c>
    </row>
    <row r="9052" spans="1:9">
      <c r="A9052" s="1">
        <v>0.46901593053452051</v>
      </c>
      <c r="B9052" s="1"/>
      <c r="C9052">
        <v>6</v>
      </c>
      <c r="D9052" t="s">
        <v>19994</v>
      </c>
      <c r="E9052" t="s">
        <v>33483</v>
      </c>
      <c r="F9052">
        <v>4</v>
      </c>
      <c r="G9052" t="s">
        <v>2</v>
      </c>
      <c r="H9052" t="s">
        <v>19995</v>
      </c>
      <c r="I9052" t="s">
        <v>30540</v>
      </c>
    </row>
    <row r="9053" spans="1:9">
      <c r="A9053" s="1">
        <v>0.54124826109614443</v>
      </c>
      <c r="B9053" s="1"/>
      <c r="C9053">
        <v>7</v>
      </c>
      <c r="D9053" t="s">
        <v>19990</v>
      </c>
      <c r="E9053" t="s">
        <v>33484</v>
      </c>
      <c r="F9053">
        <v>4</v>
      </c>
      <c r="G9053" t="s">
        <v>14</v>
      </c>
      <c r="H9053" t="s">
        <v>19991</v>
      </c>
      <c r="I9053" t="s">
        <v>30540</v>
      </c>
    </row>
    <row r="9054" spans="1:9">
      <c r="A9054" s="1">
        <v>0.13207711245504294</v>
      </c>
      <c r="B9054" s="1"/>
      <c r="C9054">
        <v>7</v>
      </c>
      <c r="D9054" t="s">
        <v>19982</v>
      </c>
      <c r="E9054" t="s">
        <v>33485</v>
      </c>
      <c r="F9054">
        <v>5</v>
      </c>
      <c r="G9054" t="s">
        <v>14</v>
      </c>
      <c r="H9054" t="s">
        <v>19983</v>
      </c>
      <c r="I9054" t="s">
        <v>30540</v>
      </c>
    </row>
    <row r="9055" spans="1:9">
      <c r="A9055" s="1">
        <v>0.66732804757882758</v>
      </c>
      <c r="B9055" s="1"/>
      <c r="C9055">
        <v>14</v>
      </c>
      <c r="D9055" t="s">
        <v>19988</v>
      </c>
      <c r="E9055" t="s">
        <v>33485</v>
      </c>
      <c r="F9055">
        <v>5</v>
      </c>
      <c r="G9055" t="s">
        <v>14</v>
      </c>
      <c r="H9055" t="s">
        <v>19989</v>
      </c>
      <c r="I9055" t="s">
        <v>30540</v>
      </c>
    </row>
    <row r="9056" spans="1:9">
      <c r="A9056" s="1">
        <v>0.86497443207513258</v>
      </c>
      <c r="B9056" s="1"/>
      <c r="C9056">
        <v>9</v>
      </c>
      <c r="D9056" t="s">
        <v>19984</v>
      </c>
      <c r="E9056" t="s">
        <v>33485</v>
      </c>
      <c r="F9056">
        <v>4</v>
      </c>
      <c r="G9056" t="s">
        <v>1</v>
      </c>
      <c r="H9056" t="s">
        <v>19985</v>
      </c>
      <c r="I9056" t="s">
        <v>30540</v>
      </c>
    </row>
    <row r="9057" spans="1:9">
      <c r="A9057" s="1">
        <v>0.66635131398621938</v>
      </c>
      <c r="B9057" s="1"/>
      <c r="C9057">
        <v>13</v>
      </c>
      <c r="D9057" t="s">
        <v>19986</v>
      </c>
      <c r="E9057" t="s">
        <v>33485</v>
      </c>
      <c r="F9057">
        <v>4</v>
      </c>
      <c r="G9057" t="s">
        <v>13</v>
      </c>
      <c r="H9057" t="s">
        <v>19987</v>
      </c>
      <c r="I9057" t="s">
        <v>30540</v>
      </c>
    </row>
    <row r="9058" spans="1:9">
      <c r="A9058" s="1">
        <v>0.52906927153796568</v>
      </c>
      <c r="B9058" s="1"/>
      <c r="C9058">
        <v>6</v>
      </c>
      <c r="D9058" t="s">
        <v>19974</v>
      </c>
      <c r="E9058" t="s">
        <v>33486</v>
      </c>
      <c r="F9058">
        <v>4</v>
      </c>
      <c r="G9058" t="s">
        <v>14</v>
      </c>
      <c r="H9058" t="s">
        <v>19975</v>
      </c>
      <c r="I9058" t="s">
        <v>30540</v>
      </c>
    </row>
    <row r="9059" spans="1:9">
      <c r="A9059" s="1">
        <v>3.475060985083922E-2</v>
      </c>
      <c r="B9059" s="1"/>
      <c r="C9059">
        <v>12</v>
      </c>
      <c r="D9059" t="s">
        <v>19978</v>
      </c>
      <c r="E9059" t="s">
        <v>33486</v>
      </c>
      <c r="F9059">
        <v>4</v>
      </c>
      <c r="G9059" t="s">
        <v>2</v>
      </c>
      <c r="H9059" t="s">
        <v>19979</v>
      </c>
      <c r="I9059" t="s">
        <v>30540</v>
      </c>
    </row>
    <row r="9060" spans="1:9">
      <c r="A9060" s="1">
        <v>0.63856284357686621</v>
      </c>
      <c r="B9060" s="1"/>
      <c r="C9060">
        <v>14</v>
      </c>
      <c r="D9060" t="s">
        <v>19980</v>
      </c>
      <c r="E9060" t="s">
        <v>33486</v>
      </c>
      <c r="F9060">
        <v>4</v>
      </c>
      <c r="G9060" t="s">
        <v>10</v>
      </c>
      <c r="H9060" t="s">
        <v>19981</v>
      </c>
      <c r="I9060" t="s">
        <v>30540</v>
      </c>
    </row>
    <row r="9061" spans="1:9">
      <c r="A9061" s="1">
        <v>0.11111137764274748</v>
      </c>
      <c r="B9061" s="1"/>
      <c r="C9061">
        <v>5</v>
      </c>
      <c r="D9061" t="s">
        <v>19972</v>
      </c>
      <c r="E9061" t="s">
        <v>33486</v>
      </c>
      <c r="F9061">
        <v>4</v>
      </c>
      <c r="G9061" t="s">
        <v>15</v>
      </c>
      <c r="H9061" t="s">
        <v>19973</v>
      </c>
      <c r="I9061" t="s">
        <v>30540</v>
      </c>
    </row>
    <row r="9062" spans="1:9">
      <c r="A9062" s="1">
        <v>0.64587584565294054</v>
      </c>
      <c r="B9062" s="1"/>
      <c r="C9062">
        <v>9</v>
      </c>
      <c r="D9062" t="s">
        <v>19976</v>
      </c>
      <c r="E9062" t="s">
        <v>33486</v>
      </c>
      <c r="F9062">
        <v>3</v>
      </c>
      <c r="G9062" t="s">
        <v>14</v>
      </c>
      <c r="H9062" t="s">
        <v>19977</v>
      </c>
      <c r="I9062" t="s">
        <v>30540</v>
      </c>
    </row>
    <row r="9063" spans="1:9">
      <c r="A9063" s="1">
        <v>0.51586783194017871</v>
      </c>
      <c r="B9063" s="1"/>
      <c r="C9063">
        <v>12</v>
      </c>
      <c r="D9063" t="s">
        <v>19968</v>
      </c>
      <c r="E9063" t="s">
        <v>33487</v>
      </c>
      <c r="F9063">
        <v>4</v>
      </c>
      <c r="G9063" t="s">
        <v>14</v>
      </c>
      <c r="H9063" t="s">
        <v>19969</v>
      </c>
      <c r="I9063" t="s">
        <v>30540</v>
      </c>
    </row>
    <row r="9064" spans="1:9">
      <c r="A9064" s="1">
        <v>0.13121474998191429</v>
      </c>
      <c r="B9064" s="1"/>
      <c r="C9064">
        <v>11</v>
      </c>
      <c r="D9064" t="s">
        <v>19966</v>
      </c>
      <c r="E9064" t="s">
        <v>33487</v>
      </c>
      <c r="F9064">
        <v>4</v>
      </c>
      <c r="G9064" t="s">
        <v>13</v>
      </c>
      <c r="H9064" t="s">
        <v>19967</v>
      </c>
      <c r="I9064" t="s">
        <v>30540</v>
      </c>
    </row>
    <row r="9065" spans="1:9">
      <c r="A9065" s="1">
        <v>0.3858825492375294</v>
      </c>
      <c r="B9065" s="1"/>
      <c r="C9065">
        <v>15</v>
      </c>
      <c r="D9065" t="s">
        <v>19970</v>
      </c>
      <c r="E9065" t="s">
        <v>33487</v>
      </c>
      <c r="F9065">
        <v>4</v>
      </c>
      <c r="G9065" t="s">
        <v>15</v>
      </c>
      <c r="H9065" t="s">
        <v>19971</v>
      </c>
      <c r="I9065" t="s">
        <v>30540</v>
      </c>
    </row>
    <row r="9066" spans="1:9">
      <c r="A9066" s="1">
        <v>0.9124326766211287</v>
      </c>
      <c r="B9066" s="1"/>
      <c r="C9066">
        <v>6</v>
      </c>
      <c r="D9066" t="s">
        <v>19964</v>
      </c>
      <c r="E9066" t="s">
        <v>33487</v>
      </c>
      <c r="F9066">
        <v>4</v>
      </c>
      <c r="G9066" t="s">
        <v>14</v>
      </c>
      <c r="H9066" t="s">
        <v>19965</v>
      </c>
      <c r="I9066" t="s">
        <v>30540</v>
      </c>
    </row>
    <row r="9067" spans="1:9">
      <c r="A9067" s="1">
        <v>0.74841246190106447</v>
      </c>
      <c r="B9067" s="1"/>
      <c r="C9067">
        <v>2</v>
      </c>
      <c r="D9067" t="s">
        <v>19962</v>
      </c>
      <c r="E9067" t="s">
        <v>33488</v>
      </c>
      <c r="F9067">
        <v>5</v>
      </c>
      <c r="G9067" t="s">
        <v>10</v>
      </c>
      <c r="H9067" t="s">
        <v>19963</v>
      </c>
      <c r="I9067" t="s">
        <v>30540</v>
      </c>
    </row>
    <row r="9068" spans="1:9">
      <c r="A9068" s="1">
        <v>0.91166326757753757</v>
      </c>
      <c r="B9068" s="1"/>
      <c r="C9068">
        <v>15</v>
      </c>
      <c r="D9068" t="s">
        <v>19958</v>
      </c>
      <c r="E9068" t="s">
        <v>33489</v>
      </c>
      <c r="F9068">
        <v>4</v>
      </c>
      <c r="G9068" t="s">
        <v>10</v>
      </c>
      <c r="H9068" t="s">
        <v>19959</v>
      </c>
      <c r="I9068" t="s">
        <v>30540</v>
      </c>
    </row>
    <row r="9069" spans="1:9">
      <c r="A9069" s="1">
        <v>0.80648723074081619</v>
      </c>
      <c r="B9069" s="1"/>
      <c r="C9069">
        <v>19</v>
      </c>
      <c r="D9069" t="s">
        <v>19960</v>
      </c>
      <c r="E9069" t="s">
        <v>33489</v>
      </c>
      <c r="F9069">
        <v>3</v>
      </c>
      <c r="G9069" t="s">
        <v>10</v>
      </c>
      <c r="H9069" t="s">
        <v>19961</v>
      </c>
      <c r="I9069" t="s">
        <v>30540</v>
      </c>
    </row>
    <row r="9070" spans="1:9">
      <c r="A9070" s="1">
        <v>0.32716169905440495</v>
      </c>
      <c r="B9070" s="1"/>
      <c r="C9070">
        <v>5</v>
      </c>
      <c r="D9070" t="s">
        <v>19956</v>
      </c>
      <c r="E9070" t="s">
        <v>33489</v>
      </c>
      <c r="F9070">
        <v>3</v>
      </c>
      <c r="G9070" t="s">
        <v>10</v>
      </c>
      <c r="H9070" t="s">
        <v>19957</v>
      </c>
      <c r="I9070" t="s">
        <v>30540</v>
      </c>
    </row>
    <row r="9071" spans="1:9">
      <c r="A9071" s="1">
        <v>0.96078334938433141</v>
      </c>
      <c r="B9071" s="1"/>
      <c r="C9071">
        <v>11</v>
      </c>
      <c r="D9071" t="s">
        <v>19948</v>
      </c>
      <c r="E9071" t="s">
        <v>33490</v>
      </c>
      <c r="F9071">
        <v>5</v>
      </c>
      <c r="G9071" t="s">
        <v>14</v>
      </c>
      <c r="H9071" t="s">
        <v>19949</v>
      </c>
      <c r="I9071" t="s">
        <v>30540</v>
      </c>
    </row>
    <row r="9072" spans="1:9">
      <c r="A9072" s="1">
        <v>0.16848346346712317</v>
      </c>
      <c r="B9072" s="1"/>
      <c r="C9072">
        <v>13</v>
      </c>
      <c r="D9072" t="s">
        <v>19950</v>
      </c>
      <c r="E9072" t="s">
        <v>33490</v>
      </c>
      <c r="F9072">
        <v>4</v>
      </c>
      <c r="G9072" t="s">
        <v>15</v>
      </c>
      <c r="H9072" t="s">
        <v>19951</v>
      </c>
      <c r="I9072" t="s">
        <v>30540</v>
      </c>
    </row>
    <row r="9073" spans="1:9">
      <c r="A9073" s="1">
        <v>0.15969875296030878</v>
      </c>
      <c r="B9073" s="1"/>
      <c r="C9073">
        <v>19</v>
      </c>
      <c r="D9073" t="s">
        <v>19954</v>
      </c>
      <c r="E9073" t="s">
        <v>33490</v>
      </c>
      <c r="F9073">
        <v>3</v>
      </c>
      <c r="G9073" t="s">
        <v>9</v>
      </c>
      <c r="H9073" t="s">
        <v>19955</v>
      </c>
      <c r="I9073" t="s">
        <v>30540</v>
      </c>
    </row>
    <row r="9074" spans="1:9">
      <c r="A9074" s="1">
        <v>0.32649635978420466</v>
      </c>
      <c r="B9074" s="1"/>
      <c r="C9074">
        <v>14</v>
      </c>
      <c r="D9074" t="s">
        <v>19952</v>
      </c>
      <c r="E9074" t="s">
        <v>33490</v>
      </c>
      <c r="F9074">
        <v>3</v>
      </c>
      <c r="G9074" t="s">
        <v>2</v>
      </c>
      <c r="H9074" t="s">
        <v>19953</v>
      </c>
      <c r="I9074" t="s">
        <v>30540</v>
      </c>
    </row>
    <row r="9075" spans="1:9">
      <c r="A9075" s="1">
        <v>0.98336966640102641</v>
      </c>
      <c r="B9075" s="1"/>
      <c r="C9075">
        <v>16</v>
      </c>
      <c r="D9075" t="s">
        <v>19944</v>
      </c>
      <c r="E9075" t="s">
        <v>33491</v>
      </c>
      <c r="F9075">
        <v>5</v>
      </c>
      <c r="G9075" t="s">
        <v>14</v>
      </c>
      <c r="H9075" t="s">
        <v>19945</v>
      </c>
      <c r="I9075" t="s">
        <v>30540</v>
      </c>
    </row>
    <row r="9076" spans="1:9">
      <c r="A9076" s="1">
        <v>0.4281267678534868</v>
      </c>
      <c r="B9076" s="1"/>
      <c r="C9076">
        <v>20</v>
      </c>
      <c r="D9076" t="s">
        <v>19946</v>
      </c>
      <c r="E9076" t="s">
        <v>33491</v>
      </c>
      <c r="F9076">
        <v>4</v>
      </c>
      <c r="G9076" t="s">
        <v>14</v>
      </c>
      <c r="H9076" t="s">
        <v>19947</v>
      </c>
      <c r="I9076" t="s">
        <v>30540</v>
      </c>
    </row>
    <row r="9077" spans="1:9">
      <c r="A9077" s="1">
        <v>0.58845066091854226</v>
      </c>
      <c r="B9077" s="1"/>
      <c r="C9077">
        <v>5</v>
      </c>
      <c r="D9077" t="s">
        <v>19936</v>
      </c>
      <c r="E9077" t="s">
        <v>33491</v>
      </c>
      <c r="F9077">
        <v>4</v>
      </c>
      <c r="G9077" t="s">
        <v>10</v>
      </c>
      <c r="H9077" t="s">
        <v>19937</v>
      </c>
      <c r="I9077" t="s">
        <v>30540</v>
      </c>
    </row>
    <row r="9078" spans="1:9">
      <c r="A9078" s="1">
        <v>0.44435301932322524</v>
      </c>
      <c r="B9078" s="1"/>
      <c r="C9078">
        <v>6</v>
      </c>
      <c r="D9078" t="s">
        <v>19938</v>
      </c>
      <c r="E9078" t="s">
        <v>33491</v>
      </c>
      <c r="F9078">
        <v>4</v>
      </c>
      <c r="G9078" t="s">
        <v>0</v>
      </c>
      <c r="H9078" t="s">
        <v>19939</v>
      </c>
      <c r="I9078" t="s">
        <v>30540</v>
      </c>
    </row>
    <row r="9079" spans="1:9">
      <c r="A9079" s="1">
        <v>0.92019655574623482</v>
      </c>
      <c r="B9079" s="1"/>
      <c r="C9079">
        <v>4</v>
      </c>
      <c r="D9079" t="s">
        <v>19934</v>
      </c>
      <c r="E9079" t="s">
        <v>33491</v>
      </c>
      <c r="F9079">
        <v>4</v>
      </c>
      <c r="G9079" t="s">
        <v>9</v>
      </c>
      <c r="H9079" t="s">
        <v>19935</v>
      </c>
      <c r="I9079" t="s">
        <v>30540</v>
      </c>
    </row>
    <row r="9080" spans="1:9">
      <c r="A9080" s="1">
        <v>0.64511713667591275</v>
      </c>
      <c r="B9080" s="1"/>
      <c r="C9080">
        <v>11</v>
      </c>
      <c r="D9080" t="s">
        <v>19942</v>
      </c>
      <c r="E9080" t="s">
        <v>33491</v>
      </c>
      <c r="F9080">
        <v>3</v>
      </c>
      <c r="G9080" t="s">
        <v>0</v>
      </c>
      <c r="H9080" t="s">
        <v>19943</v>
      </c>
      <c r="I9080" t="s">
        <v>30540</v>
      </c>
    </row>
    <row r="9081" spans="1:9">
      <c r="A9081" s="1">
        <v>8.613186039388554E-2</v>
      </c>
      <c r="B9081" s="1"/>
      <c r="C9081">
        <v>11</v>
      </c>
      <c r="D9081" t="s">
        <v>19930</v>
      </c>
      <c r="E9081" t="s">
        <v>33492</v>
      </c>
      <c r="F9081">
        <v>5</v>
      </c>
      <c r="G9081" t="s">
        <v>1</v>
      </c>
      <c r="H9081" t="s">
        <v>19931</v>
      </c>
      <c r="I9081" t="s">
        <v>30540</v>
      </c>
    </row>
    <row r="9082" spans="1:9">
      <c r="A9082" s="1">
        <v>0.6663199555522904</v>
      </c>
      <c r="B9082" s="1"/>
      <c r="C9082">
        <v>4</v>
      </c>
      <c r="D9082" t="s">
        <v>19924</v>
      </c>
      <c r="E9082" t="s">
        <v>33492</v>
      </c>
      <c r="F9082">
        <v>4</v>
      </c>
      <c r="G9082" t="s">
        <v>14</v>
      </c>
      <c r="H9082" t="s">
        <v>19925</v>
      </c>
      <c r="I9082" t="s">
        <v>30540</v>
      </c>
    </row>
    <row r="9083" spans="1:9">
      <c r="A9083" s="1">
        <v>0.52693448626547568</v>
      </c>
      <c r="B9083" s="1"/>
      <c r="C9083">
        <v>5</v>
      </c>
      <c r="D9083" t="s">
        <v>19926</v>
      </c>
      <c r="E9083" t="s">
        <v>33492</v>
      </c>
      <c r="F9083">
        <v>4</v>
      </c>
      <c r="G9083" t="s">
        <v>14</v>
      </c>
      <c r="H9083" t="s">
        <v>19927</v>
      </c>
      <c r="I9083" t="s">
        <v>30540</v>
      </c>
    </row>
    <row r="9084" spans="1:9">
      <c r="A9084" s="1">
        <v>0.22233487542292862</v>
      </c>
      <c r="B9084" s="1"/>
      <c r="C9084">
        <v>7</v>
      </c>
      <c r="D9084" t="s">
        <v>19928</v>
      </c>
      <c r="E9084" t="s">
        <v>33492</v>
      </c>
      <c r="F9084">
        <v>4</v>
      </c>
      <c r="G9084" t="s">
        <v>10</v>
      </c>
      <c r="H9084" t="s">
        <v>19929</v>
      </c>
      <c r="I9084" t="s">
        <v>30540</v>
      </c>
    </row>
    <row r="9085" spans="1:9">
      <c r="A9085" s="1">
        <v>0.66127012750809588</v>
      </c>
      <c r="B9085" s="1"/>
      <c r="C9085">
        <v>16</v>
      </c>
      <c r="D9085" t="s">
        <v>19932</v>
      </c>
      <c r="E9085" t="s">
        <v>33492</v>
      </c>
      <c r="F9085">
        <v>3</v>
      </c>
      <c r="G9085" t="s">
        <v>14</v>
      </c>
      <c r="H9085" t="s">
        <v>19933</v>
      </c>
      <c r="I9085" t="s">
        <v>30540</v>
      </c>
    </row>
    <row r="9086" spans="1:9">
      <c r="A9086" s="1">
        <v>0.3750391343368944</v>
      </c>
      <c r="B9086" s="1"/>
      <c r="C9086">
        <v>9</v>
      </c>
      <c r="D9086" t="s">
        <v>19918</v>
      </c>
      <c r="E9086" t="s">
        <v>33493</v>
      </c>
      <c r="F9086">
        <v>5</v>
      </c>
      <c r="G9086" t="s">
        <v>14</v>
      </c>
      <c r="H9086" t="s">
        <v>19919</v>
      </c>
      <c r="I9086" t="s">
        <v>30540</v>
      </c>
    </row>
    <row r="9087" spans="1:9">
      <c r="A9087" s="1">
        <v>0.8690702406618751</v>
      </c>
      <c r="B9087" s="1"/>
      <c r="C9087">
        <v>14</v>
      </c>
      <c r="D9087" t="s">
        <v>19920</v>
      </c>
      <c r="E9087" t="s">
        <v>33493</v>
      </c>
      <c r="F9087">
        <v>4</v>
      </c>
      <c r="G9087" t="s">
        <v>0</v>
      </c>
      <c r="H9087" t="s">
        <v>19921</v>
      </c>
      <c r="I9087" t="s">
        <v>30540</v>
      </c>
    </row>
    <row r="9088" spans="1:9">
      <c r="A9088" s="1">
        <v>0.53310786407519462</v>
      </c>
      <c r="B9088" s="1"/>
      <c r="C9088">
        <v>7</v>
      </c>
      <c r="D9088" t="s">
        <v>19916</v>
      </c>
      <c r="E9088" t="s">
        <v>33493</v>
      </c>
      <c r="F9088">
        <v>4</v>
      </c>
      <c r="G9088" t="s">
        <v>14</v>
      </c>
      <c r="H9088" t="s">
        <v>19917</v>
      </c>
      <c r="I9088" t="s">
        <v>30540</v>
      </c>
    </row>
    <row r="9089" spans="1:9">
      <c r="A9089" s="1">
        <v>3.77176648681673E-2</v>
      </c>
      <c r="B9089" s="1"/>
      <c r="C9089">
        <v>15</v>
      </c>
      <c r="D9089" t="s">
        <v>19922</v>
      </c>
      <c r="E9089" t="s">
        <v>33493</v>
      </c>
      <c r="F9089">
        <v>3</v>
      </c>
      <c r="G9089" t="s">
        <v>14</v>
      </c>
      <c r="H9089" t="s">
        <v>19923</v>
      </c>
      <c r="I9089" t="s">
        <v>30540</v>
      </c>
    </row>
    <row r="9090" spans="1:9">
      <c r="A9090" s="1">
        <v>2.7625983004181065E-2</v>
      </c>
      <c r="B9090" s="1"/>
      <c r="C9090">
        <v>16</v>
      </c>
      <c r="D9090" t="s">
        <v>19912</v>
      </c>
      <c r="E9090" t="s">
        <v>33494</v>
      </c>
      <c r="F9090">
        <v>5</v>
      </c>
      <c r="G9090" t="s">
        <v>3732</v>
      </c>
      <c r="H9090" t="s">
        <v>19913</v>
      </c>
      <c r="I9090" t="s">
        <v>30540</v>
      </c>
    </row>
    <row r="9091" spans="1:9">
      <c r="A9091" s="1">
        <v>0.79030607380593521</v>
      </c>
      <c r="B9091" s="1"/>
      <c r="C9091">
        <v>15</v>
      </c>
      <c r="D9091" t="s">
        <v>19910</v>
      </c>
      <c r="E9091" t="s">
        <v>33494</v>
      </c>
      <c r="F9091">
        <v>5</v>
      </c>
      <c r="G9091" t="s">
        <v>2</v>
      </c>
      <c r="H9091" t="s">
        <v>19911</v>
      </c>
      <c r="I9091" t="s">
        <v>30540</v>
      </c>
    </row>
    <row r="9092" spans="1:9">
      <c r="A9092" s="1">
        <v>0.31776377911308096</v>
      </c>
      <c r="B9092" s="1"/>
      <c r="C9092">
        <v>9</v>
      </c>
      <c r="D9092" t="s">
        <v>19908</v>
      </c>
      <c r="E9092" t="s">
        <v>33494</v>
      </c>
      <c r="F9092">
        <v>5</v>
      </c>
      <c r="G9092" t="s">
        <v>771</v>
      </c>
      <c r="H9092" t="s">
        <v>19909</v>
      </c>
      <c r="I9092" t="s">
        <v>30540</v>
      </c>
    </row>
    <row r="9093" spans="1:9">
      <c r="A9093" s="1">
        <v>0.81128561690864642</v>
      </c>
      <c r="B9093" s="1"/>
      <c r="C9093">
        <v>18</v>
      </c>
      <c r="D9093" t="s">
        <v>19914</v>
      </c>
      <c r="E9093" t="s">
        <v>33494</v>
      </c>
      <c r="F9093">
        <v>4</v>
      </c>
      <c r="G9093" t="s">
        <v>14</v>
      </c>
      <c r="H9093" t="s">
        <v>19915</v>
      </c>
      <c r="I9093" t="s">
        <v>30540</v>
      </c>
    </row>
    <row r="9094" spans="1:9">
      <c r="A9094" s="1">
        <v>0.59882400402186498</v>
      </c>
      <c r="B9094" s="1"/>
      <c r="C9094">
        <v>1</v>
      </c>
      <c r="D9094" t="s">
        <v>19906</v>
      </c>
      <c r="E9094" t="s">
        <v>33494</v>
      </c>
      <c r="F9094">
        <v>4</v>
      </c>
      <c r="G9094" t="s">
        <v>775</v>
      </c>
      <c r="H9094" t="s">
        <v>19907</v>
      </c>
      <c r="I9094" t="s">
        <v>30540</v>
      </c>
    </row>
    <row r="9095" spans="1:9">
      <c r="A9095" s="1">
        <v>0.97628528466694553</v>
      </c>
      <c r="B9095" s="1"/>
      <c r="C9095">
        <v>15</v>
      </c>
      <c r="D9095" t="s">
        <v>19904</v>
      </c>
      <c r="E9095" t="s">
        <v>33495</v>
      </c>
      <c r="F9095">
        <v>3</v>
      </c>
      <c r="G9095" t="s">
        <v>14</v>
      </c>
      <c r="H9095" t="s">
        <v>19905</v>
      </c>
      <c r="I9095" t="s">
        <v>30540</v>
      </c>
    </row>
    <row r="9096" spans="1:9">
      <c r="A9096" s="1">
        <v>1.9831446735289138E-2</v>
      </c>
      <c r="B9096" s="1"/>
      <c r="C9096">
        <v>1</v>
      </c>
      <c r="D9096" t="s">
        <v>19882</v>
      </c>
      <c r="E9096" t="s">
        <v>33496</v>
      </c>
      <c r="F9096">
        <v>5</v>
      </c>
      <c r="G9096" t="s">
        <v>15</v>
      </c>
      <c r="H9096" t="s">
        <v>19883</v>
      </c>
      <c r="I9096" t="s">
        <v>30540</v>
      </c>
    </row>
    <row r="9097" spans="1:9">
      <c r="A9097" s="1">
        <v>0.29831842017208265</v>
      </c>
      <c r="B9097" s="1"/>
      <c r="C9097">
        <v>15</v>
      </c>
      <c r="D9097" t="s">
        <v>19896</v>
      </c>
      <c r="E9097" t="s">
        <v>33496</v>
      </c>
      <c r="F9097">
        <v>5</v>
      </c>
      <c r="G9097" t="s">
        <v>14</v>
      </c>
      <c r="H9097" t="s">
        <v>19897</v>
      </c>
      <c r="I9097" t="s">
        <v>30540</v>
      </c>
    </row>
    <row r="9098" spans="1:9">
      <c r="A9098" s="1">
        <v>0.26262362922485094</v>
      </c>
      <c r="B9098" s="1"/>
      <c r="C9098">
        <v>5</v>
      </c>
      <c r="D9098" t="s">
        <v>19886</v>
      </c>
      <c r="E9098" t="s">
        <v>33496</v>
      </c>
      <c r="F9098">
        <v>5</v>
      </c>
      <c r="G9098" t="s">
        <v>10</v>
      </c>
      <c r="H9098" t="s">
        <v>19887</v>
      </c>
      <c r="I9098" t="s">
        <v>30540</v>
      </c>
    </row>
    <row r="9099" spans="1:9">
      <c r="A9099" s="1">
        <v>0.13441462964931084</v>
      </c>
      <c r="B9099" s="1"/>
      <c r="C9099">
        <v>9</v>
      </c>
      <c r="D9099" t="s">
        <v>19890</v>
      </c>
      <c r="E9099" t="s">
        <v>33496</v>
      </c>
      <c r="F9099">
        <v>5</v>
      </c>
      <c r="G9099" t="s">
        <v>10</v>
      </c>
      <c r="H9099" t="s">
        <v>19891</v>
      </c>
      <c r="I9099" t="s">
        <v>30540</v>
      </c>
    </row>
    <row r="9100" spans="1:9">
      <c r="A9100" s="1">
        <v>0.57587741613259791</v>
      </c>
      <c r="B9100" s="1"/>
      <c r="C9100">
        <v>20</v>
      </c>
      <c r="D9100" t="s">
        <v>19902</v>
      </c>
      <c r="E9100" t="s">
        <v>33496</v>
      </c>
      <c r="F9100">
        <v>5</v>
      </c>
      <c r="G9100" t="s">
        <v>2</v>
      </c>
      <c r="H9100" t="s">
        <v>19903</v>
      </c>
      <c r="I9100" t="s">
        <v>30540</v>
      </c>
    </row>
    <row r="9101" spans="1:9">
      <c r="A9101" s="1">
        <v>0.31961717473000784</v>
      </c>
      <c r="B9101" s="1"/>
      <c r="C9101">
        <v>7</v>
      </c>
      <c r="D9101" t="s">
        <v>19888</v>
      </c>
      <c r="E9101" t="s">
        <v>33496</v>
      </c>
      <c r="F9101">
        <v>4</v>
      </c>
      <c r="G9101" t="s">
        <v>9</v>
      </c>
      <c r="H9101" t="s">
        <v>19889</v>
      </c>
      <c r="I9101" t="s">
        <v>30540</v>
      </c>
    </row>
    <row r="9102" spans="1:9">
      <c r="A9102" s="1">
        <v>0.93259692620276813</v>
      </c>
      <c r="B9102" s="1"/>
      <c r="C9102">
        <v>13</v>
      </c>
      <c r="D9102" t="s">
        <v>19892</v>
      </c>
      <c r="E9102" t="s">
        <v>33496</v>
      </c>
      <c r="F9102">
        <v>4</v>
      </c>
      <c r="G9102" t="s">
        <v>2</v>
      </c>
      <c r="H9102" t="s">
        <v>19893</v>
      </c>
      <c r="I9102" t="s">
        <v>30540</v>
      </c>
    </row>
    <row r="9103" spans="1:9">
      <c r="A9103" s="1">
        <v>0.52749915148592097</v>
      </c>
      <c r="B9103" s="1"/>
      <c r="C9103">
        <v>18</v>
      </c>
      <c r="D9103" t="s">
        <v>19900</v>
      </c>
      <c r="E9103" t="s">
        <v>33496</v>
      </c>
      <c r="F9103">
        <v>4</v>
      </c>
      <c r="G9103" t="s">
        <v>14</v>
      </c>
      <c r="H9103" t="s">
        <v>19901</v>
      </c>
      <c r="I9103" t="s">
        <v>30540</v>
      </c>
    </row>
    <row r="9104" spans="1:9">
      <c r="A9104" s="1">
        <v>0.6002925329775628</v>
      </c>
      <c r="B9104" s="1"/>
      <c r="C9104">
        <v>3</v>
      </c>
      <c r="D9104" t="s">
        <v>19884</v>
      </c>
      <c r="E9104" t="s">
        <v>33496</v>
      </c>
      <c r="F9104">
        <v>4</v>
      </c>
      <c r="G9104" t="s">
        <v>14</v>
      </c>
      <c r="H9104" t="s">
        <v>19885</v>
      </c>
      <c r="I9104" t="s">
        <v>30540</v>
      </c>
    </row>
    <row r="9105" spans="1:9">
      <c r="A9105" s="1">
        <v>0.56777664997075195</v>
      </c>
      <c r="B9105" s="1"/>
      <c r="C9105">
        <v>16</v>
      </c>
      <c r="D9105" t="s">
        <v>19898</v>
      </c>
      <c r="E9105" t="s">
        <v>33496</v>
      </c>
      <c r="F9105">
        <v>4</v>
      </c>
      <c r="G9105" t="s">
        <v>14</v>
      </c>
      <c r="H9105" t="s">
        <v>19899</v>
      </c>
      <c r="I9105" t="s">
        <v>30540</v>
      </c>
    </row>
    <row r="9106" spans="1:9">
      <c r="A9106" s="1">
        <v>0.61311277611917225</v>
      </c>
      <c r="B9106" s="1"/>
      <c r="C9106">
        <v>14</v>
      </c>
      <c r="D9106" t="s">
        <v>19894</v>
      </c>
      <c r="E9106" t="s">
        <v>33496</v>
      </c>
      <c r="F9106">
        <v>3</v>
      </c>
      <c r="G9106" t="s">
        <v>2</v>
      </c>
      <c r="H9106" t="s">
        <v>19895</v>
      </c>
      <c r="I9106" t="s">
        <v>30540</v>
      </c>
    </row>
    <row r="9107" spans="1:9">
      <c r="A9107" s="1">
        <v>0.898685691931849</v>
      </c>
      <c r="B9107" s="1"/>
      <c r="C9107">
        <v>15</v>
      </c>
      <c r="D9107" t="s">
        <v>19876</v>
      </c>
      <c r="E9107" t="s">
        <v>33497</v>
      </c>
      <c r="F9107">
        <v>4</v>
      </c>
      <c r="G9107" t="s">
        <v>13</v>
      </c>
      <c r="H9107" t="s">
        <v>19877</v>
      </c>
      <c r="I9107" t="s">
        <v>30540</v>
      </c>
    </row>
    <row r="9108" spans="1:9">
      <c r="A9108" s="1">
        <v>0.2608427208806261</v>
      </c>
      <c r="B9108" s="1"/>
      <c r="C9108">
        <v>20</v>
      </c>
      <c r="D9108" t="s">
        <v>19880</v>
      </c>
      <c r="E9108" t="s">
        <v>33497</v>
      </c>
      <c r="F9108">
        <v>4</v>
      </c>
      <c r="G9108" t="s">
        <v>14</v>
      </c>
      <c r="H9108" t="s">
        <v>19881</v>
      </c>
      <c r="I9108" t="s">
        <v>30540</v>
      </c>
    </row>
    <row r="9109" spans="1:9">
      <c r="A9109" s="1">
        <v>7.9131952349767998E-2</v>
      </c>
      <c r="B9109" s="1"/>
      <c r="C9109">
        <v>1</v>
      </c>
      <c r="D9109" t="s">
        <v>19868</v>
      </c>
      <c r="E9109" t="s">
        <v>33498</v>
      </c>
      <c r="F9109">
        <v>5</v>
      </c>
      <c r="G9109" t="s">
        <v>10</v>
      </c>
      <c r="H9109" t="s">
        <v>19869</v>
      </c>
      <c r="I9109" t="s">
        <v>30540</v>
      </c>
    </row>
    <row r="9110" spans="1:9">
      <c r="A9110" s="1">
        <v>0.14407021722273705</v>
      </c>
      <c r="B9110" s="1"/>
      <c r="C9110">
        <v>10</v>
      </c>
      <c r="D9110" t="s">
        <v>19872</v>
      </c>
      <c r="E9110" t="s">
        <v>33498</v>
      </c>
      <c r="F9110">
        <v>5</v>
      </c>
      <c r="G9110" t="s">
        <v>14</v>
      </c>
      <c r="H9110" t="s">
        <v>19873</v>
      </c>
      <c r="I9110" t="s">
        <v>30540</v>
      </c>
    </row>
    <row r="9111" spans="1:9">
      <c r="A9111" s="1">
        <v>0.20836305907617869</v>
      </c>
      <c r="B9111" s="1"/>
      <c r="C9111">
        <v>5</v>
      </c>
      <c r="D9111" t="s">
        <v>19870</v>
      </c>
      <c r="E9111" t="s">
        <v>33498</v>
      </c>
      <c r="F9111">
        <v>4</v>
      </c>
      <c r="G9111" t="s">
        <v>14</v>
      </c>
      <c r="H9111" t="s">
        <v>19871</v>
      </c>
      <c r="I9111" t="s">
        <v>30540</v>
      </c>
    </row>
    <row r="9112" spans="1:9">
      <c r="A9112" s="1">
        <v>0.8554999858299176</v>
      </c>
      <c r="B9112" s="1"/>
      <c r="C9112">
        <v>15</v>
      </c>
      <c r="D9112" t="s">
        <v>19874</v>
      </c>
      <c r="E9112" t="s">
        <v>33498</v>
      </c>
      <c r="F9112">
        <v>3</v>
      </c>
      <c r="G9112" t="s">
        <v>14</v>
      </c>
      <c r="H9112" t="s">
        <v>19875</v>
      </c>
      <c r="I9112" t="s">
        <v>30540</v>
      </c>
    </row>
    <row r="9113" spans="1:9">
      <c r="A9113" s="1">
        <v>0.7852317240550365</v>
      </c>
      <c r="B9113" s="1"/>
      <c r="C9113">
        <v>1</v>
      </c>
      <c r="D9113" t="s">
        <v>19864</v>
      </c>
      <c r="E9113" t="s">
        <v>33499</v>
      </c>
      <c r="F9113">
        <v>4</v>
      </c>
      <c r="G9113" t="s">
        <v>1431</v>
      </c>
      <c r="H9113" t="s">
        <v>19865</v>
      </c>
      <c r="I9113" t="s">
        <v>30540</v>
      </c>
    </row>
    <row r="9114" spans="1:9">
      <c r="A9114" s="1">
        <v>0.89811836487559349</v>
      </c>
      <c r="B9114" s="1"/>
      <c r="C9114">
        <v>16</v>
      </c>
      <c r="D9114" t="s">
        <v>19860</v>
      </c>
      <c r="E9114" t="s">
        <v>33500</v>
      </c>
      <c r="F9114">
        <v>4</v>
      </c>
      <c r="G9114" t="s">
        <v>1</v>
      </c>
      <c r="H9114" t="s">
        <v>19861</v>
      </c>
      <c r="I9114" t="s">
        <v>30540</v>
      </c>
    </row>
    <row r="9115" spans="1:9">
      <c r="A9115" s="1">
        <v>0.72074728129289711</v>
      </c>
      <c r="B9115" s="1"/>
      <c r="C9115">
        <v>19</v>
      </c>
      <c r="D9115" t="s">
        <v>19862</v>
      </c>
      <c r="E9115" t="s">
        <v>33500</v>
      </c>
      <c r="F9115">
        <v>4</v>
      </c>
      <c r="G9115" t="s">
        <v>0</v>
      </c>
      <c r="H9115" t="s">
        <v>19863</v>
      </c>
      <c r="I9115" t="s">
        <v>30540</v>
      </c>
    </row>
    <row r="9116" spans="1:9">
      <c r="A9116" s="1">
        <v>0.83864048068614239</v>
      </c>
      <c r="B9116" s="1"/>
      <c r="C9116">
        <v>13</v>
      </c>
      <c r="D9116" t="s">
        <v>19846</v>
      </c>
      <c r="E9116" t="s">
        <v>33501</v>
      </c>
      <c r="F9116">
        <v>5</v>
      </c>
      <c r="G9116" t="s">
        <v>10</v>
      </c>
      <c r="H9116" t="s">
        <v>19847</v>
      </c>
      <c r="I9116" t="s">
        <v>30540</v>
      </c>
    </row>
    <row r="9117" spans="1:9">
      <c r="A9117" s="1">
        <v>0.11239262773313397</v>
      </c>
      <c r="B9117" s="1"/>
      <c r="C9117">
        <v>16</v>
      </c>
      <c r="D9117" t="s">
        <v>19850</v>
      </c>
      <c r="E9117" t="s">
        <v>33501</v>
      </c>
      <c r="F9117">
        <v>4</v>
      </c>
      <c r="G9117" t="s">
        <v>14</v>
      </c>
      <c r="H9117" t="s">
        <v>19851</v>
      </c>
      <c r="I9117" t="s">
        <v>30540</v>
      </c>
    </row>
    <row r="9118" spans="1:9">
      <c r="A9118" s="1">
        <v>0.94806265986454574</v>
      </c>
      <c r="B9118" s="1"/>
      <c r="C9118">
        <v>7</v>
      </c>
      <c r="D9118" t="s">
        <v>19840</v>
      </c>
      <c r="E9118" t="s">
        <v>33501</v>
      </c>
      <c r="F9118">
        <v>4</v>
      </c>
      <c r="G9118" t="s">
        <v>10</v>
      </c>
      <c r="H9118" t="s">
        <v>19841</v>
      </c>
      <c r="I9118" t="s">
        <v>30540</v>
      </c>
    </row>
    <row r="9119" spans="1:9">
      <c r="A9119" s="1">
        <v>0.87125649900586255</v>
      </c>
      <c r="B9119" s="1"/>
      <c r="C9119">
        <v>2</v>
      </c>
      <c r="D9119" t="s">
        <v>19838</v>
      </c>
      <c r="E9119" t="s">
        <v>33501</v>
      </c>
      <c r="F9119">
        <v>4</v>
      </c>
      <c r="G9119" t="s">
        <v>14</v>
      </c>
      <c r="H9119" t="s">
        <v>19839</v>
      </c>
      <c r="I9119" t="s">
        <v>30540</v>
      </c>
    </row>
    <row r="9120" spans="1:9">
      <c r="A9120" s="1">
        <v>0.99946740547287605</v>
      </c>
      <c r="B9120" s="1"/>
      <c r="C9120">
        <v>9</v>
      </c>
      <c r="D9120" t="s">
        <v>19842</v>
      </c>
      <c r="E9120" t="s">
        <v>33501</v>
      </c>
      <c r="F9120">
        <v>4</v>
      </c>
      <c r="G9120" t="s">
        <v>10</v>
      </c>
      <c r="H9120" t="s">
        <v>19843</v>
      </c>
      <c r="I9120" t="s">
        <v>30540</v>
      </c>
    </row>
    <row r="9121" spans="1:9">
      <c r="A9121" s="1">
        <v>0.72377497304868199</v>
      </c>
      <c r="B9121" s="1"/>
      <c r="C9121">
        <v>14</v>
      </c>
      <c r="D9121" t="s">
        <v>19848</v>
      </c>
      <c r="E9121" t="s">
        <v>33501</v>
      </c>
      <c r="F9121">
        <v>4</v>
      </c>
      <c r="G9121" t="s">
        <v>10</v>
      </c>
      <c r="H9121" t="s">
        <v>19849</v>
      </c>
      <c r="I9121" t="s">
        <v>30540</v>
      </c>
    </row>
    <row r="9122" spans="1:9">
      <c r="A9122" s="1">
        <v>0.75366436357511246</v>
      </c>
      <c r="B9122" s="1"/>
      <c r="C9122">
        <v>16</v>
      </c>
      <c r="D9122" t="s">
        <v>19832</v>
      </c>
      <c r="E9122" t="s">
        <v>33502</v>
      </c>
      <c r="F9122">
        <v>5</v>
      </c>
      <c r="G9122" t="s">
        <v>14</v>
      </c>
      <c r="H9122" t="s">
        <v>19833</v>
      </c>
      <c r="I9122" t="s">
        <v>30540</v>
      </c>
    </row>
    <row r="9123" spans="1:9">
      <c r="A9123" s="1">
        <v>0.78539775538126966</v>
      </c>
      <c r="B9123" s="1"/>
      <c r="C9123">
        <v>19</v>
      </c>
      <c r="D9123" t="s">
        <v>19836</v>
      </c>
      <c r="E9123" t="s">
        <v>33502</v>
      </c>
      <c r="F9123">
        <v>4</v>
      </c>
      <c r="G9123" t="s">
        <v>0</v>
      </c>
      <c r="H9123" t="s">
        <v>19837</v>
      </c>
      <c r="I9123" t="s">
        <v>30540</v>
      </c>
    </row>
    <row r="9124" spans="1:9">
      <c r="A9124" s="1">
        <v>0.28586703651766954</v>
      </c>
      <c r="B9124" s="1"/>
      <c r="C9124">
        <v>2</v>
      </c>
      <c r="D9124" t="s">
        <v>19828</v>
      </c>
      <c r="E9124" t="s">
        <v>33502</v>
      </c>
      <c r="F9124">
        <v>4</v>
      </c>
      <c r="G9124" t="s">
        <v>1</v>
      </c>
      <c r="H9124" t="s">
        <v>19829</v>
      </c>
      <c r="I9124" t="s">
        <v>30540</v>
      </c>
    </row>
    <row r="9125" spans="1:9">
      <c r="A9125" s="1">
        <v>0.7240913398023604</v>
      </c>
      <c r="B9125" s="1"/>
      <c r="C9125">
        <v>9</v>
      </c>
      <c r="D9125" t="s">
        <v>19830</v>
      </c>
      <c r="E9125" t="s">
        <v>33502</v>
      </c>
      <c r="F9125">
        <v>4</v>
      </c>
      <c r="G9125" t="s">
        <v>14</v>
      </c>
      <c r="H9125" t="s">
        <v>19831</v>
      </c>
      <c r="I9125" t="s">
        <v>30540</v>
      </c>
    </row>
    <row r="9126" spans="1:9">
      <c r="A9126" s="1">
        <v>0.18850373158599054</v>
      </c>
      <c r="B9126" s="1"/>
      <c r="C9126">
        <v>18</v>
      </c>
      <c r="D9126" t="s">
        <v>19834</v>
      </c>
      <c r="E9126" t="s">
        <v>33502</v>
      </c>
      <c r="F9126">
        <v>3</v>
      </c>
      <c r="G9126" t="s">
        <v>14</v>
      </c>
      <c r="H9126" t="s">
        <v>19835</v>
      </c>
      <c r="I9126" t="s">
        <v>30540</v>
      </c>
    </row>
    <row r="9127" spans="1:9">
      <c r="A9127" s="1">
        <v>0.57704803590728437</v>
      </c>
      <c r="B9127" s="1"/>
      <c r="C9127">
        <v>15</v>
      </c>
      <c r="D9127" t="s">
        <v>19824</v>
      </c>
      <c r="E9127" t="s">
        <v>33503</v>
      </c>
      <c r="F9127">
        <v>4</v>
      </c>
      <c r="G9127" t="s">
        <v>1</v>
      </c>
      <c r="H9127" t="s">
        <v>19825</v>
      </c>
      <c r="I9127" t="s">
        <v>30540</v>
      </c>
    </row>
    <row r="9128" spans="1:9">
      <c r="A9128" s="1">
        <v>0.29303815576588721</v>
      </c>
      <c r="B9128" s="1"/>
      <c r="C9128">
        <v>12</v>
      </c>
      <c r="D9128" t="s">
        <v>19820</v>
      </c>
      <c r="E9128" t="s">
        <v>33503</v>
      </c>
      <c r="F9128">
        <v>4</v>
      </c>
      <c r="G9128" t="s">
        <v>14</v>
      </c>
      <c r="H9128" t="s">
        <v>19821</v>
      </c>
      <c r="I9128" t="s">
        <v>30540</v>
      </c>
    </row>
    <row r="9129" spans="1:9">
      <c r="A9129" s="1">
        <v>0.95707793701533472</v>
      </c>
      <c r="B9129" s="1"/>
      <c r="C9129">
        <v>20</v>
      </c>
      <c r="D9129" t="s">
        <v>19826</v>
      </c>
      <c r="E9129" t="s">
        <v>33503</v>
      </c>
      <c r="F9129">
        <v>4</v>
      </c>
      <c r="G9129" t="s">
        <v>14</v>
      </c>
      <c r="H9129" t="s">
        <v>19827</v>
      </c>
      <c r="I9129" t="s">
        <v>30540</v>
      </c>
    </row>
    <row r="9130" spans="1:9">
      <c r="A9130" s="1">
        <v>0.30890709631688429</v>
      </c>
      <c r="B9130" s="1"/>
      <c r="C9130">
        <v>14</v>
      </c>
      <c r="D9130" t="s">
        <v>19822</v>
      </c>
      <c r="E9130" t="s">
        <v>33503</v>
      </c>
      <c r="F9130">
        <v>4</v>
      </c>
      <c r="G9130" t="s">
        <v>14</v>
      </c>
      <c r="H9130" t="s">
        <v>19823</v>
      </c>
      <c r="I9130" t="s">
        <v>30540</v>
      </c>
    </row>
    <row r="9131" spans="1:9">
      <c r="A9131" s="1">
        <v>0.33760736359787336</v>
      </c>
      <c r="B9131" s="1"/>
      <c r="C9131">
        <v>14</v>
      </c>
      <c r="D9131" t="s">
        <v>19816</v>
      </c>
      <c r="E9131" t="s">
        <v>33504</v>
      </c>
      <c r="F9131">
        <v>4</v>
      </c>
      <c r="G9131" t="s">
        <v>14</v>
      </c>
      <c r="H9131" t="s">
        <v>19817</v>
      </c>
      <c r="I9131" t="s">
        <v>30540</v>
      </c>
    </row>
    <row r="9132" spans="1:9">
      <c r="A9132" s="1">
        <v>0.69066311404528369</v>
      </c>
      <c r="B9132" s="1"/>
      <c r="C9132">
        <v>12</v>
      </c>
      <c r="D9132" t="s">
        <v>19814</v>
      </c>
      <c r="E9132" t="s">
        <v>33504</v>
      </c>
      <c r="F9132">
        <v>3</v>
      </c>
      <c r="G9132" t="s">
        <v>14</v>
      </c>
      <c r="H9132" t="s">
        <v>19815</v>
      </c>
      <c r="I9132" t="s">
        <v>30540</v>
      </c>
    </row>
    <row r="9133" spans="1:9">
      <c r="A9133" s="1">
        <v>0.97177706941329411</v>
      </c>
      <c r="B9133" s="1"/>
      <c r="C9133">
        <v>15</v>
      </c>
      <c r="D9133" t="s">
        <v>19810</v>
      </c>
      <c r="E9133" t="s">
        <v>33505</v>
      </c>
      <c r="F9133">
        <v>4</v>
      </c>
      <c r="G9133" t="s">
        <v>14</v>
      </c>
      <c r="H9133" t="s">
        <v>19811</v>
      </c>
      <c r="I9133" t="s">
        <v>30540</v>
      </c>
    </row>
    <row r="9134" spans="1:9">
      <c r="A9134" s="1">
        <v>0.43385223710783172</v>
      </c>
      <c r="B9134" s="1"/>
      <c r="C9134">
        <v>17</v>
      </c>
      <c r="D9134" t="s">
        <v>19812</v>
      </c>
      <c r="E9134" t="s">
        <v>33505</v>
      </c>
      <c r="F9134">
        <v>4</v>
      </c>
      <c r="G9134" t="s">
        <v>14</v>
      </c>
      <c r="H9134" t="s">
        <v>19813</v>
      </c>
      <c r="I9134" t="s">
        <v>30540</v>
      </c>
    </row>
    <row r="9135" spans="1:9">
      <c r="A9135" s="1">
        <v>1.2248382182240558E-3</v>
      </c>
      <c r="B9135" s="1"/>
      <c r="C9135">
        <v>10</v>
      </c>
      <c r="D9135" t="s">
        <v>19808</v>
      </c>
      <c r="E9135" t="s">
        <v>33505</v>
      </c>
      <c r="F9135">
        <v>4</v>
      </c>
      <c r="G9135" t="s">
        <v>10</v>
      </c>
      <c r="H9135" t="s">
        <v>19809</v>
      </c>
      <c r="I9135" t="s">
        <v>30540</v>
      </c>
    </row>
    <row r="9136" spans="1:9">
      <c r="A9136" s="1">
        <v>0.67981199499590361</v>
      </c>
      <c r="B9136" s="1"/>
      <c r="C9136">
        <v>4</v>
      </c>
      <c r="D9136" t="s">
        <v>19800</v>
      </c>
      <c r="E9136" t="s">
        <v>33506</v>
      </c>
      <c r="F9136">
        <v>5</v>
      </c>
      <c r="G9136" t="s">
        <v>14</v>
      </c>
      <c r="H9136" t="s">
        <v>19801</v>
      </c>
      <c r="I9136" t="s">
        <v>30540</v>
      </c>
    </row>
    <row r="9137" spans="1:9">
      <c r="A9137" s="1">
        <v>0.1505196073820485</v>
      </c>
      <c r="B9137" s="1"/>
      <c r="C9137">
        <v>6</v>
      </c>
      <c r="D9137" t="s">
        <v>19802</v>
      </c>
      <c r="E9137" t="s">
        <v>33506</v>
      </c>
      <c r="F9137">
        <v>4</v>
      </c>
      <c r="G9137" t="s">
        <v>2</v>
      </c>
      <c r="H9137" t="s">
        <v>19803</v>
      </c>
      <c r="I9137" t="s">
        <v>30540</v>
      </c>
    </row>
    <row r="9138" spans="1:9">
      <c r="A9138" s="1">
        <v>0.42409998780182123</v>
      </c>
      <c r="B9138" s="1"/>
      <c r="C9138">
        <v>16</v>
      </c>
      <c r="D9138" t="s">
        <v>19804</v>
      </c>
      <c r="E9138" t="s">
        <v>33506</v>
      </c>
      <c r="F9138">
        <v>4</v>
      </c>
      <c r="G9138" t="s">
        <v>14</v>
      </c>
      <c r="H9138" t="s">
        <v>19805</v>
      </c>
      <c r="I9138" t="s">
        <v>30540</v>
      </c>
    </row>
    <row r="9139" spans="1:9">
      <c r="A9139" s="1">
        <v>0.8582483314646252</v>
      </c>
      <c r="B9139" s="1"/>
      <c r="C9139">
        <v>17</v>
      </c>
      <c r="D9139" t="s">
        <v>19806</v>
      </c>
      <c r="E9139" t="s">
        <v>33506</v>
      </c>
      <c r="F9139">
        <v>4</v>
      </c>
      <c r="G9139" t="s">
        <v>14</v>
      </c>
      <c r="H9139" t="s">
        <v>19807</v>
      </c>
      <c r="I9139" t="s">
        <v>30540</v>
      </c>
    </row>
    <row r="9140" spans="1:9">
      <c r="A9140" s="1">
        <v>0.46093425452779413</v>
      </c>
      <c r="B9140" s="1"/>
      <c r="C9140">
        <v>13</v>
      </c>
      <c r="D9140" t="s">
        <v>19794</v>
      </c>
      <c r="E9140" t="s">
        <v>33507</v>
      </c>
      <c r="F9140">
        <v>5</v>
      </c>
      <c r="G9140" t="s">
        <v>14</v>
      </c>
      <c r="H9140" t="s">
        <v>19795</v>
      </c>
      <c r="I9140" t="s">
        <v>30540</v>
      </c>
    </row>
    <row r="9141" spans="1:9">
      <c r="A9141" s="1">
        <v>4.2535393479293915E-2</v>
      </c>
      <c r="B9141" s="1"/>
      <c r="C9141">
        <v>16</v>
      </c>
      <c r="D9141" t="s">
        <v>19796</v>
      </c>
      <c r="E9141" t="s">
        <v>33507</v>
      </c>
      <c r="F9141">
        <v>4</v>
      </c>
      <c r="G9141" t="s">
        <v>14</v>
      </c>
      <c r="H9141" t="s">
        <v>19797</v>
      </c>
      <c r="I9141" t="s">
        <v>30540</v>
      </c>
    </row>
    <row r="9142" spans="1:9">
      <c r="A9142" s="1">
        <v>0.61654886226264349</v>
      </c>
      <c r="B9142" s="1"/>
      <c r="C9142">
        <v>2</v>
      </c>
      <c r="D9142" t="s">
        <v>19782</v>
      </c>
      <c r="E9142" t="s">
        <v>33508</v>
      </c>
      <c r="F9142">
        <v>5</v>
      </c>
      <c r="G9142" t="s">
        <v>10</v>
      </c>
      <c r="H9142" t="s">
        <v>19783</v>
      </c>
      <c r="I9142" t="s">
        <v>30540</v>
      </c>
    </row>
    <row r="9143" spans="1:9">
      <c r="A9143" s="1">
        <v>0.25343130151579241</v>
      </c>
      <c r="B9143" s="1"/>
      <c r="C9143">
        <v>20</v>
      </c>
      <c r="D9143" t="s">
        <v>19788</v>
      </c>
      <c r="E9143" t="s">
        <v>33508</v>
      </c>
      <c r="F9143">
        <v>4</v>
      </c>
      <c r="G9143" t="s">
        <v>14</v>
      </c>
      <c r="H9143" t="s">
        <v>19789</v>
      </c>
      <c r="I9143" t="s">
        <v>30540</v>
      </c>
    </row>
    <row r="9144" spans="1:9">
      <c r="A9144" s="1">
        <v>0.84905950140633257</v>
      </c>
      <c r="B9144" s="1"/>
      <c r="C9144">
        <v>6</v>
      </c>
      <c r="D9144" t="s">
        <v>19784</v>
      </c>
      <c r="E9144" t="s">
        <v>33508</v>
      </c>
      <c r="F9144">
        <v>4</v>
      </c>
      <c r="G9144" t="s">
        <v>9</v>
      </c>
      <c r="H9144" t="s">
        <v>19785</v>
      </c>
      <c r="I9144" t="s">
        <v>30540</v>
      </c>
    </row>
    <row r="9145" spans="1:9">
      <c r="A9145" s="1">
        <v>0.16543135007199505</v>
      </c>
      <c r="B9145" s="1"/>
      <c r="C9145">
        <v>16</v>
      </c>
      <c r="D9145" t="s">
        <v>19786</v>
      </c>
      <c r="E9145" t="s">
        <v>33508</v>
      </c>
      <c r="F9145">
        <v>4</v>
      </c>
      <c r="G9145" t="s">
        <v>14</v>
      </c>
      <c r="H9145" t="s">
        <v>19787</v>
      </c>
      <c r="I9145" t="s">
        <v>30540</v>
      </c>
    </row>
    <row r="9146" spans="1:9">
      <c r="A9146" s="1">
        <v>0.3694728548316053</v>
      </c>
      <c r="B9146" s="1"/>
      <c r="C9146">
        <v>20</v>
      </c>
      <c r="D9146" t="s">
        <v>19780</v>
      </c>
      <c r="E9146" t="s">
        <v>33509</v>
      </c>
      <c r="F9146">
        <v>5</v>
      </c>
      <c r="G9146" t="s">
        <v>14</v>
      </c>
      <c r="H9146" t="s">
        <v>19781</v>
      </c>
      <c r="I9146" t="s">
        <v>30540</v>
      </c>
    </row>
    <row r="9147" spans="1:9">
      <c r="A9147" s="1">
        <v>0.80253376513182528</v>
      </c>
      <c r="B9147" s="1"/>
      <c r="C9147">
        <v>8</v>
      </c>
      <c r="D9147" t="s">
        <v>19772</v>
      </c>
      <c r="E9147" t="s">
        <v>33509</v>
      </c>
      <c r="F9147">
        <v>4</v>
      </c>
      <c r="G9147" t="s">
        <v>14</v>
      </c>
      <c r="H9147" t="s">
        <v>19773</v>
      </c>
      <c r="I9147" t="s">
        <v>30540</v>
      </c>
    </row>
    <row r="9148" spans="1:9">
      <c r="A9148" s="1">
        <v>0.76050358196842793</v>
      </c>
      <c r="B9148" s="1"/>
      <c r="C9148">
        <v>17</v>
      </c>
      <c r="D9148" t="s">
        <v>19776</v>
      </c>
      <c r="E9148" t="s">
        <v>33509</v>
      </c>
      <c r="F9148">
        <v>4</v>
      </c>
      <c r="G9148" t="s">
        <v>14</v>
      </c>
      <c r="H9148" t="s">
        <v>19777</v>
      </c>
      <c r="I9148" t="s">
        <v>30540</v>
      </c>
    </row>
    <row r="9149" spans="1:9">
      <c r="A9149" s="1">
        <v>0.67725570590044049</v>
      </c>
      <c r="B9149" s="1"/>
      <c r="C9149">
        <v>10</v>
      </c>
      <c r="D9149" t="s">
        <v>19764</v>
      </c>
      <c r="E9149" t="s">
        <v>33510</v>
      </c>
      <c r="F9149">
        <v>5</v>
      </c>
      <c r="G9149" t="s">
        <v>0</v>
      </c>
      <c r="H9149" t="s">
        <v>19765</v>
      </c>
      <c r="I9149" t="s">
        <v>30540</v>
      </c>
    </row>
    <row r="9150" spans="1:9">
      <c r="A9150" s="1">
        <v>0.95456421018891413</v>
      </c>
      <c r="B9150" s="1"/>
      <c r="C9150">
        <v>18</v>
      </c>
      <c r="D9150" t="s">
        <v>19770</v>
      </c>
      <c r="E9150" t="s">
        <v>33510</v>
      </c>
      <c r="F9150">
        <v>4</v>
      </c>
      <c r="G9150" t="s">
        <v>14</v>
      </c>
      <c r="H9150" t="s">
        <v>19771</v>
      </c>
      <c r="I9150" t="s">
        <v>30540</v>
      </c>
    </row>
    <row r="9151" spans="1:9">
      <c r="A9151" s="1">
        <v>0.42333606284943093</v>
      </c>
      <c r="B9151" s="1"/>
      <c r="C9151">
        <v>14</v>
      </c>
      <c r="D9151" t="s">
        <v>19766</v>
      </c>
      <c r="E9151" t="s">
        <v>33510</v>
      </c>
      <c r="F9151">
        <v>4</v>
      </c>
      <c r="G9151" t="s">
        <v>14</v>
      </c>
      <c r="H9151" t="s">
        <v>19767</v>
      </c>
      <c r="I9151" t="s">
        <v>30540</v>
      </c>
    </row>
    <row r="9152" spans="1:9">
      <c r="A9152" s="1">
        <v>0.10025881894586053</v>
      </c>
      <c r="B9152" s="1"/>
      <c r="C9152">
        <v>16</v>
      </c>
      <c r="D9152" t="s">
        <v>19768</v>
      </c>
      <c r="E9152" t="s">
        <v>33510</v>
      </c>
      <c r="F9152">
        <v>4</v>
      </c>
      <c r="G9152" t="s">
        <v>2</v>
      </c>
      <c r="H9152" t="s">
        <v>19769</v>
      </c>
      <c r="I9152" t="s">
        <v>30540</v>
      </c>
    </row>
    <row r="9153" spans="1:9">
      <c r="A9153" s="1">
        <v>0.66422581909057576</v>
      </c>
      <c r="B9153" s="1"/>
      <c r="C9153">
        <v>17</v>
      </c>
      <c r="D9153" t="s">
        <v>19760</v>
      </c>
      <c r="E9153" t="s">
        <v>33511</v>
      </c>
      <c r="F9153">
        <v>4</v>
      </c>
      <c r="G9153" t="s">
        <v>10</v>
      </c>
      <c r="H9153" t="s">
        <v>19761</v>
      </c>
      <c r="I9153" t="s">
        <v>30540</v>
      </c>
    </row>
    <row r="9154" spans="1:9">
      <c r="A9154" s="1">
        <v>0.21008043922904152</v>
      </c>
      <c r="B9154" s="1"/>
      <c r="C9154">
        <v>14</v>
      </c>
      <c r="D9154" t="s">
        <v>19756</v>
      </c>
      <c r="E9154" t="s">
        <v>33511</v>
      </c>
      <c r="F9154">
        <v>4</v>
      </c>
      <c r="G9154" t="s">
        <v>10</v>
      </c>
      <c r="H9154" t="s">
        <v>19757</v>
      </c>
      <c r="I9154" t="s">
        <v>30540</v>
      </c>
    </row>
    <row r="9155" spans="1:9">
      <c r="A9155" s="1">
        <v>0.51961215879529243</v>
      </c>
      <c r="B9155" s="1"/>
      <c r="C9155">
        <v>1</v>
      </c>
      <c r="D9155" t="s">
        <v>19752</v>
      </c>
      <c r="E9155" t="s">
        <v>33511</v>
      </c>
      <c r="F9155">
        <v>4</v>
      </c>
      <c r="G9155" t="s">
        <v>15</v>
      </c>
      <c r="H9155" t="s">
        <v>19753</v>
      </c>
      <c r="I9155" t="s">
        <v>30540</v>
      </c>
    </row>
    <row r="9156" spans="1:9">
      <c r="A9156" s="1">
        <v>4.3954740268600356E-2</v>
      </c>
      <c r="B9156" s="1"/>
      <c r="C9156">
        <v>20</v>
      </c>
      <c r="D9156" t="s">
        <v>19762</v>
      </c>
      <c r="E9156" t="s">
        <v>33511</v>
      </c>
      <c r="F9156">
        <v>4</v>
      </c>
      <c r="G9156" t="s">
        <v>10</v>
      </c>
      <c r="H9156" t="s">
        <v>19763</v>
      </c>
      <c r="I9156" t="s">
        <v>30540</v>
      </c>
    </row>
    <row r="9157" spans="1:9">
      <c r="A9157" s="1">
        <v>0.7237965286093736</v>
      </c>
      <c r="B9157" s="1"/>
      <c r="C9157">
        <v>2</v>
      </c>
      <c r="D9157" t="s">
        <v>19754</v>
      </c>
      <c r="E9157" t="s">
        <v>33511</v>
      </c>
      <c r="F9157">
        <v>4</v>
      </c>
      <c r="G9157" t="s">
        <v>14</v>
      </c>
      <c r="H9157" t="s">
        <v>19755</v>
      </c>
      <c r="I9157" t="s">
        <v>30540</v>
      </c>
    </row>
    <row r="9158" spans="1:9">
      <c r="A9158" s="1">
        <v>0.23029807115491163</v>
      </c>
      <c r="B9158" s="1"/>
      <c r="C9158">
        <v>15</v>
      </c>
      <c r="D9158" t="s">
        <v>19758</v>
      </c>
      <c r="E9158" t="s">
        <v>33511</v>
      </c>
      <c r="F9158">
        <v>4</v>
      </c>
      <c r="G9158" t="s">
        <v>10</v>
      </c>
      <c r="H9158" t="s">
        <v>19759</v>
      </c>
      <c r="I9158" t="s">
        <v>30540</v>
      </c>
    </row>
    <row r="9159" spans="1:9">
      <c r="A9159" s="1">
        <v>0.61548321246017956</v>
      </c>
      <c r="B9159" s="1"/>
      <c r="C9159">
        <v>10</v>
      </c>
      <c r="D9159" t="s">
        <v>19748</v>
      </c>
      <c r="E9159" t="s">
        <v>33512</v>
      </c>
      <c r="F9159">
        <v>5</v>
      </c>
      <c r="G9159" t="s">
        <v>10</v>
      </c>
      <c r="H9159" t="s">
        <v>19749</v>
      </c>
      <c r="I9159" t="s">
        <v>30540</v>
      </c>
    </row>
    <row r="9160" spans="1:9">
      <c r="A9160" s="1">
        <v>0.29814112994729847</v>
      </c>
      <c r="B9160" s="1"/>
      <c r="C9160">
        <v>6</v>
      </c>
      <c r="D9160" t="s">
        <v>19746</v>
      </c>
      <c r="E9160" t="s">
        <v>33512</v>
      </c>
      <c r="F9160">
        <v>4</v>
      </c>
      <c r="G9160" t="s">
        <v>15</v>
      </c>
      <c r="H9160" t="s">
        <v>19747</v>
      </c>
      <c r="I9160" t="s">
        <v>30540</v>
      </c>
    </row>
    <row r="9161" spans="1:9">
      <c r="A9161" s="1">
        <v>0.59148046992050662</v>
      </c>
      <c r="B9161" s="1"/>
      <c r="C9161">
        <v>3</v>
      </c>
      <c r="D9161" t="s">
        <v>19744</v>
      </c>
      <c r="E9161" t="s">
        <v>33512</v>
      </c>
      <c r="F9161">
        <v>3</v>
      </c>
      <c r="G9161" t="s">
        <v>3732</v>
      </c>
      <c r="H9161" t="s">
        <v>19745</v>
      </c>
      <c r="I9161" t="s">
        <v>30540</v>
      </c>
    </row>
    <row r="9162" spans="1:9">
      <c r="A9162" s="1">
        <v>0.96205844076273683</v>
      </c>
      <c r="B9162" s="1"/>
      <c r="C9162">
        <v>8</v>
      </c>
      <c r="D9162" t="s">
        <v>19738</v>
      </c>
      <c r="E9162" t="s">
        <v>33513</v>
      </c>
      <c r="F9162">
        <v>4</v>
      </c>
      <c r="G9162" t="s">
        <v>1</v>
      </c>
      <c r="H9162" t="s">
        <v>19739</v>
      </c>
      <c r="I9162" t="s">
        <v>30540</v>
      </c>
    </row>
    <row r="9163" spans="1:9">
      <c r="A9163" s="1">
        <v>0.1262217539304451</v>
      </c>
      <c r="B9163" s="1"/>
      <c r="C9163">
        <v>10</v>
      </c>
      <c r="D9163" t="s">
        <v>19740</v>
      </c>
      <c r="E9163" t="s">
        <v>33513</v>
      </c>
      <c r="F9163">
        <v>4</v>
      </c>
      <c r="G9163" t="s">
        <v>14</v>
      </c>
      <c r="H9163" t="s">
        <v>19741</v>
      </c>
      <c r="I9163" t="s">
        <v>30540</v>
      </c>
    </row>
    <row r="9164" spans="1:9">
      <c r="A9164" s="1">
        <v>0.50077166789134975</v>
      </c>
      <c r="B9164" s="1"/>
      <c r="C9164">
        <v>15</v>
      </c>
      <c r="D9164" t="s">
        <v>19736</v>
      </c>
      <c r="E9164" t="s">
        <v>33514</v>
      </c>
      <c r="F9164">
        <v>4</v>
      </c>
      <c r="G9164" t="s">
        <v>14</v>
      </c>
      <c r="H9164" t="s">
        <v>19737</v>
      </c>
      <c r="I9164" t="s">
        <v>30540</v>
      </c>
    </row>
    <row r="9165" spans="1:9">
      <c r="A9165" s="1">
        <v>1.9489393091709939E-2</v>
      </c>
      <c r="B9165" s="1"/>
      <c r="C9165">
        <v>2</v>
      </c>
      <c r="D9165" t="s">
        <v>19732</v>
      </c>
      <c r="E9165" t="s">
        <v>33514</v>
      </c>
      <c r="F9165">
        <v>4</v>
      </c>
      <c r="G9165" t="s">
        <v>10</v>
      </c>
      <c r="H9165" t="s">
        <v>19733</v>
      </c>
      <c r="I9165" t="s">
        <v>30540</v>
      </c>
    </row>
    <row r="9166" spans="1:9">
      <c r="A9166" s="1">
        <v>0.85539829840302384</v>
      </c>
      <c r="B9166" s="1"/>
      <c r="C9166">
        <v>10</v>
      </c>
      <c r="D9166" t="s">
        <v>19734</v>
      </c>
      <c r="E9166" t="s">
        <v>33514</v>
      </c>
      <c r="F9166">
        <v>4</v>
      </c>
      <c r="G9166" t="s">
        <v>14</v>
      </c>
      <c r="H9166" t="s">
        <v>19735</v>
      </c>
      <c r="I9166" t="s">
        <v>30540</v>
      </c>
    </row>
    <row r="9167" spans="1:9">
      <c r="A9167" s="1">
        <v>0.29948201001623997</v>
      </c>
      <c r="B9167" s="1"/>
      <c r="C9167">
        <v>16</v>
      </c>
      <c r="D9167" t="s">
        <v>19726</v>
      </c>
      <c r="E9167" t="s">
        <v>33515</v>
      </c>
      <c r="F9167">
        <v>5</v>
      </c>
      <c r="G9167" t="s">
        <v>9</v>
      </c>
      <c r="H9167" t="s">
        <v>19727</v>
      </c>
      <c r="I9167" t="s">
        <v>30540</v>
      </c>
    </row>
    <row r="9168" spans="1:9">
      <c r="A9168" s="1">
        <v>0.51554030078902835</v>
      </c>
      <c r="B9168" s="1"/>
      <c r="C9168">
        <v>17</v>
      </c>
      <c r="D9168" t="s">
        <v>19728</v>
      </c>
      <c r="E9168" t="s">
        <v>33515</v>
      </c>
      <c r="F9168">
        <v>5</v>
      </c>
      <c r="G9168" t="s">
        <v>9</v>
      </c>
      <c r="H9168" t="s">
        <v>19729</v>
      </c>
      <c r="I9168" t="s">
        <v>30540</v>
      </c>
    </row>
    <row r="9169" spans="1:9">
      <c r="A9169" s="1">
        <v>0.25562612235777715</v>
      </c>
      <c r="B9169" s="1"/>
      <c r="C9169">
        <v>15</v>
      </c>
      <c r="D9169" t="s">
        <v>19724</v>
      </c>
      <c r="E9169" t="s">
        <v>33515</v>
      </c>
      <c r="F9169">
        <v>4</v>
      </c>
      <c r="G9169" t="s">
        <v>9</v>
      </c>
      <c r="H9169" t="s">
        <v>19725</v>
      </c>
      <c r="I9169" t="s">
        <v>30540</v>
      </c>
    </row>
    <row r="9170" spans="1:9">
      <c r="A9170" s="1">
        <v>0.81105814436761026</v>
      </c>
      <c r="B9170" s="1"/>
      <c r="C9170">
        <v>8</v>
      </c>
      <c r="D9170" t="s">
        <v>19722</v>
      </c>
      <c r="E9170" t="s">
        <v>33515</v>
      </c>
      <c r="F9170">
        <v>4</v>
      </c>
      <c r="G9170" t="s">
        <v>9</v>
      </c>
      <c r="H9170" t="s">
        <v>19723</v>
      </c>
      <c r="I9170" t="s">
        <v>30540</v>
      </c>
    </row>
    <row r="9171" spans="1:9">
      <c r="A9171" s="1">
        <v>6.4897602307643298E-2</v>
      </c>
      <c r="B9171" s="1"/>
      <c r="C9171">
        <v>19</v>
      </c>
      <c r="D9171" t="s">
        <v>19720</v>
      </c>
      <c r="E9171" t="s">
        <v>33516</v>
      </c>
      <c r="F9171">
        <v>5</v>
      </c>
      <c r="G9171" t="s">
        <v>14</v>
      </c>
      <c r="H9171" t="s">
        <v>19721</v>
      </c>
      <c r="I9171" t="s">
        <v>30540</v>
      </c>
    </row>
    <row r="9172" spans="1:9">
      <c r="A9172" s="1">
        <v>0.8927780694685683</v>
      </c>
      <c r="B9172" s="1"/>
      <c r="C9172">
        <v>8</v>
      </c>
      <c r="D9172" t="s">
        <v>19710</v>
      </c>
      <c r="E9172" t="s">
        <v>33516</v>
      </c>
      <c r="F9172">
        <v>4</v>
      </c>
      <c r="G9172" t="s">
        <v>14</v>
      </c>
      <c r="H9172" t="s">
        <v>19711</v>
      </c>
      <c r="I9172" t="s">
        <v>30540</v>
      </c>
    </row>
    <row r="9173" spans="1:9">
      <c r="A9173" s="1">
        <v>0.83052726811055166</v>
      </c>
      <c r="B9173" s="1"/>
      <c r="C9173">
        <v>10</v>
      </c>
      <c r="D9173" t="s">
        <v>19712</v>
      </c>
      <c r="E9173" t="s">
        <v>33516</v>
      </c>
      <c r="F9173">
        <v>4</v>
      </c>
      <c r="G9173" t="s">
        <v>10</v>
      </c>
      <c r="H9173" t="s">
        <v>19713</v>
      </c>
      <c r="I9173" t="s">
        <v>30540</v>
      </c>
    </row>
    <row r="9174" spans="1:9">
      <c r="A9174" s="1">
        <v>0.29351521056861296</v>
      </c>
      <c r="B9174" s="1"/>
      <c r="C9174">
        <v>13</v>
      </c>
      <c r="D9174" t="s">
        <v>19714</v>
      </c>
      <c r="E9174" t="s">
        <v>33516</v>
      </c>
      <c r="F9174">
        <v>4</v>
      </c>
      <c r="G9174" t="s">
        <v>2</v>
      </c>
      <c r="H9174" t="s">
        <v>19715</v>
      </c>
      <c r="I9174" t="s">
        <v>30540</v>
      </c>
    </row>
    <row r="9175" spans="1:9">
      <c r="A9175" s="1">
        <v>0.78363398253229732</v>
      </c>
      <c r="B9175" s="1"/>
      <c r="C9175">
        <v>14</v>
      </c>
      <c r="D9175" t="s">
        <v>19716</v>
      </c>
      <c r="E9175" t="s">
        <v>33516</v>
      </c>
      <c r="F9175">
        <v>4</v>
      </c>
      <c r="G9175" t="s">
        <v>14</v>
      </c>
      <c r="H9175" t="s">
        <v>19717</v>
      </c>
      <c r="I9175" t="s">
        <v>30540</v>
      </c>
    </row>
    <row r="9176" spans="1:9">
      <c r="A9176" s="1">
        <v>0.53439103415561284</v>
      </c>
      <c r="B9176" s="1"/>
      <c r="C9176">
        <v>9</v>
      </c>
      <c r="D9176" t="s">
        <v>19702</v>
      </c>
      <c r="E9176" t="s">
        <v>33517</v>
      </c>
      <c r="F9176">
        <v>5</v>
      </c>
      <c r="G9176" t="s">
        <v>15</v>
      </c>
      <c r="H9176" t="s">
        <v>19703</v>
      </c>
      <c r="I9176" t="s">
        <v>30540</v>
      </c>
    </row>
    <row r="9177" spans="1:9">
      <c r="A9177" s="1">
        <v>0.4516696313796883</v>
      </c>
      <c r="B9177" s="1"/>
      <c r="C9177">
        <v>13</v>
      </c>
      <c r="D9177" t="s">
        <v>19704</v>
      </c>
      <c r="E9177" t="s">
        <v>33517</v>
      </c>
      <c r="F9177">
        <v>4</v>
      </c>
      <c r="G9177" t="s">
        <v>9</v>
      </c>
      <c r="H9177" t="s">
        <v>19705</v>
      </c>
      <c r="I9177" t="s">
        <v>30540</v>
      </c>
    </row>
    <row r="9178" spans="1:9">
      <c r="A9178" s="1">
        <v>0.35486181306519371</v>
      </c>
      <c r="B9178" s="1"/>
      <c r="C9178">
        <v>4</v>
      </c>
      <c r="D9178" t="s">
        <v>19694</v>
      </c>
      <c r="E9178" t="s">
        <v>33518</v>
      </c>
      <c r="F9178">
        <v>4</v>
      </c>
      <c r="G9178" t="s">
        <v>14</v>
      </c>
      <c r="H9178" t="s">
        <v>19695</v>
      </c>
      <c r="I9178" t="s">
        <v>30540</v>
      </c>
    </row>
    <row r="9179" spans="1:9">
      <c r="A9179" s="1">
        <v>0.71002866736082471</v>
      </c>
      <c r="B9179" s="1"/>
      <c r="C9179">
        <v>15</v>
      </c>
      <c r="D9179" t="s">
        <v>19696</v>
      </c>
      <c r="E9179" t="s">
        <v>33518</v>
      </c>
      <c r="F9179">
        <v>4</v>
      </c>
      <c r="G9179" t="s">
        <v>15</v>
      </c>
      <c r="H9179" t="s">
        <v>19697</v>
      </c>
      <c r="I9179" t="s">
        <v>30540</v>
      </c>
    </row>
    <row r="9180" spans="1:9">
      <c r="A9180" s="1">
        <v>0.17362994613456117</v>
      </c>
      <c r="B9180" s="1"/>
      <c r="C9180">
        <v>20</v>
      </c>
      <c r="D9180" t="s">
        <v>19700</v>
      </c>
      <c r="E9180" t="s">
        <v>33518</v>
      </c>
      <c r="F9180">
        <v>4</v>
      </c>
      <c r="G9180" t="s">
        <v>14</v>
      </c>
      <c r="H9180" t="s">
        <v>19701</v>
      </c>
      <c r="I9180" t="s">
        <v>30540</v>
      </c>
    </row>
    <row r="9181" spans="1:9">
      <c r="A9181" s="1">
        <v>0.88507412320479439</v>
      </c>
      <c r="B9181" s="1"/>
      <c r="C9181">
        <v>17</v>
      </c>
      <c r="D9181" t="s">
        <v>19698</v>
      </c>
      <c r="E9181" t="s">
        <v>33518</v>
      </c>
      <c r="F9181">
        <v>4</v>
      </c>
      <c r="G9181" t="s">
        <v>14</v>
      </c>
      <c r="H9181" t="s">
        <v>19699</v>
      </c>
      <c r="I9181" t="s">
        <v>30540</v>
      </c>
    </row>
    <row r="9182" spans="1:9">
      <c r="A9182" s="1">
        <v>0.32587787348364261</v>
      </c>
      <c r="B9182" s="1"/>
      <c r="C9182">
        <v>19</v>
      </c>
      <c r="D9182" t="s">
        <v>19688</v>
      </c>
      <c r="E9182" t="s">
        <v>33519</v>
      </c>
      <c r="F9182">
        <v>4</v>
      </c>
      <c r="G9182" t="s">
        <v>0</v>
      </c>
      <c r="H9182" t="s">
        <v>19689</v>
      </c>
      <c r="I9182" t="s">
        <v>30540</v>
      </c>
    </row>
    <row r="9183" spans="1:9">
      <c r="A9183" s="1">
        <v>0.56739767073466152</v>
      </c>
      <c r="B9183" s="1"/>
      <c r="C9183">
        <v>20</v>
      </c>
      <c r="D9183" t="s">
        <v>19690</v>
      </c>
      <c r="E9183" t="s">
        <v>33519</v>
      </c>
      <c r="F9183">
        <v>4</v>
      </c>
      <c r="G9183" t="s">
        <v>14</v>
      </c>
      <c r="H9183" t="s">
        <v>19691</v>
      </c>
      <c r="I9183" t="s">
        <v>30540</v>
      </c>
    </row>
    <row r="9184" spans="1:9">
      <c r="A9184" s="1">
        <v>0.83608697437268498</v>
      </c>
      <c r="B9184" s="1"/>
      <c r="C9184">
        <v>14</v>
      </c>
      <c r="D9184" t="s">
        <v>19686</v>
      </c>
      <c r="E9184" t="s">
        <v>33520</v>
      </c>
      <c r="F9184">
        <v>4</v>
      </c>
      <c r="G9184" t="s">
        <v>14</v>
      </c>
      <c r="H9184" t="s">
        <v>19687</v>
      </c>
      <c r="I9184" t="s">
        <v>30540</v>
      </c>
    </row>
    <row r="9185" spans="1:9">
      <c r="A9185" s="1">
        <v>7.3840345394567186E-2</v>
      </c>
      <c r="B9185" s="1"/>
      <c r="C9185">
        <v>18</v>
      </c>
      <c r="D9185" t="s">
        <v>19682</v>
      </c>
      <c r="E9185" t="s">
        <v>33521</v>
      </c>
      <c r="F9185">
        <v>5</v>
      </c>
      <c r="G9185" t="s">
        <v>14</v>
      </c>
      <c r="H9185" t="s">
        <v>19683</v>
      </c>
      <c r="I9185" t="s">
        <v>30540</v>
      </c>
    </row>
    <row r="9186" spans="1:9">
      <c r="A9186" s="1">
        <v>0.97532722732885313</v>
      </c>
      <c r="B9186" s="1"/>
      <c r="C9186">
        <v>13</v>
      </c>
      <c r="D9186" t="s">
        <v>19678</v>
      </c>
      <c r="E9186" t="s">
        <v>33521</v>
      </c>
      <c r="F9186">
        <v>4</v>
      </c>
      <c r="G9186" t="s">
        <v>14</v>
      </c>
      <c r="H9186" t="s">
        <v>19679</v>
      </c>
      <c r="I9186" t="s">
        <v>30540</v>
      </c>
    </row>
    <row r="9187" spans="1:9">
      <c r="A9187" s="1">
        <v>0.6312014871469942</v>
      </c>
      <c r="B9187" s="1"/>
      <c r="C9187">
        <v>8</v>
      </c>
      <c r="D9187" t="s">
        <v>19676</v>
      </c>
      <c r="E9187" t="s">
        <v>33521</v>
      </c>
      <c r="F9187">
        <v>4</v>
      </c>
      <c r="G9187" t="s">
        <v>9</v>
      </c>
      <c r="H9187" t="s">
        <v>19677</v>
      </c>
      <c r="I9187" t="s">
        <v>30540</v>
      </c>
    </row>
    <row r="9188" spans="1:9">
      <c r="A9188" s="1">
        <v>0.17344912186455819</v>
      </c>
      <c r="B9188" s="1"/>
      <c r="C9188">
        <v>14</v>
      </c>
      <c r="D9188" t="s">
        <v>19680</v>
      </c>
      <c r="E9188" t="s">
        <v>33521</v>
      </c>
      <c r="F9188">
        <v>3</v>
      </c>
      <c r="G9188" t="s">
        <v>14</v>
      </c>
      <c r="H9188" t="s">
        <v>19681</v>
      </c>
      <c r="I9188" t="s">
        <v>30540</v>
      </c>
    </row>
    <row r="9189" spans="1:9">
      <c r="A9189" s="1">
        <v>0.60343553335839462</v>
      </c>
      <c r="B9189" s="1"/>
      <c r="C9189">
        <v>1</v>
      </c>
      <c r="D9189" t="s">
        <v>19674</v>
      </c>
      <c r="E9189" t="s">
        <v>33521</v>
      </c>
      <c r="F9189">
        <v>3</v>
      </c>
      <c r="G9189" t="s">
        <v>10</v>
      </c>
      <c r="H9189" t="s">
        <v>19675</v>
      </c>
      <c r="I9189" t="s">
        <v>30540</v>
      </c>
    </row>
    <row r="9190" spans="1:9">
      <c r="A9190" s="1">
        <v>0.33722483525226743</v>
      </c>
      <c r="B9190" s="1"/>
      <c r="C9190">
        <v>7</v>
      </c>
      <c r="D9190" t="s">
        <v>19672</v>
      </c>
      <c r="E9190" t="s">
        <v>33522</v>
      </c>
      <c r="F9190">
        <v>5</v>
      </c>
      <c r="G9190" t="s">
        <v>1</v>
      </c>
      <c r="H9190" t="s">
        <v>19673</v>
      </c>
      <c r="I9190" t="s">
        <v>30540</v>
      </c>
    </row>
    <row r="9191" spans="1:9">
      <c r="A9191" s="1">
        <v>0.25614036504948967</v>
      </c>
      <c r="B9191" s="1"/>
      <c r="C9191">
        <v>4</v>
      </c>
      <c r="D9191" t="s">
        <v>19662</v>
      </c>
      <c r="E9191" t="s">
        <v>33523</v>
      </c>
      <c r="F9191">
        <v>5</v>
      </c>
      <c r="G9191" t="s">
        <v>14</v>
      </c>
      <c r="H9191" t="s">
        <v>19663</v>
      </c>
      <c r="I9191" t="s">
        <v>30540</v>
      </c>
    </row>
    <row r="9192" spans="1:9">
      <c r="A9192" s="1">
        <v>0.7963228201816579</v>
      </c>
      <c r="B9192" s="1"/>
      <c r="C9192">
        <v>11</v>
      </c>
      <c r="D9192" t="s">
        <v>19666</v>
      </c>
      <c r="E9192" t="s">
        <v>33523</v>
      </c>
      <c r="F9192">
        <v>4</v>
      </c>
      <c r="G9192" t="s">
        <v>14</v>
      </c>
      <c r="H9192" t="s">
        <v>19667</v>
      </c>
      <c r="I9192" t="s">
        <v>30540</v>
      </c>
    </row>
    <row r="9193" spans="1:9">
      <c r="A9193" s="1">
        <v>0.31722035754601552</v>
      </c>
      <c r="B9193" s="1"/>
      <c r="C9193">
        <v>8</v>
      </c>
      <c r="D9193" t="s">
        <v>19664</v>
      </c>
      <c r="E9193" t="s">
        <v>33523</v>
      </c>
      <c r="F9193">
        <v>4</v>
      </c>
      <c r="G9193" t="s">
        <v>13</v>
      </c>
      <c r="H9193" t="s">
        <v>19665</v>
      </c>
      <c r="I9193" t="s">
        <v>30540</v>
      </c>
    </row>
    <row r="9194" spans="1:9">
      <c r="A9194" s="1">
        <v>0.41841116436398385</v>
      </c>
      <c r="B9194" s="1"/>
      <c r="C9194">
        <v>14</v>
      </c>
      <c r="D9194" t="s">
        <v>19670</v>
      </c>
      <c r="E9194" t="s">
        <v>33523</v>
      </c>
      <c r="F9194">
        <v>4</v>
      </c>
      <c r="G9194" t="s">
        <v>0</v>
      </c>
      <c r="H9194" t="s">
        <v>19671</v>
      </c>
      <c r="I9194" t="s">
        <v>30540</v>
      </c>
    </row>
    <row r="9195" spans="1:9">
      <c r="A9195" s="1">
        <v>0.28343113014915167</v>
      </c>
      <c r="B9195" s="1"/>
      <c r="C9195">
        <v>13</v>
      </c>
      <c r="D9195" t="s">
        <v>19668</v>
      </c>
      <c r="E9195" t="s">
        <v>33523</v>
      </c>
      <c r="F9195">
        <v>3</v>
      </c>
      <c r="G9195" t="s">
        <v>14</v>
      </c>
      <c r="H9195" t="s">
        <v>19669</v>
      </c>
      <c r="I9195" t="s">
        <v>30540</v>
      </c>
    </row>
    <row r="9196" spans="1:9">
      <c r="A9196" s="1">
        <v>0.97155054555400033</v>
      </c>
      <c r="B9196" s="1"/>
      <c r="C9196">
        <v>6</v>
      </c>
      <c r="D9196" t="s">
        <v>19656</v>
      </c>
      <c r="E9196" t="s">
        <v>33524</v>
      </c>
      <c r="F9196">
        <v>5</v>
      </c>
      <c r="G9196" t="s">
        <v>14</v>
      </c>
      <c r="H9196" t="s">
        <v>19657</v>
      </c>
      <c r="I9196" t="s">
        <v>30540</v>
      </c>
    </row>
    <row r="9197" spans="1:9">
      <c r="A9197" s="1">
        <v>0.80349170326695663</v>
      </c>
      <c r="B9197" s="1"/>
      <c r="C9197">
        <v>7</v>
      </c>
      <c r="D9197" t="s">
        <v>19658</v>
      </c>
      <c r="E9197" t="s">
        <v>33524</v>
      </c>
      <c r="F9197">
        <v>4</v>
      </c>
      <c r="G9197" t="s">
        <v>9</v>
      </c>
      <c r="H9197" t="s">
        <v>19659</v>
      </c>
      <c r="I9197" t="s">
        <v>30540</v>
      </c>
    </row>
    <row r="9198" spans="1:9">
      <c r="A9198" s="1">
        <v>0.98083393480673731</v>
      </c>
      <c r="B9198" s="1"/>
      <c r="C9198">
        <v>14</v>
      </c>
      <c r="D9198" t="s">
        <v>19660</v>
      </c>
      <c r="E9198" t="s">
        <v>33524</v>
      </c>
      <c r="F9198">
        <v>4</v>
      </c>
      <c r="G9198" t="s">
        <v>0</v>
      </c>
      <c r="H9198" t="s">
        <v>19661</v>
      </c>
      <c r="I9198" t="s">
        <v>30540</v>
      </c>
    </row>
    <row r="9199" spans="1:9">
      <c r="A9199" s="1">
        <v>0.10587748464435764</v>
      </c>
      <c r="B9199" s="1"/>
      <c r="C9199">
        <v>9</v>
      </c>
      <c r="D9199" t="s">
        <v>19646</v>
      </c>
      <c r="E9199" t="s">
        <v>33525</v>
      </c>
      <c r="F9199">
        <v>5</v>
      </c>
      <c r="G9199" t="s">
        <v>10</v>
      </c>
      <c r="H9199" t="s">
        <v>19647</v>
      </c>
      <c r="I9199" t="s">
        <v>30540</v>
      </c>
    </row>
    <row r="9200" spans="1:9">
      <c r="A9200" s="1">
        <v>0.79681200560212007</v>
      </c>
      <c r="B9200" s="1"/>
      <c r="C9200">
        <v>12</v>
      </c>
      <c r="D9200" t="s">
        <v>19650</v>
      </c>
      <c r="E9200" t="s">
        <v>33525</v>
      </c>
      <c r="F9200">
        <v>5</v>
      </c>
      <c r="G9200" t="s">
        <v>0</v>
      </c>
      <c r="H9200" t="s">
        <v>19651</v>
      </c>
      <c r="I9200" t="s">
        <v>30540</v>
      </c>
    </row>
    <row r="9201" spans="1:9">
      <c r="A9201" s="1">
        <v>0.23428145596444272</v>
      </c>
      <c r="B9201" s="1"/>
      <c r="C9201">
        <v>16</v>
      </c>
      <c r="D9201" t="s">
        <v>19654</v>
      </c>
      <c r="E9201" t="s">
        <v>33525</v>
      </c>
      <c r="F9201">
        <v>4</v>
      </c>
      <c r="G9201" t="s">
        <v>10</v>
      </c>
      <c r="H9201" t="s">
        <v>19655</v>
      </c>
      <c r="I9201" t="s">
        <v>30540</v>
      </c>
    </row>
    <row r="9202" spans="1:9">
      <c r="A9202" s="1">
        <v>0.97935186465333202</v>
      </c>
      <c r="B9202" s="1"/>
      <c r="C9202">
        <v>14</v>
      </c>
      <c r="D9202" t="s">
        <v>19652</v>
      </c>
      <c r="E9202" t="s">
        <v>33525</v>
      </c>
      <c r="F9202">
        <v>3</v>
      </c>
      <c r="G9202" t="s">
        <v>1</v>
      </c>
      <c r="H9202" t="s">
        <v>19653</v>
      </c>
      <c r="I9202" t="s">
        <v>30540</v>
      </c>
    </row>
    <row r="9203" spans="1:9">
      <c r="A9203" s="1">
        <v>0.53136052519226207</v>
      </c>
      <c r="B9203" s="1"/>
      <c r="C9203">
        <v>10</v>
      </c>
      <c r="D9203" t="s">
        <v>19648</v>
      </c>
      <c r="E9203" t="s">
        <v>33525</v>
      </c>
      <c r="F9203">
        <v>3</v>
      </c>
      <c r="G9203" t="s">
        <v>10</v>
      </c>
      <c r="H9203" t="s">
        <v>19649</v>
      </c>
      <c r="I9203" t="s">
        <v>30540</v>
      </c>
    </row>
    <row r="9204" spans="1:9">
      <c r="A9204" s="1">
        <v>0.8417627544987073</v>
      </c>
      <c r="B9204" s="1"/>
      <c r="C9204">
        <v>1</v>
      </c>
      <c r="D9204" t="s">
        <v>19640</v>
      </c>
      <c r="E9204" t="s">
        <v>33526</v>
      </c>
      <c r="F9204">
        <v>4</v>
      </c>
      <c r="G9204" t="s">
        <v>10</v>
      </c>
      <c r="H9204" t="s">
        <v>19641</v>
      </c>
      <c r="I9204" t="s">
        <v>30540</v>
      </c>
    </row>
    <row r="9205" spans="1:9">
      <c r="A9205" s="1">
        <v>0.87917010841879462</v>
      </c>
      <c r="B9205" s="1"/>
      <c r="C9205">
        <v>7</v>
      </c>
      <c r="D9205" t="s">
        <v>19642</v>
      </c>
      <c r="E9205" t="s">
        <v>33526</v>
      </c>
      <c r="F9205">
        <v>4</v>
      </c>
      <c r="G9205" t="s">
        <v>10</v>
      </c>
      <c r="H9205" t="s">
        <v>19643</v>
      </c>
      <c r="I9205" t="s">
        <v>30540</v>
      </c>
    </row>
    <row r="9206" spans="1:9">
      <c r="A9206" s="1">
        <v>0.63013190903609162</v>
      </c>
      <c r="B9206" s="1"/>
      <c r="C9206">
        <v>9</v>
      </c>
      <c r="D9206" t="s">
        <v>19644</v>
      </c>
      <c r="E9206" t="s">
        <v>33526</v>
      </c>
      <c r="F9206">
        <v>4</v>
      </c>
      <c r="G9206" t="s">
        <v>14</v>
      </c>
      <c r="H9206" t="s">
        <v>19645</v>
      </c>
      <c r="I9206" t="s">
        <v>30540</v>
      </c>
    </row>
    <row r="9207" spans="1:9">
      <c r="A9207" s="1">
        <v>8.3929436868748208E-2</v>
      </c>
      <c r="B9207" s="1"/>
      <c r="C9207">
        <v>19</v>
      </c>
      <c r="D9207" t="s">
        <v>19638</v>
      </c>
      <c r="E9207" t="s">
        <v>33527</v>
      </c>
      <c r="F9207">
        <v>5</v>
      </c>
      <c r="G9207" t="s">
        <v>10</v>
      </c>
      <c r="H9207" t="s">
        <v>19639</v>
      </c>
      <c r="I9207" t="s">
        <v>30540</v>
      </c>
    </row>
    <row r="9208" spans="1:9">
      <c r="A9208" s="1">
        <v>0.62969654064600633</v>
      </c>
      <c r="B9208" s="1"/>
      <c r="C9208">
        <v>15</v>
      </c>
      <c r="D9208" t="s">
        <v>19636</v>
      </c>
      <c r="E9208" t="s">
        <v>33527</v>
      </c>
      <c r="F9208">
        <v>4</v>
      </c>
      <c r="G9208" t="s">
        <v>1431</v>
      </c>
      <c r="H9208" t="s">
        <v>19637</v>
      </c>
      <c r="I9208" t="s">
        <v>30540</v>
      </c>
    </row>
    <row r="9209" spans="1:9">
      <c r="A9209" s="1">
        <v>0.11348270726659015</v>
      </c>
      <c r="B9209" s="1"/>
      <c r="C9209">
        <v>6</v>
      </c>
      <c r="D9209" t="s">
        <v>19634</v>
      </c>
      <c r="E9209" t="s">
        <v>33527</v>
      </c>
      <c r="F9209">
        <v>3</v>
      </c>
      <c r="G9209" t="s">
        <v>1295</v>
      </c>
      <c r="H9209" t="s">
        <v>19635</v>
      </c>
      <c r="I9209" t="s">
        <v>30540</v>
      </c>
    </row>
    <row r="9210" spans="1:9">
      <c r="A9210" s="1">
        <v>0.85578744356064429</v>
      </c>
      <c r="B9210" s="1"/>
      <c r="C9210">
        <v>10</v>
      </c>
      <c r="D9210" t="s">
        <v>19632</v>
      </c>
      <c r="E9210" t="s">
        <v>33528</v>
      </c>
      <c r="F9210">
        <v>5</v>
      </c>
      <c r="G9210" t="s">
        <v>14</v>
      </c>
      <c r="H9210" t="s">
        <v>19633</v>
      </c>
      <c r="I9210" t="s">
        <v>30540</v>
      </c>
    </row>
    <row r="9211" spans="1:9">
      <c r="A9211" s="1">
        <v>0.90973892234721421</v>
      </c>
      <c r="B9211" s="1"/>
      <c r="C9211">
        <v>7</v>
      </c>
      <c r="D9211" t="s">
        <v>19630</v>
      </c>
      <c r="E9211" t="s">
        <v>33528</v>
      </c>
      <c r="F9211">
        <v>4</v>
      </c>
      <c r="G9211" t="s">
        <v>14</v>
      </c>
      <c r="H9211" t="s">
        <v>19631</v>
      </c>
      <c r="I9211" t="s">
        <v>30540</v>
      </c>
    </row>
    <row r="9212" spans="1:9">
      <c r="A9212" s="1">
        <v>0.54948875569798417</v>
      </c>
      <c r="B9212" s="1"/>
      <c r="C9212">
        <v>11</v>
      </c>
      <c r="D9212" t="s">
        <v>19626</v>
      </c>
      <c r="E9212" t="s">
        <v>33529</v>
      </c>
      <c r="F9212">
        <v>5</v>
      </c>
      <c r="G9212" t="s">
        <v>14</v>
      </c>
      <c r="H9212" t="s">
        <v>19627</v>
      </c>
      <c r="I9212" t="s">
        <v>30540</v>
      </c>
    </row>
    <row r="9213" spans="1:9">
      <c r="A9213" s="1">
        <v>0.34353521251279107</v>
      </c>
      <c r="B9213" s="1"/>
      <c r="C9213">
        <v>2</v>
      </c>
      <c r="D9213" t="s">
        <v>19618</v>
      </c>
      <c r="E9213" t="s">
        <v>33529</v>
      </c>
      <c r="F9213">
        <v>4</v>
      </c>
      <c r="G9213" t="s">
        <v>15</v>
      </c>
      <c r="H9213" t="s">
        <v>19619</v>
      </c>
      <c r="I9213" t="s">
        <v>30540</v>
      </c>
    </row>
    <row r="9214" spans="1:9">
      <c r="A9214" s="1">
        <v>0.4747588466456969</v>
      </c>
      <c r="B9214" s="1"/>
      <c r="C9214">
        <v>7</v>
      </c>
      <c r="D9214" t="s">
        <v>19624</v>
      </c>
      <c r="E9214" t="s">
        <v>33529</v>
      </c>
      <c r="F9214">
        <v>4</v>
      </c>
      <c r="G9214" t="s">
        <v>9</v>
      </c>
      <c r="H9214" t="s">
        <v>19625</v>
      </c>
      <c r="I9214" t="s">
        <v>30540</v>
      </c>
    </row>
    <row r="9215" spans="1:9">
      <c r="A9215" s="1">
        <v>8.116225180093839E-2</v>
      </c>
      <c r="B9215" s="1"/>
      <c r="C9215">
        <v>3</v>
      </c>
      <c r="D9215" t="s">
        <v>19620</v>
      </c>
      <c r="E9215" t="s">
        <v>33529</v>
      </c>
      <c r="F9215">
        <v>4</v>
      </c>
      <c r="G9215" t="s">
        <v>10</v>
      </c>
      <c r="H9215" t="s">
        <v>19621</v>
      </c>
      <c r="I9215" t="s">
        <v>30540</v>
      </c>
    </row>
    <row r="9216" spans="1:9">
      <c r="A9216" s="1">
        <v>0.26587369825305562</v>
      </c>
      <c r="B9216" s="1"/>
      <c r="C9216">
        <v>16</v>
      </c>
      <c r="D9216" t="s">
        <v>19628</v>
      </c>
      <c r="E9216" t="s">
        <v>33529</v>
      </c>
      <c r="F9216">
        <v>3</v>
      </c>
      <c r="G9216" t="s">
        <v>14</v>
      </c>
      <c r="H9216" t="s">
        <v>19629</v>
      </c>
      <c r="I9216" t="s">
        <v>30540</v>
      </c>
    </row>
    <row r="9217" spans="1:9">
      <c r="A9217" s="1">
        <v>0.80949912614911812</v>
      </c>
      <c r="B9217" s="1"/>
      <c r="C9217">
        <v>6</v>
      </c>
      <c r="D9217" t="s">
        <v>19608</v>
      </c>
      <c r="E9217" t="s">
        <v>33530</v>
      </c>
      <c r="F9217">
        <v>4</v>
      </c>
      <c r="G9217" t="s">
        <v>14</v>
      </c>
      <c r="H9217" t="s">
        <v>19609</v>
      </c>
      <c r="I9217" t="s">
        <v>30540</v>
      </c>
    </row>
    <row r="9218" spans="1:9">
      <c r="A9218" s="1">
        <v>0.40607213357706451</v>
      </c>
      <c r="B9218" s="1"/>
      <c r="C9218">
        <v>7</v>
      </c>
      <c r="D9218" t="s">
        <v>19610</v>
      </c>
      <c r="E9218" t="s">
        <v>33530</v>
      </c>
      <c r="F9218">
        <v>4</v>
      </c>
      <c r="G9218" t="s">
        <v>14</v>
      </c>
      <c r="H9218" t="s">
        <v>19611</v>
      </c>
      <c r="I9218" t="s">
        <v>30540</v>
      </c>
    </row>
    <row r="9219" spans="1:9">
      <c r="A9219" s="1">
        <v>0.42113229124923113</v>
      </c>
      <c r="B9219" s="1"/>
      <c r="C9219">
        <v>12</v>
      </c>
      <c r="D9219" t="s">
        <v>19616</v>
      </c>
      <c r="E9219" t="s">
        <v>33530</v>
      </c>
      <c r="F9219">
        <v>4</v>
      </c>
      <c r="G9219" t="s">
        <v>13</v>
      </c>
      <c r="H9219" t="s">
        <v>19617</v>
      </c>
      <c r="I9219" t="s">
        <v>30540</v>
      </c>
    </row>
    <row r="9220" spans="1:9">
      <c r="A9220" s="1">
        <v>0.29220684924883933</v>
      </c>
      <c r="B9220" s="1"/>
      <c r="C9220">
        <v>9</v>
      </c>
      <c r="D9220" t="s">
        <v>19612</v>
      </c>
      <c r="E9220" t="s">
        <v>33530</v>
      </c>
      <c r="F9220">
        <v>4</v>
      </c>
      <c r="G9220" t="s">
        <v>1</v>
      </c>
      <c r="H9220" t="s">
        <v>19613</v>
      </c>
      <c r="I9220" t="s">
        <v>30540</v>
      </c>
    </row>
    <row r="9221" spans="1:9">
      <c r="A9221" s="1">
        <v>0.37092349903145116</v>
      </c>
      <c r="B9221" s="1"/>
      <c r="C9221">
        <v>17</v>
      </c>
      <c r="D9221" t="s">
        <v>19606</v>
      </c>
      <c r="E9221" t="s">
        <v>33531</v>
      </c>
      <c r="F9221">
        <v>5</v>
      </c>
      <c r="G9221" t="s">
        <v>0</v>
      </c>
      <c r="H9221" t="s">
        <v>19607</v>
      </c>
      <c r="I9221" t="s">
        <v>30540</v>
      </c>
    </row>
    <row r="9222" spans="1:9">
      <c r="A9222" s="1">
        <v>0.15432965357703265</v>
      </c>
      <c r="B9222" s="1"/>
      <c r="C9222">
        <v>8</v>
      </c>
      <c r="D9222" t="s">
        <v>19598</v>
      </c>
      <c r="E9222" t="s">
        <v>33531</v>
      </c>
      <c r="F9222">
        <v>4</v>
      </c>
      <c r="G9222" t="s">
        <v>13</v>
      </c>
      <c r="H9222" t="s">
        <v>19599</v>
      </c>
      <c r="I9222" t="s">
        <v>30540</v>
      </c>
    </row>
    <row r="9223" spans="1:9">
      <c r="A9223" s="1">
        <v>2.3376419960766781E-2</v>
      </c>
      <c r="B9223" s="1"/>
      <c r="C9223">
        <v>13</v>
      </c>
      <c r="D9223" t="s">
        <v>19602</v>
      </c>
      <c r="E9223" t="s">
        <v>33531</v>
      </c>
      <c r="F9223">
        <v>4</v>
      </c>
      <c r="G9223" t="s">
        <v>10</v>
      </c>
      <c r="H9223" t="s">
        <v>19603</v>
      </c>
      <c r="I9223" t="s">
        <v>30540</v>
      </c>
    </row>
    <row r="9224" spans="1:9">
      <c r="A9224" s="1">
        <v>0.12880453578847573</v>
      </c>
      <c r="B9224" s="1"/>
      <c r="C9224">
        <v>14</v>
      </c>
      <c r="D9224" t="s">
        <v>19604</v>
      </c>
      <c r="E9224" t="s">
        <v>33531</v>
      </c>
      <c r="F9224">
        <v>4</v>
      </c>
      <c r="G9224" t="s">
        <v>10</v>
      </c>
      <c r="H9224" t="s">
        <v>19605</v>
      </c>
      <c r="I9224" t="s">
        <v>30540</v>
      </c>
    </row>
    <row r="9225" spans="1:9">
      <c r="A9225" s="1">
        <v>0.39985825907770978</v>
      </c>
      <c r="B9225" s="1"/>
      <c r="C9225">
        <v>19</v>
      </c>
      <c r="D9225" t="s">
        <v>19596</v>
      </c>
      <c r="E9225" t="s">
        <v>33532</v>
      </c>
      <c r="F9225">
        <v>5</v>
      </c>
      <c r="G9225" t="s">
        <v>1</v>
      </c>
      <c r="H9225" t="s">
        <v>19597</v>
      </c>
      <c r="I9225" t="s">
        <v>30540</v>
      </c>
    </row>
    <row r="9226" spans="1:9">
      <c r="A9226" s="1">
        <v>0.78917270622393654</v>
      </c>
      <c r="B9226" s="1"/>
      <c r="C9226">
        <v>6</v>
      </c>
      <c r="D9226" t="s">
        <v>19594</v>
      </c>
      <c r="E9226" t="s">
        <v>33532</v>
      </c>
      <c r="F9226">
        <v>3</v>
      </c>
      <c r="G9226" t="s">
        <v>3732</v>
      </c>
      <c r="H9226" t="s">
        <v>19595</v>
      </c>
      <c r="I9226" t="s">
        <v>30540</v>
      </c>
    </row>
    <row r="9227" spans="1:9">
      <c r="A9227" s="1">
        <v>0.19024716788035512</v>
      </c>
      <c r="B9227" s="1"/>
      <c r="C9227">
        <v>1</v>
      </c>
      <c r="D9227" t="s">
        <v>19590</v>
      </c>
      <c r="E9227" t="s">
        <v>33533</v>
      </c>
      <c r="F9227">
        <v>5</v>
      </c>
      <c r="G9227" t="s">
        <v>10</v>
      </c>
      <c r="H9227" t="s">
        <v>19591</v>
      </c>
      <c r="I9227" t="s">
        <v>30540</v>
      </c>
    </row>
    <row r="9228" spans="1:9">
      <c r="A9228" s="1">
        <v>0.81107177022837451</v>
      </c>
      <c r="B9228" s="1"/>
      <c r="C9228">
        <v>10</v>
      </c>
      <c r="D9228" t="s">
        <v>19592</v>
      </c>
      <c r="E9228" t="s">
        <v>33533</v>
      </c>
      <c r="F9228">
        <v>4</v>
      </c>
      <c r="G9228" t="s">
        <v>10</v>
      </c>
      <c r="H9228" t="s">
        <v>19593</v>
      </c>
      <c r="I9228" t="s">
        <v>30540</v>
      </c>
    </row>
    <row r="9229" spans="1:9">
      <c r="A9229" s="1">
        <v>0.64649528135045298</v>
      </c>
      <c r="B9229" s="1"/>
      <c r="C9229">
        <v>5</v>
      </c>
      <c r="D9229" t="s">
        <v>19582</v>
      </c>
      <c r="E9229" t="s">
        <v>33534</v>
      </c>
      <c r="F9229">
        <v>4</v>
      </c>
      <c r="G9229" t="s">
        <v>14</v>
      </c>
      <c r="H9229" t="s">
        <v>19583</v>
      </c>
      <c r="I9229" t="s">
        <v>30540</v>
      </c>
    </row>
    <row r="9230" spans="1:9">
      <c r="A9230" s="1">
        <v>0.191399281997647</v>
      </c>
      <c r="B9230" s="1"/>
      <c r="C9230">
        <v>7</v>
      </c>
      <c r="D9230" t="s">
        <v>19584</v>
      </c>
      <c r="E9230" t="s">
        <v>33534</v>
      </c>
      <c r="F9230">
        <v>4</v>
      </c>
      <c r="G9230" t="s">
        <v>10</v>
      </c>
      <c r="H9230" t="s">
        <v>19585</v>
      </c>
      <c r="I9230" t="s">
        <v>30540</v>
      </c>
    </row>
    <row r="9231" spans="1:9">
      <c r="A9231" s="1">
        <v>1.1396813949871021E-2</v>
      </c>
      <c r="B9231" s="1"/>
      <c r="C9231">
        <v>1</v>
      </c>
      <c r="D9231" t="s">
        <v>19576</v>
      </c>
      <c r="E9231" t="s">
        <v>33534</v>
      </c>
      <c r="F9231">
        <v>4</v>
      </c>
      <c r="G9231" t="s">
        <v>2</v>
      </c>
      <c r="H9231" t="s">
        <v>19577</v>
      </c>
      <c r="I9231" t="s">
        <v>30540</v>
      </c>
    </row>
    <row r="9232" spans="1:9">
      <c r="A9232" s="1">
        <v>0.85917903719595989</v>
      </c>
      <c r="B9232" s="1"/>
      <c r="C9232">
        <v>10</v>
      </c>
      <c r="D9232" t="s">
        <v>19586</v>
      </c>
      <c r="E9232" t="s">
        <v>33534</v>
      </c>
      <c r="F9232">
        <v>4</v>
      </c>
      <c r="G9232" t="s">
        <v>10</v>
      </c>
      <c r="H9232" t="s">
        <v>19587</v>
      </c>
      <c r="I9232" t="s">
        <v>30540</v>
      </c>
    </row>
    <row r="9233" spans="1:9">
      <c r="A9233" s="1">
        <v>0.16843297701860627</v>
      </c>
      <c r="B9233" s="1"/>
      <c r="C9233">
        <v>4</v>
      </c>
      <c r="D9233" t="s">
        <v>19580</v>
      </c>
      <c r="E9233" t="s">
        <v>33534</v>
      </c>
      <c r="F9233">
        <v>4</v>
      </c>
      <c r="G9233" t="s">
        <v>14</v>
      </c>
      <c r="H9233" t="s">
        <v>19581</v>
      </c>
      <c r="I9233" t="s">
        <v>30540</v>
      </c>
    </row>
    <row r="9234" spans="1:9">
      <c r="A9234" s="1">
        <v>0.60360923483632212</v>
      </c>
      <c r="B9234" s="1"/>
      <c r="C9234">
        <v>11</v>
      </c>
      <c r="D9234" t="s">
        <v>19588</v>
      </c>
      <c r="E9234" t="s">
        <v>33534</v>
      </c>
      <c r="F9234">
        <v>3</v>
      </c>
      <c r="G9234" t="s">
        <v>14</v>
      </c>
      <c r="H9234" t="s">
        <v>19589</v>
      </c>
      <c r="I9234" t="s">
        <v>30540</v>
      </c>
    </row>
    <row r="9235" spans="1:9">
      <c r="A9235" s="1">
        <v>0.57316849704535988</v>
      </c>
      <c r="B9235" s="1"/>
      <c r="C9235">
        <v>14</v>
      </c>
      <c r="D9235" t="s">
        <v>19572</v>
      </c>
      <c r="E9235" t="s">
        <v>33535</v>
      </c>
      <c r="F9235">
        <v>4</v>
      </c>
      <c r="G9235" t="s">
        <v>14</v>
      </c>
      <c r="H9235" t="s">
        <v>19573</v>
      </c>
      <c r="I9235" t="s">
        <v>30540</v>
      </c>
    </row>
    <row r="9236" spans="1:9">
      <c r="A9236" s="1">
        <v>0.72893850900682844</v>
      </c>
      <c r="B9236" s="1"/>
      <c r="C9236">
        <v>9</v>
      </c>
      <c r="D9236" t="s">
        <v>19568</v>
      </c>
      <c r="E9236" t="s">
        <v>33535</v>
      </c>
      <c r="F9236">
        <v>4</v>
      </c>
      <c r="G9236" t="s">
        <v>0</v>
      </c>
      <c r="H9236" t="s">
        <v>19569</v>
      </c>
      <c r="I9236" t="s">
        <v>30540</v>
      </c>
    </row>
    <row r="9237" spans="1:9">
      <c r="A9237" s="1">
        <v>0.34965730494033775</v>
      </c>
      <c r="B9237" s="1"/>
      <c r="C9237">
        <v>9</v>
      </c>
      <c r="D9237" t="s">
        <v>19564</v>
      </c>
      <c r="E9237" t="s">
        <v>33536</v>
      </c>
      <c r="F9237">
        <v>4</v>
      </c>
      <c r="G9237" t="s">
        <v>2</v>
      </c>
      <c r="H9237" t="s">
        <v>19565</v>
      </c>
      <c r="I9237" t="s">
        <v>30540</v>
      </c>
    </row>
    <row r="9238" spans="1:9">
      <c r="A9238" s="1">
        <v>2.6627225699854207E-2</v>
      </c>
      <c r="B9238" s="1"/>
      <c r="C9238">
        <v>6</v>
      </c>
      <c r="D9238" t="s">
        <v>19562</v>
      </c>
      <c r="E9238" t="s">
        <v>33536</v>
      </c>
      <c r="F9238">
        <v>4</v>
      </c>
      <c r="G9238" t="s">
        <v>2</v>
      </c>
      <c r="H9238" t="s">
        <v>19563</v>
      </c>
      <c r="I9238" t="s">
        <v>30540</v>
      </c>
    </row>
    <row r="9239" spans="1:9">
      <c r="A9239" s="1">
        <v>8.0328145538957507E-2</v>
      </c>
      <c r="B9239" s="1"/>
      <c r="C9239">
        <v>13</v>
      </c>
      <c r="D9239" t="s">
        <v>19566</v>
      </c>
      <c r="E9239" t="s">
        <v>33536</v>
      </c>
      <c r="F9239">
        <v>4</v>
      </c>
      <c r="G9239" t="s">
        <v>2</v>
      </c>
      <c r="H9239" t="s">
        <v>19567</v>
      </c>
      <c r="I9239" t="s">
        <v>30540</v>
      </c>
    </row>
    <row r="9240" spans="1:9">
      <c r="A9240" s="1">
        <v>0.91639177971485941</v>
      </c>
      <c r="B9240" s="1"/>
      <c r="C9240">
        <v>19</v>
      </c>
      <c r="D9240" t="s">
        <v>19558</v>
      </c>
      <c r="E9240" t="s">
        <v>33537</v>
      </c>
      <c r="F9240">
        <v>5</v>
      </c>
      <c r="G9240" t="s">
        <v>762</v>
      </c>
      <c r="H9240" t="s">
        <v>19559</v>
      </c>
      <c r="I9240" t="s">
        <v>30540</v>
      </c>
    </row>
    <row r="9241" spans="1:9">
      <c r="A9241" s="1">
        <v>0.25284309457041565</v>
      </c>
      <c r="B9241" s="1"/>
      <c r="C9241">
        <v>7</v>
      </c>
      <c r="D9241" t="s">
        <v>19554</v>
      </c>
      <c r="E9241" t="s">
        <v>33538</v>
      </c>
      <c r="F9241">
        <v>4</v>
      </c>
      <c r="G9241" t="s">
        <v>14</v>
      </c>
      <c r="H9241" t="s">
        <v>19555</v>
      </c>
      <c r="I9241" t="s">
        <v>30540</v>
      </c>
    </row>
    <row r="9242" spans="1:9">
      <c r="A9242" s="1">
        <v>0.1383619629987316</v>
      </c>
      <c r="B9242" s="1"/>
      <c r="C9242">
        <v>9</v>
      </c>
      <c r="D9242" t="s">
        <v>19548</v>
      </c>
      <c r="E9242" t="s">
        <v>33539</v>
      </c>
      <c r="F9242">
        <v>4</v>
      </c>
      <c r="G9242" t="s">
        <v>10</v>
      </c>
      <c r="H9242" t="s">
        <v>19549</v>
      </c>
      <c r="I9242" t="s">
        <v>30540</v>
      </c>
    </row>
    <row r="9243" spans="1:9">
      <c r="A9243" s="1">
        <v>0.16560912947518391</v>
      </c>
      <c r="B9243" s="1"/>
      <c r="C9243">
        <v>3</v>
      </c>
      <c r="D9243" t="s">
        <v>19544</v>
      </c>
      <c r="E9243" t="s">
        <v>33539</v>
      </c>
      <c r="F9243">
        <v>4</v>
      </c>
      <c r="G9243" t="s">
        <v>10</v>
      </c>
      <c r="H9243" t="s">
        <v>19545</v>
      </c>
      <c r="I9243" t="s">
        <v>30540</v>
      </c>
    </row>
    <row r="9244" spans="1:9">
      <c r="A9244" s="1">
        <v>0.35819508955548884</v>
      </c>
      <c r="B9244" s="1"/>
      <c r="C9244">
        <v>5</v>
      </c>
      <c r="D9244" t="s">
        <v>19546</v>
      </c>
      <c r="E9244" t="s">
        <v>33539</v>
      </c>
      <c r="F9244">
        <v>4</v>
      </c>
      <c r="G9244" t="s">
        <v>9</v>
      </c>
      <c r="H9244" t="s">
        <v>19547</v>
      </c>
      <c r="I9244" t="s">
        <v>30540</v>
      </c>
    </row>
    <row r="9245" spans="1:9">
      <c r="A9245" s="1">
        <v>0.38989338886606228</v>
      </c>
      <c r="B9245" s="1"/>
      <c r="C9245">
        <v>3</v>
      </c>
      <c r="D9245" t="s">
        <v>19534</v>
      </c>
      <c r="E9245" t="s">
        <v>33540</v>
      </c>
      <c r="F9245">
        <v>4</v>
      </c>
      <c r="G9245" t="s">
        <v>0</v>
      </c>
      <c r="H9245" t="s">
        <v>19535</v>
      </c>
      <c r="I9245" t="s">
        <v>30540</v>
      </c>
    </row>
    <row r="9246" spans="1:9">
      <c r="A9246" s="1">
        <v>0.98748191939096297</v>
      </c>
      <c r="B9246" s="1"/>
      <c r="C9246">
        <v>12</v>
      </c>
      <c r="D9246" t="s">
        <v>19538</v>
      </c>
      <c r="E9246" t="s">
        <v>33540</v>
      </c>
      <c r="F9246">
        <v>4</v>
      </c>
      <c r="G9246" t="s">
        <v>14</v>
      </c>
      <c r="H9246" t="s">
        <v>19539</v>
      </c>
      <c r="I9246" t="s">
        <v>30540</v>
      </c>
    </row>
    <row r="9247" spans="1:9">
      <c r="A9247" s="1">
        <v>0.6009985515071421</v>
      </c>
      <c r="B9247" s="1"/>
      <c r="C9247">
        <v>7</v>
      </c>
      <c r="D9247" t="s">
        <v>19536</v>
      </c>
      <c r="E9247" t="s">
        <v>33540</v>
      </c>
      <c r="F9247">
        <v>3</v>
      </c>
      <c r="G9247" t="s">
        <v>14</v>
      </c>
      <c r="H9247" t="s">
        <v>19537</v>
      </c>
      <c r="I9247" t="s">
        <v>30540</v>
      </c>
    </row>
    <row r="9248" spans="1:9">
      <c r="A9248" s="1">
        <v>0.78895071632013203</v>
      </c>
      <c r="B9248" s="1"/>
      <c r="C9248">
        <v>15</v>
      </c>
      <c r="D9248" t="s">
        <v>19542</v>
      </c>
      <c r="E9248" t="s">
        <v>33540</v>
      </c>
      <c r="F9248">
        <v>3</v>
      </c>
      <c r="G9248" t="s">
        <v>14</v>
      </c>
      <c r="H9248" t="s">
        <v>19543</v>
      </c>
      <c r="I9248" t="s">
        <v>30540</v>
      </c>
    </row>
    <row r="9249" spans="1:9">
      <c r="A9249" s="1">
        <v>0.77668557356116508</v>
      </c>
      <c r="B9249" s="1"/>
      <c r="C9249">
        <v>5</v>
      </c>
      <c r="D9249" t="s">
        <v>19526</v>
      </c>
      <c r="E9249" t="s">
        <v>33541</v>
      </c>
      <c r="F9249">
        <v>4</v>
      </c>
      <c r="G9249" t="s">
        <v>15</v>
      </c>
      <c r="H9249" t="s">
        <v>19527</v>
      </c>
      <c r="I9249" t="s">
        <v>30540</v>
      </c>
    </row>
    <row r="9250" spans="1:9">
      <c r="A9250" s="1">
        <v>0.98109693316021929</v>
      </c>
      <c r="B9250" s="1"/>
      <c r="C9250">
        <v>2</v>
      </c>
      <c r="D9250" t="s">
        <v>19522</v>
      </c>
      <c r="E9250" t="s">
        <v>33541</v>
      </c>
      <c r="F9250">
        <v>4</v>
      </c>
      <c r="G9250" t="s">
        <v>9</v>
      </c>
      <c r="H9250" t="s">
        <v>19523</v>
      </c>
      <c r="I9250" t="s">
        <v>30540</v>
      </c>
    </row>
    <row r="9251" spans="1:9">
      <c r="A9251" s="1">
        <v>0.7670548079398265</v>
      </c>
      <c r="B9251" s="1"/>
      <c r="C9251">
        <v>12</v>
      </c>
      <c r="D9251" t="s">
        <v>19530</v>
      </c>
      <c r="E9251" t="s">
        <v>33541</v>
      </c>
      <c r="F9251">
        <v>4</v>
      </c>
      <c r="G9251" t="s">
        <v>10</v>
      </c>
      <c r="H9251" t="s">
        <v>19531</v>
      </c>
      <c r="I9251" t="s">
        <v>30540</v>
      </c>
    </row>
    <row r="9252" spans="1:9">
      <c r="A9252" s="1">
        <v>0.12941288106010296</v>
      </c>
      <c r="B9252" s="1"/>
      <c r="C9252">
        <v>3</v>
      </c>
      <c r="D9252" t="s">
        <v>19524</v>
      </c>
      <c r="E9252" t="s">
        <v>33541</v>
      </c>
      <c r="F9252">
        <v>4</v>
      </c>
      <c r="G9252" t="s">
        <v>9</v>
      </c>
      <c r="H9252" t="s">
        <v>19525</v>
      </c>
      <c r="I9252" t="s">
        <v>30540</v>
      </c>
    </row>
    <row r="9253" spans="1:9">
      <c r="A9253" s="1">
        <v>0.37015757880161348</v>
      </c>
      <c r="B9253" s="1"/>
      <c r="C9253">
        <v>9</v>
      </c>
      <c r="D9253" t="s">
        <v>19528</v>
      </c>
      <c r="E9253" t="s">
        <v>33541</v>
      </c>
      <c r="F9253">
        <v>3</v>
      </c>
      <c r="G9253" t="s">
        <v>10</v>
      </c>
      <c r="H9253" t="s">
        <v>19529</v>
      </c>
      <c r="I9253" t="s">
        <v>30540</v>
      </c>
    </row>
    <row r="9254" spans="1:9">
      <c r="A9254" s="1">
        <v>0.33106410622994853</v>
      </c>
      <c r="B9254" s="1"/>
      <c r="C9254">
        <v>13</v>
      </c>
      <c r="D9254" t="s">
        <v>19532</v>
      </c>
      <c r="E9254" t="s">
        <v>33541</v>
      </c>
      <c r="F9254">
        <v>3</v>
      </c>
      <c r="G9254" t="s">
        <v>10</v>
      </c>
      <c r="H9254" t="s">
        <v>19533</v>
      </c>
      <c r="I9254" t="s">
        <v>30540</v>
      </c>
    </row>
    <row r="9255" spans="1:9">
      <c r="A9255" s="1">
        <v>0.44894402354046603</v>
      </c>
      <c r="B9255" s="1"/>
      <c r="C9255">
        <v>18</v>
      </c>
      <c r="D9255" t="s">
        <v>19520</v>
      </c>
      <c r="E9255" t="s">
        <v>33542</v>
      </c>
      <c r="F9255">
        <v>4</v>
      </c>
      <c r="G9255" t="s">
        <v>3107</v>
      </c>
      <c r="H9255" t="s">
        <v>19521</v>
      </c>
      <c r="I9255" t="s">
        <v>30540</v>
      </c>
    </row>
    <row r="9256" spans="1:9">
      <c r="A9256" s="1">
        <v>0.81732681440459787</v>
      </c>
      <c r="B9256" s="1"/>
      <c r="C9256">
        <v>13</v>
      </c>
      <c r="D9256" t="s">
        <v>19518</v>
      </c>
      <c r="E9256" t="s">
        <v>33542</v>
      </c>
      <c r="F9256">
        <v>4</v>
      </c>
      <c r="G9256" t="s">
        <v>1</v>
      </c>
      <c r="H9256" t="s">
        <v>19519</v>
      </c>
      <c r="I9256" t="s">
        <v>30540</v>
      </c>
    </row>
    <row r="9257" spans="1:9">
      <c r="A9257" s="1">
        <v>0.19247534481611861</v>
      </c>
      <c r="B9257" s="1"/>
      <c r="C9257">
        <v>5</v>
      </c>
      <c r="D9257" t="s">
        <v>19516</v>
      </c>
      <c r="E9257" t="s">
        <v>33542</v>
      </c>
      <c r="F9257">
        <v>4</v>
      </c>
      <c r="G9257" t="s">
        <v>1431</v>
      </c>
      <c r="H9257" t="s">
        <v>19517</v>
      </c>
      <c r="I9257" t="s">
        <v>30540</v>
      </c>
    </row>
    <row r="9258" spans="1:9">
      <c r="A9258" s="1">
        <v>0.83086436493980587</v>
      </c>
      <c r="B9258" s="1"/>
      <c r="C9258">
        <v>6</v>
      </c>
      <c r="D9258" t="s">
        <v>19514</v>
      </c>
      <c r="E9258" t="s">
        <v>33543</v>
      </c>
      <c r="F9258">
        <v>4</v>
      </c>
      <c r="G9258" t="s">
        <v>9</v>
      </c>
      <c r="H9258" t="s">
        <v>19515</v>
      </c>
      <c r="I9258" t="s">
        <v>30540</v>
      </c>
    </row>
    <row r="9259" spans="1:9">
      <c r="A9259" s="1">
        <v>0.83432022232709313</v>
      </c>
      <c r="B9259" s="1"/>
      <c r="C9259">
        <v>5</v>
      </c>
      <c r="D9259" t="s">
        <v>19508</v>
      </c>
      <c r="E9259" t="s">
        <v>33544</v>
      </c>
      <c r="F9259">
        <v>5</v>
      </c>
      <c r="G9259" t="s">
        <v>10</v>
      </c>
      <c r="H9259" t="s">
        <v>19509</v>
      </c>
      <c r="I9259" t="s">
        <v>30540</v>
      </c>
    </row>
    <row r="9260" spans="1:9">
      <c r="A9260" s="1">
        <v>0.79188634967263472</v>
      </c>
      <c r="B9260" s="1"/>
      <c r="C9260">
        <v>4</v>
      </c>
      <c r="D9260" t="s">
        <v>19506</v>
      </c>
      <c r="E9260" t="s">
        <v>33544</v>
      </c>
      <c r="F9260">
        <v>5</v>
      </c>
      <c r="G9260" t="s">
        <v>10</v>
      </c>
      <c r="H9260" t="s">
        <v>19507</v>
      </c>
      <c r="I9260" t="s">
        <v>30540</v>
      </c>
    </row>
    <row r="9261" spans="1:9">
      <c r="A9261" s="1">
        <v>0.97239332148981839</v>
      </c>
      <c r="B9261" s="1"/>
      <c r="C9261">
        <v>12</v>
      </c>
      <c r="D9261" t="s">
        <v>19512</v>
      </c>
      <c r="E9261" t="s">
        <v>33544</v>
      </c>
      <c r="F9261">
        <v>4</v>
      </c>
      <c r="G9261" t="s">
        <v>14</v>
      </c>
      <c r="H9261" t="s">
        <v>19513</v>
      </c>
      <c r="I9261" t="s">
        <v>30540</v>
      </c>
    </row>
    <row r="9262" spans="1:9">
      <c r="A9262" s="1">
        <v>0.13125119242565375</v>
      </c>
      <c r="B9262" s="1"/>
      <c r="C9262">
        <v>9</v>
      </c>
      <c r="D9262" t="s">
        <v>19510</v>
      </c>
      <c r="E9262" t="s">
        <v>33544</v>
      </c>
      <c r="F9262">
        <v>3</v>
      </c>
      <c r="G9262" t="s">
        <v>14</v>
      </c>
      <c r="H9262" t="s">
        <v>19511</v>
      </c>
      <c r="I9262" t="s">
        <v>30540</v>
      </c>
    </row>
    <row r="9263" spans="1:9">
      <c r="A9263" s="1">
        <v>0.23551176693522979</v>
      </c>
      <c r="B9263" s="1"/>
      <c r="C9263">
        <v>6</v>
      </c>
      <c r="D9263" t="s">
        <v>19504</v>
      </c>
      <c r="E9263" t="s">
        <v>33545</v>
      </c>
      <c r="F9263">
        <v>5</v>
      </c>
      <c r="G9263" t="s">
        <v>14</v>
      </c>
      <c r="H9263" t="s">
        <v>19505</v>
      </c>
      <c r="I9263" t="s">
        <v>30540</v>
      </c>
    </row>
    <row r="9264" spans="1:9">
      <c r="A9264" s="1">
        <v>0.9287342892831405</v>
      </c>
      <c r="B9264" s="1"/>
      <c r="C9264">
        <v>9</v>
      </c>
      <c r="D9264" t="s">
        <v>19500</v>
      </c>
      <c r="E9264" t="s">
        <v>33546</v>
      </c>
      <c r="F9264">
        <v>5</v>
      </c>
      <c r="G9264" t="s">
        <v>0</v>
      </c>
      <c r="H9264" t="s">
        <v>19501</v>
      </c>
      <c r="I9264" t="s">
        <v>30540</v>
      </c>
    </row>
    <row r="9265" spans="1:9">
      <c r="A9265" s="1">
        <v>0.26987961505483138</v>
      </c>
      <c r="B9265" s="1"/>
      <c r="C9265">
        <v>14</v>
      </c>
      <c r="D9265" t="s">
        <v>19502</v>
      </c>
      <c r="E9265" t="s">
        <v>33546</v>
      </c>
      <c r="F9265">
        <v>4</v>
      </c>
      <c r="G9265" t="s">
        <v>14</v>
      </c>
      <c r="H9265" t="s">
        <v>19503</v>
      </c>
      <c r="I9265" t="s">
        <v>30540</v>
      </c>
    </row>
    <row r="9266" spans="1:9">
      <c r="A9266" s="1">
        <v>0.27300157768814814</v>
      </c>
      <c r="B9266" s="1"/>
      <c r="C9266">
        <v>6</v>
      </c>
      <c r="D9266" t="s">
        <v>19496</v>
      </c>
      <c r="E9266" t="s">
        <v>33546</v>
      </c>
      <c r="F9266">
        <v>4</v>
      </c>
      <c r="G9266" t="s">
        <v>14</v>
      </c>
      <c r="H9266" t="s">
        <v>19497</v>
      </c>
      <c r="I9266" t="s">
        <v>30540</v>
      </c>
    </row>
    <row r="9267" spans="1:9">
      <c r="A9267" s="1">
        <v>0.50076000679907873</v>
      </c>
      <c r="B9267" s="1"/>
      <c r="C9267">
        <v>7</v>
      </c>
      <c r="D9267" t="s">
        <v>19498</v>
      </c>
      <c r="E9267" t="s">
        <v>33546</v>
      </c>
      <c r="F9267">
        <v>4</v>
      </c>
      <c r="G9267" t="s">
        <v>0</v>
      </c>
      <c r="H9267" t="s">
        <v>19499</v>
      </c>
      <c r="I9267" t="s">
        <v>30540</v>
      </c>
    </row>
    <row r="9268" spans="1:9">
      <c r="A9268" s="1">
        <v>0.36495209088885239</v>
      </c>
      <c r="B9268" s="1"/>
      <c r="C9268">
        <v>2</v>
      </c>
      <c r="D9268" t="s">
        <v>19494</v>
      </c>
      <c r="E9268" t="s">
        <v>33547</v>
      </c>
      <c r="F9268">
        <v>4</v>
      </c>
      <c r="G9268" t="s">
        <v>13</v>
      </c>
      <c r="H9268" t="s">
        <v>19495</v>
      </c>
      <c r="I9268" t="s">
        <v>30540</v>
      </c>
    </row>
    <row r="9269" spans="1:9">
      <c r="A9269" s="1">
        <v>0.79690532902693023</v>
      </c>
      <c r="B9269" s="1"/>
      <c r="C9269">
        <v>10</v>
      </c>
      <c r="D9269" t="s">
        <v>19492</v>
      </c>
      <c r="E9269" t="s">
        <v>33548</v>
      </c>
      <c r="F9269">
        <v>4</v>
      </c>
      <c r="G9269" t="s">
        <v>14</v>
      </c>
      <c r="H9269" t="s">
        <v>19493</v>
      </c>
      <c r="I9269" t="s">
        <v>30540</v>
      </c>
    </row>
    <row r="9270" spans="1:9">
      <c r="A9270" s="1">
        <v>0.73587905124131225</v>
      </c>
      <c r="B9270" s="1"/>
      <c r="C9270">
        <v>4</v>
      </c>
      <c r="D9270" t="s">
        <v>19490</v>
      </c>
      <c r="E9270" t="s">
        <v>33548</v>
      </c>
      <c r="F9270">
        <v>3</v>
      </c>
      <c r="G9270" t="s">
        <v>14</v>
      </c>
      <c r="H9270" t="s">
        <v>19491</v>
      </c>
      <c r="I9270" t="s">
        <v>30540</v>
      </c>
    </row>
    <row r="9271" spans="1:9">
      <c r="A9271" s="1">
        <v>0.48032061644887192</v>
      </c>
      <c r="B9271" s="1"/>
      <c r="C9271">
        <v>13</v>
      </c>
      <c r="D9271" t="s">
        <v>19486</v>
      </c>
      <c r="E9271" t="s">
        <v>33549</v>
      </c>
      <c r="F9271">
        <v>5</v>
      </c>
      <c r="G9271" t="s">
        <v>14</v>
      </c>
      <c r="H9271" t="s">
        <v>19487</v>
      </c>
      <c r="I9271" t="s">
        <v>30540</v>
      </c>
    </row>
    <row r="9272" spans="1:9">
      <c r="A9272" s="1">
        <v>0.60322978047165954</v>
      </c>
      <c r="B9272" s="1"/>
      <c r="C9272">
        <v>10</v>
      </c>
      <c r="D9272" t="s">
        <v>19484</v>
      </c>
      <c r="E9272" t="s">
        <v>33549</v>
      </c>
      <c r="F9272">
        <v>4</v>
      </c>
      <c r="G9272" t="s">
        <v>10</v>
      </c>
      <c r="H9272" t="s">
        <v>19485</v>
      </c>
      <c r="I9272" t="s">
        <v>30540</v>
      </c>
    </row>
    <row r="9273" spans="1:9">
      <c r="A9273" s="1">
        <v>0.49783127626453605</v>
      </c>
      <c r="B9273" s="1"/>
      <c r="C9273">
        <v>4</v>
      </c>
      <c r="D9273" t="s">
        <v>19482</v>
      </c>
      <c r="E9273" t="s">
        <v>33549</v>
      </c>
      <c r="F9273">
        <v>4</v>
      </c>
      <c r="G9273" t="s">
        <v>14</v>
      </c>
      <c r="H9273" t="s">
        <v>19483</v>
      </c>
      <c r="I9273" t="s">
        <v>30540</v>
      </c>
    </row>
    <row r="9274" spans="1:9">
      <c r="A9274" s="1">
        <v>0.36344229742773815</v>
      </c>
      <c r="B9274" s="1"/>
      <c r="C9274">
        <v>3</v>
      </c>
      <c r="D9274" t="s">
        <v>19480</v>
      </c>
      <c r="E9274" t="s">
        <v>33549</v>
      </c>
      <c r="F9274">
        <v>4</v>
      </c>
      <c r="G9274" t="s">
        <v>10</v>
      </c>
      <c r="H9274" t="s">
        <v>19481</v>
      </c>
      <c r="I9274" t="s">
        <v>30540</v>
      </c>
    </row>
    <row r="9275" spans="1:9">
      <c r="A9275" s="1">
        <v>0.51803205008995379</v>
      </c>
      <c r="B9275" s="1"/>
      <c r="C9275">
        <v>13</v>
      </c>
      <c r="D9275" t="s">
        <v>22969</v>
      </c>
      <c r="E9275" t="s">
        <v>33550</v>
      </c>
      <c r="F9275">
        <v>5</v>
      </c>
      <c r="G9275" t="s">
        <v>15</v>
      </c>
      <c r="H9275" t="s">
        <v>22970</v>
      </c>
      <c r="I9275" t="s">
        <v>30540</v>
      </c>
    </row>
    <row r="9276" spans="1:9">
      <c r="A9276" s="1">
        <v>0.14945435734902857</v>
      </c>
      <c r="B9276" s="1"/>
      <c r="C9276">
        <v>9</v>
      </c>
      <c r="D9276" t="s">
        <v>22967</v>
      </c>
      <c r="E9276" t="s">
        <v>33550</v>
      </c>
      <c r="F9276">
        <v>4</v>
      </c>
      <c r="G9276" t="s">
        <v>10</v>
      </c>
      <c r="H9276" t="s">
        <v>22968</v>
      </c>
      <c r="I9276" t="s">
        <v>30540</v>
      </c>
    </row>
    <row r="9277" spans="1:9">
      <c r="A9277" s="1">
        <v>0.22349108957280139</v>
      </c>
      <c r="B9277" s="1"/>
      <c r="C9277">
        <v>19</v>
      </c>
      <c r="D9277" t="s">
        <v>22971</v>
      </c>
      <c r="E9277" t="s">
        <v>33550</v>
      </c>
      <c r="F9277">
        <v>4</v>
      </c>
      <c r="G9277" t="s">
        <v>15</v>
      </c>
      <c r="H9277" t="s">
        <v>22972</v>
      </c>
      <c r="I9277" t="s">
        <v>30540</v>
      </c>
    </row>
    <row r="9278" spans="1:9">
      <c r="A9278" s="1">
        <v>0.8744448662981239</v>
      </c>
      <c r="B9278" s="1"/>
      <c r="C9278">
        <v>20</v>
      </c>
      <c r="D9278" t="s">
        <v>22973</v>
      </c>
      <c r="E9278" t="s">
        <v>33550</v>
      </c>
      <c r="F9278">
        <v>4</v>
      </c>
      <c r="G9278" t="s">
        <v>15</v>
      </c>
      <c r="H9278" t="s">
        <v>22974</v>
      </c>
      <c r="I9278" t="s">
        <v>30540</v>
      </c>
    </row>
    <row r="9279" spans="1:9">
      <c r="A9279" s="1">
        <v>0.42435960572341846</v>
      </c>
      <c r="B9279" s="1"/>
      <c r="C9279">
        <v>5</v>
      </c>
      <c r="D9279" t="s">
        <v>22965</v>
      </c>
      <c r="E9279" t="s">
        <v>33550</v>
      </c>
      <c r="F9279">
        <v>4</v>
      </c>
      <c r="G9279" t="s">
        <v>15</v>
      </c>
      <c r="H9279" t="s">
        <v>22966</v>
      </c>
      <c r="I9279" t="s">
        <v>30540</v>
      </c>
    </row>
    <row r="9280" spans="1:9">
      <c r="A9280" s="1">
        <v>0.8233579767506749</v>
      </c>
      <c r="B9280" s="1"/>
      <c r="C9280">
        <v>6</v>
      </c>
      <c r="D9280" t="s">
        <v>22957</v>
      </c>
      <c r="E9280" t="s">
        <v>33551</v>
      </c>
      <c r="F9280">
        <v>5</v>
      </c>
      <c r="G9280" t="s">
        <v>2738</v>
      </c>
      <c r="H9280" t="s">
        <v>22958</v>
      </c>
      <c r="I9280" t="s">
        <v>30540</v>
      </c>
    </row>
    <row r="9281" spans="1:9">
      <c r="A9281" s="1">
        <v>0.33241007613435414</v>
      </c>
      <c r="B9281" s="1"/>
      <c r="C9281">
        <v>15</v>
      </c>
      <c r="D9281" t="s">
        <v>22961</v>
      </c>
      <c r="E9281" t="s">
        <v>33551</v>
      </c>
      <c r="F9281">
        <v>4</v>
      </c>
      <c r="G9281" t="s">
        <v>766</v>
      </c>
      <c r="H9281" t="s">
        <v>22962</v>
      </c>
      <c r="I9281" t="s">
        <v>30540</v>
      </c>
    </row>
    <row r="9282" spans="1:9">
      <c r="A9282" s="1">
        <v>0.36435276786939619</v>
      </c>
      <c r="B9282" s="1"/>
      <c r="C9282">
        <v>2</v>
      </c>
      <c r="D9282" t="s">
        <v>22953</v>
      </c>
      <c r="E9282" t="s">
        <v>33551</v>
      </c>
      <c r="F9282">
        <v>4</v>
      </c>
      <c r="G9282" t="s">
        <v>14</v>
      </c>
      <c r="H9282" t="s">
        <v>22954</v>
      </c>
      <c r="I9282" t="s">
        <v>30540</v>
      </c>
    </row>
    <row r="9283" spans="1:9">
      <c r="A9283" s="1">
        <v>0.94836057074099722</v>
      </c>
      <c r="B9283" s="1"/>
      <c r="C9283">
        <v>18</v>
      </c>
      <c r="D9283" t="s">
        <v>22963</v>
      </c>
      <c r="E9283" t="s">
        <v>33551</v>
      </c>
      <c r="F9283">
        <v>4</v>
      </c>
      <c r="G9283" t="s">
        <v>1431</v>
      </c>
      <c r="H9283" t="s">
        <v>22964</v>
      </c>
      <c r="I9283" t="s">
        <v>30540</v>
      </c>
    </row>
    <row r="9284" spans="1:9">
      <c r="A9284" s="1">
        <v>0.6490062656759864</v>
      </c>
      <c r="B9284" s="1"/>
      <c r="C9284">
        <v>5</v>
      </c>
      <c r="D9284" t="s">
        <v>22955</v>
      </c>
      <c r="E9284" t="s">
        <v>33551</v>
      </c>
      <c r="F9284">
        <v>3</v>
      </c>
      <c r="G9284" t="s">
        <v>762</v>
      </c>
      <c r="H9284" t="s">
        <v>22956</v>
      </c>
      <c r="I9284" t="s">
        <v>30540</v>
      </c>
    </row>
    <row r="9285" spans="1:9">
      <c r="A9285" s="1">
        <v>0.39023175139442734</v>
      </c>
      <c r="B9285" s="1"/>
      <c r="C9285">
        <v>5</v>
      </c>
      <c r="D9285" t="s">
        <v>22945</v>
      </c>
      <c r="E9285" t="s">
        <v>33552</v>
      </c>
      <c r="F9285">
        <v>4</v>
      </c>
      <c r="G9285" t="s">
        <v>14</v>
      </c>
      <c r="H9285" t="s">
        <v>22946</v>
      </c>
      <c r="I9285" t="s">
        <v>30540</v>
      </c>
    </row>
    <row r="9286" spans="1:9">
      <c r="A9286" s="1">
        <v>0.55271463503995677</v>
      </c>
      <c r="B9286" s="1"/>
      <c r="C9286">
        <v>16</v>
      </c>
      <c r="D9286" t="s">
        <v>22951</v>
      </c>
      <c r="E9286" t="s">
        <v>33552</v>
      </c>
      <c r="F9286">
        <v>4</v>
      </c>
      <c r="G9286" t="s">
        <v>1</v>
      </c>
      <c r="H9286" t="s">
        <v>22952</v>
      </c>
      <c r="I9286" t="s">
        <v>30540</v>
      </c>
    </row>
    <row r="9287" spans="1:9">
      <c r="A9287" s="1">
        <v>0.89017214808121103</v>
      </c>
      <c r="B9287" s="1"/>
      <c r="C9287">
        <v>9</v>
      </c>
      <c r="D9287" t="s">
        <v>22947</v>
      </c>
      <c r="E9287" t="s">
        <v>33552</v>
      </c>
      <c r="F9287">
        <v>4</v>
      </c>
      <c r="G9287" t="s">
        <v>0</v>
      </c>
      <c r="H9287" t="s">
        <v>22948</v>
      </c>
      <c r="I9287" t="s">
        <v>30540</v>
      </c>
    </row>
    <row r="9288" spans="1:9">
      <c r="A9288" s="1">
        <v>0.65348361404981858</v>
      </c>
      <c r="B9288" s="1"/>
      <c r="C9288">
        <v>13</v>
      </c>
      <c r="D9288" t="s">
        <v>22941</v>
      </c>
      <c r="E9288" t="s">
        <v>33553</v>
      </c>
      <c r="F9288">
        <v>5</v>
      </c>
      <c r="G9288" t="s">
        <v>14</v>
      </c>
      <c r="H9288" t="s">
        <v>22942</v>
      </c>
      <c r="I9288" t="s">
        <v>30540</v>
      </c>
    </row>
    <row r="9289" spans="1:9">
      <c r="A9289" s="1">
        <v>0.47821149208115377</v>
      </c>
      <c r="B9289" s="1"/>
      <c r="C9289">
        <v>9</v>
      </c>
      <c r="D9289" t="s">
        <v>22939</v>
      </c>
      <c r="E9289" t="s">
        <v>33553</v>
      </c>
      <c r="F9289">
        <v>4</v>
      </c>
      <c r="G9289" t="s">
        <v>14</v>
      </c>
      <c r="H9289" t="s">
        <v>22940</v>
      </c>
      <c r="I9289" t="s">
        <v>30540</v>
      </c>
    </row>
    <row r="9290" spans="1:9">
      <c r="A9290" s="1">
        <v>0.28326268155173007</v>
      </c>
      <c r="B9290" s="1"/>
      <c r="C9290">
        <v>5</v>
      </c>
      <c r="D9290" t="s">
        <v>22929</v>
      </c>
      <c r="E9290" t="s">
        <v>33554</v>
      </c>
      <c r="F9290">
        <v>5</v>
      </c>
      <c r="G9290" t="s">
        <v>14</v>
      </c>
      <c r="H9290" t="s">
        <v>22930</v>
      </c>
      <c r="I9290" t="s">
        <v>30540</v>
      </c>
    </row>
    <row r="9291" spans="1:9">
      <c r="A9291" s="1">
        <v>0.17608963110405762</v>
      </c>
      <c r="B9291" s="1"/>
      <c r="C9291">
        <v>6</v>
      </c>
      <c r="D9291" t="s">
        <v>22931</v>
      </c>
      <c r="E9291" t="s">
        <v>33554</v>
      </c>
      <c r="F9291">
        <v>5</v>
      </c>
      <c r="G9291" t="s">
        <v>15</v>
      </c>
      <c r="H9291" t="s">
        <v>22932</v>
      </c>
      <c r="I9291" t="s">
        <v>30540</v>
      </c>
    </row>
    <row r="9292" spans="1:9">
      <c r="A9292" s="1">
        <v>0.37057681166634349</v>
      </c>
      <c r="B9292" s="1"/>
      <c r="C9292">
        <v>1</v>
      </c>
      <c r="D9292" t="s">
        <v>22927</v>
      </c>
      <c r="E9292" t="s">
        <v>33554</v>
      </c>
      <c r="F9292">
        <v>5</v>
      </c>
      <c r="G9292" t="s">
        <v>14</v>
      </c>
      <c r="H9292" t="s">
        <v>22928</v>
      </c>
      <c r="I9292" t="s">
        <v>30540</v>
      </c>
    </row>
    <row r="9293" spans="1:9">
      <c r="A9293" s="1">
        <v>0.3069596757185219</v>
      </c>
      <c r="B9293" s="1"/>
      <c r="C9293">
        <v>11</v>
      </c>
      <c r="D9293" t="s">
        <v>22933</v>
      </c>
      <c r="E9293" t="s">
        <v>33554</v>
      </c>
      <c r="F9293">
        <v>4</v>
      </c>
      <c r="G9293" t="s">
        <v>14</v>
      </c>
      <c r="H9293" t="s">
        <v>22934</v>
      </c>
      <c r="I9293" t="s">
        <v>30540</v>
      </c>
    </row>
    <row r="9294" spans="1:9">
      <c r="A9294" s="1">
        <v>0.9580998591841251</v>
      </c>
      <c r="B9294" s="1"/>
      <c r="C9294">
        <v>13</v>
      </c>
      <c r="D9294" t="s">
        <v>22935</v>
      </c>
      <c r="E9294" t="s">
        <v>33554</v>
      </c>
      <c r="F9294">
        <v>4</v>
      </c>
      <c r="G9294" t="s">
        <v>14</v>
      </c>
      <c r="H9294" t="s">
        <v>22936</v>
      </c>
      <c r="I9294" t="s">
        <v>30540</v>
      </c>
    </row>
    <row r="9295" spans="1:9">
      <c r="A9295" s="1">
        <v>0.83087155219761633</v>
      </c>
      <c r="B9295" s="1"/>
      <c r="C9295">
        <v>14</v>
      </c>
      <c r="D9295" t="s">
        <v>22937</v>
      </c>
      <c r="E9295" t="s">
        <v>33554</v>
      </c>
      <c r="F9295">
        <v>3</v>
      </c>
      <c r="G9295" t="s">
        <v>13</v>
      </c>
      <c r="H9295" t="s">
        <v>22938</v>
      </c>
      <c r="I9295" t="s">
        <v>30540</v>
      </c>
    </row>
    <row r="9296" spans="1:9">
      <c r="A9296" s="1">
        <v>0.69004827441100913</v>
      </c>
      <c r="B9296" s="1"/>
      <c r="C9296">
        <v>12</v>
      </c>
      <c r="D9296" t="s">
        <v>22921</v>
      </c>
      <c r="E9296" t="s">
        <v>33555</v>
      </c>
      <c r="F9296">
        <v>5</v>
      </c>
      <c r="G9296" t="s">
        <v>14</v>
      </c>
      <c r="H9296" t="s">
        <v>22922</v>
      </c>
      <c r="I9296" t="s">
        <v>30540</v>
      </c>
    </row>
    <row r="9297" spans="1:9">
      <c r="A9297" s="1">
        <v>0.97438949872920466</v>
      </c>
      <c r="B9297" s="1"/>
      <c r="C9297">
        <v>3</v>
      </c>
      <c r="D9297" t="s">
        <v>22915</v>
      </c>
      <c r="E9297" t="s">
        <v>33555</v>
      </c>
      <c r="F9297">
        <v>4</v>
      </c>
      <c r="G9297" t="s">
        <v>0</v>
      </c>
      <c r="H9297" t="s">
        <v>22916</v>
      </c>
      <c r="I9297" t="s">
        <v>30540</v>
      </c>
    </row>
    <row r="9298" spans="1:9">
      <c r="A9298" s="1">
        <v>0.34631943998030967</v>
      </c>
      <c r="B9298" s="1"/>
      <c r="C9298">
        <v>4</v>
      </c>
      <c r="D9298" t="s">
        <v>22917</v>
      </c>
      <c r="E9298" t="s">
        <v>33555</v>
      </c>
      <c r="F9298">
        <v>4</v>
      </c>
      <c r="G9298" t="s">
        <v>10</v>
      </c>
      <c r="H9298" t="s">
        <v>22918</v>
      </c>
      <c r="I9298" t="s">
        <v>30540</v>
      </c>
    </row>
    <row r="9299" spans="1:9">
      <c r="A9299" s="1">
        <v>0.24805172791399765</v>
      </c>
      <c r="B9299" s="1"/>
      <c r="C9299">
        <v>17</v>
      </c>
      <c r="D9299" t="s">
        <v>22925</v>
      </c>
      <c r="E9299" t="s">
        <v>33555</v>
      </c>
      <c r="F9299">
        <v>4</v>
      </c>
      <c r="G9299" t="s">
        <v>14</v>
      </c>
      <c r="H9299" t="s">
        <v>22926</v>
      </c>
      <c r="I9299" t="s">
        <v>30540</v>
      </c>
    </row>
    <row r="9300" spans="1:9">
      <c r="A9300" s="1">
        <v>0.22915828587939557</v>
      </c>
      <c r="B9300" s="1"/>
      <c r="C9300">
        <v>14</v>
      </c>
      <c r="D9300" t="s">
        <v>22923</v>
      </c>
      <c r="E9300" t="s">
        <v>33555</v>
      </c>
      <c r="F9300">
        <v>4</v>
      </c>
      <c r="G9300" t="s">
        <v>14</v>
      </c>
      <c r="H9300" t="s">
        <v>22924</v>
      </c>
      <c r="I9300" t="s">
        <v>30540</v>
      </c>
    </row>
    <row r="9301" spans="1:9">
      <c r="A9301" s="1">
        <v>0.76405264856735067</v>
      </c>
      <c r="B9301" s="1"/>
      <c r="C9301">
        <v>6</v>
      </c>
      <c r="D9301" t="s">
        <v>22919</v>
      </c>
      <c r="E9301" t="s">
        <v>33555</v>
      </c>
      <c r="F9301">
        <v>4</v>
      </c>
      <c r="G9301" t="s">
        <v>14</v>
      </c>
      <c r="H9301" t="s">
        <v>22920</v>
      </c>
      <c r="I9301" t="s">
        <v>30540</v>
      </c>
    </row>
    <row r="9302" spans="1:9">
      <c r="A9302" s="1">
        <v>0.20615722162210792</v>
      </c>
      <c r="B9302" s="1"/>
      <c r="C9302">
        <v>15</v>
      </c>
      <c r="D9302" t="s">
        <v>22911</v>
      </c>
      <c r="E9302" t="s">
        <v>33556</v>
      </c>
      <c r="F9302">
        <v>5</v>
      </c>
      <c r="G9302" t="s">
        <v>774</v>
      </c>
      <c r="H9302" t="s">
        <v>22912</v>
      </c>
      <c r="I9302" t="s">
        <v>30540</v>
      </c>
    </row>
    <row r="9303" spans="1:9">
      <c r="A9303" s="1">
        <v>0.79562955061441376</v>
      </c>
      <c r="B9303" s="1"/>
      <c r="C9303">
        <v>14</v>
      </c>
      <c r="D9303" t="s">
        <v>22909</v>
      </c>
      <c r="E9303" t="s">
        <v>33556</v>
      </c>
      <c r="F9303">
        <v>4</v>
      </c>
      <c r="G9303" t="s">
        <v>14</v>
      </c>
      <c r="H9303" t="s">
        <v>22910</v>
      </c>
      <c r="I9303" t="s">
        <v>30540</v>
      </c>
    </row>
    <row r="9304" spans="1:9">
      <c r="A9304" s="1">
        <v>4.3942432774200513E-2</v>
      </c>
      <c r="B9304" s="1"/>
      <c r="C9304">
        <v>20</v>
      </c>
      <c r="D9304" t="s">
        <v>22913</v>
      </c>
      <c r="E9304" t="s">
        <v>33556</v>
      </c>
      <c r="F9304">
        <v>4</v>
      </c>
      <c r="G9304" t="s">
        <v>770</v>
      </c>
      <c r="H9304" t="s">
        <v>22914</v>
      </c>
      <c r="I9304" t="s">
        <v>30540</v>
      </c>
    </row>
    <row r="9305" spans="1:9">
      <c r="A9305" s="1">
        <v>0.81700770107656573</v>
      </c>
      <c r="B9305" s="1"/>
      <c r="C9305">
        <v>6</v>
      </c>
      <c r="D9305" t="s">
        <v>22907</v>
      </c>
      <c r="E9305" t="s">
        <v>33556</v>
      </c>
      <c r="F9305">
        <v>3</v>
      </c>
      <c r="G9305" t="s">
        <v>14</v>
      </c>
      <c r="H9305" t="s">
        <v>22908</v>
      </c>
      <c r="I9305" t="s">
        <v>30540</v>
      </c>
    </row>
    <row r="9306" spans="1:9">
      <c r="A9306" s="1">
        <v>0.78970404260140981</v>
      </c>
      <c r="B9306" s="1"/>
      <c r="C9306">
        <v>10</v>
      </c>
      <c r="D9306" t="s">
        <v>22905</v>
      </c>
      <c r="E9306" t="s">
        <v>33557</v>
      </c>
      <c r="F9306">
        <v>4</v>
      </c>
      <c r="G9306" t="s">
        <v>9</v>
      </c>
      <c r="H9306" t="s">
        <v>22906</v>
      </c>
      <c r="I9306" t="s">
        <v>30540</v>
      </c>
    </row>
    <row r="9307" spans="1:9">
      <c r="A9307" s="1">
        <v>0.9073341900879569</v>
      </c>
      <c r="B9307" s="1"/>
      <c r="C9307">
        <v>7</v>
      </c>
      <c r="D9307" t="s">
        <v>22903</v>
      </c>
      <c r="E9307" t="s">
        <v>33557</v>
      </c>
      <c r="F9307">
        <v>4</v>
      </c>
      <c r="G9307" t="s">
        <v>14</v>
      </c>
      <c r="H9307" t="s">
        <v>22904</v>
      </c>
      <c r="I9307" t="s">
        <v>30540</v>
      </c>
    </row>
    <row r="9308" spans="1:9">
      <c r="A9308" s="1">
        <v>0.99929158102503868</v>
      </c>
      <c r="B9308" s="1"/>
      <c r="C9308">
        <v>13</v>
      </c>
      <c r="D9308" t="s">
        <v>22899</v>
      </c>
      <c r="E9308" t="s">
        <v>33558</v>
      </c>
      <c r="F9308">
        <v>5</v>
      </c>
      <c r="G9308" t="s">
        <v>1</v>
      </c>
      <c r="H9308" t="s">
        <v>22900</v>
      </c>
      <c r="I9308" t="s">
        <v>30540</v>
      </c>
    </row>
    <row r="9309" spans="1:9">
      <c r="A9309" s="1">
        <v>0.29929597223426296</v>
      </c>
      <c r="B9309" s="1"/>
      <c r="C9309">
        <v>4</v>
      </c>
      <c r="D9309" t="s">
        <v>22891</v>
      </c>
      <c r="E9309" t="s">
        <v>33558</v>
      </c>
      <c r="F9309">
        <v>5</v>
      </c>
      <c r="G9309" t="s">
        <v>10</v>
      </c>
      <c r="H9309" t="s">
        <v>22892</v>
      </c>
      <c r="I9309" t="s">
        <v>30540</v>
      </c>
    </row>
    <row r="9310" spans="1:9">
      <c r="A9310" s="1">
        <v>0.68861125237323606</v>
      </c>
      <c r="B9310" s="1"/>
      <c r="C9310">
        <v>2</v>
      </c>
      <c r="D9310" t="s">
        <v>22889</v>
      </c>
      <c r="E9310" t="s">
        <v>33558</v>
      </c>
      <c r="F9310">
        <v>5</v>
      </c>
      <c r="G9310" t="s">
        <v>10</v>
      </c>
      <c r="H9310" t="s">
        <v>22890</v>
      </c>
      <c r="I9310" t="s">
        <v>30540</v>
      </c>
    </row>
    <row r="9311" spans="1:9">
      <c r="A9311" s="1">
        <v>0.36945891501452843</v>
      </c>
      <c r="B9311" s="1"/>
      <c r="C9311">
        <v>7</v>
      </c>
      <c r="D9311" t="s">
        <v>22893</v>
      </c>
      <c r="E9311" t="s">
        <v>33558</v>
      </c>
      <c r="F9311">
        <v>5</v>
      </c>
      <c r="G9311" t="s">
        <v>10</v>
      </c>
      <c r="H9311" t="s">
        <v>22894</v>
      </c>
      <c r="I9311" t="s">
        <v>30540</v>
      </c>
    </row>
    <row r="9312" spans="1:9">
      <c r="A9312" s="1">
        <v>0.51459510969007005</v>
      </c>
      <c r="B9312" s="1"/>
      <c r="C9312">
        <v>8</v>
      </c>
      <c r="D9312" t="s">
        <v>22895</v>
      </c>
      <c r="E9312" t="s">
        <v>33558</v>
      </c>
      <c r="F9312">
        <v>4</v>
      </c>
      <c r="G9312" t="s">
        <v>9</v>
      </c>
      <c r="H9312" t="s">
        <v>22896</v>
      </c>
      <c r="I9312" t="s">
        <v>30540</v>
      </c>
    </row>
    <row r="9313" spans="1:9">
      <c r="A9313" s="1">
        <v>0.44449057515599777</v>
      </c>
      <c r="B9313" s="1"/>
      <c r="C9313">
        <v>17</v>
      </c>
      <c r="D9313" t="s">
        <v>22901</v>
      </c>
      <c r="E9313" t="s">
        <v>33558</v>
      </c>
      <c r="F9313">
        <v>4</v>
      </c>
      <c r="G9313" t="s">
        <v>14</v>
      </c>
      <c r="H9313" t="s">
        <v>22902</v>
      </c>
      <c r="I9313" t="s">
        <v>30540</v>
      </c>
    </row>
    <row r="9314" spans="1:9">
      <c r="A9314" s="1">
        <v>0.53405366492910988</v>
      </c>
      <c r="B9314" s="1"/>
      <c r="C9314">
        <v>12</v>
      </c>
      <c r="D9314" t="s">
        <v>22897</v>
      </c>
      <c r="E9314" t="s">
        <v>33558</v>
      </c>
      <c r="F9314">
        <v>4</v>
      </c>
      <c r="G9314" t="s">
        <v>1</v>
      </c>
      <c r="H9314" t="s">
        <v>22898</v>
      </c>
      <c r="I9314" t="s">
        <v>30540</v>
      </c>
    </row>
    <row r="9315" spans="1:9">
      <c r="A9315" s="1">
        <v>0.159691009034716</v>
      </c>
      <c r="B9315" s="1"/>
      <c r="C9315">
        <v>8</v>
      </c>
      <c r="D9315" t="s">
        <v>22885</v>
      </c>
      <c r="E9315" t="s">
        <v>33559</v>
      </c>
      <c r="F9315">
        <v>5</v>
      </c>
      <c r="G9315" t="s">
        <v>14</v>
      </c>
      <c r="H9315" t="s">
        <v>22886</v>
      </c>
      <c r="I9315" t="s">
        <v>30540</v>
      </c>
    </row>
    <row r="9316" spans="1:9">
      <c r="A9316" s="1">
        <v>0.96511864361305466</v>
      </c>
      <c r="B9316" s="1"/>
      <c r="C9316">
        <v>10</v>
      </c>
      <c r="D9316" t="s">
        <v>22887</v>
      </c>
      <c r="E9316" t="s">
        <v>33559</v>
      </c>
      <c r="F9316">
        <v>4</v>
      </c>
      <c r="G9316" t="s">
        <v>14</v>
      </c>
      <c r="H9316" t="s">
        <v>22888</v>
      </c>
      <c r="I9316" t="s">
        <v>30540</v>
      </c>
    </row>
    <row r="9317" spans="1:9">
      <c r="A9317" s="1">
        <v>0.39267622734921726</v>
      </c>
      <c r="B9317" s="1"/>
      <c r="C9317">
        <v>7</v>
      </c>
      <c r="D9317" t="s">
        <v>22877</v>
      </c>
      <c r="E9317" t="s">
        <v>33560</v>
      </c>
      <c r="F9317">
        <v>4</v>
      </c>
      <c r="G9317" t="s">
        <v>14</v>
      </c>
      <c r="H9317" t="s">
        <v>22878</v>
      </c>
      <c r="I9317" t="s">
        <v>30540</v>
      </c>
    </row>
    <row r="9318" spans="1:9">
      <c r="A9318" s="1">
        <v>0.34931380193527783</v>
      </c>
      <c r="B9318" s="1"/>
      <c r="C9318">
        <v>9</v>
      </c>
      <c r="D9318" t="s">
        <v>22879</v>
      </c>
      <c r="E9318" t="s">
        <v>33560</v>
      </c>
      <c r="F9318">
        <v>4</v>
      </c>
      <c r="G9318" t="s">
        <v>14</v>
      </c>
      <c r="H9318" t="s">
        <v>22880</v>
      </c>
      <c r="I9318" t="s">
        <v>30540</v>
      </c>
    </row>
    <row r="9319" spans="1:9">
      <c r="A9319" s="1">
        <v>0.27757075392335651</v>
      </c>
      <c r="B9319" s="1"/>
      <c r="C9319">
        <v>13</v>
      </c>
      <c r="D9319" t="s">
        <v>22881</v>
      </c>
      <c r="E9319" t="s">
        <v>33560</v>
      </c>
      <c r="F9319">
        <v>4</v>
      </c>
      <c r="G9319" t="s">
        <v>14</v>
      </c>
      <c r="H9319" t="s">
        <v>22882</v>
      </c>
      <c r="I9319" t="s">
        <v>30540</v>
      </c>
    </row>
    <row r="9320" spans="1:9">
      <c r="A9320" s="1">
        <v>0.75801017025474704</v>
      </c>
      <c r="B9320" s="1"/>
      <c r="C9320">
        <v>15</v>
      </c>
      <c r="D9320" t="s">
        <v>22883</v>
      </c>
      <c r="E9320" t="s">
        <v>33560</v>
      </c>
      <c r="F9320">
        <v>4</v>
      </c>
      <c r="G9320" t="s">
        <v>14</v>
      </c>
      <c r="H9320" t="s">
        <v>22884</v>
      </c>
      <c r="I9320" t="s">
        <v>30540</v>
      </c>
    </row>
    <row r="9321" spans="1:9">
      <c r="A9321" s="1">
        <v>0.27225231277821749</v>
      </c>
      <c r="B9321" s="1"/>
      <c r="C9321">
        <v>3</v>
      </c>
      <c r="D9321" t="s">
        <v>22875</v>
      </c>
      <c r="E9321" t="s">
        <v>33560</v>
      </c>
      <c r="F9321">
        <v>4</v>
      </c>
      <c r="G9321" t="s">
        <v>1</v>
      </c>
      <c r="H9321" t="s">
        <v>22876</v>
      </c>
      <c r="I9321" t="s">
        <v>30540</v>
      </c>
    </row>
    <row r="9322" spans="1:9">
      <c r="A9322" s="1">
        <v>0.4195136997366522</v>
      </c>
      <c r="B9322" s="1"/>
      <c r="C9322">
        <v>17</v>
      </c>
      <c r="D9322" t="s">
        <v>22873</v>
      </c>
      <c r="E9322" t="s">
        <v>33561</v>
      </c>
      <c r="F9322">
        <v>5</v>
      </c>
      <c r="G9322" t="s">
        <v>14</v>
      </c>
      <c r="H9322" t="s">
        <v>22874</v>
      </c>
      <c r="I9322" t="s">
        <v>30540</v>
      </c>
    </row>
    <row r="9323" spans="1:9">
      <c r="A9323" s="1">
        <v>0.54265103245281632</v>
      </c>
      <c r="B9323" s="1"/>
      <c r="C9323">
        <v>1</v>
      </c>
      <c r="D9323" t="s">
        <v>22871</v>
      </c>
      <c r="E9323" t="s">
        <v>33561</v>
      </c>
      <c r="F9323">
        <v>4</v>
      </c>
      <c r="G9323" t="s">
        <v>775</v>
      </c>
      <c r="H9323" t="s">
        <v>22872</v>
      </c>
      <c r="I9323" t="s">
        <v>30540</v>
      </c>
    </row>
    <row r="9324" spans="1:9">
      <c r="A9324" s="1">
        <v>6.1072294996343257E-2</v>
      </c>
      <c r="B9324" s="1"/>
      <c r="C9324">
        <v>8</v>
      </c>
      <c r="D9324" t="s">
        <v>22869</v>
      </c>
      <c r="E9324" t="s">
        <v>33562</v>
      </c>
      <c r="F9324">
        <v>4</v>
      </c>
      <c r="G9324" t="s">
        <v>14</v>
      </c>
      <c r="H9324" t="s">
        <v>22870</v>
      </c>
      <c r="I9324" t="s">
        <v>30540</v>
      </c>
    </row>
    <row r="9325" spans="1:9">
      <c r="A9325" s="1">
        <v>5.2260168388485018E-2</v>
      </c>
      <c r="B9325" s="1"/>
      <c r="C9325">
        <v>4</v>
      </c>
      <c r="D9325" t="s">
        <v>22859</v>
      </c>
      <c r="E9325" t="s">
        <v>33563</v>
      </c>
      <c r="F9325">
        <v>5</v>
      </c>
      <c r="G9325" t="s">
        <v>10</v>
      </c>
      <c r="H9325" t="s">
        <v>22860</v>
      </c>
      <c r="I9325" t="s">
        <v>30540</v>
      </c>
    </row>
    <row r="9326" spans="1:9">
      <c r="A9326" s="1">
        <v>0.6874729960433591</v>
      </c>
      <c r="B9326" s="1"/>
      <c r="C9326">
        <v>11</v>
      </c>
      <c r="D9326" t="s">
        <v>22865</v>
      </c>
      <c r="E9326" t="s">
        <v>33563</v>
      </c>
      <c r="F9326">
        <v>5</v>
      </c>
      <c r="G9326" t="s">
        <v>10</v>
      </c>
      <c r="H9326" t="s">
        <v>22866</v>
      </c>
      <c r="I9326" t="s">
        <v>30540</v>
      </c>
    </row>
    <row r="9327" spans="1:9">
      <c r="A9327" s="1">
        <v>0.10351249328006862</v>
      </c>
      <c r="B9327" s="1"/>
      <c r="C9327">
        <v>1</v>
      </c>
      <c r="D9327" t="s">
        <v>22853</v>
      </c>
      <c r="E9327" t="s">
        <v>33563</v>
      </c>
      <c r="F9327">
        <v>5</v>
      </c>
      <c r="G9327" t="s">
        <v>2</v>
      </c>
      <c r="H9327" t="s">
        <v>22854</v>
      </c>
      <c r="I9327" t="s">
        <v>30540</v>
      </c>
    </row>
    <row r="9328" spans="1:9">
      <c r="A9328" s="1">
        <v>0.3140036460331701</v>
      </c>
      <c r="B9328" s="1"/>
      <c r="C9328">
        <v>2</v>
      </c>
      <c r="D9328" t="s">
        <v>22855</v>
      </c>
      <c r="E9328" t="s">
        <v>33563</v>
      </c>
      <c r="F9328">
        <v>4</v>
      </c>
      <c r="G9328" t="s">
        <v>2</v>
      </c>
      <c r="H9328" t="s">
        <v>22856</v>
      </c>
      <c r="I9328" t="s">
        <v>30540</v>
      </c>
    </row>
    <row r="9329" spans="1:9">
      <c r="A9329" s="1">
        <v>0.95971598148440218</v>
      </c>
      <c r="B9329" s="1"/>
      <c r="C9329">
        <v>3</v>
      </c>
      <c r="D9329" t="s">
        <v>22857</v>
      </c>
      <c r="E9329" t="s">
        <v>33563</v>
      </c>
      <c r="F9329">
        <v>4</v>
      </c>
      <c r="G9329" t="s">
        <v>1</v>
      </c>
      <c r="H9329" t="s">
        <v>22858</v>
      </c>
      <c r="I9329" t="s">
        <v>30540</v>
      </c>
    </row>
    <row r="9330" spans="1:9">
      <c r="A9330" s="1">
        <v>7.0688666213358897E-2</v>
      </c>
      <c r="B9330" s="1"/>
      <c r="C9330">
        <v>9</v>
      </c>
      <c r="D9330" t="s">
        <v>22861</v>
      </c>
      <c r="E9330" t="s">
        <v>33563</v>
      </c>
      <c r="F9330">
        <v>4</v>
      </c>
      <c r="G9330" t="s">
        <v>10</v>
      </c>
      <c r="H9330" t="s">
        <v>22862</v>
      </c>
      <c r="I9330" t="s">
        <v>30540</v>
      </c>
    </row>
    <row r="9331" spans="1:9">
      <c r="A9331" s="1">
        <v>0.19292789880578198</v>
      </c>
      <c r="B9331" s="1"/>
      <c r="C9331">
        <v>12</v>
      </c>
      <c r="D9331" t="s">
        <v>22867</v>
      </c>
      <c r="E9331" t="s">
        <v>33563</v>
      </c>
      <c r="F9331">
        <v>4</v>
      </c>
      <c r="G9331" t="s">
        <v>1</v>
      </c>
      <c r="H9331" t="s">
        <v>22868</v>
      </c>
      <c r="I9331" t="s">
        <v>30540</v>
      </c>
    </row>
    <row r="9332" spans="1:9">
      <c r="A9332" s="1">
        <v>0.95026786984656197</v>
      </c>
      <c r="B9332" s="1"/>
      <c r="C9332">
        <v>10</v>
      </c>
      <c r="D9332" t="s">
        <v>22863</v>
      </c>
      <c r="E9332" t="s">
        <v>33563</v>
      </c>
      <c r="F9332">
        <v>4</v>
      </c>
      <c r="G9332" t="s">
        <v>10</v>
      </c>
      <c r="H9332" t="s">
        <v>22864</v>
      </c>
      <c r="I9332" t="s">
        <v>30540</v>
      </c>
    </row>
    <row r="9333" spans="1:9">
      <c r="A9333" s="1">
        <v>8.506878826194797E-2</v>
      </c>
      <c r="B9333" s="1"/>
      <c r="C9333">
        <v>9</v>
      </c>
      <c r="D9333" t="s">
        <v>22845</v>
      </c>
      <c r="E9333" t="s">
        <v>33564</v>
      </c>
      <c r="F9333">
        <v>5</v>
      </c>
      <c r="G9333" t="s">
        <v>1</v>
      </c>
      <c r="H9333" t="s">
        <v>22846</v>
      </c>
      <c r="I9333" t="s">
        <v>30540</v>
      </c>
    </row>
    <row r="9334" spans="1:9">
      <c r="A9334" s="1">
        <v>0.4968366951239398</v>
      </c>
      <c r="B9334" s="1"/>
      <c r="C9334">
        <v>8</v>
      </c>
      <c r="D9334" t="s">
        <v>22843</v>
      </c>
      <c r="E9334" t="s">
        <v>33564</v>
      </c>
      <c r="F9334">
        <v>4</v>
      </c>
      <c r="G9334" t="s">
        <v>0</v>
      </c>
      <c r="H9334" t="s">
        <v>22844</v>
      </c>
      <c r="I9334" t="s">
        <v>30540</v>
      </c>
    </row>
    <row r="9335" spans="1:9">
      <c r="A9335" s="1">
        <v>0.31989549415071961</v>
      </c>
      <c r="B9335" s="1"/>
      <c r="C9335">
        <v>11</v>
      </c>
      <c r="D9335" t="s">
        <v>22847</v>
      </c>
      <c r="E9335" t="s">
        <v>33564</v>
      </c>
      <c r="F9335">
        <v>4</v>
      </c>
      <c r="G9335" t="s">
        <v>14</v>
      </c>
      <c r="H9335" t="s">
        <v>22848</v>
      </c>
      <c r="I9335" t="s">
        <v>30540</v>
      </c>
    </row>
    <row r="9336" spans="1:9">
      <c r="A9336" s="1">
        <v>0.29261068097334897</v>
      </c>
      <c r="B9336" s="1"/>
      <c r="C9336">
        <v>16</v>
      </c>
      <c r="D9336" t="s">
        <v>22851</v>
      </c>
      <c r="E9336" t="s">
        <v>33564</v>
      </c>
      <c r="F9336">
        <v>4</v>
      </c>
      <c r="G9336" t="s">
        <v>14</v>
      </c>
      <c r="H9336" t="s">
        <v>22852</v>
      </c>
      <c r="I9336" t="s">
        <v>30540</v>
      </c>
    </row>
    <row r="9337" spans="1:9">
      <c r="A9337" s="1">
        <v>0.23985743009807836</v>
      </c>
      <c r="B9337" s="1"/>
      <c r="C9337">
        <v>1</v>
      </c>
      <c r="D9337" t="s">
        <v>22841</v>
      </c>
      <c r="E9337" t="s">
        <v>33564</v>
      </c>
      <c r="F9337">
        <v>4</v>
      </c>
      <c r="G9337" t="s">
        <v>2</v>
      </c>
      <c r="H9337" t="s">
        <v>22842</v>
      </c>
      <c r="I9337" t="s">
        <v>30540</v>
      </c>
    </row>
    <row r="9338" spans="1:9">
      <c r="A9338" s="1">
        <v>0.4042517847521413</v>
      </c>
      <c r="B9338" s="1"/>
      <c r="C9338">
        <v>15</v>
      </c>
      <c r="D9338" t="s">
        <v>22849</v>
      </c>
      <c r="E9338" t="s">
        <v>33564</v>
      </c>
      <c r="F9338">
        <v>3</v>
      </c>
      <c r="G9338" t="s">
        <v>9</v>
      </c>
      <c r="H9338" t="s">
        <v>22850</v>
      </c>
      <c r="I9338" t="s">
        <v>30540</v>
      </c>
    </row>
    <row r="9339" spans="1:9">
      <c r="A9339" s="1">
        <v>0.93258635473228313</v>
      </c>
      <c r="B9339" s="1"/>
      <c r="C9339">
        <v>10</v>
      </c>
      <c r="D9339" t="s">
        <v>22837</v>
      </c>
      <c r="E9339" t="s">
        <v>33565</v>
      </c>
      <c r="F9339">
        <v>4</v>
      </c>
      <c r="G9339" t="s">
        <v>10</v>
      </c>
      <c r="H9339" t="s">
        <v>22838</v>
      </c>
      <c r="I9339" t="s">
        <v>30540</v>
      </c>
    </row>
    <row r="9340" spans="1:9">
      <c r="A9340" s="1">
        <v>0.73375950020654224</v>
      </c>
      <c r="B9340" s="1"/>
      <c r="C9340">
        <v>3</v>
      </c>
      <c r="D9340" t="s">
        <v>22835</v>
      </c>
      <c r="E9340" t="s">
        <v>33565</v>
      </c>
      <c r="F9340">
        <v>3</v>
      </c>
      <c r="G9340" t="s">
        <v>14</v>
      </c>
      <c r="H9340" t="s">
        <v>22836</v>
      </c>
      <c r="I9340" t="s">
        <v>30540</v>
      </c>
    </row>
    <row r="9341" spans="1:9">
      <c r="A9341" s="1">
        <v>0.80657950185877891</v>
      </c>
      <c r="B9341" s="1"/>
      <c r="C9341">
        <v>16</v>
      </c>
      <c r="D9341" t="s">
        <v>22833</v>
      </c>
      <c r="E9341" t="s">
        <v>33566</v>
      </c>
      <c r="F9341">
        <v>4</v>
      </c>
      <c r="G9341" t="s">
        <v>1431</v>
      </c>
      <c r="H9341" t="s">
        <v>22834</v>
      </c>
      <c r="I9341" t="s">
        <v>30540</v>
      </c>
    </row>
    <row r="9342" spans="1:9">
      <c r="A9342" s="1">
        <v>0.99719891139764083</v>
      </c>
      <c r="B9342" s="1"/>
      <c r="C9342">
        <v>8</v>
      </c>
      <c r="D9342" t="s">
        <v>22825</v>
      </c>
      <c r="E9342" t="s">
        <v>33567</v>
      </c>
      <c r="F9342">
        <v>5</v>
      </c>
      <c r="G9342" t="s">
        <v>14</v>
      </c>
      <c r="H9342" t="s">
        <v>22826</v>
      </c>
      <c r="I9342" t="s">
        <v>30540</v>
      </c>
    </row>
    <row r="9343" spans="1:9">
      <c r="A9343" s="1">
        <v>0.71385538886134814</v>
      </c>
      <c r="B9343" s="1"/>
      <c r="C9343">
        <v>11</v>
      </c>
      <c r="D9343" t="s">
        <v>22827</v>
      </c>
      <c r="E9343" t="s">
        <v>33567</v>
      </c>
      <c r="F9343">
        <v>4</v>
      </c>
      <c r="G9343" t="s">
        <v>1</v>
      </c>
      <c r="H9343" t="s">
        <v>22828</v>
      </c>
      <c r="I9343" t="s">
        <v>30540</v>
      </c>
    </row>
    <row r="9344" spans="1:9">
      <c r="A9344" s="1">
        <v>0.24777464345430733</v>
      </c>
      <c r="B9344" s="1"/>
      <c r="C9344">
        <v>2</v>
      </c>
      <c r="D9344" t="s">
        <v>22823</v>
      </c>
      <c r="E9344" t="s">
        <v>33567</v>
      </c>
      <c r="F9344">
        <v>4</v>
      </c>
      <c r="G9344" t="s">
        <v>15</v>
      </c>
      <c r="H9344" t="s">
        <v>22824</v>
      </c>
      <c r="I9344" t="s">
        <v>30540</v>
      </c>
    </row>
    <row r="9345" spans="1:9">
      <c r="A9345" s="1">
        <v>0.45171899920544267</v>
      </c>
      <c r="B9345" s="1"/>
      <c r="C9345">
        <v>15</v>
      </c>
      <c r="D9345" t="s">
        <v>22829</v>
      </c>
      <c r="E9345" t="s">
        <v>33567</v>
      </c>
      <c r="F9345">
        <v>4</v>
      </c>
      <c r="G9345" t="s">
        <v>0</v>
      </c>
      <c r="H9345" t="s">
        <v>22830</v>
      </c>
      <c r="I9345" t="s">
        <v>30540</v>
      </c>
    </row>
    <row r="9346" spans="1:9">
      <c r="A9346" s="1">
        <v>0.93440644246433546</v>
      </c>
      <c r="B9346" s="1"/>
      <c r="C9346">
        <v>16</v>
      </c>
      <c r="D9346" t="s">
        <v>22831</v>
      </c>
      <c r="E9346" t="s">
        <v>33567</v>
      </c>
      <c r="F9346">
        <v>4</v>
      </c>
      <c r="G9346" t="s">
        <v>14</v>
      </c>
      <c r="H9346" t="s">
        <v>22832</v>
      </c>
      <c r="I9346" t="s">
        <v>30540</v>
      </c>
    </row>
    <row r="9347" spans="1:9">
      <c r="A9347" s="1">
        <v>7.765580143227957E-2</v>
      </c>
      <c r="B9347" s="1"/>
      <c r="C9347">
        <v>14</v>
      </c>
      <c r="D9347" t="s">
        <v>22821</v>
      </c>
      <c r="E9347" t="s">
        <v>33568</v>
      </c>
      <c r="F9347">
        <v>5</v>
      </c>
      <c r="G9347" t="s">
        <v>10</v>
      </c>
      <c r="H9347" t="s">
        <v>22822</v>
      </c>
      <c r="I9347" t="s">
        <v>30540</v>
      </c>
    </row>
    <row r="9348" spans="1:9">
      <c r="A9348" s="1">
        <v>0.85002220037835918</v>
      </c>
      <c r="B9348" s="1"/>
      <c r="C9348">
        <v>1</v>
      </c>
      <c r="D9348" t="s">
        <v>22815</v>
      </c>
      <c r="E9348" t="s">
        <v>33568</v>
      </c>
      <c r="F9348">
        <v>4</v>
      </c>
      <c r="G9348" t="s">
        <v>2</v>
      </c>
      <c r="H9348" t="s">
        <v>22816</v>
      </c>
      <c r="I9348" t="s">
        <v>30540</v>
      </c>
    </row>
    <row r="9349" spans="1:9">
      <c r="A9349" s="1">
        <v>0.29817899378616963</v>
      </c>
      <c r="B9349" s="1"/>
      <c r="C9349">
        <v>7</v>
      </c>
      <c r="D9349" t="s">
        <v>22819</v>
      </c>
      <c r="E9349" t="s">
        <v>33568</v>
      </c>
      <c r="F9349">
        <v>4</v>
      </c>
      <c r="G9349" t="s">
        <v>10</v>
      </c>
      <c r="H9349" t="s">
        <v>22820</v>
      </c>
      <c r="I9349" t="s">
        <v>30540</v>
      </c>
    </row>
    <row r="9350" spans="1:9">
      <c r="A9350" s="1">
        <v>0.6844729740835932</v>
      </c>
      <c r="B9350" s="1"/>
      <c r="C9350">
        <v>14</v>
      </c>
      <c r="D9350" t="s">
        <v>22813</v>
      </c>
      <c r="E9350" t="s">
        <v>33569</v>
      </c>
      <c r="F9350">
        <v>5</v>
      </c>
      <c r="G9350" t="s">
        <v>14</v>
      </c>
      <c r="H9350" t="s">
        <v>22814</v>
      </c>
      <c r="I9350" t="s">
        <v>30540</v>
      </c>
    </row>
    <row r="9351" spans="1:9">
      <c r="A9351" s="1">
        <v>0.79165565633898405</v>
      </c>
      <c r="B9351" s="1"/>
      <c r="C9351">
        <v>1</v>
      </c>
      <c r="D9351" t="s">
        <v>22809</v>
      </c>
      <c r="E9351" t="s">
        <v>33569</v>
      </c>
      <c r="F9351">
        <v>4</v>
      </c>
      <c r="G9351" t="s">
        <v>15</v>
      </c>
      <c r="H9351" t="s">
        <v>22810</v>
      </c>
      <c r="I9351" t="s">
        <v>30540</v>
      </c>
    </row>
    <row r="9352" spans="1:9">
      <c r="A9352" s="1">
        <v>0.23786632346670467</v>
      </c>
      <c r="B9352" s="1"/>
      <c r="C9352">
        <v>8</v>
      </c>
      <c r="D9352" t="s">
        <v>22811</v>
      </c>
      <c r="E9352" t="s">
        <v>33569</v>
      </c>
      <c r="F9352">
        <v>3</v>
      </c>
      <c r="G9352" t="s">
        <v>10</v>
      </c>
      <c r="H9352" t="s">
        <v>22812</v>
      </c>
      <c r="I9352" t="s">
        <v>30540</v>
      </c>
    </row>
    <row r="9353" spans="1:9">
      <c r="A9353" s="1">
        <v>0.17476952797437861</v>
      </c>
      <c r="B9353" s="1"/>
      <c r="C9353">
        <v>12</v>
      </c>
      <c r="D9353" t="s">
        <v>22807</v>
      </c>
      <c r="E9353" t="s">
        <v>33570</v>
      </c>
      <c r="F9353">
        <v>5</v>
      </c>
      <c r="G9353" t="s">
        <v>14</v>
      </c>
      <c r="H9353" t="s">
        <v>22808</v>
      </c>
      <c r="I9353" t="s">
        <v>30540</v>
      </c>
    </row>
    <row r="9354" spans="1:9">
      <c r="A9354" s="1">
        <v>0.28013944488717579</v>
      </c>
      <c r="B9354" s="1"/>
      <c r="C9354">
        <v>2</v>
      </c>
      <c r="D9354" t="s">
        <v>22803</v>
      </c>
      <c r="E9354" t="s">
        <v>33570</v>
      </c>
      <c r="F9354">
        <v>4</v>
      </c>
      <c r="G9354" t="s">
        <v>10</v>
      </c>
      <c r="H9354" t="s">
        <v>22804</v>
      </c>
      <c r="I9354" t="s">
        <v>30540</v>
      </c>
    </row>
    <row r="9355" spans="1:9">
      <c r="A9355" s="1">
        <v>0.49667149208459038</v>
      </c>
      <c r="B9355" s="1"/>
      <c r="C9355">
        <v>3</v>
      </c>
      <c r="D9355" t="s">
        <v>22805</v>
      </c>
      <c r="E9355" t="s">
        <v>33570</v>
      </c>
      <c r="F9355">
        <v>4</v>
      </c>
      <c r="G9355" t="s">
        <v>13</v>
      </c>
      <c r="H9355" t="s">
        <v>22806</v>
      </c>
      <c r="I9355" t="s">
        <v>30540</v>
      </c>
    </row>
    <row r="9356" spans="1:9">
      <c r="A9356" s="1">
        <v>0.51040467463861761</v>
      </c>
      <c r="B9356" s="1"/>
      <c r="C9356">
        <v>11</v>
      </c>
      <c r="D9356" t="s">
        <v>22801</v>
      </c>
      <c r="E9356" t="s">
        <v>33571</v>
      </c>
      <c r="F9356">
        <v>5</v>
      </c>
      <c r="G9356" t="s">
        <v>14</v>
      </c>
      <c r="H9356" t="s">
        <v>22802</v>
      </c>
      <c r="I9356" t="s">
        <v>30540</v>
      </c>
    </row>
    <row r="9357" spans="1:9">
      <c r="A9357" s="1">
        <v>0.9814297553505319</v>
      </c>
      <c r="B9357" s="1"/>
      <c r="C9357">
        <v>2</v>
      </c>
      <c r="D9357" t="s">
        <v>22795</v>
      </c>
      <c r="E9357" t="s">
        <v>33571</v>
      </c>
      <c r="F9357">
        <v>4</v>
      </c>
      <c r="G9357" t="s">
        <v>762</v>
      </c>
      <c r="H9357" t="s">
        <v>22796</v>
      </c>
      <c r="I9357" t="s">
        <v>30540</v>
      </c>
    </row>
    <row r="9358" spans="1:9">
      <c r="A9358" s="1">
        <v>0.66888021372092354</v>
      </c>
      <c r="B9358" s="1"/>
      <c r="C9358">
        <v>7</v>
      </c>
      <c r="D9358" t="s">
        <v>22799</v>
      </c>
      <c r="E9358" t="s">
        <v>33571</v>
      </c>
      <c r="F9358">
        <v>3</v>
      </c>
      <c r="G9358" t="s">
        <v>774</v>
      </c>
      <c r="H9358" t="s">
        <v>22800</v>
      </c>
      <c r="I9358" t="s">
        <v>30540</v>
      </c>
    </row>
    <row r="9359" spans="1:9">
      <c r="A9359" s="1">
        <v>0.89008457246394601</v>
      </c>
      <c r="B9359" s="1"/>
      <c r="C9359">
        <v>15</v>
      </c>
      <c r="D9359" t="s">
        <v>22793</v>
      </c>
      <c r="E9359" t="s">
        <v>33572</v>
      </c>
      <c r="F9359">
        <v>5</v>
      </c>
      <c r="G9359" t="s">
        <v>14</v>
      </c>
      <c r="H9359" t="s">
        <v>22794</v>
      </c>
      <c r="I9359" t="s">
        <v>30540</v>
      </c>
    </row>
    <row r="9360" spans="1:9">
      <c r="A9360" s="1">
        <v>0.72966042052913604</v>
      </c>
      <c r="B9360" s="1"/>
      <c r="C9360">
        <v>2</v>
      </c>
      <c r="D9360" t="s">
        <v>22789</v>
      </c>
      <c r="E9360" t="s">
        <v>33572</v>
      </c>
      <c r="F9360">
        <v>4</v>
      </c>
      <c r="G9360" t="s">
        <v>2</v>
      </c>
      <c r="H9360" t="s">
        <v>22790</v>
      </c>
      <c r="I9360" t="s">
        <v>30540</v>
      </c>
    </row>
    <row r="9361" spans="1:9">
      <c r="A9361" s="1">
        <v>5.3258407452932532E-2</v>
      </c>
      <c r="B9361" s="1"/>
      <c r="C9361">
        <v>9</v>
      </c>
      <c r="D9361" t="s">
        <v>22791</v>
      </c>
      <c r="E9361" t="s">
        <v>33572</v>
      </c>
      <c r="F9361">
        <v>4</v>
      </c>
      <c r="G9361" t="s">
        <v>14</v>
      </c>
      <c r="H9361" t="s">
        <v>22792</v>
      </c>
      <c r="I9361" t="s">
        <v>30540</v>
      </c>
    </row>
    <row r="9362" spans="1:9">
      <c r="A9362" s="1">
        <v>0.43041248867404003</v>
      </c>
      <c r="B9362" s="1"/>
      <c r="C9362">
        <v>10</v>
      </c>
      <c r="D9362" t="s">
        <v>22779</v>
      </c>
      <c r="E9362" t="s">
        <v>33573</v>
      </c>
      <c r="F9362">
        <v>5</v>
      </c>
      <c r="G9362" t="s">
        <v>14</v>
      </c>
      <c r="H9362" t="s">
        <v>22780</v>
      </c>
      <c r="I9362" t="s">
        <v>30540</v>
      </c>
    </row>
    <row r="9363" spans="1:9">
      <c r="A9363" s="1">
        <v>0.36940231262899914</v>
      </c>
      <c r="B9363" s="1"/>
      <c r="C9363">
        <v>14</v>
      </c>
      <c r="D9363" t="s">
        <v>22783</v>
      </c>
      <c r="E9363" t="s">
        <v>33573</v>
      </c>
      <c r="F9363">
        <v>5</v>
      </c>
      <c r="G9363" t="s">
        <v>10</v>
      </c>
      <c r="H9363" t="s">
        <v>22784</v>
      </c>
      <c r="I9363" t="s">
        <v>30540</v>
      </c>
    </row>
    <row r="9364" spans="1:9">
      <c r="A9364" s="1">
        <v>0.33128250360800915</v>
      </c>
      <c r="B9364" s="1"/>
      <c r="C9364">
        <v>4</v>
      </c>
      <c r="D9364" t="s">
        <v>22775</v>
      </c>
      <c r="E9364" t="s">
        <v>33573</v>
      </c>
      <c r="F9364">
        <v>5</v>
      </c>
      <c r="G9364" t="s">
        <v>9</v>
      </c>
      <c r="H9364" t="s">
        <v>22776</v>
      </c>
      <c r="I9364" t="s">
        <v>30540</v>
      </c>
    </row>
    <row r="9365" spans="1:9">
      <c r="A9365" s="1">
        <v>0.18053634827368203</v>
      </c>
      <c r="B9365" s="1"/>
      <c r="C9365">
        <v>1</v>
      </c>
      <c r="D9365" t="s">
        <v>22773</v>
      </c>
      <c r="E9365" t="s">
        <v>33573</v>
      </c>
      <c r="F9365">
        <v>4</v>
      </c>
      <c r="G9365" t="s">
        <v>10</v>
      </c>
      <c r="H9365" t="s">
        <v>22774</v>
      </c>
      <c r="I9365" t="s">
        <v>30540</v>
      </c>
    </row>
    <row r="9366" spans="1:9">
      <c r="A9366" s="1">
        <v>0.75216466831717865</v>
      </c>
      <c r="B9366" s="1"/>
      <c r="C9366">
        <v>9</v>
      </c>
      <c r="D9366" t="s">
        <v>22777</v>
      </c>
      <c r="E9366" t="s">
        <v>33573</v>
      </c>
      <c r="F9366">
        <v>4</v>
      </c>
      <c r="G9366" t="s">
        <v>14</v>
      </c>
      <c r="H9366" t="s">
        <v>22778</v>
      </c>
      <c r="I9366" t="s">
        <v>30540</v>
      </c>
    </row>
    <row r="9367" spans="1:9">
      <c r="A9367" s="1">
        <v>0.40671947941005515</v>
      </c>
      <c r="B9367" s="1"/>
      <c r="C9367">
        <v>15</v>
      </c>
      <c r="D9367" t="s">
        <v>22785</v>
      </c>
      <c r="E9367" t="s">
        <v>33573</v>
      </c>
      <c r="F9367">
        <v>4</v>
      </c>
      <c r="G9367" t="s">
        <v>14</v>
      </c>
      <c r="H9367" t="s">
        <v>22786</v>
      </c>
      <c r="I9367" t="s">
        <v>30540</v>
      </c>
    </row>
    <row r="9368" spans="1:9">
      <c r="A9368" s="1">
        <v>3.5897292721303709E-2</v>
      </c>
      <c r="B9368" s="1"/>
      <c r="C9368">
        <v>16</v>
      </c>
      <c r="D9368" t="s">
        <v>22787</v>
      </c>
      <c r="E9368" t="s">
        <v>33573</v>
      </c>
      <c r="F9368">
        <v>4</v>
      </c>
      <c r="G9368" t="s">
        <v>14</v>
      </c>
      <c r="H9368" t="s">
        <v>22788</v>
      </c>
      <c r="I9368" t="s">
        <v>30540</v>
      </c>
    </row>
    <row r="9369" spans="1:9">
      <c r="A9369" s="1">
        <v>9.0113807757423947E-2</v>
      </c>
      <c r="B9369" s="1"/>
      <c r="C9369">
        <v>11</v>
      </c>
      <c r="D9369" t="s">
        <v>22781</v>
      </c>
      <c r="E9369" t="s">
        <v>33573</v>
      </c>
      <c r="F9369">
        <v>4</v>
      </c>
      <c r="G9369" t="s">
        <v>1</v>
      </c>
      <c r="H9369" t="s">
        <v>22782</v>
      </c>
      <c r="I9369" t="s">
        <v>30540</v>
      </c>
    </row>
    <row r="9370" spans="1:9">
      <c r="A9370" s="1">
        <v>0.31988142662769836</v>
      </c>
      <c r="B9370" s="1"/>
      <c r="C9370">
        <v>7</v>
      </c>
      <c r="D9370" t="s">
        <v>22771</v>
      </c>
      <c r="E9370" t="s">
        <v>33574</v>
      </c>
      <c r="F9370">
        <v>3</v>
      </c>
      <c r="G9370" t="s">
        <v>14</v>
      </c>
      <c r="H9370" t="s">
        <v>22772</v>
      </c>
      <c r="I9370" t="s">
        <v>30540</v>
      </c>
    </row>
    <row r="9371" spans="1:9">
      <c r="A9371" s="1">
        <v>0.48423518335311133</v>
      </c>
      <c r="B9371" s="1"/>
      <c r="C9371">
        <v>13</v>
      </c>
      <c r="D9371" t="s">
        <v>22769</v>
      </c>
      <c r="E9371" t="s">
        <v>33575</v>
      </c>
      <c r="F9371">
        <v>5</v>
      </c>
      <c r="G9371" t="s">
        <v>14</v>
      </c>
      <c r="H9371" t="s">
        <v>22770</v>
      </c>
      <c r="I9371" t="s">
        <v>30540</v>
      </c>
    </row>
    <row r="9372" spans="1:9">
      <c r="A9372" s="1">
        <v>8.0982081876856959E-4</v>
      </c>
      <c r="B9372" s="1"/>
      <c r="C9372">
        <v>5</v>
      </c>
      <c r="D9372" t="s">
        <v>22765</v>
      </c>
      <c r="E9372" t="s">
        <v>33575</v>
      </c>
      <c r="F9372">
        <v>4</v>
      </c>
      <c r="G9372" t="s">
        <v>14</v>
      </c>
      <c r="H9372" t="s">
        <v>22766</v>
      </c>
      <c r="I9372" t="s">
        <v>30540</v>
      </c>
    </row>
    <row r="9373" spans="1:9">
      <c r="A9373" s="1">
        <v>0.20696481526938282</v>
      </c>
      <c r="B9373" s="1"/>
      <c r="C9373">
        <v>12</v>
      </c>
      <c r="D9373" t="s">
        <v>22767</v>
      </c>
      <c r="E9373" t="s">
        <v>33575</v>
      </c>
      <c r="F9373">
        <v>4</v>
      </c>
      <c r="G9373" t="s">
        <v>14</v>
      </c>
      <c r="H9373" t="s">
        <v>22768</v>
      </c>
      <c r="I9373" t="s">
        <v>30540</v>
      </c>
    </row>
    <row r="9374" spans="1:9">
      <c r="A9374" s="1">
        <v>0.62012088001934607</v>
      </c>
      <c r="B9374" s="1"/>
      <c r="C9374">
        <v>11</v>
      </c>
      <c r="D9374" t="s">
        <v>22759</v>
      </c>
      <c r="E9374" t="s">
        <v>33576</v>
      </c>
      <c r="F9374">
        <v>5</v>
      </c>
      <c r="G9374" t="s">
        <v>14</v>
      </c>
      <c r="H9374" t="s">
        <v>22760</v>
      </c>
      <c r="I9374" t="s">
        <v>30540</v>
      </c>
    </row>
    <row r="9375" spans="1:9">
      <c r="A9375" s="1">
        <v>0.48049938885078647</v>
      </c>
      <c r="B9375" s="1"/>
      <c r="C9375">
        <v>14</v>
      </c>
      <c r="D9375" t="s">
        <v>22761</v>
      </c>
      <c r="E9375" t="s">
        <v>33576</v>
      </c>
      <c r="F9375">
        <v>5</v>
      </c>
      <c r="G9375" t="s">
        <v>14</v>
      </c>
      <c r="H9375" t="s">
        <v>22762</v>
      </c>
      <c r="I9375" t="s">
        <v>30540</v>
      </c>
    </row>
    <row r="9376" spans="1:9">
      <c r="A9376" s="1">
        <v>5.9066240518151791E-2</v>
      </c>
      <c r="B9376" s="1"/>
      <c r="C9376">
        <v>16</v>
      </c>
      <c r="D9376" t="s">
        <v>22763</v>
      </c>
      <c r="E9376" t="s">
        <v>33576</v>
      </c>
      <c r="F9376">
        <v>4</v>
      </c>
      <c r="G9376" t="s">
        <v>14</v>
      </c>
      <c r="H9376" t="s">
        <v>22764</v>
      </c>
      <c r="I9376" t="s">
        <v>30540</v>
      </c>
    </row>
    <row r="9377" spans="1:9">
      <c r="A9377" s="1">
        <v>0.17441363889775852</v>
      </c>
      <c r="B9377" s="1"/>
      <c r="C9377">
        <v>13</v>
      </c>
      <c r="D9377" t="s">
        <v>22757</v>
      </c>
      <c r="E9377" t="s">
        <v>33577</v>
      </c>
      <c r="F9377">
        <v>5</v>
      </c>
      <c r="G9377" t="s">
        <v>14</v>
      </c>
      <c r="H9377" t="s">
        <v>22758</v>
      </c>
      <c r="I9377" t="s">
        <v>30540</v>
      </c>
    </row>
    <row r="9378" spans="1:9">
      <c r="A9378" s="1">
        <v>0.8067745547827232</v>
      </c>
      <c r="B9378" s="1"/>
      <c r="C9378">
        <v>6</v>
      </c>
      <c r="D9378" t="s">
        <v>22751</v>
      </c>
      <c r="E9378" t="s">
        <v>33577</v>
      </c>
      <c r="F9378">
        <v>5</v>
      </c>
      <c r="G9378" t="s">
        <v>10</v>
      </c>
      <c r="H9378" t="s">
        <v>22752</v>
      </c>
      <c r="I9378" t="s">
        <v>30540</v>
      </c>
    </row>
    <row r="9379" spans="1:9">
      <c r="A9379" s="1">
        <v>0.33127492490025479</v>
      </c>
      <c r="B9379" s="1"/>
      <c r="C9379">
        <v>11</v>
      </c>
      <c r="D9379" t="s">
        <v>22755</v>
      </c>
      <c r="E9379" t="s">
        <v>33577</v>
      </c>
      <c r="F9379">
        <v>4</v>
      </c>
      <c r="G9379" t="s">
        <v>14</v>
      </c>
      <c r="H9379" t="s">
        <v>22756</v>
      </c>
      <c r="I9379" t="s">
        <v>30540</v>
      </c>
    </row>
    <row r="9380" spans="1:9">
      <c r="A9380" s="1">
        <v>0.76774571843275297</v>
      </c>
      <c r="B9380" s="1"/>
      <c r="C9380">
        <v>3</v>
      </c>
      <c r="D9380" t="s">
        <v>22749</v>
      </c>
      <c r="E9380" t="s">
        <v>33577</v>
      </c>
      <c r="F9380">
        <v>4</v>
      </c>
      <c r="G9380" t="s">
        <v>14</v>
      </c>
      <c r="H9380" t="s">
        <v>22750</v>
      </c>
      <c r="I9380" t="s">
        <v>30540</v>
      </c>
    </row>
    <row r="9381" spans="1:9">
      <c r="A9381" s="1">
        <v>0.55569967019917521</v>
      </c>
      <c r="B9381" s="1"/>
      <c r="C9381">
        <v>9</v>
      </c>
      <c r="D9381" t="s">
        <v>22753</v>
      </c>
      <c r="E9381" t="s">
        <v>33577</v>
      </c>
      <c r="F9381">
        <v>3</v>
      </c>
      <c r="G9381" t="s">
        <v>14</v>
      </c>
      <c r="H9381" t="s">
        <v>22754</v>
      </c>
      <c r="I9381" t="s">
        <v>30540</v>
      </c>
    </row>
    <row r="9382" spans="1:9">
      <c r="A9382" s="1">
        <v>0.70446481741791467</v>
      </c>
      <c r="B9382" s="1"/>
      <c r="C9382">
        <v>10</v>
      </c>
      <c r="D9382" t="s">
        <v>22745</v>
      </c>
      <c r="E9382" t="s">
        <v>33578</v>
      </c>
      <c r="F9382">
        <v>5</v>
      </c>
      <c r="G9382" t="s">
        <v>14</v>
      </c>
      <c r="H9382" t="s">
        <v>22746</v>
      </c>
      <c r="I9382" t="s">
        <v>30540</v>
      </c>
    </row>
    <row r="9383" spans="1:9">
      <c r="A9383" s="1">
        <v>0.83499381967054853</v>
      </c>
      <c r="B9383" s="1"/>
      <c r="C9383">
        <v>8</v>
      </c>
      <c r="D9383" t="s">
        <v>22743</v>
      </c>
      <c r="E9383" t="s">
        <v>33578</v>
      </c>
      <c r="F9383">
        <v>4</v>
      </c>
      <c r="G9383" t="s">
        <v>14</v>
      </c>
      <c r="H9383" t="s">
        <v>22744</v>
      </c>
      <c r="I9383" t="s">
        <v>30540</v>
      </c>
    </row>
    <row r="9384" spans="1:9">
      <c r="A9384" s="1">
        <v>0.29343820207972937</v>
      </c>
      <c r="B9384" s="1"/>
      <c r="C9384">
        <v>2</v>
      </c>
      <c r="D9384" t="s">
        <v>22741</v>
      </c>
      <c r="E9384" t="s">
        <v>33578</v>
      </c>
      <c r="F9384">
        <v>4</v>
      </c>
      <c r="G9384" t="s">
        <v>9</v>
      </c>
      <c r="H9384" t="s">
        <v>22742</v>
      </c>
      <c r="I9384" t="s">
        <v>30540</v>
      </c>
    </row>
    <row r="9385" spans="1:9">
      <c r="A9385" s="1">
        <v>0.87342215635579457</v>
      </c>
      <c r="B9385" s="1"/>
      <c r="C9385">
        <v>13</v>
      </c>
      <c r="D9385" t="s">
        <v>22747</v>
      </c>
      <c r="E9385" t="s">
        <v>33578</v>
      </c>
      <c r="F9385">
        <v>4</v>
      </c>
      <c r="G9385" t="s">
        <v>14</v>
      </c>
      <c r="H9385" t="s">
        <v>22748</v>
      </c>
      <c r="I9385" t="s">
        <v>30540</v>
      </c>
    </row>
    <row r="9386" spans="1:9">
      <c r="A9386" s="1">
        <v>0.65225375427746557</v>
      </c>
      <c r="B9386" s="1"/>
      <c r="C9386">
        <v>3</v>
      </c>
      <c r="D9386" t="s">
        <v>22729</v>
      </c>
      <c r="E9386" t="s">
        <v>33579</v>
      </c>
      <c r="F9386">
        <v>5</v>
      </c>
      <c r="G9386" t="s">
        <v>10</v>
      </c>
      <c r="H9386" t="s">
        <v>22730</v>
      </c>
      <c r="I9386" t="s">
        <v>30540</v>
      </c>
    </row>
    <row r="9387" spans="1:9">
      <c r="A9387" s="1">
        <v>0.21132197463934188</v>
      </c>
      <c r="B9387" s="1"/>
      <c r="C9387">
        <v>7</v>
      </c>
      <c r="D9387" t="s">
        <v>22731</v>
      </c>
      <c r="E9387" t="s">
        <v>33579</v>
      </c>
      <c r="F9387">
        <v>5</v>
      </c>
      <c r="G9387" t="s">
        <v>2</v>
      </c>
      <c r="H9387" t="s">
        <v>22732</v>
      </c>
      <c r="I9387" t="s">
        <v>30540</v>
      </c>
    </row>
    <row r="9388" spans="1:9">
      <c r="A9388" s="1">
        <v>0.3604430457054365</v>
      </c>
      <c r="B9388" s="1"/>
      <c r="C9388">
        <v>17</v>
      </c>
      <c r="D9388" t="s">
        <v>22737</v>
      </c>
      <c r="E9388" t="s">
        <v>33579</v>
      </c>
      <c r="F9388">
        <v>4</v>
      </c>
      <c r="G9388" t="s">
        <v>9</v>
      </c>
      <c r="H9388" t="s">
        <v>22738</v>
      </c>
      <c r="I9388" t="s">
        <v>30540</v>
      </c>
    </row>
    <row r="9389" spans="1:9">
      <c r="A9389" s="1">
        <v>0.56029133490426886</v>
      </c>
      <c r="B9389" s="1"/>
      <c r="C9389">
        <v>18</v>
      </c>
      <c r="D9389" t="s">
        <v>22739</v>
      </c>
      <c r="E9389" t="s">
        <v>33579</v>
      </c>
      <c r="F9389">
        <v>4</v>
      </c>
      <c r="G9389" t="s">
        <v>1</v>
      </c>
      <c r="H9389" t="s">
        <v>22740</v>
      </c>
      <c r="I9389" t="s">
        <v>30540</v>
      </c>
    </row>
    <row r="9390" spans="1:9">
      <c r="A9390" s="1">
        <v>0.43653699034364457</v>
      </c>
      <c r="B9390" s="1"/>
      <c r="C9390">
        <v>15</v>
      </c>
      <c r="D9390" t="s">
        <v>22733</v>
      </c>
      <c r="E9390" t="s">
        <v>33579</v>
      </c>
      <c r="F9390">
        <v>3</v>
      </c>
      <c r="G9390" t="s">
        <v>14</v>
      </c>
      <c r="H9390" t="s">
        <v>22734</v>
      </c>
      <c r="I9390" t="s">
        <v>30540</v>
      </c>
    </row>
    <row r="9391" spans="1:9">
      <c r="A9391" s="1">
        <v>0.49326990310938834</v>
      </c>
      <c r="B9391" s="1"/>
      <c r="C9391">
        <v>16</v>
      </c>
      <c r="D9391" t="s">
        <v>22735</v>
      </c>
      <c r="E9391" t="s">
        <v>33579</v>
      </c>
      <c r="F9391">
        <v>3</v>
      </c>
      <c r="G9391" t="s">
        <v>14</v>
      </c>
      <c r="H9391" t="s">
        <v>22736</v>
      </c>
      <c r="I9391" t="s">
        <v>30540</v>
      </c>
    </row>
    <row r="9392" spans="1:9">
      <c r="A9392" s="1">
        <v>0.66028992587598545</v>
      </c>
      <c r="B9392" s="1"/>
      <c r="C9392">
        <v>15</v>
      </c>
      <c r="D9392" t="s">
        <v>22725</v>
      </c>
      <c r="E9392" t="s">
        <v>33580</v>
      </c>
      <c r="F9392">
        <v>4</v>
      </c>
      <c r="G9392" t="s">
        <v>14</v>
      </c>
      <c r="H9392" t="s">
        <v>22726</v>
      </c>
      <c r="I9392" t="s">
        <v>30540</v>
      </c>
    </row>
    <row r="9393" spans="1:9">
      <c r="A9393" s="1">
        <v>0.46602183448940071</v>
      </c>
      <c r="B9393" s="1"/>
      <c r="C9393">
        <v>19</v>
      </c>
      <c r="D9393" t="s">
        <v>22727</v>
      </c>
      <c r="E9393" t="s">
        <v>33580</v>
      </c>
      <c r="F9393">
        <v>3</v>
      </c>
      <c r="G9393" t="s">
        <v>1431</v>
      </c>
      <c r="H9393" t="s">
        <v>22728</v>
      </c>
      <c r="I9393" t="s">
        <v>30540</v>
      </c>
    </row>
    <row r="9394" spans="1:9">
      <c r="A9394" s="1">
        <v>0.7405279131327529</v>
      </c>
      <c r="B9394" s="1"/>
      <c r="C9394">
        <v>14</v>
      </c>
      <c r="D9394" t="s">
        <v>22723</v>
      </c>
      <c r="E9394" t="s">
        <v>33580</v>
      </c>
      <c r="F9394">
        <v>3</v>
      </c>
      <c r="G9394" t="s">
        <v>14</v>
      </c>
      <c r="H9394" t="s">
        <v>22724</v>
      </c>
      <c r="I9394" t="s">
        <v>30540</v>
      </c>
    </row>
    <row r="9395" spans="1:9">
      <c r="A9395" s="1">
        <v>0.46861176678120975</v>
      </c>
      <c r="B9395" s="1"/>
      <c r="C9395">
        <v>2</v>
      </c>
      <c r="D9395" t="s">
        <v>22715</v>
      </c>
      <c r="E9395" t="s">
        <v>33581</v>
      </c>
      <c r="F9395">
        <v>4</v>
      </c>
      <c r="G9395" t="s">
        <v>2</v>
      </c>
      <c r="H9395" t="s">
        <v>22716</v>
      </c>
      <c r="I9395" t="s">
        <v>30540</v>
      </c>
    </row>
    <row r="9396" spans="1:9">
      <c r="A9396" s="1">
        <v>0.56923672777352252</v>
      </c>
      <c r="B9396" s="1"/>
      <c r="C9396">
        <v>13</v>
      </c>
      <c r="D9396" t="s">
        <v>22719</v>
      </c>
      <c r="E9396" t="s">
        <v>33581</v>
      </c>
      <c r="F9396">
        <v>4</v>
      </c>
      <c r="G9396" t="s">
        <v>0</v>
      </c>
      <c r="H9396" t="s">
        <v>22720</v>
      </c>
      <c r="I9396" t="s">
        <v>30540</v>
      </c>
    </row>
    <row r="9397" spans="1:9">
      <c r="A9397" s="1">
        <v>0.82364277475810665</v>
      </c>
      <c r="B9397" s="1"/>
      <c r="C9397">
        <v>5</v>
      </c>
      <c r="D9397" t="s">
        <v>22717</v>
      </c>
      <c r="E9397" t="s">
        <v>33581</v>
      </c>
      <c r="F9397">
        <v>4</v>
      </c>
      <c r="G9397" t="s">
        <v>14</v>
      </c>
      <c r="H9397" t="s">
        <v>22718</v>
      </c>
      <c r="I9397" t="s">
        <v>30540</v>
      </c>
    </row>
    <row r="9398" spans="1:9">
      <c r="A9398" s="1">
        <v>8.052855945613091E-2</v>
      </c>
      <c r="B9398" s="1"/>
      <c r="C9398">
        <v>15</v>
      </c>
      <c r="D9398" t="s">
        <v>22713</v>
      </c>
      <c r="E9398" t="s">
        <v>33582</v>
      </c>
      <c r="F9398">
        <v>4</v>
      </c>
      <c r="G9398" t="s">
        <v>14</v>
      </c>
      <c r="H9398" t="s">
        <v>22714</v>
      </c>
      <c r="I9398" t="s">
        <v>30540</v>
      </c>
    </row>
    <row r="9399" spans="1:9">
      <c r="A9399" s="1">
        <v>0.65983529642049998</v>
      </c>
      <c r="B9399" s="1"/>
      <c r="C9399">
        <v>14</v>
      </c>
      <c r="D9399" t="s">
        <v>22711</v>
      </c>
      <c r="E9399" t="s">
        <v>33582</v>
      </c>
      <c r="F9399">
        <v>4</v>
      </c>
      <c r="G9399" t="s">
        <v>14</v>
      </c>
      <c r="H9399" t="s">
        <v>22712</v>
      </c>
      <c r="I9399" t="s">
        <v>30540</v>
      </c>
    </row>
    <row r="9400" spans="1:9">
      <c r="A9400" s="1">
        <v>0.20217344926877867</v>
      </c>
      <c r="B9400" s="1"/>
      <c r="C9400">
        <v>7</v>
      </c>
      <c r="D9400" t="s">
        <v>22709</v>
      </c>
      <c r="E9400" t="s">
        <v>33582</v>
      </c>
      <c r="F9400">
        <v>3</v>
      </c>
      <c r="G9400" t="s">
        <v>14</v>
      </c>
      <c r="H9400" t="s">
        <v>22710</v>
      </c>
      <c r="I9400" t="s">
        <v>30540</v>
      </c>
    </row>
    <row r="9401" spans="1:9">
      <c r="A9401" s="1">
        <v>0.58250022436159044</v>
      </c>
      <c r="B9401" s="1"/>
      <c r="C9401">
        <v>6</v>
      </c>
      <c r="D9401" t="s">
        <v>22707</v>
      </c>
      <c r="E9401" t="s">
        <v>33582</v>
      </c>
      <c r="F9401">
        <v>3</v>
      </c>
      <c r="G9401" t="s">
        <v>10</v>
      </c>
      <c r="H9401" t="s">
        <v>22708</v>
      </c>
      <c r="I9401" t="s">
        <v>30540</v>
      </c>
    </row>
    <row r="9402" spans="1:9">
      <c r="A9402" s="1">
        <v>0.63728573714628456</v>
      </c>
      <c r="B9402" s="1"/>
      <c r="C9402">
        <v>13</v>
      </c>
      <c r="D9402" t="s">
        <v>22705</v>
      </c>
      <c r="E9402" t="s">
        <v>33583</v>
      </c>
      <c r="F9402">
        <v>5</v>
      </c>
      <c r="G9402" t="s">
        <v>14</v>
      </c>
      <c r="H9402" t="s">
        <v>22706</v>
      </c>
      <c r="I9402" t="s">
        <v>30540</v>
      </c>
    </row>
    <row r="9403" spans="1:9">
      <c r="A9403" s="1">
        <v>0.51947553943840308</v>
      </c>
      <c r="B9403" s="1"/>
      <c r="C9403">
        <v>12</v>
      </c>
      <c r="D9403" t="s">
        <v>22703</v>
      </c>
      <c r="E9403" t="s">
        <v>33583</v>
      </c>
      <c r="F9403">
        <v>4</v>
      </c>
      <c r="G9403" t="s">
        <v>13</v>
      </c>
      <c r="H9403" t="s">
        <v>22704</v>
      </c>
      <c r="I9403" t="s">
        <v>30540</v>
      </c>
    </row>
    <row r="9404" spans="1:9">
      <c r="A9404" s="1">
        <v>6.2481774192666872E-2</v>
      </c>
      <c r="B9404" s="1"/>
      <c r="C9404">
        <v>7</v>
      </c>
      <c r="D9404" t="s">
        <v>22701</v>
      </c>
      <c r="E9404" t="s">
        <v>33583</v>
      </c>
      <c r="F9404">
        <v>4</v>
      </c>
      <c r="G9404" t="s">
        <v>14</v>
      </c>
      <c r="H9404" t="s">
        <v>22702</v>
      </c>
      <c r="I9404" t="s">
        <v>30540</v>
      </c>
    </row>
    <row r="9405" spans="1:9">
      <c r="A9405" s="1">
        <v>0.76021896088049734</v>
      </c>
      <c r="B9405" s="1"/>
      <c r="C9405">
        <v>15</v>
      </c>
      <c r="D9405" t="s">
        <v>22697</v>
      </c>
      <c r="E9405" t="s">
        <v>33584</v>
      </c>
      <c r="F9405">
        <v>5</v>
      </c>
      <c r="G9405" t="s">
        <v>0</v>
      </c>
      <c r="H9405" t="s">
        <v>22698</v>
      </c>
      <c r="I9405" t="s">
        <v>30540</v>
      </c>
    </row>
    <row r="9406" spans="1:9">
      <c r="A9406" s="1">
        <v>0.42306717883256129</v>
      </c>
      <c r="B9406" s="1"/>
      <c r="C9406">
        <v>2</v>
      </c>
      <c r="D9406" t="s">
        <v>22685</v>
      </c>
      <c r="E9406" t="s">
        <v>33584</v>
      </c>
      <c r="F9406">
        <v>5</v>
      </c>
      <c r="G9406" t="s">
        <v>10</v>
      </c>
      <c r="H9406" t="s">
        <v>22686</v>
      </c>
      <c r="I9406" t="s">
        <v>30540</v>
      </c>
    </row>
    <row r="9407" spans="1:9">
      <c r="A9407" s="1">
        <v>0.37179689652254455</v>
      </c>
      <c r="B9407" s="1"/>
      <c r="C9407">
        <v>1</v>
      </c>
      <c r="D9407" t="s">
        <v>22683</v>
      </c>
      <c r="E9407" t="s">
        <v>33584</v>
      </c>
      <c r="F9407">
        <v>5</v>
      </c>
      <c r="G9407" t="s">
        <v>2</v>
      </c>
      <c r="H9407" t="s">
        <v>22684</v>
      </c>
      <c r="I9407" t="s">
        <v>30540</v>
      </c>
    </row>
    <row r="9408" spans="1:9">
      <c r="A9408" s="1">
        <v>0.77071332330304332</v>
      </c>
      <c r="B9408" s="1"/>
      <c r="C9408">
        <v>8</v>
      </c>
      <c r="D9408" t="s">
        <v>22687</v>
      </c>
      <c r="E9408" t="s">
        <v>33584</v>
      </c>
      <c r="F9408">
        <v>4</v>
      </c>
      <c r="G9408" t="s">
        <v>10</v>
      </c>
      <c r="H9408" t="s">
        <v>22688</v>
      </c>
      <c r="I9408" t="s">
        <v>30540</v>
      </c>
    </row>
    <row r="9409" spans="1:9">
      <c r="A9409" s="1">
        <v>0.52202310940029795</v>
      </c>
      <c r="B9409" s="1"/>
      <c r="C9409">
        <v>12</v>
      </c>
      <c r="D9409" t="s">
        <v>22691</v>
      </c>
      <c r="E9409" t="s">
        <v>33584</v>
      </c>
      <c r="F9409">
        <v>4</v>
      </c>
      <c r="G9409" t="s">
        <v>13</v>
      </c>
      <c r="H9409" t="s">
        <v>22692</v>
      </c>
      <c r="I9409" t="s">
        <v>30540</v>
      </c>
    </row>
    <row r="9410" spans="1:9">
      <c r="A9410" s="1">
        <v>0.15754127111457106</v>
      </c>
      <c r="B9410" s="1"/>
      <c r="C9410">
        <v>13</v>
      </c>
      <c r="D9410" t="s">
        <v>22693</v>
      </c>
      <c r="E9410" t="s">
        <v>33584</v>
      </c>
      <c r="F9410">
        <v>4</v>
      </c>
      <c r="G9410" t="s">
        <v>14</v>
      </c>
      <c r="H9410" t="s">
        <v>22694</v>
      </c>
      <c r="I9410" t="s">
        <v>30540</v>
      </c>
    </row>
    <row r="9411" spans="1:9">
      <c r="A9411" s="1">
        <v>0.34701723576051047</v>
      </c>
      <c r="B9411" s="1"/>
      <c r="C9411">
        <v>11</v>
      </c>
      <c r="D9411" t="s">
        <v>22689</v>
      </c>
      <c r="E9411" t="s">
        <v>33584</v>
      </c>
      <c r="F9411">
        <v>3</v>
      </c>
      <c r="G9411" t="s">
        <v>14</v>
      </c>
      <c r="H9411" t="s">
        <v>22690</v>
      </c>
      <c r="I9411" t="s">
        <v>30540</v>
      </c>
    </row>
    <row r="9412" spans="1:9">
      <c r="A9412" s="1">
        <v>0.5958510222153629</v>
      </c>
      <c r="B9412" s="1"/>
      <c r="C9412">
        <v>2</v>
      </c>
      <c r="D9412" t="s">
        <v>22677</v>
      </c>
      <c r="E9412" t="s">
        <v>33585</v>
      </c>
      <c r="F9412">
        <v>4</v>
      </c>
      <c r="G9412" t="s">
        <v>1431</v>
      </c>
      <c r="H9412" t="s">
        <v>22678</v>
      </c>
      <c r="I9412" t="s">
        <v>30540</v>
      </c>
    </row>
    <row r="9413" spans="1:9">
      <c r="A9413" s="1">
        <v>0.88537933203437946</v>
      </c>
      <c r="B9413" s="1"/>
      <c r="C9413">
        <v>4</v>
      </c>
      <c r="D9413" t="s">
        <v>22679</v>
      </c>
      <c r="E9413" t="s">
        <v>33585</v>
      </c>
      <c r="F9413">
        <v>4</v>
      </c>
      <c r="G9413" t="s">
        <v>14</v>
      </c>
      <c r="H9413" t="s">
        <v>22680</v>
      </c>
      <c r="I9413" t="s">
        <v>30540</v>
      </c>
    </row>
    <row r="9414" spans="1:9">
      <c r="A9414" s="1">
        <v>0.33385346091237</v>
      </c>
      <c r="B9414" s="1"/>
      <c r="C9414">
        <v>13</v>
      </c>
      <c r="D9414" t="s">
        <v>22681</v>
      </c>
      <c r="E9414" t="s">
        <v>33585</v>
      </c>
      <c r="F9414">
        <v>3</v>
      </c>
      <c r="G9414" t="s">
        <v>14</v>
      </c>
      <c r="H9414" t="s">
        <v>22682</v>
      </c>
      <c r="I9414" t="s">
        <v>30540</v>
      </c>
    </row>
    <row r="9415" spans="1:9">
      <c r="A9415" s="1">
        <v>0.53496098848421347</v>
      </c>
      <c r="B9415" s="1"/>
      <c r="C9415">
        <v>8</v>
      </c>
      <c r="D9415" t="s">
        <v>22675</v>
      </c>
      <c r="E9415" t="s">
        <v>33586</v>
      </c>
      <c r="F9415">
        <v>4</v>
      </c>
      <c r="G9415" t="s">
        <v>9</v>
      </c>
      <c r="H9415" t="s">
        <v>22676</v>
      </c>
      <c r="I9415" t="s">
        <v>30540</v>
      </c>
    </row>
    <row r="9416" spans="1:9">
      <c r="A9416" s="1">
        <v>0.13646322170889913</v>
      </c>
      <c r="B9416" s="1"/>
      <c r="C9416">
        <v>10</v>
      </c>
      <c r="D9416" t="s">
        <v>22671</v>
      </c>
      <c r="E9416" t="s">
        <v>33587</v>
      </c>
      <c r="F9416">
        <v>5</v>
      </c>
      <c r="G9416" t="s">
        <v>9</v>
      </c>
      <c r="H9416" t="s">
        <v>22672</v>
      </c>
      <c r="I9416" t="s">
        <v>30540</v>
      </c>
    </row>
    <row r="9417" spans="1:9">
      <c r="A9417" s="1">
        <v>0.58081436412543952</v>
      </c>
      <c r="B9417" s="1"/>
      <c r="C9417">
        <v>13</v>
      </c>
      <c r="D9417" t="s">
        <v>22673</v>
      </c>
      <c r="E9417" t="s">
        <v>33587</v>
      </c>
      <c r="F9417">
        <v>4</v>
      </c>
      <c r="G9417" t="s">
        <v>9</v>
      </c>
      <c r="H9417" t="s">
        <v>22674</v>
      </c>
      <c r="I9417" t="s">
        <v>30540</v>
      </c>
    </row>
    <row r="9418" spans="1:9">
      <c r="A9418" s="1">
        <v>0.94482802921298059</v>
      </c>
      <c r="B9418" s="1"/>
      <c r="C9418">
        <v>7</v>
      </c>
      <c r="D9418" t="s">
        <v>22669</v>
      </c>
      <c r="E9418" t="s">
        <v>33587</v>
      </c>
      <c r="F9418">
        <v>4</v>
      </c>
      <c r="G9418" t="s">
        <v>10</v>
      </c>
      <c r="H9418" t="s">
        <v>22670</v>
      </c>
      <c r="I9418" t="s">
        <v>30540</v>
      </c>
    </row>
    <row r="9419" spans="1:9">
      <c r="A9419" s="1">
        <v>0.99868255856331078</v>
      </c>
      <c r="B9419" s="1"/>
      <c r="C9419">
        <v>9</v>
      </c>
      <c r="D9419" t="s">
        <v>22665</v>
      </c>
      <c r="E9419" t="s">
        <v>33588</v>
      </c>
      <c r="F9419">
        <v>4</v>
      </c>
      <c r="G9419" t="s">
        <v>9</v>
      </c>
      <c r="H9419" t="s">
        <v>22666</v>
      </c>
      <c r="I9419" t="s">
        <v>30540</v>
      </c>
    </row>
    <row r="9420" spans="1:9">
      <c r="A9420" s="1">
        <v>0.59262276557109161</v>
      </c>
      <c r="B9420" s="1"/>
      <c r="C9420">
        <v>10</v>
      </c>
      <c r="D9420" t="s">
        <v>22667</v>
      </c>
      <c r="E9420" t="s">
        <v>33588</v>
      </c>
      <c r="F9420">
        <v>4</v>
      </c>
      <c r="G9420" t="s">
        <v>9</v>
      </c>
      <c r="H9420" t="s">
        <v>22668</v>
      </c>
      <c r="I9420" t="s">
        <v>30540</v>
      </c>
    </row>
    <row r="9421" spans="1:9">
      <c r="A9421" s="1">
        <v>2.8280547038811443E-3</v>
      </c>
      <c r="B9421" s="1"/>
      <c r="C9421">
        <v>8</v>
      </c>
      <c r="D9421" t="s">
        <v>22661</v>
      </c>
      <c r="E9421" t="s">
        <v>33589</v>
      </c>
      <c r="F9421">
        <v>4</v>
      </c>
      <c r="G9421" t="s">
        <v>9</v>
      </c>
      <c r="H9421" t="s">
        <v>22662</v>
      </c>
      <c r="I9421" t="s">
        <v>30540</v>
      </c>
    </row>
    <row r="9422" spans="1:9">
      <c r="A9422" s="1">
        <v>0.44290078138867317</v>
      </c>
      <c r="B9422" s="1"/>
      <c r="C9422">
        <v>3</v>
      </c>
      <c r="D9422" t="s">
        <v>22659</v>
      </c>
      <c r="E9422" t="s">
        <v>33589</v>
      </c>
      <c r="F9422">
        <v>4</v>
      </c>
      <c r="G9422" t="s">
        <v>15</v>
      </c>
      <c r="H9422" t="s">
        <v>22660</v>
      </c>
      <c r="I9422" t="s">
        <v>30540</v>
      </c>
    </row>
    <row r="9423" spans="1:9">
      <c r="A9423" s="1">
        <v>0.39829632973648144</v>
      </c>
      <c r="B9423" s="1"/>
      <c r="C9423">
        <v>14</v>
      </c>
      <c r="D9423" t="s">
        <v>22657</v>
      </c>
      <c r="E9423" t="s">
        <v>33590</v>
      </c>
      <c r="F9423">
        <v>4</v>
      </c>
      <c r="G9423" t="s">
        <v>0</v>
      </c>
      <c r="H9423" t="s">
        <v>22658</v>
      </c>
      <c r="I9423" t="s">
        <v>30540</v>
      </c>
    </row>
    <row r="9424" spans="1:9">
      <c r="A9424" s="1">
        <v>0.69220052152696654</v>
      </c>
      <c r="B9424" s="1"/>
      <c r="C9424">
        <v>2</v>
      </c>
      <c r="D9424" t="s">
        <v>22653</v>
      </c>
      <c r="E9424" t="s">
        <v>33591</v>
      </c>
      <c r="F9424">
        <v>4</v>
      </c>
      <c r="G9424" t="s">
        <v>9</v>
      </c>
      <c r="H9424" t="s">
        <v>22654</v>
      </c>
      <c r="I9424" t="s">
        <v>30540</v>
      </c>
    </row>
    <row r="9425" spans="1:9">
      <c r="A9425" s="1">
        <v>0.78953709151437745</v>
      </c>
      <c r="B9425" s="1"/>
      <c r="C9425">
        <v>13</v>
      </c>
      <c r="D9425" t="s">
        <v>22655</v>
      </c>
      <c r="E9425" t="s">
        <v>33591</v>
      </c>
      <c r="F9425">
        <v>3</v>
      </c>
      <c r="G9425" t="s">
        <v>9</v>
      </c>
      <c r="H9425" t="s">
        <v>22656</v>
      </c>
      <c r="I9425" t="s">
        <v>30540</v>
      </c>
    </row>
    <row r="9426" spans="1:9">
      <c r="A9426" s="1">
        <v>0.67996414979404174</v>
      </c>
      <c r="B9426" s="1"/>
      <c r="C9426">
        <v>2</v>
      </c>
      <c r="D9426" t="s">
        <v>22645</v>
      </c>
      <c r="E9426" t="s">
        <v>33592</v>
      </c>
      <c r="F9426">
        <v>5</v>
      </c>
      <c r="G9426" t="s">
        <v>15</v>
      </c>
      <c r="H9426" t="s">
        <v>22646</v>
      </c>
      <c r="I9426" t="s">
        <v>30540</v>
      </c>
    </row>
    <row r="9427" spans="1:9">
      <c r="A9427" s="1">
        <v>0.53941449187536272</v>
      </c>
      <c r="B9427" s="1"/>
      <c r="C9427">
        <v>9</v>
      </c>
      <c r="D9427" t="s">
        <v>22647</v>
      </c>
      <c r="E9427" t="s">
        <v>33592</v>
      </c>
      <c r="F9427">
        <v>5</v>
      </c>
      <c r="G9427" t="s">
        <v>15</v>
      </c>
      <c r="H9427" t="s">
        <v>22648</v>
      </c>
      <c r="I9427" t="s">
        <v>30540</v>
      </c>
    </row>
    <row r="9428" spans="1:9">
      <c r="A9428" s="1">
        <v>0.18301861150631349</v>
      </c>
      <c r="B9428" s="1"/>
      <c r="C9428">
        <v>14</v>
      </c>
      <c r="D9428" t="s">
        <v>22651</v>
      </c>
      <c r="E9428" t="s">
        <v>33592</v>
      </c>
      <c r="F9428">
        <v>4</v>
      </c>
      <c r="G9428" t="s">
        <v>9</v>
      </c>
      <c r="H9428" t="s">
        <v>22652</v>
      </c>
      <c r="I9428" t="s">
        <v>30540</v>
      </c>
    </row>
    <row r="9429" spans="1:9">
      <c r="A9429" s="1">
        <v>4.8680223248147358E-2</v>
      </c>
      <c r="B9429" s="1"/>
      <c r="C9429">
        <v>14</v>
      </c>
      <c r="D9429" t="s">
        <v>22641</v>
      </c>
      <c r="E9429" t="s">
        <v>33593</v>
      </c>
      <c r="F9429">
        <v>5</v>
      </c>
      <c r="G9429" t="s">
        <v>9</v>
      </c>
      <c r="H9429" t="s">
        <v>22642</v>
      </c>
      <c r="I9429" t="s">
        <v>30540</v>
      </c>
    </row>
    <row r="9430" spans="1:9">
      <c r="A9430" s="1">
        <v>0.65233935537113019</v>
      </c>
      <c r="B9430" s="1"/>
      <c r="C9430">
        <v>10</v>
      </c>
      <c r="D9430" t="s">
        <v>22639</v>
      </c>
      <c r="E9430" t="s">
        <v>33593</v>
      </c>
      <c r="F9430">
        <v>5</v>
      </c>
      <c r="G9430" t="s">
        <v>9</v>
      </c>
      <c r="H9430" t="s">
        <v>22640</v>
      </c>
      <c r="I9430" t="s">
        <v>30540</v>
      </c>
    </row>
    <row r="9431" spans="1:9">
      <c r="A9431" s="1">
        <v>0.96360616199446003</v>
      </c>
      <c r="B9431" s="1"/>
      <c r="C9431">
        <v>17</v>
      </c>
      <c r="D9431" t="s">
        <v>22643</v>
      </c>
      <c r="E9431" t="s">
        <v>33593</v>
      </c>
      <c r="F9431">
        <v>4</v>
      </c>
      <c r="G9431" t="s">
        <v>9</v>
      </c>
      <c r="H9431" t="s">
        <v>22644</v>
      </c>
      <c r="I9431" t="s">
        <v>30540</v>
      </c>
    </row>
    <row r="9432" spans="1:9">
      <c r="A9432" s="1">
        <v>0.17551880860414859</v>
      </c>
      <c r="B9432" s="1"/>
      <c r="C9432">
        <v>11</v>
      </c>
      <c r="D9432" t="s">
        <v>22635</v>
      </c>
      <c r="E9432" t="s">
        <v>33594</v>
      </c>
      <c r="F9432">
        <v>5</v>
      </c>
      <c r="G9432" t="s">
        <v>9</v>
      </c>
      <c r="H9432" t="s">
        <v>22636</v>
      </c>
      <c r="I9432" t="s">
        <v>30540</v>
      </c>
    </row>
    <row r="9433" spans="1:9">
      <c r="A9433" s="1">
        <v>0.80840977032517958</v>
      </c>
      <c r="B9433" s="1"/>
      <c r="C9433">
        <v>15</v>
      </c>
      <c r="D9433" t="s">
        <v>22637</v>
      </c>
      <c r="E9433" t="s">
        <v>33594</v>
      </c>
      <c r="F9433">
        <v>4</v>
      </c>
      <c r="G9433" t="s">
        <v>9</v>
      </c>
      <c r="H9433" t="s">
        <v>22638</v>
      </c>
      <c r="I9433" t="s">
        <v>30540</v>
      </c>
    </row>
    <row r="9434" spans="1:9">
      <c r="A9434" s="1">
        <v>0.60099791205381736</v>
      </c>
      <c r="B9434" s="1"/>
      <c r="C9434">
        <v>3</v>
      </c>
      <c r="D9434" t="s">
        <v>22627</v>
      </c>
      <c r="E9434" t="s">
        <v>33595</v>
      </c>
      <c r="F9434">
        <v>4</v>
      </c>
      <c r="G9434" t="s">
        <v>2738</v>
      </c>
      <c r="H9434" t="s">
        <v>22628</v>
      </c>
      <c r="I9434" t="s">
        <v>30540</v>
      </c>
    </row>
    <row r="9435" spans="1:9">
      <c r="A9435" s="1">
        <v>0.72726527834174193</v>
      </c>
      <c r="B9435" s="1"/>
      <c r="C9435">
        <v>19</v>
      </c>
      <c r="D9435" t="s">
        <v>22633</v>
      </c>
      <c r="E9435" t="s">
        <v>33595</v>
      </c>
      <c r="F9435">
        <v>4</v>
      </c>
      <c r="G9435" t="s">
        <v>9</v>
      </c>
      <c r="H9435" t="s">
        <v>22634</v>
      </c>
      <c r="I9435" t="s">
        <v>30540</v>
      </c>
    </row>
    <row r="9436" spans="1:9">
      <c r="A9436" s="1">
        <v>0.88910417251571594</v>
      </c>
      <c r="B9436" s="1"/>
      <c r="C9436">
        <v>8</v>
      </c>
      <c r="D9436" t="s">
        <v>22629</v>
      </c>
      <c r="E9436" t="s">
        <v>33595</v>
      </c>
      <c r="F9436">
        <v>4</v>
      </c>
      <c r="G9436" t="s">
        <v>2</v>
      </c>
      <c r="H9436" t="s">
        <v>22630</v>
      </c>
      <c r="I9436" t="s">
        <v>30540</v>
      </c>
    </row>
    <row r="9437" spans="1:9">
      <c r="A9437" s="1">
        <v>0.23675674789095558</v>
      </c>
      <c r="B9437" s="1"/>
      <c r="C9437">
        <v>16</v>
      </c>
      <c r="D9437" t="s">
        <v>22631</v>
      </c>
      <c r="E9437" t="s">
        <v>33595</v>
      </c>
      <c r="F9437">
        <v>4</v>
      </c>
      <c r="G9437" t="s">
        <v>15</v>
      </c>
      <c r="H9437" t="s">
        <v>22632</v>
      </c>
      <c r="I9437" t="s">
        <v>30540</v>
      </c>
    </row>
    <row r="9438" spans="1:9">
      <c r="A9438" s="1">
        <v>0.46391744835988546</v>
      </c>
      <c r="B9438" s="1"/>
      <c r="C9438">
        <v>11</v>
      </c>
      <c r="D9438" t="s">
        <v>22623</v>
      </c>
      <c r="E9438" t="s">
        <v>33596</v>
      </c>
      <c r="F9438">
        <v>5</v>
      </c>
      <c r="G9438" t="s">
        <v>14</v>
      </c>
      <c r="H9438" t="s">
        <v>22624</v>
      </c>
      <c r="I9438" t="s">
        <v>30540</v>
      </c>
    </row>
    <row r="9439" spans="1:9">
      <c r="A9439" s="1">
        <v>0.49080954919795106</v>
      </c>
      <c r="B9439" s="1"/>
      <c r="C9439">
        <v>10</v>
      </c>
      <c r="D9439" t="s">
        <v>22621</v>
      </c>
      <c r="E9439" t="s">
        <v>33596</v>
      </c>
      <c r="F9439">
        <v>5</v>
      </c>
      <c r="G9439" t="s">
        <v>14</v>
      </c>
      <c r="H9439" t="s">
        <v>22622</v>
      </c>
      <c r="I9439" t="s">
        <v>30540</v>
      </c>
    </row>
    <row r="9440" spans="1:9">
      <c r="A9440" s="1">
        <v>0.27236822712570685</v>
      </c>
      <c r="B9440" s="1"/>
      <c r="C9440">
        <v>8</v>
      </c>
      <c r="D9440" t="s">
        <v>22619</v>
      </c>
      <c r="E9440" t="s">
        <v>33596</v>
      </c>
      <c r="F9440">
        <v>4</v>
      </c>
      <c r="G9440" t="s">
        <v>2</v>
      </c>
      <c r="H9440" t="s">
        <v>22620</v>
      </c>
      <c r="I9440" t="s">
        <v>30540</v>
      </c>
    </row>
    <row r="9441" spans="1:9">
      <c r="A9441" s="1">
        <v>0.77543971468620776</v>
      </c>
      <c r="B9441" s="1"/>
      <c r="C9441">
        <v>9</v>
      </c>
      <c r="D9441" t="s">
        <v>22615</v>
      </c>
      <c r="E9441" t="s">
        <v>33597</v>
      </c>
      <c r="F9441">
        <v>5</v>
      </c>
      <c r="G9441" t="s">
        <v>14</v>
      </c>
      <c r="H9441" t="s">
        <v>22616</v>
      </c>
      <c r="I9441" t="s">
        <v>30540</v>
      </c>
    </row>
    <row r="9442" spans="1:9">
      <c r="A9442" s="1">
        <v>0.17458417545326699</v>
      </c>
      <c r="B9442" s="1"/>
      <c r="C9442">
        <v>5</v>
      </c>
      <c r="D9442" t="s">
        <v>22613</v>
      </c>
      <c r="E9442" t="s">
        <v>33597</v>
      </c>
      <c r="F9442">
        <v>4</v>
      </c>
      <c r="G9442" t="s">
        <v>14</v>
      </c>
      <c r="H9442" t="s">
        <v>22614</v>
      </c>
      <c r="I9442" t="s">
        <v>30540</v>
      </c>
    </row>
    <row r="9443" spans="1:9">
      <c r="A9443" s="1">
        <v>0.61550563216921172</v>
      </c>
      <c r="B9443" s="1"/>
      <c r="C9443">
        <v>2</v>
      </c>
      <c r="D9443" t="s">
        <v>22609</v>
      </c>
      <c r="E9443" t="s">
        <v>33598</v>
      </c>
      <c r="F9443">
        <v>5</v>
      </c>
      <c r="G9443" t="s">
        <v>2</v>
      </c>
      <c r="H9443" t="s">
        <v>22610</v>
      </c>
      <c r="I9443" t="s">
        <v>30540</v>
      </c>
    </row>
    <row r="9444" spans="1:9">
      <c r="A9444" s="1">
        <v>0.40465230089988091</v>
      </c>
      <c r="B9444" s="1"/>
      <c r="C9444">
        <v>15</v>
      </c>
      <c r="D9444" t="s">
        <v>22611</v>
      </c>
      <c r="E9444" t="s">
        <v>33598</v>
      </c>
      <c r="F9444">
        <v>4</v>
      </c>
      <c r="G9444" t="s">
        <v>14</v>
      </c>
      <c r="H9444" t="s">
        <v>22612</v>
      </c>
      <c r="I9444" t="s">
        <v>30540</v>
      </c>
    </row>
    <row r="9445" spans="1:9">
      <c r="A9445" s="1">
        <v>0.91911350487410481</v>
      </c>
      <c r="B9445" s="1"/>
      <c r="C9445">
        <v>13</v>
      </c>
      <c r="D9445" t="s">
        <v>22607</v>
      </c>
      <c r="E9445" t="s">
        <v>33599</v>
      </c>
      <c r="F9445">
        <v>5</v>
      </c>
      <c r="G9445" t="s">
        <v>10</v>
      </c>
      <c r="H9445" t="s">
        <v>22608</v>
      </c>
      <c r="I9445" t="s">
        <v>30540</v>
      </c>
    </row>
    <row r="9446" spans="1:9">
      <c r="A9446" s="1">
        <v>9.5902164384217281E-2</v>
      </c>
      <c r="B9446" s="1"/>
      <c r="C9446">
        <v>5</v>
      </c>
      <c r="D9446" t="s">
        <v>22601</v>
      </c>
      <c r="E9446" t="s">
        <v>33599</v>
      </c>
      <c r="F9446">
        <v>5</v>
      </c>
      <c r="G9446" t="s">
        <v>2</v>
      </c>
      <c r="H9446" t="s">
        <v>22602</v>
      </c>
      <c r="I9446" t="s">
        <v>30540</v>
      </c>
    </row>
    <row r="9447" spans="1:9">
      <c r="A9447" s="1">
        <v>0.71647457230971801</v>
      </c>
      <c r="B9447" s="1"/>
      <c r="C9447">
        <v>11</v>
      </c>
      <c r="D9447" t="s">
        <v>22605</v>
      </c>
      <c r="E9447" t="s">
        <v>33599</v>
      </c>
      <c r="F9447">
        <v>4</v>
      </c>
      <c r="G9447" t="s">
        <v>1</v>
      </c>
      <c r="H9447" t="s">
        <v>22606</v>
      </c>
      <c r="I9447" t="s">
        <v>30540</v>
      </c>
    </row>
    <row r="9448" spans="1:9">
      <c r="A9448" s="1">
        <v>0.77558065011280375</v>
      </c>
      <c r="B9448" s="1"/>
      <c r="C9448">
        <v>20</v>
      </c>
      <c r="D9448" t="s">
        <v>22599</v>
      </c>
      <c r="E9448" t="s">
        <v>33600</v>
      </c>
      <c r="F9448">
        <v>5</v>
      </c>
      <c r="G9448" t="s">
        <v>10</v>
      </c>
      <c r="H9448" t="s">
        <v>22600</v>
      </c>
      <c r="I9448" t="s">
        <v>30540</v>
      </c>
    </row>
    <row r="9449" spans="1:9">
      <c r="A9449" s="1">
        <v>0.40253267015907257</v>
      </c>
      <c r="B9449" s="1"/>
      <c r="C9449">
        <v>18</v>
      </c>
      <c r="D9449" t="s">
        <v>22597</v>
      </c>
      <c r="E9449" t="s">
        <v>33600</v>
      </c>
      <c r="F9449">
        <v>5</v>
      </c>
      <c r="G9449" t="s">
        <v>3732</v>
      </c>
      <c r="H9449" t="s">
        <v>22598</v>
      </c>
      <c r="I9449" t="s">
        <v>30540</v>
      </c>
    </row>
    <row r="9450" spans="1:9">
      <c r="A9450" s="1">
        <v>0.29296109015043148</v>
      </c>
      <c r="B9450" s="1"/>
      <c r="C9450">
        <v>17</v>
      </c>
      <c r="D9450" t="s">
        <v>22595</v>
      </c>
      <c r="E9450" t="s">
        <v>33600</v>
      </c>
      <c r="F9450">
        <v>4</v>
      </c>
      <c r="G9450" t="s">
        <v>14</v>
      </c>
      <c r="H9450" t="s">
        <v>22596</v>
      </c>
      <c r="I9450" t="s">
        <v>30540</v>
      </c>
    </row>
    <row r="9451" spans="1:9">
      <c r="A9451" s="1">
        <v>0.46252275448333946</v>
      </c>
      <c r="B9451" s="1"/>
      <c r="C9451">
        <v>5</v>
      </c>
      <c r="D9451" t="s">
        <v>22591</v>
      </c>
      <c r="E9451" t="s">
        <v>33600</v>
      </c>
      <c r="F9451">
        <v>4</v>
      </c>
      <c r="G9451" t="s">
        <v>10</v>
      </c>
      <c r="H9451" t="s">
        <v>22592</v>
      </c>
      <c r="I9451" t="s">
        <v>30540</v>
      </c>
    </row>
    <row r="9452" spans="1:9">
      <c r="A9452" s="1">
        <v>0.52126865763521812</v>
      </c>
      <c r="B9452" s="1"/>
      <c r="C9452">
        <v>3</v>
      </c>
      <c r="D9452" t="s">
        <v>22587</v>
      </c>
      <c r="E9452" t="s">
        <v>33600</v>
      </c>
      <c r="F9452">
        <v>4</v>
      </c>
      <c r="G9452" t="s">
        <v>14</v>
      </c>
      <c r="H9452" t="s">
        <v>22588</v>
      </c>
      <c r="I9452" t="s">
        <v>30540</v>
      </c>
    </row>
    <row r="9453" spans="1:9">
      <c r="A9453" s="1">
        <v>0.92942414364071269</v>
      </c>
      <c r="B9453" s="1"/>
      <c r="C9453">
        <v>2</v>
      </c>
      <c r="D9453" t="s">
        <v>22585</v>
      </c>
      <c r="E9453" t="s">
        <v>33600</v>
      </c>
      <c r="F9453">
        <v>4</v>
      </c>
      <c r="G9453" t="s">
        <v>1431</v>
      </c>
      <c r="H9453" t="s">
        <v>22586</v>
      </c>
      <c r="I9453" t="s">
        <v>30540</v>
      </c>
    </row>
    <row r="9454" spans="1:9">
      <c r="A9454" s="1">
        <v>0.72483863648940605</v>
      </c>
      <c r="B9454" s="1"/>
      <c r="C9454">
        <v>16</v>
      </c>
      <c r="D9454" t="s">
        <v>22593</v>
      </c>
      <c r="E9454" t="s">
        <v>33600</v>
      </c>
      <c r="F9454">
        <v>4</v>
      </c>
      <c r="G9454" t="s">
        <v>2229</v>
      </c>
      <c r="H9454" t="s">
        <v>22594</v>
      </c>
      <c r="I9454" t="s">
        <v>30540</v>
      </c>
    </row>
    <row r="9455" spans="1:9">
      <c r="A9455" s="1">
        <v>0.34034593392894674</v>
      </c>
      <c r="B9455" s="1"/>
      <c r="C9455">
        <v>4</v>
      </c>
      <c r="D9455" t="s">
        <v>22589</v>
      </c>
      <c r="E9455" t="s">
        <v>33600</v>
      </c>
      <c r="F9455">
        <v>3</v>
      </c>
      <c r="G9455" t="s">
        <v>10</v>
      </c>
      <c r="H9455" t="s">
        <v>22590</v>
      </c>
      <c r="I9455" t="s">
        <v>30540</v>
      </c>
    </row>
    <row r="9456" spans="1:9">
      <c r="A9456" s="1">
        <v>0.89254353237158446</v>
      </c>
      <c r="B9456" s="1"/>
      <c r="C9456">
        <v>13</v>
      </c>
      <c r="D9456" t="s">
        <v>22583</v>
      </c>
      <c r="E9456" t="s">
        <v>33601</v>
      </c>
      <c r="F9456">
        <v>4</v>
      </c>
      <c r="G9456" t="s">
        <v>14</v>
      </c>
      <c r="H9456" t="s">
        <v>22584</v>
      </c>
      <c r="I9456" t="s">
        <v>30540</v>
      </c>
    </row>
    <row r="9457" spans="1:9">
      <c r="A9457" s="1">
        <v>0.53086338181429438</v>
      </c>
      <c r="B9457" s="1"/>
      <c r="C9457">
        <v>10</v>
      </c>
      <c r="D9457" t="s">
        <v>22581</v>
      </c>
      <c r="E9457" t="s">
        <v>33602</v>
      </c>
      <c r="F9457">
        <v>5</v>
      </c>
      <c r="G9457" t="s">
        <v>14</v>
      </c>
      <c r="H9457" t="s">
        <v>22582</v>
      </c>
      <c r="I9457" t="s">
        <v>30540</v>
      </c>
    </row>
    <row r="9458" spans="1:9">
      <c r="A9458" s="1">
        <v>0.75462711195103016</v>
      </c>
      <c r="B9458" s="1"/>
      <c r="C9458">
        <v>7</v>
      </c>
      <c r="D9458" t="s">
        <v>22579</v>
      </c>
      <c r="E9458" t="s">
        <v>33602</v>
      </c>
      <c r="F9458">
        <v>4</v>
      </c>
      <c r="G9458" t="s">
        <v>14</v>
      </c>
      <c r="H9458" t="s">
        <v>22580</v>
      </c>
      <c r="I9458" t="s">
        <v>30540</v>
      </c>
    </row>
    <row r="9459" spans="1:9">
      <c r="A9459" s="1">
        <v>0.59324635541260284</v>
      </c>
      <c r="B9459" s="1"/>
      <c r="C9459">
        <v>10</v>
      </c>
      <c r="D9459" t="s">
        <v>22573</v>
      </c>
      <c r="E9459" t="s">
        <v>33603</v>
      </c>
      <c r="F9459">
        <v>4</v>
      </c>
      <c r="G9459" t="s">
        <v>14</v>
      </c>
      <c r="H9459" t="s">
        <v>22574</v>
      </c>
      <c r="I9459" t="s">
        <v>30540</v>
      </c>
    </row>
    <row r="9460" spans="1:9">
      <c r="A9460" s="1">
        <v>0.24113742605093158</v>
      </c>
      <c r="B9460" s="1"/>
      <c r="C9460">
        <v>18</v>
      </c>
      <c r="D9460" t="s">
        <v>22577</v>
      </c>
      <c r="E9460" t="s">
        <v>33603</v>
      </c>
      <c r="F9460">
        <v>4</v>
      </c>
      <c r="G9460" t="s">
        <v>14</v>
      </c>
      <c r="H9460" t="s">
        <v>22578</v>
      </c>
      <c r="I9460" t="s">
        <v>30540</v>
      </c>
    </row>
    <row r="9461" spans="1:9">
      <c r="A9461" s="1">
        <v>0.39149557981231153</v>
      </c>
      <c r="B9461" s="1"/>
      <c r="C9461">
        <v>1</v>
      </c>
      <c r="D9461" t="s">
        <v>22567</v>
      </c>
      <c r="E9461" t="s">
        <v>33603</v>
      </c>
      <c r="F9461">
        <v>3</v>
      </c>
      <c r="G9461" t="s">
        <v>10</v>
      </c>
      <c r="H9461" t="s">
        <v>22568</v>
      </c>
      <c r="I9461" t="s">
        <v>30540</v>
      </c>
    </row>
    <row r="9462" spans="1:9">
      <c r="A9462" s="1">
        <v>0.463059232566427</v>
      </c>
      <c r="B9462" s="1"/>
      <c r="C9462">
        <v>13</v>
      </c>
      <c r="D9462" t="s">
        <v>22575</v>
      </c>
      <c r="E9462" t="s">
        <v>33603</v>
      </c>
      <c r="F9462">
        <v>3</v>
      </c>
      <c r="G9462" t="s">
        <v>14</v>
      </c>
      <c r="H9462" t="s">
        <v>22576</v>
      </c>
      <c r="I9462" t="s">
        <v>30540</v>
      </c>
    </row>
    <row r="9463" spans="1:9">
      <c r="A9463" s="1">
        <v>0.13565373265733538</v>
      </c>
      <c r="B9463" s="1"/>
      <c r="C9463">
        <v>7</v>
      </c>
      <c r="D9463" t="s">
        <v>22571</v>
      </c>
      <c r="E9463" t="s">
        <v>33603</v>
      </c>
      <c r="F9463">
        <v>3</v>
      </c>
      <c r="G9463" t="s">
        <v>2</v>
      </c>
      <c r="H9463" t="s">
        <v>22572</v>
      </c>
      <c r="I9463" t="s">
        <v>30540</v>
      </c>
    </row>
    <row r="9464" spans="1:9">
      <c r="A9464" s="1">
        <v>0.68851142552118272</v>
      </c>
      <c r="B9464" s="1"/>
      <c r="C9464">
        <v>14</v>
      </c>
      <c r="D9464" t="s">
        <v>22563</v>
      </c>
      <c r="E9464" t="s">
        <v>33604</v>
      </c>
      <c r="F9464">
        <v>5</v>
      </c>
      <c r="G9464" t="s">
        <v>14</v>
      </c>
      <c r="H9464" t="s">
        <v>22564</v>
      </c>
      <c r="I9464" t="s">
        <v>30540</v>
      </c>
    </row>
    <row r="9465" spans="1:9">
      <c r="A9465" s="1">
        <v>0.91427990820896221</v>
      </c>
      <c r="B9465" s="1"/>
      <c r="C9465">
        <v>2</v>
      </c>
      <c r="D9465" t="s">
        <v>22559</v>
      </c>
      <c r="E9465" t="s">
        <v>33604</v>
      </c>
      <c r="F9465">
        <v>4</v>
      </c>
      <c r="G9465" t="s">
        <v>15</v>
      </c>
      <c r="H9465" t="s">
        <v>22560</v>
      </c>
      <c r="I9465" t="s">
        <v>30540</v>
      </c>
    </row>
    <row r="9466" spans="1:9">
      <c r="A9466" s="1">
        <v>0.10347130351062184</v>
      </c>
      <c r="B9466" s="1"/>
      <c r="C9466">
        <v>15</v>
      </c>
      <c r="D9466" t="s">
        <v>22565</v>
      </c>
      <c r="E9466" t="s">
        <v>33604</v>
      </c>
      <c r="F9466">
        <v>4</v>
      </c>
      <c r="G9466" t="s">
        <v>2</v>
      </c>
      <c r="H9466" t="s">
        <v>22566</v>
      </c>
      <c r="I9466" t="s">
        <v>30540</v>
      </c>
    </row>
    <row r="9467" spans="1:9">
      <c r="A9467" s="1">
        <v>0.78289240258495274</v>
      </c>
      <c r="B9467" s="1"/>
      <c r="C9467">
        <v>7</v>
      </c>
      <c r="D9467" t="s">
        <v>22557</v>
      </c>
      <c r="E9467" t="s">
        <v>33605</v>
      </c>
      <c r="F9467">
        <v>5</v>
      </c>
      <c r="G9467" t="s">
        <v>15</v>
      </c>
      <c r="H9467" t="s">
        <v>22558</v>
      </c>
      <c r="I9467" t="s">
        <v>30540</v>
      </c>
    </row>
    <row r="9468" spans="1:9">
      <c r="A9468" s="1">
        <v>0.7649580434530816</v>
      </c>
      <c r="B9468" s="1"/>
      <c r="C9468">
        <v>5</v>
      </c>
      <c r="D9468" t="s">
        <v>22555</v>
      </c>
      <c r="E9468" t="s">
        <v>33605</v>
      </c>
      <c r="F9468">
        <v>4</v>
      </c>
      <c r="G9468" t="s">
        <v>9</v>
      </c>
      <c r="H9468" t="s">
        <v>22556</v>
      </c>
      <c r="I9468" t="s">
        <v>30540</v>
      </c>
    </row>
    <row r="9469" spans="1:9">
      <c r="A9469" s="1">
        <v>0.85763974591634329</v>
      </c>
      <c r="B9469" s="1"/>
      <c r="C9469">
        <v>16</v>
      </c>
      <c r="D9469" t="s">
        <v>22553</v>
      </c>
      <c r="E9469" t="s">
        <v>33606</v>
      </c>
      <c r="F9469">
        <v>4</v>
      </c>
      <c r="G9469" t="s">
        <v>14</v>
      </c>
      <c r="H9469" t="s">
        <v>22554</v>
      </c>
      <c r="I9469" t="s">
        <v>30540</v>
      </c>
    </row>
    <row r="9470" spans="1:9">
      <c r="A9470" s="1">
        <v>0.32846426631186088</v>
      </c>
      <c r="B9470" s="1"/>
      <c r="C9470">
        <v>5</v>
      </c>
      <c r="D9470" t="s">
        <v>22551</v>
      </c>
      <c r="E9470" t="s">
        <v>33606</v>
      </c>
      <c r="F9470">
        <v>4</v>
      </c>
      <c r="G9470" t="s">
        <v>1</v>
      </c>
      <c r="H9470" t="s">
        <v>22552</v>
      </c>
      <c r="I9470" t="s">
        <v>30540</v>
      </c>
    </row>
    <row r="9471" spans="1:9">
      <c r="A9471" s="1">
        <v>0.73123708482351202</v>
      </c>
      <c r="B9471" s="1"/>
      <c r="C9471">
        <v>4</v>
      </c>
      <c r="D9471" t="s">
        <v>22549</v>
      </c>
      <c r="E9471" t="s">
        <v>33606</v>
      </c>
      <c r="F9471">
        <v>4</v>
      </c>
      <c r="G9471" t="s">
        <v>14</v>
      </c>
      <c r="H9471" t="s">
        <v>22550</v>
      </c>
      <c r="I9471" t="s">
        <v>30540</v>
      </c>
    </row>
    <row r="9472" spans="1:9">
      <c r="A9472" s="1">
        <v>0.69463484160962352</v>
      </c>
      <c r="B9472" s="1"/>
      <c r="C9472">
        <v>14</v>
      </c>
      <c r="D9472" t="s">
        <v>22545</v>
      </c>
      <c r="E9472" t="s">
        <v>33607</v>
      </c>
      <c r="F9472">
        <v>5</v>
      </c>
      <c r="G9472" t="s">
        <v>0</v>
      </c>
      <c r="H9472" t="s">
        <v>22546</v>
      </c>
      <c r="I9472" t="s">
        <v>30540</v>
      </c>
    </row>
    <row r="9473" spans="1:9">
      <c r="A9473" s="1">
        <v>0.63330311369506875</v>
      </c>
      <c r="B9473" s="1"/>
      <c r="C9473">
        <v>6</v>
      </c>
      <c r="D9473" t="s">
        <v>22539</v>
      </c>
      <c r="E9473" t="s">
        <v>33608</v>
      </c>
      <c r="F9473">
        <v>5</v>
      </c>
      <c r="G9473" t="s">
        <v>14</v>
      </c>
      <c r="H9473" t="s">
        <v>22540</v>
      </c>
      <c r="I9473" t="s">
        <v>30540</v>
      </c>
    </row>
    <row r="9474" spans="1:9">
      <c r="A9474" s="1">
        <v>0.22608444956984186</v>
      </c>
      <c r="B9474" s="1"/>
      <c r="C9474">
        <v>14</v>
      </c>
      <c r="D9474" t="s">
        <v>22543</v>
      </c>
      <c r="E9474" t="s">
        <v>33608</v>
      </c>
      <c r="F9474">
        <v>4</v>
      </c>
      <c r="G9474" t="s">
        <v>14</v>
      </c>
      <c r="H9474" t="s">
        <v>22544</v>
      </c>
      <c r="I9474" t="s">
        <v>30540</v>
      </c>
    </row>
    <row r="9475" spans="1:9">
      <c r="A9475" s="1">
        <v>0.41339481586964866</v>
      </c>
      <c r="B9475" s="1"/>
      <c r="C9475">
        <v>5</v>
      </c>
      <c r="D9475" t="s">
        <v>22537</v>
      </c>
      <c r="E9475" t="s">
        <v>33608</v>
      </c>
      <c r="F9475">
        <v>4</v>
      </c>
      <c r="G9475" t="s">
        <v>9</v>
      </c>
      <c r="H9475" t="s">
        <v>22538</v>
      </c>
      <c r="I9475" t="s">
        <v>30540</v>
      </c>
    </row>
    <row r="9476" spans="1:9">
      <c r="A9476" s="1">
        <v>0.39104190650559267</v>
      </c>
      <c r="B9476" s="1"/>
      <c r="C9476">
        <v>1</v>
      </c>
      <c r="D9476" t="s">
        <v>22525</v>
      </c>
      <c r="E9476" t="s">
        <v>33609</v>
      </c>
      <c r="F9476">
        <v>4</v>
      </c>
      <c r="G9476" t="s">
        <v>775</v>
      </c>
      <c r="H9476" t="s">
        <v>22526</v>
      </c>
      <c r="I9476" t="s">
        <v>30540</v>
      </c>
    </row>
    <row r="9477" spans="1:9">
      <c r="A9477" s="1">
        <v>0.33170580233268698</v>
      </c>
      <c r="B9477" s="1"/>
      <c r="C9477">
        <v>5</v>
      </c>
      <c r="D9477" t="s">
        <v>22527</v>
      </c>
      <c r="E9477" t="s">
        <v>33609</v>
      </c>
      <c r="F9477">
        <v>3</v>
      </c>
      <c r="G9477" t="s">
        <v>2</v>
      </c>
      <c r="H9477" t="s">
        <v>22528</v>
      </c>
      <c r="I9477" t="s">
        <v>30540</v>
      </c>
    </row>
    <row r="9478" spans="1:9">
      <c r="A9478" s="1">
        <v>0.42104644864381524</v>
      </c>
      <c r="B9478" s="1"/>
      <c r="C9478">
        <v>15</v>
      </c>
      <c r="D9478" t="s">
        <v>22531</v>
      </c>
      <c r="E9478" t="s">
        <v>33609</v>
      </c>
      <c r="F9478">
        <v>3</v>
      </c>
      <c r="G9478" t="s">
        <v>10</v>
      </c>
      <c r="H9478" t="s">
        <v>22532</v>
      </c>
      <c r="I9478" t="s">
        <v>30540</v>
      </c>
    </row>
    <row r="9479" spans="1:9">
      <c r="A9479" s="1">
        <v>0.8753739631867985</v>
      </c>
      <c r="B9479" s="1"/>
      <c r="C9479">
        <v>11</v>
      </c>
      <c r="D9479" t="s">
        <v>22529</v>
      </c>
      <c r="E9479" t="s">
        <v>33609</v>
      </c>
      <c r="F9479">
        <v>3</v>
      </c>
      <c r="G9479" t="s">
        <v>14</v>
      </c>
      <c r="H9479" t="s">
        <v>22530</v>
      </c>
      <c r="I9479" t="s">
        <v>30540</v>
      </c>
    </row>
    <row r="9480" spans="1:9">
      <c r="A9480" s="1">
        <v>0.79249379289475785</v>
      </c>
      <c r="B9480" s="1"/>
      <c r="C9480">
        <v>19</v>
      </c>
      <c r="D9480" t="s">
        <v>22533</v>
      </c>
      <c r="E9480" t="s">
        <v>33609</v>
      </c>
      <c r="F9480">
        <v>3</v>
      </c>
      <c r="G9480" t="s">
        <v>14</v>
      </c>
      <c r="H9480" t="s">
        <v>22534</v>
      </c>
      <c r="I9480" t="s">
        <v>30540</v>
      </c>
    </row>
    <row r="9481" spans="1:9">
      <c r="A9481" s="1">
        <v>0.72974643284485941</v>
      </c>
      <c r="B9481" s="1"/>
      <c r="C9481">
        <v>11</v>
      </c>
      <c r="D9481" t="s">
        <v>22521</v>
      </c>
      <c r="E9481" t="s">
        <v>33610</v>
      </c>
      <c r="F9481">
        <v>4</v>
      </c>
      <c r="G9481" t="s">
        <v>14</v>
      </c>
      <c r="H9481" t="s">
        <v>22522</v>
      </c>
      <c r="I9481" t="s">
        <v>30540</v>
      </c>
    </row>
    <row r="9482" spans="1:9">
      <c r="A9482" s="1">
        <v>0.24621160451463342</v>
      </c>
      <c r="B9482" s="1"/>
      <c r="C9482">
        <v>3</v>
      </c>
      <c r="D9482" t="s">
        <v>22517</v>
      </c>
      <c r="E9482" t="s">
        <v>33610</v>
      </c>
      <c r="F9482">
        <v>4</v>
      </c>
      <c r="G9482" t="s">
        <v>9</v>
      </c>
      <c r="H9482" t="s">
        <v>22518</v>
      </c>
      <c r="I9482" t="s">
        <v>30540</v>
      </c>
    </row>
    <row r="9483" spans="1:9">
      <c r="A9483" s="1">
        <v>0.77634977790946635</v>
      </c>
      <c r="B9483" s="1"/>
      <c r="C9483">
        <v>14</v>
      </c>
      <c r="D9483" t="s">
        <v>22523</v>
      </c>
      <c r="E9483" t="s">
        <v>33610</v>
      </c>
      <c r="F9483">
        <v>3</v>
      </c>
      <c r="G9483" t="s">
        <v>14</v>
      </c>
      <c r="H9483" t="s">
        <v>22524</v>
      </c>
      <c r="I9483" t="s">
        <v>30540</v>
      </c>
    </row>
    <row r="9484" spans="1:9">
      <c r="A9484" s="1">
        <v>0.67777415256550855</v>
      </c>
      <c r="B9484" s="1"/>
      <c r="C9484">
        <v>13</v>
      </c>
      <c r="D9484" t="s">
        <v>22515</v>
      </c>
      <c r="E9484" t="s">
        <v>33611</v>
      </c>
      <c r="F9484">
        <v>5</v>
      </c>
      <c r="G9484" t="s">
        <v>14</v>
      </c>
      <c r="H9484" t="s">
        <v>22516</v>
      </c>
      <c r="I9484" t="s">
        <v>30540</v>
      </c>
    </row>
    <row r="9485" spans="1:9">
      <c r="A9485" s="1">
        <v>0.32819182708713468</v>
      </c>
      <c r="B9485" s="1"/>
      <c r="C9485">
        <v>4</v>
      </c>
      <c r="D9485" t="s">
        <v>22505</v>
      </c>
      <c r="E9485" t="s">
        <v>33611</v>
      </c>
      <c r="F9485">
        <v>5</v>
      </c>
      <c r="G9485" t="s">
        <v>2</v>
      </c>
      <c r="H9485" t="s">
        <v>22506</v>
      </c>
      <c r="I9485" t="s">
        <v>30540</v>
      </c>
    </row>
    <row r="9486" spans="1:9">
      <c r="A9486" s="1">
        <v>0.81715672931940309</v>
      </c>
      <c r="B9486" s="1"/>
      <c r="C9486">
        <v>5</v>
      </c>
      <c r="D9486" t="s">
        <v>22507</v>
      </c>
      <c r="E9486" t="s">
        <v>33611</v>
      </c>
      <c r="F9486">
        <v>4</v>
      </c>
      <c r="G9486" t="s">
        <v>14</v>
      </c>
      <c r="H9486" t="s">
        <v>22508</v>
      </c>
      <c r="I9486" t="s">
        <v>30540</v>
      </c>
    </row>
    <row r="9487" spans="1:9">
      <c r="A9487" s="1">
        <v>0.53497182897316986</v>
      </c>
      <c r="B9487" s="1"/>
      <c r="C9487">
        <v>7</v>
      </c>
      <c r="D9487" t="s">
        <v>22511</v>
      </c>
      <c r="E9487" t="s">
        <v>33611</v>
      </c>
      <c r="F9487">
        <v>4</v>
      </c>
      <c r="G9487" t="s">
        <v>14</v>
      </c>
      <c r="H9487" t="s">
        <v>22512</v>
      </c>
      <c r="I9487" t="s">
        <v>30540</v>
      </c>
    </row>
    <row r="9488" spans="1:9">
      <c r="A9488" s="1">
        <v>0.55479660673361997</v>
      </c>
      <c r="B9488" s="1"/>
      <c r="C9488">
        <v>6</v>
      </c>
      <c r="D9488" t="s">
        <v>22509</v>
      </c>
      <c r="E9488" t="s">
        <v>33611</v>
      </c>
      <c r="F9488">
        <v>4</v>
      </c>
      <c r="G9488" t="s">
        <v>1</v>
      </c>
      <c r="H9488" t="s">
        <v>22510</v>
      </c>
      <c r="I9488" t="s">
        <v>30540</v>
      </c>
    </row>
    <row r="9489" spans="1:9">
      <c r="A9489" s="1">
        <v>0.24617799224121351</v>
      </c>
      <c r="B9489" s="1"/>
      <c r="C9489">
        <v>12</v>
      </c>
      <c r="D9489" t="s">
        <v>22513</v>
      </c>
      <c r="E9489" t="s">
        <v>33611</v>
      </c>
      <c r="F9489">
        <v>3</v>
      </c>
      <c r="G9489" t="s">
        <v>14</v>
      </c>
      <c r="H9489" t="s">
        <v>22514</v>
      </c>
      <c r="I9489" t="s">
        <v>30540</v>
      </c>
    </row>
    <row r="9490" spans="1:9">
      <c r="A9490" s="1">
        <v>6.6480696390033733E-2</v>
      </c>
      <c r="B9490" s="1"/>
      <c r="C9490">
        <v>7</v>
      </c>
      <c r="D9490" t="s">
        <v>22499</v>
      </c>
      <c r="E9490" t="s">
        <v>33612</v>
      </c>
      <c r="F9490">
        <v>5</v>
      </c>
      <c r="G9490" t="s">
        <v>14</v>
      </c>
      <c r="H9490" t="s">
        <v>22500</v>
      </c>
      <c r="I9490" t="s">
        <v>30540</v>
      </c>
    </row>
    <row r="9491" spans="1:9">
      <c r="A9491" s="1">
        <v>0.92310473484124955</v>
      </c>
      <c r="B9491" s="1"/>
      <c r="C9491">
        <v>8</v>
      </c>
      <c r="D9491" t="s">
        <v>22501</v>
      </c>
      <c r="E9491" t="s">
        <v>33612</v>
      </c>
      <c r="F9491">
        <v>5</v>
      </c>
      <c r="G9491" t="s">
        <v>14</v>
      </c>
      <c r="H9491" t="s">
        <v>22502</v>
      </c>
      <c r="I9491" t="s">
        <v>30540</v>
      </c>
    </row>
    <row r="9492" spans="1:9">
      <c r="A9492" s="1">
        <v>0.73232986472243489</v>
      </c>
      <c r="B9492" s="1"/>
      <c r="C9492">
        <v>15</v>
      </c>
      <c r="D9492" t="s">
        <v>22503</v>
      </c>
      <c r="E9492" t="s">
        <v>33612</v>
      </c>
      <c r="F9492">
        <v>4</v>
      </c>
      <c r="G9492" t="s">
        <v>14</v>
      </c>
      <c r="H9492" t="s">
        <v>22504</v>
      </c>
      <c r="I9492" t="s">
        <v>30540</v>
      </c>
    </row>
    <row r="9493" spans="1:9">
      <c r="A9493" s="1">
        <v>0.97320806990299669</v>
      </c>
      <c r="B9493" s="1"/>
      <c r="C9493">
        <v>5</v>
      </c>
      <c r="D9493" t="s">
        <v>22491</v>
      </c>
      <c r="E9493" t="s">
        <v>33613</v>
      </c>
      <c r="F9493">
        <v>5</v>
      </c>
      <c r="G9493" t="s">
        <v>9</v>
      </c>
      <c r="H9493" t="s">
        <v>22492</v>
      </c>
      <c r="I9493" t="s">
        <v>30540</v>
      </c>
    </row>
    <row r="9494" spans="1:9">
      <c r="A9494" s="1">
        <v>3.847197612127784E-2</v>
      </c>
      <c r="B9494" s="1"/>
      <c r="C9494">
        <v>14</v>
      </c>
      <c r="D9494" t="s">
        <v>22495</v>
      </c>
      <c r="E9494" t="s">
        <v>33613</v>
      </c>
      <c r="F9494">
        <v>4</v>
      </c>
      <c r="G9494" t="s">
        <v>3732</v>
      </c>
      <c r="H9494" t="s">
        <v>22496</v>
      </c>
      <c r="I9494" t="s">
        <v>30540</v>
      </c>
    </row>
    <row r="9495" spans="1:9">
      <c r="A9495" s="1">
        <v>0.90404074077849816</v>
      </c>
      <c r="B9495" s="1"/>
      <c r="C9495">
        <v>18</v>
      </c>
      <c r="D9495" t="s">
        <v>22497</v>
      </c>
      <c r="E9495" t="s">
        <v>33613</v>
      </c>
      <c r="F9495">
        <v>3</v>
      </c>
      <c r="G9495" t="s">
        <v>15</v>
      </c>
      <c r="H9495" t="s">
        <v>22498</v>
      </c>
      <c r="I9495" t="s">
        <v>30540</v>
      </c>
    </row>
    <row r="9496" spans="1:9">
      <c r="A9496" s="1">
        <v>0.61147524695181477</v>
      </c>
      <c r="B9496" s="1"/>
      <c r="C9496">
        <v>14</v>
      </c>
      <c r="D9496" t="s">
        <v>22489</v>
      </c>
      <c r="E9496" t="s">
        <v>33614</v>
      </c>
      <c r="F9496">
        <v>5</v>
      </c>
      <c r="G9496" t="s">
        <v>9</v>
      </c>
      <c r="H9496" t="s">
        <v>22490</v>
      </c>
      <c r="I9496" t="s">
        <v>30540</v>
      </c>
    </row>
    <row r="9497" spans="1:9">
      <c r="A9497" s="1">
        <v>0.88097881321614946</v>
      </c>
      <c r="B9497" s="1"/>
      <c r="C9497">
        <v>11</v>
      </c>
      <c r="D9497" t="s">
        <v>22487</v>
      </c>
      <c r="E9497" t="s">
        <v>33614</v>
      </c>
      <c r="F9497">
        <v>4</v>
      </c>
      <c r="G9497" t="s">
        <v>14</v>
      </c>
      <c r="H9497" t="s">
        <v>22488</v>
      </c>
      <c r="I9497" t="s">
        <v>30540</v>
      </c>
    </row>
    <row r="9498" spans="1:9">
      <c r="A9498" s="1">
        <v>0.48283284853457442</v>
      </c>
      <c r="B9498" s="1"/>
      <c r="C9498">
        <v>4</v>
      </c>
      <c r="D9498" t="s">
        <v>22485</v>
      </c>
      <c r="E9498" t="s">
        <v>33614</v>
      </c>
      <c r="F9498">
        <v>3</v>
      </c>
      <c r="G9498" t="s">
        <v>13</v>
      </c>
      <c r="H9498" t="s">
        <v>22486</v>
      </c>
      <c r="I9498" t="s">
        <v>30540</v>
      </c>
    </row>
    <row r="9499" spans="1:9">
      <c r="A9499" s="1">
        <v>0.70069639551001461</v>
      </c>
      <c r="B9499" s="1"/>
      <c r="C9499">
        <v>13</v>
      </c>
      <c r="D9499" t="s">
        <v>22481</v>
      </c>
      <c r="E9499" t="s">
        <v>33615</v>
      </c>
      <c r="F9499">
        <v>4</v>
      </c>
      <c r="G9499" t="s">
        <v>14</v>
      </c>
      <c r="H9499" t="s">
        <v>22482</v>
      </c>
      <c r="I9499" t="s">
        <v>30540</v>
      </c>
    </row>
    <row r="9500" spans="1:9">
      <c r="A9500" s="1">
        <v>0.7031793329472773</v>
      </c>
      <c r="B9500" s="1"/>
      <c r="C9500">
        <v>9</v>
      </c>
      <c r="D9500" t="s">
        <v>22479</v>
      </c>
      <c r="E9500" t="s">
        <v>33615</v>
      </c>
      <c r="F9500">
        <v>4</v>
      </c>
      <c r="G9500" t="s">
        <v>14</v>
      </c>
      <c r="H9500" t="s">
        <v>22480</v>
      </c>
      <c r="I9500" t="s">
        <v>30540</v>
      </c>
    </row>
    <row r="9501" spans="1:9">
      <c r="A9501" s="1">
        <v>0.33405040208527648</v>
      </c>
      <c r="B9501" s="1"/>
      <c r="C9501">
        <v>15</v>
      </c>
      <c r="D9501" t="s">
        <v>22483</v>
      </c>
      <c r="E9501" t="s">
        <v>33615</v>
      </c>
      <c r="F9501">
        <v>4</v>
      </c>
      <c r="G9501" t="s">
        <v>14</v>
      </c>
      <c r="H9501" t="s">
        <v>22484</v>
      </c>
      <c r="I9501" t="s">
        <v>30540</v>
      </c>
    </row>
    <row r="9502" spans="1:9">
      <c r="A9502" s="1">
        <v>0.75311076065703741</v>
      </c>
      <c r="B9502" s="1"/>
      <c r="C9502">
        <v>11</v>
      </c>
      <c r="D9502" t="s">
        <v>22477</v>
      </c>
      <c r="E9502" t="s">
        <v>33616</v>
      </c>
      <c r="F9502">
        <v>4</v>
      </c>
      <c r="G9502" t="s">
        <v>14</v>
      </c>
      <c r="H9502" t="s">
        <v>22478</v>
      </c>
      <c r="I9502" t="s">
        <v>30540</v>
      </c>
    </row>
    <row r="9503" spans="1:9">
      <c r="A9503" s="1">
        <v>1.4608542467861585E-2</v>
      </c>
      <c r="B9503" s="1"/>
      <c r="C9503">
        <v>1</v>
      </c>
      <c r="D9503" t="s">
        <v>22473</v>
      </c>
      <c r="E9503" t="s">
        <v>33616</v>
      </c>
      <c r="F9503">
        <v>4</v>
      </c>
      <c r="G9503" t="s">
        <v>9</v>
      </c>
      <c r="H9503" t="s">
        <v>22474</v>
      </c>
      <c r="I9503" t="s">
        <v>30540</v>
      </c>
    </row>
    <row r="9504" spans="1:9">
      <c r="A9504" s="1">
        <v>0.25372151483910022</v>
      </c>
      <c r="B9504" s="1"/>
      <c r="C9504">
        <v>8</v>
      </c>
      <c r="D9504" t="s">
        <v>22475</v>
      </c>
      <c r="E9504" t="s">
        <v>33616</v>
      </c>
      <c r="F9504">
        <v>4</v>
      </c>
      <c r="G9504" t="s">
        <v>2</v>
      </c>
      <c r="H9504" t="s">
        <v>22476</v>
      </c>
      <c r="I9504" t="s">
        <v>30540</v>
      </c>
    </row>
    <row r="9505" spans="1:9">
      <c r="A9505" s="1">
        <v>0.30088006798050693</v>
      </c>
      <c r="B9505" s="1"/>
      <c r="C9505">
        <v>8</v>
      </c>
      <c r="D9505" t="s">
        <v>22465</v>
      </c>
      <c r="E9505" t="s">
        <v>33617</v>
      </c>
      <c r="F9505">
        <v>5</v>
      </c>
      <c r="G9505" t="s">
        <v>14</v>
      </c>
      <c r="H9505" t="s">
        <v>22466</v>
      </c>
      <c r="I9505" t="s">
        <v>30540</v>
      </c>
    </row>
    <row r="9506" spans="1:9">
      <c r="A9506" s="1">
        <v>0.89921052701013537</v>
      </c>
      <c r="B9506" s="1"/>
      <c r="C9506">
        <v>10</v>
      </c>
      <c r="D9506" t="s">
        <v>22467</v>
      </c>
      <c r="E9506" t="s">
        <v>33617</v>
      </c>
      <c r="F9506">
        <v>4</v>
      </c>
      <c r="G9506" t="s">
        <v>10</v>
      </c>
      <c r="H9506" t="s">
        <v>22468</v>
      </c>
      <c r="I9506" t="s">
        <v>30540</v>
      </c>
    </row>
    <row r="9507" spans="1:9">
      <c r="A9507" s="1">
        <v>0.15442802721641946</v>
      </c>
      <c r="B9507" s="1"/>
      <c r="C9507">
        <v>16</v>
      </c>
      <c r="D9507" t="s">
        <v>22471</v>
      </c>
      <c r="E9507" t="s">
        <v>33617</v>
      </c>
      <c r="F9507">
        <v>4</v>
      </c>
      <c r="G9507" t="s">
        <v>14</v>
      </c>
      <c r="H9507" t="s">
        <v>22472</v>
      </c>
      <c r="I9507" t="s">
        <v>30540</v>
      </c>
    </row>
    <row r="9508" spans="1:9">
      <c r="A9508" s="1">
        <v>0.26923108357104741</v>
      </c>
      <c r="B9508" s="1"/>
      <c r="C9508">
        <v>5</v>
      </c>
      <c r="D9508" t="s">
        <v>22461</v>
      </c>
      <c r="E9508" t="s">
        <v>33617</v>
      </c>
      <c r="F9508">
        <v>4</v>
      </c>
      <c r="G9508" t="s">
        <v>10</v>
      </c>
      <c r="H9508" t="s">
        <v>22462</v>
      </c>
      <c r="I9508" t="s">
        <v>30540</v>
      </c>
    </row>
    <row r="9509" spans="1:9">
      <c r="A9509" s="1">
        <v>0.18647617647778503</v>
      </c>
      <c r="B9509" s="1"/>
      <c r="C9509">
        <v>11</v>
      </c>
      <c r="D9509" t="s">
        <v>22469</v>
      </c>
      <c r="E9509" t="s">
        <v>33617</v>
      </c>
      <c r="F9509">
        <v>4</v>
      </c>
      <c r="G9509" t="s">
        <v>14</v>
      </c>
      <c r="H9509" t="s">
        <v>22470</v>
      </c>
      <c r="I9509" t="s">
        <v>30540</v>
      </c>
    </row>
    <row r="9510" spans="1:9">
      <c r="A9510" s="1">
        <v>0.32325732955770747</v>
      </c>
      <c r="B9510" s="1"/>
      <c r="C9510">
        <v>6</v>
      </c>
      <c r="D9510" t="s">
        <v>22463</v>
      </c>
      <c r="E9510" t="s">
        <v>33617</v>
      </c>
      <c r="F9510">
        <v>4</v>
      </c>
      <c r="G9510" t="s">
        <v>14</v>
      </c>
      <c r="H9510" t="s">
        <v>22464</v>
      </c>
      <c r="I9510" t="s">
        <v>30540</v>
      </c>
    </row>
    <row r="9511" spans="1:9">
      <c r="A9511" s="1">
        <v>0.762665165266322</v>
      </c>
      <c r="B9511" s="1"/>
      <c r="C9511">
        <v>4</v>
      </c>
      <c r="D9511" t="s">
        <v>22455</v>
      </c>
      <c r="E9511" t="s">
        <v>33618</v>
      </c>
      <c r="F9511">
        <v>5</v>
      </c>
      <c r="G9511" t="s">
        <v>775</v>
      </c>
      <c r="H9511" t="s">
        <v>22456</v>
      </c>
      <c r="I9511" t="s">
        <v>30540</v>
      </c>
    </row>
    <row r="9512" spans="1:9">
      <c r="A9512" s="1">
        <v>0.48530881495815914</v>
      </c>
      <c r="B9512" s="1"/>
      <c r="C9512">
        <v>9</v>
      </c>
      <c r="D9512" t="s">
        <v>22457</v>
      </c>
      <c r="E9512" t="s">
        <v>33618</v>
      </c>
      <c r="F9512">
        <v>3</v>
      </c>
      <c r="G9512" t="s">
        <v>3732</v>
      </c>
      <c r="H9512" t="s">
        <v>22458</v>
      </c>
      <c r="I9512" t="s">
        <v>30540</v>
      </c>
    </row>
    <row r="9513" spans="1:9">
      <c r="A9513" s="1">
        <v>0.92586514313382529</v>
      </c>
      <c r="B9513" s="1"/>
      <c r="C9513">
        <v>15</v>
      </c>
      <c r="D9513" t="s">
        <v>22453</v>
      </c>
      <c r="E9513" t="s">
        <v>33619</v>
      </c>
      <c r="F9513">
        <v>4</v>
      </c>
      <c r="G9513" t="s">
        <v>14</v>
      </c>
      <c r="H9513" t="s">
        <v>22454</v>
      </c>
      <c r="I9513" t="s">
        <v>30540</v>
      </c>
    </row>
    <row r="9514" spans="1:9">
      <c r="A9514" s="1">
        <v>3.8215938280088069E-2</v>
      </c>
      <c r="B9514" s="1"/>
      <c r="C9514">
        <v>11</v>
      </c>
      <c r="D9514" t="s">
        <v>22449</v>
      </c>
      <c r="E9514" t="s">
        <v>33620</v>
      </c>
      <c r="F9514">
        <v>4</v>
      </c>
      <c r="G9514" t="s">
        <v>14</v>
      </c>
      <c r="H9514" t="s">
        <v>22450</v>
      </c>
      <c r="I9514" t="s">
        <v>30540</v>
      </c>
    </row>
    <row r="9515" spans="1:9">
      <c r="A9515" s="1">
        <v>0.16081181464127337</v>
      </c>
      <c r="B9515" s="1"/>
      <c r="C9515">
        <v>13</v>
      </c>
      <c r="D9515" t="s">
        <v>22451</v>
      </c>
      <c r="E9515" t="s">
        <v>33620</v>
      </c>
      <c r="F9515">
        <v>4</v>
      </c>
      <c r="G9515" t="s">
        <v>14</v>
      </c>
      <c r="H9515" t="s">
        <v>22452</v>
      </c>
      <c r="I9515" t="s">
        <v>30540</v>
      </c>
    </row>
    <row r="9516" spans="1:9">
      <c r="A9516" s="1">
        <v>0.8255654695940331</v>
      </c>
      <c r="B9516" s="1"/>
      <c r="C9516">
        <v>10</v>
      </c>
      <c r="D9516" t="s">
        <v>22443</v>
      </c>
      <c r="E9516" t="s">
        <v>33621</v>
      </c>
      <c r="F9516">
        <v>4</v>
      </c>
      <c r="G9516" t="s">
        <v>14</v>
      </c>
      <c r="H9516" t="s">
        <v>22444</v>
      </c>
      <c r="I9516" t="s">
        <v>30540</v>
      </c>
    </row>
    <row r="9517" spans="1:9">
      <c r="A9517" s="1">
        <v>0.91979523772974048</v>
      </c>
      <c r="B9517" s="1"/>
      <c r="C9517">
        <v>8</v>
      </c>
      <c r="D9517" t="s">
        <v>22441</v>
      </c>
      <c r="E9517" t="s">
        <v>33621</v>
      </c>
      <c r="F9517">
        <v>4</v>
      </c>
      <c r="G9517" t="s">
        <v>14</v>
      </c>
      <c r="H9517" t="s">
        <v>22442</v>
      </c>
      <c r="I9517" t="s">
        <v>30540</v>
      </c>
    </row>
    <row r="9518" spans="1:9">
      <c r="A9518" s="1">
        <v>0.68235355687115695</v>
      </c>
      <c r="B9518" s="1"/>
      <c r="C9518">
        <v>16</v>
      </c>
      <c r="D9518" t="s">
        <v>22439</v>
      </c>
      <c r="E9518" t="s">
        <v>33622</v>
      </c>
      <c r="F9518">
        <v>5</v>
      </c>
      <c r="G9518" t="s">
        <v>1</v>
      </c>
      <c r="H9518" t="s">
        <v>22440</v>
      </c>
      <c r="I9518" t="s">
        <v>30540</v>
      </c>
    </row>
    <row r="9519" spans="1:9">
      <c r="A9519" s="1">
        <v>0.14525171745444609</v>
      </c>
      <c r="B9519" s="1"/>
      <c r="C9519">
        <v>1</v>
      </c>
      <c r="D9519" t="s">
        <v>22435</v>
      </c>
      <c r="E9519" t="s">
        <v>33622</v>
      </c>
      <c r="F9519">
        <v>4</v>
      </c>
      <c r="G9519" t="s">
        <v>10</v>
      </c>
      <c r="H9519" t="s">
        <v>22436</v>
      </c>
      <c r="I9519" t="s">
        <v>30540</v>
      </c>
    </row>
    <row r="9520" spans="1:9">
      <c r="A9520" s="1">
        <v>0.41915344567632085</v>
      </c>
      <c r="B9520" s="1"/>
      <c r="C9520">
        <v>6</v>
      </c>
      <c r="D9520" t="s">
        <v>22437</v>
      </c>
      <c r="E9520" t="s">
        <v>33622</v>
      </c>
      <c r="F9520">
        <v>3</v>
      </c>
      <c r="G9520" t="s">
        <v>10</v>
      </c>
      <c r="H9520" t="s">
        <v>22438</v>
      </c>
      <c r="I9520" t="s">
        <v>30540</v>
      </c>
    </row>
    <row r="9521" spans="1:9">
      <c r="A9521" s="1">
        <v>3.9649802247452182E-2</v>
      </c>
      <c r="B9521" s="1"/>
      <c r="C9521">
        <v>13</v>
      </c>
      <c r="D9521" t="s">
        <v>22431</v>
      </c>
      <c r="E9521" t="s">
        <v>33623</v>
      </c>
      <c r="F9521">
        <v>4</v>
      </c>
      <c r="G9521" t="s">
        <v>2</v>
      </c>
      <c r="H9521" t="s">
        <v>22432</v>
      </c>
      <c r="I9521" t="s">
        <v>30540</v>
      </c>
    </row>
    <row r="9522" spans="1:9">
      <c r="A9522" s="1">
        <v>0.37982187759805586</v>
      </c>
      <c r="B9522" s="1"/>
      <c r="C9522">
        <v>2</v>
      </c>
      <c r="D9522" t="s">
        <v>22429</v>
      </c>
      <c r="E9522" t="s">
        <v>33623</v>
      </c>
      <c r="F9522">
        <v>3</v>
      </c>
      <c r="G9522" t="s">
        <v>15</v>
      </c>
      <c r="H9522" t="s">
        <v>22430</v>
      </c>
      <c r="I9522" t="s">
        <v>30540</v>
      </c>
    </row>
    <row r="9523" spans="1:9">
      <c r="A9523" s="1">
        <v>2.033471786835428E-2</v>
      </c>
      <c r="B9523" s="1"/>
      <c r="C9523">
        <v>15</v>
      </c>
      <c r="D9523" t="s">
        <v>22433</v>
      </c>
      <c r="E9523" t="s">
        <v>33623</v>
      </c>
      <c r="F9523">
        <v>3</v>
      </c>
      <c r="G9523" t="s">
        <v>2738</v>
      </c>
      <c r="H9523" t="s">
        <v>22434</v>
      </c>
      <c r="I9523" t="s">
        <v>30540</v>
      </c>
    </row>
    <row r="9524" spans="1:9">
      <c r="A9524" s="1">
        <v>0.46041573525238666</v>
      </c>
      <c r="B9524" s="1"/>
      <c r="C9524">
        <v>14</v>
      </c>
      <c r="D9524" t="s">
        <v>22427</v>
      </c>
      <c r="E9524" t="s">
        <v>33624</v>
      </c>
      <c r="F9524">
        <v>4</v>
      </c>
      <c r="G9524" t="s">
        <v>14</v>
      </c>
      <c r="H9524" t="s">
        <v>22428</v>
      </c>
      <c r="I9524" t="s">
        <v>30540</v>
      </c>
    </row>
    <row r="9525" spans="1:9">
      <c r="A9525" s="1">
        <v>4.5278723442859548E-2</v>
      </c>
      <c r="B9525" s="1"/>
      <c r="C9525">
        <v>17</v>
      </c>
      <c r="D9525" t="s">
        <v>22425</v>
      </c>
      <c r="E9525" t="s">
        <v>33625</v>
      </c>
      <c r="F9525">
        <v>5</v>
      </c>
      <c r="G9525" t="s">
        <v>14</v>
      </c>
      <c r="H9525" t="s">
        <v>22426</v>
      </c>
      <c r="I9525" t="s">
        <v>30540</v>
      </c>
    </row>
    <row r="9526" spans="1:9">
      <c r="A9526" s="1">
        <v>0.45787020947204837</v>
      </c>
      <c r="B9526" s="1"/>
      <c r="C9526">
        <v>5</v>
      </c>
      <c r="D9526" t="s">
        <v>22419</v>
      </c>
      <c r="E9526" t="s">
        <v>33625</v>
      </c>
      <c r="F9526">
        <v>4</v>
      </c>
      <c r="G9526" t="s">
        <v>10</v>
      </c>
      <c r="H9526" t="s">
        <v>22420</v>
      </c>
      <c r="I9526" t="s">
        <v>30540</v>
      </c>
    </row>
    <row r="9527" spans="1:9">
      <c r="A9527" s="1">
        <v>0.65138611107515998</v>
      </c>
      <c r="B9527" s="1"/>
      <c r="C9527">
        <v>16</v>
      </c>
      <c r="D9527" t="s">
        <v>22423</v>
      </c>
      <c r="E9527" t="s">
        <v>33625</v>
      </c>
      <c r="F9527">
        <v>4</v>
      </c>
      <c r="G9527" t="s">
        <v>14</v>
      </c>
      <c r="H9527" t="s">
        <v>22424</v>
      </c>
      <c r="I9527" t="s">
        <v>30540</v>
      </c>
    </row>
    <row r="9528" spans="1:9">
      <c r="A9528" s="1">
        <v>3.8652013280166431E-2</v>
      </c>
      <c r="B9528" s="1"/>
      <c r="C9528">
        <v>4</v>
      </c>
      <c r="D9528" t="s">
        <v>22417</v>
      </c>
      <c r="E9528" t="s">
        <v>33625</v>
      </c>
      <c r="F9528">
        <v>4</v>
      </c>
      <c r="G9528" t="s">
        <v>10</v>
      </c>
      <c r="H9528" t="s">
        <v>22418</v>
      </c>
      <c r="I9528" t="s">
        <v>30540</v>
      </c>
    </row>
    <row r="9529" spans="1:9">
      <c r="A9529" s="1">
        <v>0.43918199631660726</v>
      </c>
      <c r="B9529" s="1"/>
      <c r="C9529">
        <v>6</v>
      </c>
      <c r="D9529" t="s">
        <v>22421</v>
      </c>
      <c r="E9529" t="s">
        <v>33625</v>
      </c>
      <c r="F9529">
        <v>4</v>
      </c>
      <c r="G9529" t="s">
        <v>10</v>
      </c>
      <c r="H9529" t="s">
        <v>22422</v>
      </c>
      <c r="I9529" t="s">
        <v>30540</v>
      </c>
    </row>
    <row r="9530" spans="1:9">
      <c r="A9530" s="1">
        <v>0.84181667296941176</v>
      </c>
      <c r="B9530" s="1"/>
      <c r="C9530">
        <v>11</v>
      </c>
      <c r="D9530" t="s">
        <v>22413</v>
      </c>
      <c r="E9530" t="s">
        <v>33626</v>
      </c>
      <c r="F9530">
        <v>4</v>
      </c>
      <c r="G9530" t="s">
        <v>14</v>
      </c>
      <c r="H9530" t="s">
        <v>22414</v>
      </c>
      <c r="I9530" t="s">
        <v>30540</v>
      </c>
    </row>
    <row r="9531" spans="1:9">
      <c r="A9531" s="1">
        <v>0.12650086699797003</v>
      </c>
      <c r="B9531" s="1"/>
      <c r="C9531">
        <v>5</v>
      </c>
      <c r="D9531" t="s">
        <v>22411</v>
      </c>
      <c r="E9531" t="s">
        <v>33626</v>
      </c>
      <c r="F9531">
        <v>4</v>
      </c>
      <c r="G9531" t="s">
        <v>15</v>
      </c>
      <c r="H9531" t="s">
        <v>22412</v>
      </c>
      <c r="I9531" t="s">
        <v>30540</v>
      </c>
    </row>
    <row r="9532" spans="1:9">
      <c r="A9532" s="1">
        <v>0.54751961077951583</v>
      </c>
      <c r="B9532" s="1"/>
      <c r="C9532">
        <v>9</v>
      </c>
      <c r="D9532" t="s">
        <v>22405</v>
      </c>
      <c r="E9532" t="s">
        <v>33627</v>
      </c>
      <c r="F9532">
        <v>5</v>
      </c>
      <c r="G9532" t="s">
        <v>13</v>
      </c>
      <c r="H9532" t="s">
        <v>22406</v>
      </c>
      <c r="I9532" t="s">
        <v>30540</v>
      </c>
    </row>
    <row r="9533" spans="1:9">
      <c r="A9533" s="1">
        <v>0.28357012200495946</v>
      </c>
      <c r="B9533" s="1"/>
      <c r="C9533">
        <v>8</v>
      </c>
      <c r="D9533" t="s">
        <v>22403</v>
      </c>
      <c r="E9533" t="s">
        <v>33627</v>
      </c>
      <c r="F9533">
        <v>5</v>
      </c>
      <c r="G9533" t="s">
        <v>14</v>
      </c>
      <c r="H9533" t="s">
        <v>22404</v>
      </c>
      <c r="I9533" t="s">
        <v>30540</v>
      </c>
    </row>
    <row r="9534" spans="1:9">
      <c r="A9534" s="1">
        <v>0.61871437586978328</v>
      </c>
      <c r="B9534" s="1"/>
      <c r="C9534">
        <v>14</v>
      </c>
      <c r="D9534" t="s">
        <v>22407</v>
      </c>
      <c r="E9534" t="s">
        <v>33627</v>
      </c>
      <c r="F9534">
        <v>5</v>
      </c>
      <c r="G9534" t="s">
        <v>14</v>
      </c>
      <c r="H9534" t="s">
        <v>22408</v>
      </c>
      <c r="I9534" t="s">
        <v>30540</v>
      </c>
    </row>
    <row r="9535" spans="1:9">
      <c r="A9535" s="1">
        <v>0.93254637531199813</v>
      </c>
      <c r="B9535" s="1"/>
      <c r="C9535">
        <v>15</v>
      </c>
      <c r="D9535" t="s">
        <v>22409</v>
      </c>
      <c r="E9535" t="s">
        <v>33627</v>
      </c>
      <c r="F9535">
        <v>4</v>
      </c>
      <c r="G9535" t="s">
        <v>14</v>
      </c>
      <c r="H9535" t="s">
        <v>22410</v>
      </c>
      <c r="I9535" t="s">
        <v>30540</v>
      </c>
    </row>
    <row r="9536" spans="1:9">
      <c r="A9536" s="1">
        <v>3.2199694515674948E-2</v>
      </c>
      <c r="B9536" s="1"/>
      <c r="C9536">
        <v>11</v>
      </c>
      <c r="D9536" t="s">
        <v>22401</v>
      </c>
      <c r="E9536" t="s">
        <v>33628</v>
      </c>
      <c r="F9536">
        <v>5</v>
      </c>
      <c r="G9536" t="s">
        <v>10</v>
      </c>
      <c r="H9536" t="s">
        <v>22402</v>
      </c>
      <c r="I9536" t="s">
        <v>30540</v>
      </c>
    </row>
    <row r="9537" spans="1:9">
      <c r="A9537" s="1">
        <v>0.75388178294458807</v>
      </c>
      <c r="B9537" s="1"/>
      <c r="C9537">
        <v>5</v>
      </c>
      <c r="D9537" t="s">
        <v>22395</v>
      </c>
      <c r="E9537" t="s">
        <v>33628</v>
      </c>
      <c r="F9537">
        <v>5</v>
      </c>
      <c r="G9537" t="s">
        <v>14</v>
      </c>
      <c r="H9537" t="s">
        <v>22396</v>
      </c>
      <c r="I9537" t="s">
        <v>30540</v>
      </c>
    </row>
    <row r="9538" spans="1:9">
      <c r="A9538" s="1">
        <v>0.10578889033969041</v>
      </c>
      <c r="B9538" s="1"/>
      <c r="C9538">
        <v>7</v>
      </c>
      <c r="D9538" t="s">
        <v>22397</v>
      </c>
      <c r="E9538" t="s">
        <v>33628</v>
      </c>
      <c r="F9538">
        <v>4</v>
      </c>
      <c r="G9538" t="s">
        <v>10</v>
      </c>
      <c r="H9538" t="s">
        <v>22398</v>
      </c>
      <c r="I9538" t="s">
        <v>30540</v>
      </c>
    </row>
    <row r="9539" spans="1:9">
      <c r="A9539" s="1">
        <v>0.46654785239957508</v>
      </c>
      <c r="B9539" s="1"/>
      <c r="C9539">
        <v>10</v>
      </c>
      <c r="D9539" t="s">
        <v>22399</v>
      </c>
      <c r="E9539" t="s">
        <v>33628</v>
      </c>
      <c r="F9539">
        <v>4</v>
      </c>
      <c r="G9539" t="s">
        <v>14</v>
      </c>
      <c r="H9539" t="s">
        <v>22400</v>
      </c>
      <c r="I9539" t="s">
        <v>30540</v>
      </c>
    </row>
    <row r="9540" spans="1:9">
      <c r="A9540" s="1">
        <v>0.96298963484324784</v>
      </c>
      <c r="B9540" s="1"/>
      <c r="C9540">
        <v>15</v>
      </c>
      <c r="D9540" t="s">
        <v>22393</v>
      </c>
      <c r="E9540" t="s">
        <v>33629</v>
      </c>
      <c r="F9540">
        <v>5</v>
      </c>
      <c r="G9540" t="s">
        <v>14</v>
      </c>
      <c r="H9540" t="s">
        <v>22394</v>
      </c>
      <c r="I9540" t="s">
        <v>30540</v>
      </c>
    </row>
    <row r="9541" spans="1:9">
      <c r="A9541" s="1">
        <v>0.3437235566226875</v>
      </c>
      <c r="B9541" s="1"/>
      <c r="C9541">
        <v>6</v>
      </c>
      <c r="D9541" t="s">
        <v>22387</v>
      </c>
      <c r="E9541" t="s">
        <v>33629</v>
      </c>
      <c r="F9541">
        <v>5</v>
      </c>
      <c r="G9541" t="s">
        <v>14</v>
      </c>
      <c r="H9541" t="s">
        <v>22388</v>
      </c>
      <c r="I9541" t="s">
        <v>30540</v>
      </c>
    </row>
    <row r="9542" spans="1:9">
      <c r="A9542" s="1">
        <v>0.74266776637802534</v>
      </c>
      <c r="B9542" s="1"/>
      <c r="C9542">
        <v>13</v>
      </c>
      <c r="D9542" t="s">
        <v>22391</v>
      </c>
      <c r="E9542" t="s">
        <v>33629</v>
      </c>
      <c r="F9542">
        <v>4</v>
      </c>
      <c r="G9542" t="s">
        <v>14</v>
      </c>
      <c r="H9542" t="s">
        <v>22392</v>
      </c>
      <c r="I9542" t="s">
        <v>30540</v>
      </c>
    </row>
    <row r="9543" spans="1:9">
      <c r="A9543" s="1">
        <v>0.41978455175132479</v>
      </c>
      <c r="B9543" s="1"/>
      <c r="C9543">
        <v>8</v>
      </c>
      <c r="D9543" t="s">
        <v>22389</v>
      </c>
      <c r="E9543" t="s">
        <v>33629</v>
      </c>
      <c r="F9543">
        <v>4</v>
      </c>
      <c r="G9543" t="s">
        <v>14</v>
      </c>
      <c r="H9543" t="s">
        <v>22390</v>
      </c>
      <c r="I9543" t="s">
        <v>30540</v>
      </c>
    </row>
    <row r="9544" spans="1:9">
      <c r="A9544" s="1">
        <v>0.52327660059756831</v>
      </c>
      <c r="B9544" s="1"/>
      <c r="C9544">
        <v>2</v>
      </c>
      <c r="D9544" t="s">
        <v>22379</v>
      </c>
      <c r="E9544" t="s">
        <v>33630</v>
      </c>
      <c r="F9544">
        <v>5</v>
      </c>
      <c r="G9544" t="s">
        <v>2</v>
      </c>
      <c r="H9544" t="s">
        <v>22380</v>
      </c>
      <c r="I9544" t="s">
        <v>30540</v>
      </c>
    </row>
    <row r="9545" spans="1:9">
      <c r="A9545" s="1">
        <v>0.85994150587750295</v>
      </c>
      <c r="B9545" s="1"/>
      <c r="C9545">
        <v>5</v>
      </c>
      <c r="D9545" t="s">
        <v>22383</v>
      </c>
      <c r="E9545" t="s">
        <v>33630</v>
      </c>
      <c r="F9545">
        <v>4</v>
      </c>
      <c r="G9545" t="s">
        <v>10</v>
      </c>
      <c r="H9545" t="s">
        <v>22384</v>
      </c>
      <c r="I9545" t="s">
        <v>30540</v>
      </c>
    </row>
    <row r="9546" spans="1:9">
      <c r="A9546" s="1">
        <v>8.0952093003720194E-2</v>
      </c>
      <c r="B9546" s="1"/>
      <c r="C9546">
        <v>16</v>
      </c>
      <c r="D9546" t="s">
        <v>22385</v>
      </c>
      <c r="E9546" t="s">
        <v>33630</v>
      </c>
      <c r="F9546">
        <v>4</v>
      </c>
      <c r="G9546" t="s">
        <v>14</v>
      </c>
      <c r="H9546" t="s">
        <v>22386</v>
      </c>
      <c r="I9546" t="s">
        <v>30540</v>
      </c>
    </row>
    <row r="9547" spans="1:9">
      <c r="A9547" s="1">
        <v>0.21882624905011627</v>
      </c>
      <c r="B9547" s="1"/>
      <c r="C9547">
        <v>3</v>
      </c>
      <c r="D9547" t="s">
        <v>22381</v>
      </c>
      <c r="E9547" t="s">
        <v>33630</v>
      </c>
      <c r="F9547">
        <v>4</v>
      </c>
      <c r="G9547" t="s">
        <v>10</v>
      </c>
      <c r="H9547" t="s">
        <v>22382</v>
      </c>
      <c r="I9547" t="s">
        <v>30540</v>
      </c>
    </row>
    <row r="9548" spans="1:9">
      <c r="A9548" s="1">
        <v>0.79009263447678424</v>
      </c>
      <c r="B9548" s="1"/>
      <c r="C9548">
        <v>1</v>
      </c>
      <c r="D9548" t="s">
        <v>22377</v>
      </c>
      <c r="E9548" t="s">
        <v>33630</v>
      </c>
      <c r="F9548">
        <v>3</v>
      </c>
      <c r="G9548" t="s">
        <v>2</v>
      </c>
      <c r="H9548" t="s">
        <v>22378</v>
      </c>
      <c r="I9548" t="s">
        <v>30540</v>
      </c>
    </row>
    <row r="9549" spans="1:9">
      <c r="A9549" s="1">
        <v>0.50885284415029997</v>
      </c>
      <c r="B9549" s="1"/>
      <c r="C9549">
        <v>13</v>
      </c>
      <c r="D9549" t="s">
        <v>22373</v>
      </c>
      <c r="E9549" t="s">
        <v>33631</v>
      </c>
      <c r="F9549">
        <v>5</v>
      </c>
      <c r="G9549" t="s">
        <v>14</v>
      </c>
      <c r="H9549" t="s">
        <v>22374</v>
      </c>
      <c r="I9549" t="s">
        <v>30540</v>
      </c>
    </row>
    <row r="9550" spans="1:9">
      <c r="A9550" s="1">
        <v>0.36420519208643998</v>
      </c>
      <c r="B9550" s="1"/>
      <c r="C9550">
        <v>11</v>
      </c>
      <c r="D9550" t="s">
        <v>22371</v>
      </c>
      <c r="E9550" t="s">
        <v>33631</v>
      </c>
      <c r="F9550">
        <v>5</v>
      </c>
      <c r="G9550" t="s">
        <v>15</v>
      </c>
      <c r="H9550" t="s">
        <v>22372</v>
      </c>
      <c r="I9550" t="s">
        <v>30540</v>
      </c>
    </row>
    <row r="9551" spans="1:9">
      <c r="A9551" s="1">
        <v>0.9264500992606558</v>
      </c>
      <c r="B9551" s="1"/>
      <c r="C9551">
        <v>20</v>
      </c>
      <c r="D9551" t="s">
        <v>22375</v>
      </c>
      <c r="E9551" t="s">
        <v>33631</v>
      </c>
      <c r="F9551">
        <v>4</v>
      </c>
      <c r="G9551" t="s">
        <v>14</v>
      </c>
      <c r="H9551" t="s">
        <v>22376</v>
      </c>
      <c r="I9551" t="s">
        <v>30540</v>
      </c>
    </row>
    <row r="9552" spans="1:9">
      <c r="A9552" s="1">
        <v>0.20565279840220985</v>
      </c>
      <c r="B9552" s="1"/>
      <c r="C9552">
        <v>10</v>
      </c>
      <c r="D9552" t="s">
        <v>22369</v>
      </c>
      <c r="E9552" t="s">
        <v>33631</v>
      </c>
      <c r="F9552">
        <v>4</v>
      </c>
      <c r="G9552" t="s">
        <v>2</v>
      </c>
      <c r="H9552" t="s">
        <v>22370</v>
      </c>
      <c r="I9552" t="s">
        <v>30540</v>
      </c>
    </row>
    <row r="9553" spans="1:9">
      <c r="A9553" s="1">
        <v>0.13246171441027133</v>
      </c>
      <c r="B9553" s="1"/>
      <c r="C9553">
        <v>9</v>
      </c>
      <c r="D9553" t="s">
        <v>22367</v>
      </c>
      <c r="E9553" t="s">
        <v>33631</v>
      </c>
      <c r="F9553">
        <v>4</v>
      </c>
      <c r="G9553" t="s">
        <v>762</v>
      </c>
      <c r="H9553" t="s">
        <v>22368</v>
      </c>
      <c r="I9553" t="s">
        <v>30540</v>
      </c>
    </row>
    <row r="9554" spans="1:9">
      <c r="A9554" s="1">
        <v>0.50103035281651942</v>
      </c>
      <c r="B9554" s="1"/>
      <c r="C9554">
        <v>1</v>
      </c>
      <c r="D9554" t="s">
        <v>22365</v>
      </c>
      <c r="E9554" t="s">
        <v>33631</v>
      </c>
      <c r="F9554">
        <v>4</v>
      </c>
      <c r="G9554" t="s">
        <v>766</v>
      </c>
      <c r="H9554" t="s">
        <v>22366</v>
      </c>
      <c r="I9554" t="s">
        <v>30540</v>
      </c>
    </row>
    <row r="9555" spans="1:9">
      <c r="A9555" s="1">
        <v>0.78425311148667387</v>
      </c>
      <c r="B9555" s="1"/>
      <c r="C9555">
        <v>16</v>
      </c>
      <c r="D9555" t="s">
        <v>22361</v>
      </c>
      <c r="E9555" t="s">
        <v>33633</v>
      </c>
      <c r="F9555">
        <v>5</v>
      </c>
      <c r="G9555" t="s">
        <v>14</v>
      </c>
      <c r="H9555" t="s">
        <v>22362</v>
      </c>
      <c r="I9555" t="s">
        <v>30540</v>
      </c>
    </row>
    <row r="9556" spans="1:9">
      <c r="A9556" s="1">
        <v>0.7483279831579509</v>
      </c>
      <c r="B9556" s="1"/>
      <c r="C9556">
        <v>7</v>
      </c>
      <c r="D9556" t="s">
        <v>22359</v>
      </c>
      <c r="E9556" t="s">
        <v>33633</v>
      </c>
      <c r="F9556">
        <v>4</v>
      </c>
      <c r="G9556" t="s">
        <v>14</v>
      </c>
      <c r="H9556" t="s">
        <v>22360</v>
      </c>
      <c r="I9556" t="s">
        <v>30540</v>
      </c>
    </row>
    <row r="9557" spans="1:9">
      <c r="A9557" s="1">
        <v>0.98993803189945839</v>
      </c>
      <c r="B9557" s="1"/>
      <c r="C9557">
        <v>5</v>
      </c>
      <c r="D9557" t="s">
        <v>22355</v>
      </c>
      <c r="E9557" t="s">
        <v>33634</v>
      </c>
      <c r="F9557">
        <v>4</v>
      </c>
      <c r="G9557" t="s">
        <v>10</v>
      </c>
      <c r="H9557" t="s">
        <v>22356</v>
      </c>
      <c r="I9557" t="s">
        <v>30540</v>
      </c>
    </row>
    <row r="9558" spans="1:9">
      <c r="A9558" s="1">
        <v>0.32928284644250438</v>
      </c>
      <c r="B9558" s="1"/>
      <c r="C9558">
        <v>11</v>
      </c>
      <c r="D9558" t="s">
        <v>22357</v>
      </c>
      <c r="E9558" t="s">
        <v>33634</v>
      </c>
      <c r="F9558">
        <v>3</v>
      </c>
      <c r="G9558" t="s">
        <v>14</v>
      </c>
      <c r="H9558" t="s">
        <v>22358</v>
      </c>
      <c r="I9558" t="s">
        <v>30540</v>
      </c>
    </row>
    <row r="9559" spans="1:9">
      <c r="A9559" s="1">
        <v>0.81466463550349155</v>
      </c>
      <c r="B9559" s="1"/>
      <c r="C9559">
        <v>3</v>
      </c>
      <c r="D9559" t="s">
        <v>22347</v>
      </c>
      <c r="E9559" t="s">
        <v>33635</v>
      </c>
      <c r="F9559">
        <v>5</v>
      </c>
      <c r="G9559" t="s">
        <v>14</v>
      </c>
      <c r="H9559" t="s">
        <v>22348</v>
      </c>
      <c r="I9559" t="s">
        <v>30540</v>
      </c>
    </row>
    <row r="9560" spans="1:9">
      <c r="A9560" s="1">
        <v>0.55907838519357156</v>
      </c>
      <c r="B9560" s="1"/>
      <c r="C9560">
        <v>16</v>
      </c>
      <c r="D9560" t="s">
        <v>22353</v>
      </c>
      <c r="E9560" t="s">
        <v>33635</v>
      </c>
      <c r="F9560">
        <v>5</v>
      </c>
      <c r="G9560" t="s">
        <v>10</v>
      </c>
      <c r="H9560" t="s">
        <v>22354</v>
      </c>
      <c r="I9560" t="s">
        <v>30540</v>
      </c>
    </row>
    <row r="9561" spans="1:9">
      <c r="A9561" s="1">
        <v>0.51096674646252838</v>
      </c>
      <c r="B9561" s="1"/>
      <c r="C9561">
        <v>14</v>
      </c>
      <c r="D9561" t="s">
        <v>22351</v>
      </c>
      <c r="E9561" t="s">
        <v>33635</v>
      </c>
      <c r="F9561">
        <v>4</v>
      </c>
      <c r="G9561" t="s">
        <v>14</v>
      </c>
      <c r="H9561" t="s">
        <v>22352</v>
      </c>
      <c r="I9561" t="s">
        <v>30540</v>
      </c>
    </row>
    <row r="9562" spans="1:9">
      <c r="A9562" s="1">
        <v>0.25222921005654364</v>
      </c>
      <c r="B9562" s="1"/>
      <c r="C9562">
        <v>1</v>
      </c>
      <c r="D9562" t="s">
        <v>22345</v>
      </c>
      <c r="E9562" t="s">
        <v>33635</v>
      </c>
      <c r="F9562">
        <v>4</v>
      </c>
      <c r="G9562" t="s">
        <v>2</v>
      </c>
      <c r="H9562" t="s">
        <v>22346</v>
      </c>
      <c r="I9562" t="s">
        <v>30540</v>
      </c>
    </row>
    <row r="9563" spans="1:9">
      <c r="A9563" s="1">
        <v>0.98899162120148243</v>
      </c>
      <c r="B9563" s="1"/>
      <c r="C9563">
        <v>17</v>
      </c>
      <c r="D9563" t="s">
        <v>22343</v>
      </c>
      <c r="E9563" t="s">
        <v>33636</v>
      </c>
      <c r="F9563">
        <v>5</v>
      </c>
      <c r="G9563" t="s">
        <v>3107</v>
      </c>
      <c r="H9563" t="s">
        <v>22344</v>
      </c>
      <c r="I9563" t="s">
        <v>30540</v>
      </c>
    </row>
    <row r="9564" spans="1:9">
      <c r="A9564" s="1">
        <v>0.85882501054193061</v>
      </c>
      <c r="B9564" s="1"/>
      <c r="C9564">
        <v>9</v>
      </c>
      <c r="D9564" t="s">
        <v>22339</v>
      </c>
      <c r="E9564" t="s">
        <v>33636</v>
      </c>
      <c r="F9564">
        <v>4</v>
      </c>
      <c r="G9564" t="s">
        <v>2</v>
      </c>
      <c r="H9564" t="s">
        <v>22340</v>
      </c>
      <c r="I9564" t="s">
        <v>30540</v>
      </c>
    </row>
    <row r="9565" spans="1:9">
      <c r="A9565" s="1">
        <v>0.74701313391475255</v>
      </c>
      <c r="B9565" s="1"/>
      <c r="C9565">
        <v>7</v>
      </c>
      <c r="D9565" t="s">
        <v>22337</v>
      </c>
      <c r="E9565" t="s">
        <v>33636</v>
      </c>
      <c r="F9565">
        <v>4</v>
      </c>
      <c r="G9565" t="s">
        <v>14</v>
      </c>
      <c r="H9565" t="s">
        <v>22338</v>
      </c>
      <c r="I9565" t="s">
        <v>30540</v>
      </c>
    </row>
    <row r="9566" spans="1:9">
      <c r="A9566" s="1">
        <v>2.9179836712807772E-2</v>
      </c>
      <c r="B9566" s="1"/>
      <c r="C9566">
        <v>12</v>
      </c>
      <c r="D9566" t="s">
        <v>22341</v>
      </c>
      <c r="E9566" t="s">
        <v>33636</v>
      </c>
      <c r="F9566">
        <v>4</v>
      </c>
      <c r="G9566" t="s">
        <v>13</v>
      </c>
      <c r="H9566" t="s">
        <v>22342</v>
      </c>
      <c r="I9566" t="s">
        <v>30540</v>
      </c>
    </row>
    <row r="9567" spans="1:9">
      <c r="A9567" s="1">
        <v>0.88826100249834949</v>
      </c>
      <c r="B9567" s="1"/>
      <c r="C9567">
        <v>14</v>
      </c>
      <c r="D9567" t="s">
        <v>22331</v>
      </c>
      <c r="E9567" t="s">
        <v>33637</v>
      </c>
      <c r="F9567">
        <v>5</v>
      </c>
      <c r="G9567" t="s">
        <v>10</v>
      </c>
      <c r="H9567" t="s">
        <v>22332</v>
      </c>
      <c r="I9567" t="s">
        <v>30540</v>
      </c>
    </row>
    <row r="9568" spans="1:9">
      <c r="A9568" s="1">
        <v>0.32249604909518692</v>
      </c>
      <c r="B9568" s="1"/>
      <c r="C9568">
        <v>10</v>
      </c>
      <c r="D9568" t="s">
        <v>22329</v>
      </c>
      <c r="E9568" t="s">
        <v>33637</v>
      </c>
      <c r="F9568">
        <v>4</v>
      </c>
      <c r="G9568" t="s">
        <v>13</v>
      </c>
      <c r="H9568" t="s">
        <v>22330</v>
      </c>
      <c r="I9568" t="s">
        <v>30540</v>
      </c>
    </row>
    <row r="9569" spans="1:9">
      <c r="A9569" s="1">
        <v>0.78920370942106233</v>
      </c>
      <c r="B9569" s="1"/>
      <c r="C9569">
        <v>15</v>
      </c>
      <c r="D9569" t="s">
        <v>22333</v>
      </c>
      <c r="E9569" t="s">
        <v>33637</v>
      </c>
      <c r="F9569">
        <v>4</v>
      </c>
      <c r="G9569" t="s">
        <v>9</v>
      </c>
      <c r="H9569" t="s">
        <v>22334</v>
      </c>
      <c r="I9569" t="s">
        <v>30540</v>
      </c>
    </row>
    <row r="9570" spans="1:9">
      <c r="A9570" s="1">
        <v>0.5248077034139057</v>
      </c>
      <c r="B9570" s="1"/>
      <c r="C9570">
        <v>12</v>
      </c>
      <c r="D9570" t="s">
        <v>22327</v>
      </c>
      <c r="E9570" t="s">
        <v>33638</v>
      </c>
      <c r="F9570">
        <v>4</v>
      </c>
      <c r="G9570" t="s">
        <v>14</v>
      </c>
      <c r="H9570" t="s">
        <v>22328</v>
      </c>
      <c r="I9570" t="s">
        <v>30540</v>
      </c>
    </row>
    <row r="9571" spans="1:9">
      <c r="A9571" s="1">
        <v>0.64064023902523592</v>
      </c>
      <c r="B9571" s="1"/>
      <c r="C9571">
        <v>1</v>
      </c>
      <c r="D9571" t="s">
        <v>22321</v>
      </c>
      <c r="E9571" t="s">
        <v>33639</v>
      </c>
      <c r="F9571">
        <v>5</v>
      </c>
      <c r="G9571" t="s">
        <v>10</v>
      </c>
      <c r="H9571" t="s">
        <v>22322</v>
      </c>
      <c r="I9571" t="s">
        <v>30540</v>
      </c>
    </row>
    <row r="9572" spans="1:9">
      <c r="A9572" s="1">
        <v>0.60893485921053914</v>
      </c>
      <c r="B9572" s="1"/>
      <c r="C9572">
        <v>5</v>
      </c>
      <c r="D9572" t="s">
        <v>22323</v>
      </c>
      <c r="E9572" t="s">
        <v>33639</v>
      </c>
      <c r="F9572">
        <v>4</v>
      </c>
      <c r="G9572" t="s">
        <v>14</v>
      </c>
      <c r="H9572" t="s">
        <v>22324</v>
      </c>
      <c r="I9572" t="s">
        <v>30540</v>
      </c>
    </row>
    <row r="9573" spans="1:9">
      <c r="A9573" s="1">
        <v>0.66329491128932838</v>
      </c>
      <c r="B9573" s="1"/>
      <c r="C9573">
        <v>10</v>
      </c>
      <c r="D9573" t="s">
        <v>22317</v>
      </c>
      <c r="E9573" t="s">
        <v>33640</v>
      </c>
      <c r="F9573">
        <v>5</v>
      </c>
      <c r="G9573" t="s">
        <v>10</v>
      </c>
      <c r="H9573" t="s">
        <v>22318</v>
      </c>
      <c r="I9573" t="s">
        <v>30540</v>
      </c>
    </row>
    <row r="9574" spans="1:9">
      <c r="A9574" s="1">
        <v>0.89893436613006317</v>
      </c>
      <c r="B9574" s="1"/>
      <c r="C9574">
        <v>8</v>
      </c>
      <c r="D9574" t="s">
        <v>22315</v>
      </c>
      <c r="E9574" t="s">
        <v>33640</v>
      </c>
      <c r="F9574">
        <v>5</v>
      </c>
      <c r="G9574" t="s">
        <v>10</v>
      </c>
      <c r="H9574" t="s">
        <v>22316</v>
      </c>
      <c r="I9574" t="s">
        <v>30540</v>
      </c>
    </row>
    <row r="9575" spans="1:9">
      <c r="A9575" s="1">
        <v>0.99890601216761665</v>
      </c>
      <c r="B9575" s="1"/>
      <c r="C9575">
        <v>14</v>
      </c>
      <c r="D9575" t="s">
        <v>22319</v>
      </c>
      <c r="E9575" t="s">
        <v>33640</v>
      </c>
      <c r="F9575">
        <v>4</v>
      </c>
      <c r="G9575" t="s">
        <v>0</v>
      </c>
      <c r="H9575" t="s">
        <v>22320</v>
      </c>
      <c r="I9575" t="s">
        <v>30540</v>
      </c>
    </row>
    <row r="9576" spans="1:9">
      <c r="A9576" s="1">
        <v>0.83213797743215689</v>
      </c>
      <c r="B9576" s="1"/>
      <c r="C9576">
        <v>2</v>
      </c>
      <c r="D9576" t="s">
        <v>22313</v>
      </c>
      <c r="E9576" t="s">
        <v>33641</v>
      </c>
      <c r="F9576">
        <v>5</v>
      </c>
      <c r="G9576" t="s">
        <v>3732</v>
      </c>
      <c r="H9576" t="s">
        <v>22314</v>
      </c>
      <c r="I9576" t="s">
        <v>30540</v>
      </c>
    </row>
    <row r="9577" spans="1:9">
      <c r="A9577" s="1">
        <v>0.62935461531889725</v>
      </c>
      <c r="B9577" s="1"/>
      <c r="C9577">
        <v>8</v>
      </c>
      <c r="D9577" t="s">
        <v>22309</v>
      </c>
      <c r="E9577" t="s">
        <v>33642</v>
      </c>
      <c r="F9577">
        <v>5</v>
      </c>
      <c r="G9577" t="s">
        <v>0</v>
      </c>
      <c r="H9577" t="s">
        <v>22310</v>
      </c>
      <c r="I9577" t="s">
        <v>30540</v>
      </c>
    </row>
    <row r="9578" spans="1:9">
      <c r="A9578" s="1">
        <v>0.45512563270843054</v>
      </c>
      <c r="B9578" s="1"/>
      <c r="C9578">
        <v>1</v>
      </c>
      <c r="D9578" t="s">
        <v>22303</v>
      </c>
      <c r="E9578" t="s">
        <v>33642</v>
      </c>
      <c r="F9578">
        <v>4</v>
      </c>
      <c r="G9578" t="s">
        <v>9</v>
      </c>
      <c r="H9578" t="s">
        <v>22304</v>
      </c>
      <c r="I9578" t="s">
        <v>30540</v>
      </c>
    </row>
    <row r="9579" spans="1:9">
      <c r="A9579" s="1">
        <v>0.35239413425554023</v>
      </c>
      <c r="B9579" s="1"/>
      <c r="C9579">
        <v>3</v>
      </c>
      <c r="D9579" t="s">
        <v>22305</v>
      </c>
      <c r="E9579" t="s">
        <v>33642</v>
      </c>
      <c r="F9579">
        <v>4</v>
      </c>
      <c r="G9579" t="s">
        <v>14</v>
      </c>
      <c r="H9579" t="s">
        <v>22306</v>
      </c>
      <c r="I9579" t="s">
        <v>30540</v>
      </c>
    </row>
    <row r="9580" spans="1:9">
      <c r="A9580" s="1">
        <v>0.36983853765965047</v>
      </c>
      <c r="B9580" s="1"/>
      <c r="C9580">
        <v>11</v>
      </c>
      <c r="D9580" t="s">
        <v>22311</v>
      </c>
      <c r="E9580" t="s">
        <v>33642</v>
      </c>
      <c r="F9580">
        <v>4</v>
      </c>
      <c r="G9580" t="s">
        <v>14</v>
      </c>
      <c r="H9580" t="s">
        <v>22312</v>
      </c>
      <c r="I9580" t="s">
        <v>30540</v>
      </c>
    </row>
    <row r="9581" spans="1:9">
      <c r="A9581" s="1">
        <v>4.0238936595005104E-4</v>
      </c>
      <c r="B9581" s="1"/>
      <c r="C9581">
        <v>10</v>
      </c>
      <c r="D9581" t="s">
        <v>22297</v>
      </c>
      <c r="E9581" t="s">
        <v>33643</v>
      </c>
      <c r="F9581">
        <v>5</v>
      </c>
      <c r="G9581" t="s">
        <v>14</v>
      </c>
      <c r="H9581" t="s">
        <v>22298</v>
      </c>
      <c r="I9581" t="s">
        <v>30540</v>
      </c>
    </row>
    <row r="9582" spans="1:9">
      <c r="A9582" s="1">
        <v>0.35418406038688266</v>
      </c>
      <c r="B9582" s="1"/>
      <c r="C9582">
        <v>16</v>
      </c>
      <c r="D9582" t="s">
        <v>22301</v>
      </c>
      <c r="E9582" t="s">
        <v>33643</v>
      </c>
      <c r="F9582">
        <v>5</v>
      </c>
      <c r="G9582" t="s">
        <v>14</v>
      </c>
      <c r="H9582" t="s">
        <v>22302</v>
      </c>
      <c r="I9582" t="s">
        <v>30540</v>
      </c>
    </row>
    <row r="9583" spans="1:9">
      <c r="A9583" s="1">
        <v>0.59024866121613351</v>
      </c>
      <c r="B9583" s="1"/>
      <c r="C9583">
        <v>2</v>
      </c>
      <c r="D9583" t="s">
        <v>22293</v>
      </c>
      <c r="E9583" t="s">
        <v>33643</v>
      </c>
      <c r="F9583">
        <v>4</v>
      </c>
      <c r="G9583" t="s">
        <v>9</v>
      </c>
      <c r="H9583" t="s">
        <v>22294</v>
      </c>
      <c r="I9583" t="s">
        <v>30540</v>
      </c>
    </row>
    <row r="9584" spans="1:9">
      <c r="A9584" s="1">
        <v>0.46161483129920899</v>
      </c>
      <c r="B9584" s="1"/>
      <c r="C9584">
        <v>3</v>
      </c>
      <c r="D9584" t="s">
        <v>22295</v>
      </c>
      <c r="E9584" t="s">
        <v>33643</v>
      </c>
      <c r="F9584">
        <v>3</v>
      </c>
      <c r="G9584" t="s">
        <v>10</v>
      </c>
      <c r="H9584" t="s">
        <v>22296</v>
      </c>
      <c r="I9584" t="s">
        <v>30540</v>
      </c>
    </row>
    <row r="9585" spans="1:9">
      <c r="A9585" s="1">
        <v>0.85231879703511404</v>
      </c>
      <c r="B9585" s="1"/>
      <c r="C9585">
        <v>6</v>
      </c>
      <c r="D9585" t="s">
        <v>22289</v>
      </c>
      <c r="E9585" t="s">
        <v>33644</v>
      </c>
      <c r="F9585">
        <v>4</v>
      </c>
      <c r="G9585" t="s">
        <v>14</v>
      </c>
      <c r="H9585" t="s">
        <v>22290</v>
      </c>
      <c r="I9585" t="s">
        <v>30540</v>
      </c>
    </row>
    <row r="9586" spans="1:9">
      <c r="A9586" s="1">
        <v>0.54304278328021915</v>
      </c>
      <c r="B9586" s="1"/>
      <c r="C9586">
        <v>14</v>
      </c>
      <c r="D9586" t="s">
        <v>22291</v>
      </c>
      <c r="E9586" t="s">
        <v>33644</v>
      </c>
      <c r="F9586">
        <v>4</v>
      </c>
      <c r="G9586" t="s">
        <v>9</v>
      </c>
      <c r="H9586" t="s">
        <v>22292</v>
      </c>
      <c r="I9586" t="s">
        <v>30540</v>
      </c>
    </row>
    <row r="9587" spans="1:9">
      <c r="A9587" s="1">
        <v>0.1447851726679299</v>
      </c>
      <c r="B9587" s="1"/>
      <c r="C9587">
        <v>9</v>
      </c>
      <c r="D9587" t="s">
        <v>22285</v>
      </c>
      <c r="E9587" t="s">
        <v>33645</v>
      </c>
      <c r="F9587">
        <v>5</v>
      </c>
      <c r="G9587" t="s">
        <v>14</v>
      </c>
      <c r="H9587" t="s">
        <v>22286</v>
      </c>
      <c r="I9587" t="s">
        <v>30540</v>
      </c>
    </row>
    <row r="9588" spans="1:9">
      <c r="A9588" s="1">
        <v>4.9923181321548049E-2</v>
      </c>
      <c r="B9588" s="1"/>
      <c r="C9588">
        <v>6</v>
      </c>
      <c r="D9588" t="s">
        <v>22283</v>
      </c>
      <c r="E9588" t="s">
        <v>33645</v>
      </c>
      <c r="F9588">
        <v>5</v>
      </c>
      <c r="G9588" t="s">
        <v>14</v>
      </c>
      <c r="H9588" t="s">
        <v>22284</v>
      </c>
      <c r="I9588" t="s">
        <v>30540</v>
      </c>
    </row>
    <row r="9589" spans="1:9">
      <c r="A9589" s="1">
        <v>8.7251865512681492E-2</v>
      </c>
      <c r="B9589" s="1"/>
      <c r="C9589">
        <v>2</v>
      </c>
      <c r="D9589" t="s">
        <v>22281</v>
      </c>
      <c r="E9589" t="s">
        <v>33645</v>
      </c>
      <c r="F9589">
        <v>4</v>
      </c>
      <c r="G9589" t="s">
        <v>2</v>
      </c>
      <c r="H9589" t="s">
        <v>22282</v>
      </c>
      <c r="I9589" t="s">
        <v>30540</v>
      </c>
    </row>
    <row r="9590" spans="1:9">
      <c r="A9590" s="1">
        <v>0.14061128219308161</v>
      </c>
      <c r="B9590" s="1"/>
      <c r="C9590">
        <v>12</v>
      </c>
      <c r="D9590" t="s">
        <v>22287</v>
      </c>
      <c r="E9590" t="s">
        <v>33645</v>
      </c>
      <c r="F9590">
        <v>4</v>
      </c>
      <c r="G9590" t="s">
        <v>14</v>
      </c>
      <c r="H9590" t="s">
        <v>22288</v>
      </c>
      <c r="I9590" t="s">
        <v>30540</v>
      </c>
    </row>
    <row r="9591" spans="1:9">
      <c r="A9591" s="1">
        <v>5.2610621918595335E-2</v>
      </c>
      <c r="B9591" s="1"/>
      <c r="C9591">
        <v>1</v>
      </c>
      <c r="D9591" t="s">
        <v>22279</v>
      </c>
      <c r="E9591" t="s">
        <v>33645</v>
      </c>
      <c r="F9591">
        <v>3</v>
      </c>
      <c r="G9591" t="s">
        <v>14</v>
      </c>
      <c r="H9591" t="s">
        <v>22280</v>
      </c>
      <c r="I9591" t="s">
        <v>30540</v>
      </c>
    </row>
    <row r="9592" spans="1:9">
      <c r="A9592" s="1">
        <v>0.817386107957219</v>
      </c>
      <c r="B9592" s="1"/>
      <c r="C9592">
        <v>6</v>
      </c>
      <c r="D9592" t="s">
        <v>22275</v>
      </c>
      <c r="E9592" t="s">
        <v>33646</v>
      </c>
      <c r="F9592">
        <v>5</v>
      </c>
      <c r="G9592" t="s">
        <v>10</v>
      </c>
      <c r="H9592" t="s">
        <v>22276</v>
      </c>
      <c r="I9592" t="s">
        <v>30540</v>
      </c>
    </row>
    <row r="9593" spans="1:9">
      <c r="A9593" s="1">
        <v>0.53718136615245993</v>
      </c>
      <c r="B9593" s="1"/>
      <c r="C9593">
        <v>11</v>
      </c>
      <c r="D9593" t="s">
        <v>22277</v>
      </c>
      <c r="E9593" t="s">
        <v>33646</v>
      </c>
      <c r="F9593">
        <v>5</v>
      </c>
      <c r="G9593" t="s">
        <v>762</v>
      </c>
      <c r="H9593" t="s">
        <v>22278</v>
      </c>
      <c r="I9593" t="s">
        <v>30540</v>
      </c>
    </row>
    <row r="9594" spans="1:9">
      <c r="A9594" s="1">
        <v>8.3909128406387756E-2</v>
      </c>
      <c r="B9594" s="1"/>
      <c r="C9594">
        <v>8</v>
      </c>
      <c r="D9594" t="s">
        <v>22269</v>
      </c>
      <c r="E9594" t="s">
        <v>33647</v>
      </c>
      <c r="F9594">
        <v>4</v>
      </c>
      <c r="G9594" t="s">
        <v>14</v>
      </c>
      <c r="H9594" t="s">
        <v>22270</v>
      </c>
      <c r="I9594" t="s">
        <v>30540</v>
      </c>
    </row>
    <row r="9595" spans="1:9">
      <c r="A9595" s="1">
        <v>0.81113976624949957</v>
      </c>
      <c r="B9595" s="1"/>
      <c r="C9595">
        <v>3</v>
      </c>
      <c r="D9595" t="s">
        <v>22267</v>
      </c>
      <c r="E9595" t="s">
        <v>33647</v>
      </c>
      <c r="F9595">
        <v>4</v>
      </c>
      <c r="G9595" t="s">
        <v>9</v>
      </c>
      <c r="H9595" t="s">
        <v>22268</v>
      </c>
      <c r="I9595" t="s">
        <v>30540</v>
      </c>
    </row>
    <row r="9596" spans="1:9">
      <c r="A9596" s="1">
        <v>0.97956173388437762</v>
      </c>
      <c r="B9596" s="1"/>
      <c r="C9596">
        <v>15</v>
      </c>
      <c r="D9596" t="s">
        <v>22271</v>
      </c>
      <c r="E9596" t="s">
        <v>33647</v>
      </c>
      <c r="F9596">
        <v>4</v>
      </c>
      <c r="G9596" t="s">
        <v>14</v>
      </c>
      <c r="H9596" t="s">
        <v>22272</v>
      </c>
      <c r="I9596" t="s">
        <v>30540</v>
      </c>
    </row>
    <row r="9597" spans="1:9">
      <c r="A9597" s="1">
        <v>0.59725239275684916</v>
      </c>
      <c r="B9597" s="1"/>
      <c r="C9597">
        <v>9</v>
      </c>
      <c r="D9597" t="s">
        <v>22261</v>
      </c>
      <c r="E9597" t="s">
        <v>33648</v>
      </c>
      <c r="F9597">
        <v>5</v>
      </c>
      <c r="G9597" t="s">
        <v>14</v>
      </c>
      <c r="H9597" t="s">
        <v>22262</v>
      </c>
      <c r="I9597" t="s">
        <v>30540</v>
      </c>
    </row>
    <row r="9598" spans="1:9">
      <c r="A9598" s="1">
        <v>0.71000071148829946</v>
      </c>
      <c r="B9598" s="1"/>
      <c r="C9598">
        <v>15</v>
      </c>
      <c r="D9598" t="s">
        <v>22257</v>
      </c>
      <c r="E9598" t="s">
        <v>33649</v>
      </c>
      <c r="F9598">
        <v>4</v>
      </c>
      <c r="G9598" t="s">
        <v>14</v>
      </c>
      <c r="H9598" t="s">
        <v>22258</v>
      </c>
      <c r="I9598" t="s">
        <v>30540</v>
      </c>
    </row>
    <row r="9599" spans="1:9">
      <c r="A9599" s="1">
        <v>0.94282150296529621</v>
      </c>
      <c r="B9599" s="1"/>
      <c r="C9599">
        <v>4</v>
      </c>
      <c r="D9599" t="s">
        <v>22249</v>
      </c>
      <c r="E9599" t="s">
        <v>33649</v>
      </c>
      <c r="F9599">
        <v>4</v>
      </c>
      <c r="G9599" t="s">
        <v>9</v>
      </c>
      <c r="H9599" t="s">
        <v>22250</v>
      </c>
      <c r="I9599" t="s">
        <v>30540</v>
      </c>
    </row>
    <row r="9600" spans="1:9">
      <c r="A9600" s="1">
        <v>1.5228724853784348E-2</v>
      </c>
      <c r="B9600" s="1"/>
      <c r="C9600">
        <v>9</v>
      </c>
      <c r="D9600" t="s">
        <v>22251</v>
      </c>
      <c r="E9600" t="s">
        <v>33649</v>
      </c>
      <c r="F9600">
        <v>4</v>
      </c>
      <c r="G9600" t="s">
        <v>9</v>
      </c>
      <c r="H9600" t="s">
        <v>22252</v>
      </c>
      <c r="I9600" t="s">
        <v>30540</v>
      </c>
    </row>
    <row r="9601" spans="1:9">
      <c r="A9601" s="1">
        <v>0.53527585073707074</v>
      </c>
      <c r="B9601" s="1"/>
      <c r="C9601">
        <v>12</v>
      </c>
      <c r="D9601" t="s">
        <v>22253</v>
      </c>
      <c r="E9601" t="s">
        <v>33649</v>
      </c>
      <c r="F9601">
        <v>4</v>
      </c>
      <c r="G9601" t="s">
        <v>14</v>
      </c>
      <c r="H9601" t="s">
        <v>22254</v>
      </c>
      <c r="I9601" t="s">
        <v>30540</v>
      </c>
    </row>
    <row r="9602" spans="1:9">
      <c r="A9602" s="1">
        <v>0.66345965590826417</v>
      </c>
      <c r="B9602" s="1"/>
      <c r="C9602">
        <v>17</v>
      </c>
      <c r="D9602" t="s">
        <v>22247</v>
      </c>
      <c r="E9602" t="s">
        <v>33650</v>
      </c>
      <c r="F9602">
        <v>4</v>
      </c>
      <c r="G9602" t="s">
        <v>2</v>
      </c>
      <c r="H9602" t="s">
        <v>22248</v>
      </c>
      <c r="I9602" t="s">
        <v>30540</v>
      </c>
    </row>
    <row r="9603" spans="1:9">
      <c r="A9603" s="1">
        <v>0.39342318335685111</v>
      </c>
      <c r="B9603" s="1"/>
      <c r="C9603">
        <v>8</v>
      </c>
      <c r="D9603" t="s">
        <v>22243</v>
      </c>
      <c r="E9603" t="s">
        <v>33651</v>
      </c>
      <c r="F9603">
        <v>4</v>
      </c>
      <c r="G9603" t="s">
        <v>13</v>
      </c>
      <c r="H9603" t="s">
        <v>22244</v>
      </c>
      <c r="I9603" t="s">
        <v>30540</v>
      </c>
    </row>
    <row r="9604" spans="1:9">
      <c r="A9604" s="1">
        <v>0.20366344623086474</v>
      </c>
      <c r="B9604" s="1"/>
      <c r="C9604">
        <v>7</v>
      </c>
      <c r="D9604" t="s">
        <v>22241</v>
      </c>
      <c r="E9604" t="s">
        <v>33651</v>
      </c>
      <c r="F9604">
        <v>3</v>
      </c>
      <c r="G9604" t="s">
        <v>14</v>
      </c>
      <c r="H9604" t="s">
        <v>22242</v>
      </c>
      <c r="I9604" t="s">
        <v>30540</v>
      </c>
    </row>
    <row r="9605" spans="1:9">
      <c r="A9605" s="1">
        <v>0.21910617771281027</v>
      </c>
      <c r="B9605" s="1"/>
      <c r="C9605">
        <v>12</v>
      </c>
      <c r="D9605" t="s">
        <v>22245</v>
      </c>
      <c r="E9605" t="s">
        <v>33651</v>
      </c>
      <c r="F9605">
        <v>3</v>
      </c>
      <c r="G9605" t="s">
        <v>14</v>
      </c>
      <c r="H9605" t="s">
        <v>22246</v>
      </c>
      <c r="I9605" t="s">
        <v>30540</v>
      </c>
    </row>
    <row r="9606" spans="1:9">
      <c r="A9606" s="1">
        <v>0.14339434128543305</v>
      </c>
      <c r="B9606" s="1"/>
      <c r="C9606">
        <v>16</v>
      </c>
      <c r="D9606" t="s">
        <v>22235</v>
      </c>
      <c r="E9606" t="s">
        <v>33652</v>
      </c>
      <c r="F9606">
        <v>4</v>
      </c>
      <c r="G9606" t="s">
        <v>14</v>
      </c>
      <c r="H9606" t="s">
        <v>22236</v>
      </c>
      <c r="I9606" t="s">
        <v>30540</v>
      </c>
    </row>
    <row r="9607" spans="1:9">
      <c r="A9607" s="1">
        <v>0.5279202293445695</v>
      </c>
      <c r="B9607" s="1"/>
      <c r="C9607">
        <v>15</v>
      </c>
      <c r="D9607" t="s">
        <v>22233</v>
      </c>
      <c r="E9607" t="s">
        <v>33652</v>
      </c>
      <c r="F9607">
        <v>4</v>
      </c>
      <c r="G9607" t="s">
        <v>14</v>
      </c>
      <c r="H9607" t="s">
        <v>22234</v>
      </c>
      <c r="I9607" t="s">
        <v>30540</v>
      </c>
    </row>
    <row r="9608" spans="1:9">
      <c r="A9608" s="1">
        <v>0.15256017945312372</v>
      </c>
      <c r="B9608" s="1"/>
      <c r="C9608">
        <v>17</v>
      </c>
      <c r="D9608" t="s">
        <v>22237</v>
      </c>
      <c r="E9608" t="s">
        <v>33652</v>
      </c>
      <c r="F9608">
        <v>4</v>
      </c>
      <c r="G9608" t="s">
        <v>14</v>
      </c>
      <c r="H9608" t="s">
        <v>22238</v>
      </c>
      <c r="I9608" t="s">
        <v>30540</v>
      </c>
    </row>
    <row r="9609" spans="1:9">
      <c r="A9609" s="1">
        <v>0.43877807703840177</v>
      </c>
      <c r="B9609" s="1"/>
      <c r="C9609">
        <v>6</v>
      </c>
      <c r="D9609" t="s">
        <v>22227</v>
      </c>
      <c r="E9609" t="s">
        <v>33653</v>
      </c>
      <c r="F9609">
        <v>4</v>
      </c>
      <c r="G9609" t="s">
        <v>1</v>
      </c>
      <c r="H9609" t="s">
        <v>22228</v>
      </c>
      <c r="I9609" t="s">
        <v>30540</v>
      </c>
    </row>
    <row r="9610" spans="1:9">
      <c r="A9610" s="1">
        <v>0.69452272475552901</v>
      </c>
      <c r="B9610" s="1"/>
      <c r="C9610">
        <v>1</v>
      </c>
      <c r="D9610" t="s">
        <v>22225</v>
      </c>
      <c r="E9610" t="s">
        <v>33653</v>
      </c>
      <c r="F9610">
        <v>3</v>
      </c>
      <c r="G9610" t="s">
        <v>2</v>
      </c>
      <c r="H9610" t="s">
        <v>22226</v>
      </c>
      <c r="I9610" t="s">
        <v>30540</v>
      </c>
    </row>
    <row r="9611" spans="1:9">
      <c r="A9611" s="1">
        <v>0.96455542361053015</v>
      </c>
      <c r="B9611" s="1"/>
      <c r="C9611">
        <v>15</v>
      </c>
      <c r="D9611" t="s">
        <v>22231</v>
      </c>
      <c r="E9611" t="s">
        <v>33653</v>
      </c>
      <c r="F9611">
        <v>3</v>
      </c>
      <c r="G9611" t="s">
        <v>1</v>
      </c>
      <c r="H9611" t="s">
        <v>22232</v>
      </c>
      <c r="I9611" t="s">
        <v>30540</v>
      </c>
    </row>
    <row r="9612" spans="1:9">
      <c r="A9612" s="1">
        <v>0.52147089371896893</v>
      </c>
      <c r="B9612" s="1"/>
      <c r="C9612">
        <v>11</v>
      </c>
      <c r="D9612" t="s">
        <v>22223</v>
      </c>
      <c r="E9612" t="s">
        <v>33654</v>
      </c>
      <c r="F9612">
        <v>4</v>
      </c>
      <c r="G9612" t="s">
        <v>14</v>
      </c>
      <c r="H9612" t="s">
        <v>22224</v>
      </c>
      <c r="I9612" t="s">
        <v>30540</v>
      </c>
    </row>
    <row r="9613" spans="1:9">
      <c r="A9613" s="1">
        <v>1.5376241516381617E-2</v>
      </c>
      <c r="B9613" s="1"/>
      <c r="C9613">
        <v>16</v>
      </c>
      <c r="D9613" t="s">
        <v>22219</v>
      </c>
      <c r="E9613" t="s">
        <v>33655</v>
      </c>
      <c r="F9613">
        <v>5</v>
      </c>
      <c r="G9613" t="s">
        <v>774</v>
      </c>
      <c r="H9613" t="s">
        <v>22220</v>
      </c>
      <c r="I9613" t="s">
        <v>30540</v>
      </c>
    </row>
    <row r="9614" spans="1:9">
      <c r="A9614" s="1">
        <v>0.81476633471950544</v>
      </c>
      <c r="B9614" s="1"/>
      <c r="C9614">
        <v>18</v>
      </c>
      <c r="D9614" t="s">
        <v>22221</v>
      </c>
      <c r="E9614" t="s">
        <v>33655</v>
      </c>
      <c r="F9614">
        <v>4</v>
      </c>
      <c r="G9614" t="s">
        <v>10</v>
      </c>
      <c r="H9614" t="s">
        <v>22222</v>
      </c>
      <c r="I9614" t="s">
        <v>30540</v>
      </c>
    </row>
    <row r="9615" spans="1:9">
      <c r="A9615" s="1">
        <v>3.2536334933016886E-2</v>
      </c>
      <c r="B9615" s="1"/>
      <c r="C9615">
        <v>8</v>
      </c>
      <c r="D9615" t="s">
        <v>22213</v>
      </c>
      <c r="E9615" t="s">
        <v>33656</v>
      </c>
      <c r="F9615">
        <v>4</v>
      </c>
      <c r="G9615" t="s">
        <v>10</v>
      </c>
      <c r="H9615" t="s">
        <v>22214</v>
      </c>
      <c r="I9615" t="s">
        <v>30540</v>
      </c>
    </row>
    <row r="9616" spans="1:9">
      <c r="A9616" s="1">
        <v>0.46663473833733737</v>
      </c>
      <c r="B9616" s="1"/>
      <c r="C9616">
        <v>6</v>
      </c>
      <c r="D9616" t="s">
        <v>22211</v>
      </c>
      <c r="E9616" t="s">
        <v>33656</v>
      </c>
      <c r="F9616">
        <v>4</v>
      </c>
      <c r="G9616" t="s">
        <v>14</v>
      </c>
      <c r="H9616" t="s">
        <v>22212</v>
      </c>
      <c r="I9616" t="s">
        <v>30540</v>
      </c>
    </row>
    <row r="9617" spans="1:9">
      <c r="A9617" s="1">
        <v>0.92560278149169639</v>
      </c>
      <c r="B9617" s="1"/>
      <c r="C9617">
        <v>12</v>
      </c>
      <c r="D9617" t="s">
        <v>22215</v>
      </c>
      <c r="E9617" t="s">
        <v>33656</v>
      </c>
      <c r="F9617">
        <v>4</v>
      </c>
      <c r="G9617" t="s">
        <v>14</v>
      </c>
      <c r="H9617" t="s">
        <v>22216</v>
      </c>
      <c r="I9617" t="s">
        <v>30540</v>
      </c>
    </row>
    <row r="9618" spans="1:9">
      <c r="A9618" s="1">
        <v>0.45321838116577662</v>
      </c>
      <c r="B9618" s="1"/>
      <c r="C9618">
        <v>10</v>
      </c>
      <c r="D9618" t="s">
        <v>22209</v>
      </c>
      <c r="E9618" t="s">
        <v>33657</v>
      </c>
      <c r="F9618">
        <v>5</v>
      </c>
      <c r="G9618" t="s">
        <v>14</v>
      </c>
      <c r="H9618" t="s">
        <v>22210</v>
      </c>
      <c r="I9618" t="s">
        <v>30540</v>
      </c>
    </row>
    <row r="9619" spans="1:9">
      <c r="A9619" s="1">
        <v>0.15656599825469153</v>
      </c>
      <c r="B9619" s="1"/>
      <c r="C9619">
        <v>6</v>
      </c>
      <c r="D9619" t="s">
        <v>22207</v>
      </c>
      <c r="E9619" t="s">
        <v>33657</v>
      </c>
      <c r="F9619">
        <v>5</v>
      </c>
      <c r="G9619" t="s">
        <v>14</v>
      </c>
      <c r="H9619" t="s">
        <v>22208</v>
      </c>
      <c r="I9619" t="s">
        <v>30540</v>
      </c>
    </row>
    <row r="9620" spans="1:9">
      <c r="A9620" s="1">
        <v>9.4889990578693961E-2</v>
      </c>
      <c r="B9620" s="1"/>
      <c r="C9620">
        <v>8</v>
      </c>
      <c r="D9620" t="s">
        <v>22203</v>
      </c>
      <c r="E9620" t="s">
        <v>33658</v>
      </c>
      <c r="F9620">
        <v>4</v>
      </c>
      <c r="G9620" t="s">
        <v>14</v>
      </c>
      <c r="H9620" t="s">
        <v>22204</v>
      </c>
      <c r="I9620" t="s">
        <v>30540</v>
      </c>
    </row>
    <row r="9621" spans="1:9">
      <c r="A9621" s="1">
        <v>0.90935377384202665</v>
      </c>
      <c r="B9621" s="1"/>
      <c r="C9621">
        <v>13</v>
      </c>
      <c r="D9621" t="s">
        <v>22205</v>
      </c>
      <c r="E9621" t="s">
        <v>33658</v>
      </c>
      <c r="F9621">
        <v>3</v>
      </c>
      <c r="G9621" t="s">
        <v>14</v>
      </c>
      <c r="H9621" t="s">
        <v>22206</v>
      </c>
      <c r="I9621" t="s">
        <v>30540</v>
      </c>
    </row>
    <row r="9622" spans="1:9">
      <c r="A9622" s="1">
        <v>0.32261076751018436</v>
      </c>
      <c r="B9622" s="1"/>
      <c r="C9622">
        <v>13</v>
      </c>
      <c r="D9622" t="s">
        <v>22199</v>
      </c>
      <c r="E9622" t="s">
        <v>33659</v>
      </c>
      <c r="F9622">
        <v>4</v>
      </c>
      <c r="G9622" t="s">
        <v>14</v>
      </c>
      <c r="H9622" t="s">
        <v>22200</v>
      </c>
      <c r="I9622" t="s">
        <v>30540</v>
      </c>
    </row>
    <row r="9623" spans="1:9">
      <c r="A9623" s="1">
        <v>0.21004971850772669</v>
      </c>
      <c r="B9623" s="1"/>
      <c r="C9623">
        <v>7</v>
      </c>
      <c r="D9623" t="s">
        <v>22195</v>
      </c>
      <c r="E9623" t="s">
        <v>33659</v>
      </c>
      <c r="F9623">
        <v>4</v>
      </c>
      <c r="G9623" t="s">
        <v>14</v>
      </c>
      <c r="H9623" t="s">
        <v>22196</v>
      </c>
      <c r="I9623" t="s">
        <v>30540</v>
      </c>
    </row>
    <row r="9624" spans="1:9">
      <c r="A9624" s="1">
        <v>0.99060136740318938</v>
      </c>
      <c r="B9624" s="1"/>
      <c r="C9624">
        <v>12</v>
      </c>
      <c r="D9624" t="s">
        <v>22197</v>
      </c>
      <c r="E9624" t="s">
        <v>33659</v>
      </c>
      <c r="F9624">
        <v>3</v>
      </c>
      <c r="G9624" t="s">
        <v>0</v>
      </c>
      <c r="H9624" t="s">
        <v>22198</v>
      </c>
      <c r="I9624" t="s">
        <v>30540</v>
      </c>
    </row>
    <row r="9625" spans="1:9">
      <c r="A9625" s="1">
        <v>0.20753606702224381</v>
      </c>
      <c r="B9625" s="1"/>
      <c r="C9625">
        <v>4</v>
      </c>
      <c r="D9625" t="s">
        <v>22187</v>
      </c>
      <c r="E9625" t="s">
        <v>33660</v>
      </c>
      <c r="F9625">
        <v>4</v>
      </c>
      <c r="G9625" t="s">
        <v>2</v>
      </c>
      <c r="H9625" t="s">
        <v>22188</v>
      </c>
      <c r="I9625" t="s">
        <v>30540</v>
      </c>
    </row>
    <row r="9626" spans="1:9">
      <c r="A9626" s="1">
        <v>0.73375545772419493</v>
      </c>
      <c r="B9626" s="1"/>
      <c r="C9626">
        <v>9</v>
      </c>
      <c r="D9626" t="s">
        <v>22193</v>
      </c>
      <c r="E9626" t="s">
        <v>33660</v>
      </c>
      <c r="F9626">
        <v>4</v>
      </c>
      <c r="G9626" t="s">
        <v>10</v>
      </c>
      <c r="H9626" t="s">
        <v>22194</v>
      </c>
      <c r="I9626" t="s">
        <v>30540</v>
      </c>
    </row>
    <row r="9627" spans="1:9">
      <c r="A9627" s="1">
        <v>0.19467081640701112</v>
      </c>
      <c r="B9627" s="1"/>
      <c r="C9627">
        <v>1</v>
      </c>
      <c r="D9627" t="s">
        <v>22183</v>
      </c>
      <c r="E9627" t="s">
        <v>33660</v>
      </c>
      <c r="F9627">
        <v>4</v>
      </c>
      <c r="G9627" t="s">
        <v>9</v>
      </c>
      <c r="H9627" t="s">
        <v>22184</v>
      </c>
      <c r="I9627" t="s">
        <v>30540</v>
      </c>
    </row>
    <row r="9628" spans="1:9">
      <c r="A9628" s="1">
        <v>0.88834146301192352</v>
      </c>
      <c r="B9628" s="1"/>
      <c r="C9628">
        <v>8</v>
      </c>
      <c r="D9628" t="s">
        <v>22191</v>
      </c>
      <c r="E9628" t="s">
        <v>33660</v>
      </c>
      <c r="F9628">
        <v>4</v>
      </c>
      <c r="G9628" t="s">
        <v>766</v>
      </c>
      <c r="H9628" t="s">
        <v>22192</v>
      </c>
      <c r="I9628" t="s">
        <v>30540</v>
      </c>
    </row>
    <row r="9629" spans="1:9">
      <c r="A9629" s="1">
        <v>0.43248666592999674</v>
      </c>
      <c r="B9629" s="1"/>
      <c r="C9629">
        <v>2</v>
      </c>
      <c r="D9629" t="s">
        <v>22185</v>
      </c>
      <c r="E9629" t="s">
        <v>33660</v>
      </c>
      <c r="F9629">
        <v>3</v>
      </c>
      <c r="G9629" t="s">
        <v>15</v>
      </c>
      <c r="H9629" t="s">
        <v>22186</v>
      </c>
      <c r="I9629" t="s">
        <v>30540</v>
      </c>
    </row>
    <row r="9630" spans="1:9">
      <c r="A9630" s="1">
        <v>0.37746058904642765</v>
      </c>
      <c r="B9630" s="1"/>
      <c r="C9630">
        <v>9</v>
      </c>
      <c r="D9630" t="s">
        <v>22181</v>
      </c>
      <c r="E9630" t="s">
        <v>33661</v>
      </c>
      <c r="F9630">
        <v>4</v>
      </c>
      <c r="G9630" t="s">
        <v>14</v>
      </c>
      <c r="H9630" t="s">
        <v>22182</v>
      </c>
      <c r="I9630" t="s">
        <v>30540</v>
      </c>
    </row>
    <row r="9631" spans="1:9">
      <c r="A9631" s="1">
        <v>0.89192673525553223</v>
      </c>
      <c r="B9631" s="1"/>
      <c r="C9631">
        <v>6</v>
      </c>
      <c r="D9631" t="s">
        <v>22179</v>
      </c>
      <c r="E9631" t="s">
        <v>33661</v>
      </c>
      <c r="F9631">
        <v>4</v>
      </c>
      <c r="G9631" t="s">
        <v>1</v>
      </c>
      <c r="H9631" t="s">
        <v>22180</v>
      </c>
      <c r="I9631" t="s">
        <v>30540</v>
      </c>
    </row>
    <row r="9632" spans="1:9">
      <c r="A9632" s="1">
        <v>0.83040165221231155</v>
      </c>
      <c r="B9632" s="1"/>
      <c r="C9632">
        <v>4</v>
      </c>
      <c r="D9632" t="s">
        <v>22165</v>
      </c>
      <c r="E9632" t="s">
        <v>33662</v>
      </c>
      <c r="F9632">
        <v>5</v>
      </c>
      <c r="G9632" t="s">
        <v>9</v>
      </c>
      <c r="H9632" t="s">
        <v>22166</v>
      </c>
      <c r="I9632" t="s">
        <v>30540</v>
      </c>
    </row>
    <row r="9633" spans="1:9">
      <c r="A9633" s="1">
        <v>0.18418956532022124</v>
      </c>
      <c r="B9633" s="1"/>
      <c r="C9633">
        <v>7</v>
      </c>
      <c r="D9633" t="s">
        <v>22167</v>
      </c>
      <c r="E9633" t="s">
        <v>33662</v>
      </c>
      <c r="F9633">
        <v>5</v>
      </c>
      <c r="G9633" t="s">
        <v>14</v>
      </c>
      <c r="H9633" t="s">
        <v>22168</v>
      </c>
      <c r="I9633" t="s">
        <v>30540</v>
      </c>
    </row>
    <row r="9634" spans="1:9">
      <c r="A9634" s="1">
        <v>0.75900262372522298</v>
      </c>
      <c r="B9634" s="1"/>
      <c r="C9634">
        <v>16</v>
      </c>
      <c r="D9634" t="s">
        <v>22175</v>
      </c>
      <c r="E9634" t="s">
        <v>33662</v>
      </c>
      <c r="F9634">
        <v>5</v>
      </c>
      <c r="G9634" t="s">
        <v>13</v>
      </c>
      <c r="H9634" t="s">
        <v>22176</v>
      </c>
      <c r="I9634" t="s">
        <v>30540</v>
      </c>
    </row>
    <row r="9635" spans="1:9">
      <c r="A9635" s="1">
        <v>3.5887984289821873E-2</v>
      </c>
      <c r="B9635" s="1"/>
      <c r="C9635">
        <v>14</v>
      </c>
      <c r="D9635" t="s">
        <v>22173</v>
      </c>
      <c r="E9635" t="s">
        <v>33662</v>
      </c>
      <c r="F9635">
        <v>5</v>
      </c>
      <c r="G9635" t="s">
        <v>0</v>
      </c>
      <c r="H9635" t="s">
        <v>22174</v>
      </c>
      <c r="I9635" t="s">
        <v>30540</v>
      </c>
    </row>
    <row r="9636" spans="1:9">
      <c r="A9636" s="1">
        <v>0.32842199581237641</v>
      </c>
      <c r="B9636" s="1"/>
      <c r="C9636">
        <v>1</v>
      </c>
      <c r="D9636" t="s">
        <v>22163</v>
      </c>
      <c r="E9636" t="s">
        <v>33662</v>
      </c>
      <c r="F9636">
        <v>4</v>
      </c>
      <c r="G9636" t="s">
        <v>2</v>
      </c>
      <c r="H9636" t="s">
        <v>22164</v>
      </c>
      <c r="I9636" t="s">
        <v>30540</v>
      </c>
    </row>
    <row r="9637" spans="1:9">
      <c r="A9637" s="1">
        <v>0.29532913103673786</v>
      </c>
      <c r="B9637" s="1"/>
      <c r="C9637">
        <v>17</v>
      </c>
      <c r="D9637" t="s">
        <v>22177</v>
      </c>
      <c r="E9637" t="s">
        <v>33662</v>
      </c>
      <c r="F9637">
        <v>4</v>
      </c>
      <c r="G9637" t="s">
        <v>13</v>
      </c>
      <c r="H9637" t="s">
        <v>22178</v>
      </c>
      <c r="I9637" t="s">
        <v>30540</v>
      </c>
    </row>
    <row r="9638" spans="1:9">
      <c r="A9638" s="1">
        <v>0.12266441734168432</v>
      </c>
      <c r="B9638" s="1"/>
      <c r="C9638">
        <v>10</v>
      </c>
      <c r="D9638" t="s">
        <v>22171</v>
      </c>
      <c r="E9638" t="s">
        <v>33662</v>
      </c>
      <c r="F9638">
        <v>3</v>
      </c>
      <c r="G9638" t="s">
        <v>14</v>
      </c>
      <c r="H9638" t="s">
        <v>22172</v>
      </c>
      <c r="I9638" t="s">
        <v>30540</v>
      </c>
    </row>
    <row r="9639" spans="1:9">
      <c r="A9639" s="1">
        <v>0.88322011130989353</v>
      </c>
      <c r="B9639" s="1"/>
      <c r="C9639">
        <v>4</v>
      </c>
      <c r="D9639" t="s">
        <v>22155</v>
      </c>
      <c r="E9639" t="s">
        <v>33663</v>
      </c>
      <c r="F9639">
        <v>5</v>
      </c>
      <c r="G9639" t="s">
        <v>2</v>
      </c>
      <c r="H9639" t="s">
        <v>22156</v>
      </c>
      <c r="I9639" t="s">
        <v>30540</v>
      </c>
    </row>
    <row r="9640" spans="1:9">
      <c r="A9640" s="1">
        <v>0.97332694727178304</v>
      </c>
      <c r="B9640" s="1"/>
      <c r="C9640">
        <v>11</v>
      </c>
      <c r="D9640" t="s">
        <v>22159</v>
      </c>
      <c r="E9640" t="s">
        <v>33663</v>
      </c>
      <c r="F9640">
        <v>4</v>
      </c>
      <c r="G9640" t="s">
        <v>14</v>
      </c>
      <c r="H9640" t="s">
        <v>22160</v>
      </c>
      <c r="I9640" t="s">
        <v>30540</v>
      </c>
    </row>
    <row r="9641" spans="1:9">
      <c r="A9641" s="1">
        <v>3.3939068844034415E-2</v>
      </c>
      <c r="B9641" s="1"/>
      <c r="C9641">
        <v>7</v>
      </c>
      <c r="D9641" t="s">
        <v>22157</v>
      </c>
      <c r="E9641" t="s">
        <v>33663</v>
      </c>
      <c r="F9641">
        <v>4</v>
      </c>
      <c r="G9641" t="s">
        <v>1</v>
      </c>
      <c r="H9641" t="s">
        <v>22158</v>
      </c>
      <c r="I9641" t="s">
        <v>30540</v>
      </c>
    </row>
    <row r="9642" spans="1:9">
      <c r="A9642" s="1">
        <v>0.29919126151799458</v>
      </c>
      <c r="B9642" s="1"/>
      <c r="C9642">
        <v>16</v>
      </c>
      <c r="D9642" t="s">
        <v>22153</v>
      </c>
      <c r="E9642" t="s">
        <v>33664</v>
      </c>
      <c r="F9642">
        <v>4</v>
      </c>
      <c r="G9642" t="s">
        <v>14</v>
      </c>
      <c r="H9642" t="s">
        <v>22154</v>
      </c>
      <c r="I9642" t="s">
        <v>30540</v>
      </c>
    </row>
    <row r="9643" spans="1:9">
      <c r="A9643" s="1">
        <v>0.55305920485967341</v>
      </c>
      <c r="B9643" s="1"/>
      <c r="C9643">
        <v>1</v>
      </c>
      <c r="D9643" t="s">
        <v>22149</v>
      </c>
      <c r="E9643" t="s">
        <v>33664</v>
      </c>
      <c r="F9643">
        <v>3</v>
      </c>
      <c r="G9643" t="s">
        <v>2</v>
      </c>
      <c r="H9643" t="s">
        <v>22150</v>
      </c>
      <c r="I9643" t="s">
        <v>30540</v>
      </c>
    </row>
    <row r="9644" spans="1:9">
      <c r="A9644" s="1">
        <v>0.53049846872669981</v>
      </c>
      <c r="B9644" s="1"/>
      <c r="C9644">
        <v>16</v>
      </c>
      <c r="D9644" t="s">
        <v>22143</v>
      </c>
      <c r="E9644" t="s">
        <v>33666</v>
      </c>
      <c r="F9644">
        <v>4</v>
      </c>
      <c r="G9644" t="s">
        <v>1</v>
      </c>
      <c r="H9644" t="s">
        <v>22144</v>
      </c>
      <c r="I9644" t="s">
        <v>30540</v>
      </c>
    </row>
    <row r="9645" spans="1:9">
      <c r="A9645" s="1">
        <v>0.98010167381514257</v>
      </c>
      <c r="B9645" s="1"/>
      <c r="C9645">
        <v>14</v>
      </c>
      <c r="D9645" t="s">
        <v>22141</v>
      </c>
      <c r="E9645" t="s">
        <v>33666</v>
      </c>
      <c r="F9645">
        <v>3</v>
      </c>
      <c r="G9645" t="s">
        <v>14</v>
      </c>
      <c r="H9645" t="s">
        <v>22142</v>
      </c>
      <c r="I9645" t="s">
        <v>30540</v>
      </c>
    </row>
    <row r="9646" spans="1:9">
      <c r="A9646" s="1">
        <v>0.99309559596627905</v>
      </c>
      <c r="B9646" s="1"/>
      <c r="C9646">
        <v>9</v>
      </c>
      <c r="D9646" t="s">
        <v>22139</v>
      </c>
      <c r="E9646" t="s">
        <v>33667</v>
      </c>
      <c r="F9646">
        <v>3</v>
      </c>
      <c r="G9646" t="s">
        <v>14</v>
      </c>
      <c r="H9646" t="s">
        <v>22140</v>
      </c>
      <c r="I9646" t="s">
        <v>30540</v>
      </c>
    </row>
    <row r="9647" spans="1:9">
      <c r="A9647" s="1">
        <v>0.26928010336239872</v>
      </c>
      <c r="B9647" s="1"/>
      <c r="C9647">
        <v>8</v>
      </c>
      <c r="D9647" t="s">
        <v>22133</v>
      </c>
      <c r="E9647" t="s">
        <v>33668</v>
      </c>
      <c r="F9647">
        <v>4</v>
      </c>
      <c r="G9647" t="s">
        <v>9</v>
      </c>
      <c r="H9647" t="s">
        <v>22134</v>
      </c>
      <c r="I9647" t="s">
        <v>30540</v>
      </c>
    </row>
    <row r="9648" spans="1:9">
      <c r="A9648" s="1">
        <v>0.40550996266585093</v>
      </c>
      <c r="B9648" s="1"/>
      <c r="C9648">
        <v>4</v>
      </c>
      <c r="D9648" t="s">
        <v>22131</v>
      </c>
      <c r="E9648" t="s">
        <v>33668</v>
      </c>
      <c r="F9648">
        <v>4</v>
      </c>
      <c r="G9648" t="s">
        <v>14</v>
      </c>
      <c r="H9648" t="s">
        <v>22132</v>
      </c>
      <c r="I9648" t="s">
        <v>30540</v>
      </c>
    </row>
    <row r="9649" spans="1:9">
      <c r="A9649" s="1">
        <v>9.0368585345688035E-2</v>
      </c>
      <c r="B9649" s="1"/>
      <c r="C9649">
        <v>16</v>
      </c>
      <c r="D9649" t="s">
        <v>22135</v>
      </c>
      <c r="E9649" t="s">
        <v>33668</v>
      </c>
      <c r="F9649">
        <v>3</v>
      </c>
      <c r="G9649" t="s">
        <v>14</v>
      </c>
      <c r="H9649" t="s">
        <v>22136</v>
      </c>
      <c r="I9649" t="s">
        <v>30540</v>
      </c>
    </row>
    <row r="9650" spans="1:9">
      <c r="A9650" s="1">
        <v>0.65975554378196799</v>
      </c>
      <c r="B9650" s="1"/>
      <c r="C9650">
        <v>11</v>
      </c>
      <c r="D9650" t="s">
        <v>22125</v>
      </c>
      <c r="E9650" t="s">
        <v>33669</v>
      </c>
      <c r="F9650">
        <v>4</v>
      </c>
      <c r="G9650" t="s">
        <v>14</v>
      </c>
      <c r="H9650" t="s">
        <v>22126</v>
      </c>
      <c r="I9650" t="s">
        <v>30540</v>
      </c>
    </row>
    <row r="9651" spans="1:9">
      <c r="A9651" s="1">
        <v>0.92251944817789455</v>
      </c>
      <c r="B9651" s="1"/>
      <c r="C9651">
        <v>4</v>
      </c>
      <c r="D9651" t="s">
        <v>22121</v>
      </c>
      <c r="E9651" t="s">
        <v>33669</v>
      </c>
      <c r="F9651">
        <v>4</v>
      </c>
      <c r="G9651" t="s">
        <v>2</v>
      </c>
      <c r="H9651" t="s">
        <v>22122</v>
      </c>
      <c r="I9651" t="s">
        <v>30540</v>
      </c>
    </row>
    <row r="9652" spans="1:9">
      <c r="A9652" s="1">
        <v>0.11092458399062821</v>
      </c>
      <c r="B9652" s="1"/>
      <c r="C9652">
        <v>15</v>
      </c>
      <c r="D9652" t="s">
        <v>22127</v>
      </c>
      <c r="E9652" t="s">
        <v>33669</v>
      </c>
      <c r="F9652">
        <v>4</v>
      </c>
      <c r="G9652" t="s">
        <v>14</v>
      </c>
      <c r="H9652" t="s">
        <v>22128</v>
      </c>
      <c r="I9652" t="s">
        <v>30540</v>
      </c>
    </row>
    <row r="9653" spans="1:9">
      <c r="A9653" s="1">
        <v>0.29150138155888228</v>
      </c>
      <c r="B9653" s="1"/>
      <c r="C9653">
        <v>16</v>
      </c>
      <c r="D9653" t="s">
        <v>22129</v>
      </c>
      <c r="E9653" t="s">
        <v>33669</v>
      </c>
      <c r="F9653">
        <v>3</v>
      </c>
      <c r="G9653" t="s">
        <v>0</v>
      </c>
      <c r="H9653" t="s">
        <v>22130</v>
      </c>
      <c r="I9653" t="s">
        <v>30540</v>
      </c>
    </row>
    <row r="9654" spans="1:9">
      <c r="A9654" s="1">
        <v>0.86893908122721886</v>
      </c>
      <c r="B9654" s="1"/>
      <c r="C9654">
        <v>9</v>
      </c>
      <c r="D9654" t="s">
        <v>22123</v>
      </c>
      <c r="E9654" t="s">
        <v>33669</v>
      </c>
      <c r="F9654">
        <v>3</v>
      </c>
      <c r="G9654" t="s">
        <v>14</v>
      </c>
      <c r="H9654" t="s">
        <v>22124</v>
      </c>
      <c r="I9654" t="s">
        <v>30540</v>
      </c>
    </row>
    <row r="9655" spans="1:9">
      <c r="A9655" s="1">
        <v>2.792923905762934E-2</v>
      </c>
      <c r="B9655" s="1"/>
      <c r="C9655">
        <v>2</v>
      </c>
      <c r="D9655" t="s">
        <v>22111</v>
      </c>
      <c r="E9655" t="s">
        <v>33670</v>
      </c>
      <c r="F9655">
        <v>4</v>
      </c>
      <c r="G9655" t="s">
        <v>10</v>
      </c>
      <c r="H9655" t="s">
        <v>22112</v>
      </c>
      <c r="I9655" t="s">
        <v>30540</v>
      </c>
    </row>
    <row r="9656" spans="1:9">
      <c r="A9656" s="1">
        <v>0.14050339668595446</v>
      </c>
      <c r="B9656" s="1"/>
      <c r="C9656">
        <v>13</v>
      </c>
      <c r="D9656" t="s">
        <v>22115</v>
      </c>
      <c r="E9656" t="s">
        <v>33670</v>
      </c>
      <c r="F9656">
        <v>4</v>
      </c>
      <c r="G9656" t="s">
        <v>14</v>
      </c>
      <c r="H9656" t="s">
        <v>22116</v>
      </c>
      <c r="I9656" t="s">
        <v>30540</v>
      </c>
    </row>
    <row r="9657" spans="1:9">
      <c r="A9657" s="1">
        <v>0.77225623066971127</v>
      </c>
      <c r="B9657" s="1"/>
      <c r="C9657">
        <v>14</v>
      </c>
      <c r="D9657" t="s">
        <v>22117</v>
      </c>
      <c r="E9657" t="s">
        <v>33670</v>
      </c>
      <c r="F9657">
        <v>4</v>
      </c>
      <c r="G9657" t="s">
        <v>1295</v>
      </c>
      <c r="H9657" t="s">
        <v>22118</v>
      </c>
      <c r="I9657" t="s">
        <v>30540</v>
      </c>
    </row>
    <row r="9658" spans="1:9">
      <c r="A9658" s="1">
        <v>0.89252940588912999</v>
      </c>
      <c r="B9658" s="1"/>
      <c r="C9658">
        <v>20</v>
      </c>
      <c r="D9658" t="s">
        <v>22119</v>
      </c>
      <c r="E9658" t="s">
        <v>33670</v>
      </c>
      <c r="F9658">
        <v>4</v>
      </c>
      <c r="G9658" t="s">
        <v>771</v>
      </c>
      <c r="H9658" t="s">
        <v>22120</v>
      </c>
      <c r="I9658" t="s">
        <v>30540</v>
      </c>
    </row>
    <row r="9659" spans="1:9">
      <c r="A9659" s="1">
        <v>0.60048693645788742</v>
      </c>
      <c r="B9659" s="1"/>
      <c r="C9659">
        <v>4</v>
      </c>
      <c r="D9659" t="s">
        <v>22113</v>
      </c>
      <c r="E9659" t="s">
        <v>33670</v>
      </c>
      <c r="F9659">
        <v>3</v>
      </c>
      <c r="G9659" t="s">
        <v>3732</v>
      </c>
      <c r="H9659" t="s">
        <v>22114</v>
      </c>
      <c r="I9659" t="s">
        <v>30540</v>
      </c>
    </row>
    <row r="9660" spans="1:9">
      <c r="A9660" s="1">
        <v>0.47137033768209102</v>
      </c>
      <c r="B9660" s="1"/>
      <c r="C9660">
        <v>13</v>
      </c>
      <c r="D9660" t="s">
        <v>22109</v>
      </c>
      <c r="E9660" t="s">
        <v>33671</v>
      </c>
      <c r="F9660">
        <v>5</v>
      </c>
      <c r="G9660" t="s">
        <v>14</v>
      </c>
      <c r="H9660" t="s">
        <v>22110</v>
      </c>
      <c r="I9660" t="s">
        <v>30540</v>
      </c>
    </row>
    <row r="9661" spans="1:9">
      <c r="A9661" s="1">
        <v>0.8426156563479319</v>
      </c>
      <c r="B9661" s="1"/>
      <c r="C9661">
        <v>9</v>
      </c>
      <c r="D9661" t="s">
        <v>22107</v>
      </c>
      <c r="E9661" t="s">
        <v>33671</v>
      </c>
      <c r="F9661">
        <v>4</v>
      </c>
      <c r="G9661" t="s">
        <v>14</v>
      </c>
      <c r="H9661" t="s">
        <v>22108</v>
      </c>
      <c r="I9661" t="s">
        <v>30540</v>
      </c>
    </row>
    <row r="9662" spans="1:9">
      <c r="A9662" s="1">
        <v>0.77283210991967066</v>
      </c>
      <c r="B9662" s="1"/>
      <c r="C9662">
        <v>8</v>
      </c>
      <c r="D9662" t="s">
        <v>22105</v>
      </c>
      <c r="E9662" t="s">
        <v>33671</v>
      </c>
      <c r="F9662">
        <v>4</v>
      </c>
      <c r="G9662" t="s">
        <v>13</v>
      </c>
      <c r="H9662" t="s">
        <v>22106</v>
      </c>
      <c r="I9662" t="s">
        <v>30540</v>
      </c>
    </row>
    <row r="9663" spans="1:9">
      <c r="A9663" s="1">
        <v>0.91042731158081469</v>
      </c>
      <c r="B9663" s="1"/>
      <c r="C9663">
        <v>7</v>
      </c>
      <c r="D9663" t="s">
        <v>22099</v>
      </c>
      <c r="E9663" t="s">
        <v>33672</v>
      </c>
      <c r="F9663">
        <v>4</v>
      </c>
      <c r="G9663" t="s">
        <v>0</v>
      </c>
      <c r="H9663" t="s">
        <v>22100</v>
      </c>
      <c r="I9663" t="s">
        <v>30540</v>
      </c>
    </row>
    <row r="9664" spans="1:9">
      <c r="A9664" s="1">
        <v>0.50233194652241897</v>
      </c>
      <c r="B9664" s="1"/>
      <c r="C9664">
        <v>14</v>
      </c>
      <c r="D9664" t="s">
        <v>22101</v>
      </c>
      <c r="E9664" t="s">
        <v>33672</v>
      </c>
      <c r="F9664">
        <v>3</v>
      </c>
      <c r="G9664" t="s">
        <v>14</v>
      </c>
      <c r="H9664" t="s">
        <v>22102</v>
      </c>
      <c r="I9664" t="s">
        <v>30540</v>
      </c>
    </row>
    <row r="9665" spans="1:9">
      <c r="A9665" s="1">
        <v>0.23561598572122955</v>
      </c>
      <c r="B9665" s="1"/>
      <c r="C9665">
        <v>13</v>
      </c>
      <c r="D9665" t="s">
        <v>22097</v>
      </c>
      <c r="E9665" t="s">
        <v>33673</v>
      </c>
      <c r="F9665">
        <v>3</v>
      </c>
      <c r="G9665" t="s">
        <v>14</v>
      </c>
      <c r="H9665" t="s">
        <v>22098</v>
      </c>
      <c r="I9665" t="s">
        <v>30540</v>
      </c>
    </row>
    <row r="9666" spans="1:9">
      <c r="A9666" s="1">
        <v>0.60666088824110909</v>
      </c>
      <c r="B9666" s="1"/>
      <c r="C9666">
        <v>13</v>
      </c>
      <c r="D9666" t="s">
        <v>22095</v>
      </c>
      <c r="E9666" t="s">
        <v>33674</v>
      </c>
      <c r="F9666">
        <v>5</v>
      </c>
      <c r="G9666" t="s">
        <v>14</v>
      </c>
      <c r="H9666" t="s">
        <v>22096</v>
      </c>
      <c r="I9666" t="s">
        <v>30540</v>
      </c>
    </row>
    <row r="9667" spans="1:9">
      <c r="A9667" s="1">
        <v>0.58444449836273871</v>
      </c>
      <c r="B9667" s="1"/>
      <c r="C9667">
        <v>5</v>
      </c>
      <c r="D9667" t="s">
        <v>22093</v>
      </c>
      <c r="E9667" t="s">
        <v>33674</v>
      </c>
      <c r="F9667">
        <v>4</v>
      </c>
      <c r="G9667" t="s">
        <v>9</v>
      </c>
      <c r="H9667" t="s">
        <v>22094</v>
      </c>
      <c r="I9667" t="s">
        <v>30540</v>
      </c>
    </row>
    <row r="9668" spans="1:9">
      <c r="A9668" s="1">
        <v>0.28850070030459107</v>
      </c>
      <c r="B9668" s="1"/>
      <c r="C9668">
        <v>1</v>
      </c>
      <c r="D9668" t="s">
        <v>22085</v>
      </c>
      <c r="E9668" t="s">
        <v>33675</v>
      </c>
      <c r="F9668">
        <v>4</v>
      </c>
      <c r="G9668" t="s">
        <v>13</v>
      </c>
      <c r="H9668" t="s">
        <v>22086</v>
      </c>
      <c r="I9668" t="s">
        <v>30540</v>
      </c>
    </row>
    <row r="9669" spans="1:9">
      <c r="A9669" s="1">
        <v>6.8992982058582175E-2</v>
      </c>
      <c r="B9669" s="1"/>
      <c r="C9669">
        <v>17</v>
      </c>
      <c r="D9669" t="s">
        <v>22087</v>
      </c>
      <c r="E9669" t="s">
        <v>33675</v>
      </c>
      <c r="F9669">
        <v>4</v>
      </c>
      <c r="G9669" t="s">
        <v>10</v>
      </c>
      <c r="H9669" t="s">
        <v>22088</v>
      </c>
      <c r="I9669" t="s">
        <v>30540</v>
      </c>
    </row>
    <row r="9670" spans="1:9">
      <c r="A9670" s="1">
        <v>0.9305780347719752</v>
      </c>
      <c r="B9670" s="1"/>
      <c r="C9670">
        <v>20</v>
      </c>
      <c r="D9670" t="s">
        <v>22089</v>
      </c>
      <c r="E9670" t="s">
        <v>33675</v>
      </c>
      <c r="F9670">
        <v>3</v>
      </c>
      <c r="G9670" t="s">
        <v>10</v>
      </c>
      <c r="H9670" t="s">
        <v>22090</v>
      </c>
      <c r="I9670" t="s">
        <v>30540</v>
      </c>
    </row>
    <row r="9671" spans="1:9">
      <c r="A9671" s="1">
        <v>0.9743111897049771</v>
      </c>
      <c r="B9671" s="1"/>
      <c r="C9671">
        <v>9</v>
      </c>
      <c r="D9671" t="s">
        <v>22083</v>
      </c>
      <c r="E9671" t="s">
        <v>33676</v>
      </c>
      <c r="F9671">
        <v>4</v>
      </c>
      <c r="G9671" t="s">
        <v>14</v>
      </c>
      <c r="H9671" t="s">
        <v>22084</v>
      </c>
      <c r="I9671" t="s">
        <v>30540</v>
      </c>
    </row>
    <row r="9672" spans="1:9">
      <c r="A9672" s="1">
        <v>0.40236031005044515</v>
      </c>
      <c r="B9672" s="1"/>
      <c r="C9672">
        <v>11</v>
      </c>
      <c r="D9672" t="s">
        <v>22079</v>
      </c>
      <c r="E9672" t="s">
        <v>33677</v>
      </c>
      <c r="F9672">
        <v>4</v>
      </c>
      <c r="G9672" t="s">
        <v>14</v>
      </c>
      <c r="H9672" t="s">
        <v>22080</v>
      </c>
      <c r="I9672" t="s">
        <v>30540</v>
      </c>
    </row>
    <row r="9673" spans="1:9">
      <c r="A9673" s="1">
        <v>0.47371531545722001</v>
      </c>
      <c r="B9673" s="1"/>
      <c r="C9673">
        <v>3</v>
      </c>
      <c r="D9673" t="s">
        <v>22071</v>
      </c>
      <c r="E9673" t="s">
        <v>33677</v>
      </c>
      <c r="F9673">
        <v>4</v>
      </c>
      <c r="G9673" t="s">
        <v>9</v>
      </c>
      <c r="H9673" t="s">
        <v>22072</v>
      </c>
      <c r="I9673" t="s">
        <v>30540</v>
      </c>
    </row>
    <row r="9674" spans="1:9">
      <c r="A9674" s="1">
        <v>0.86630945852458741</v>
      </c>
      <c r="B9674" s="1"/>
      <c r="C9674">
        <v>5</v>
      </c>
      <c r="D9674" t="s">
        <v>22075</v>
      </c>
      <c r="E9674" t="s">
        <v>33677</v>
      </c>
      <c r="F9674">
        <v>3</v>
      </c>
      <c r="G9674" t="s">
        <v>14</v>
      </c>
      <c r="H9674" t="s">
        <v>22076</v>
      </c>
      <c r="I9674" t="s">
        <v>30540</v>
      </c>
    </row>
    <row r="9675" spans="1:9">
      <c r="A9675" s="1">
        <v>0.73776701537002665</v>
      </c>
      <c r="B9675" s="1"/>
      <c r="C9675">
        <v>12</v>
      </c>
      <c r="D9675" t="s">
        <v>22067</v>
      </c>
      <c r="E9675" t="s">
        <v>33678</v>
      </c>
      <c r="F9675">
        <v>5</v>
      </c>
      <c r="G9675" t="s">
        <v>14</v>
      </c>
      <c r="H9675" t="s">
        <v>22068</v>
      </c>
      <c r="I9675" t="s">
        <v>30540</v>
      </c>
    </row>
    <row r="9676" spans="1:9">
      <c r="A9676" s="1">
        <v>0.8413721016250002</v>
      </c>
      <c r="B9676" s="1"/>
      <c r="C9676">
        <v>9</v>
      </c>
      <c r="D9676" t="s">
        <v>22063</v>
      </c>
      <c r="E9676" t="s">
        <v>33678</v>
      </c>
      <c r="F9676">
        <v>4</v>
      </c>
      <c r="G9676" t="s">
        <v>14</v>
      </c>
      <c r="H9676" t="s">
        <v>22064</v>
      </c>
      <c r="I9676" t="s">
        <v>30540</v>
      </c>
    </row>
    <row r="9677" spans="1:9">
      <c r="A9677" s="1">
        <v>0.77853131145588184</v>
      </c>
      <c r="B9677" s="1"/>
      <c r="C9677">
        <v>11</v>
      </c>
      <c r="D9677" t="s">
        <v>22065</v>
      </c>
      <c r="E9677" t="s">
        <v>33678</v>
      </c>
      <c r="F9677">
        <v>4</v>
      </c>
      <c r="G9677" t="s">
        <v>14</v>
      </c>
      <c r="H9677" t="s">
        <v>22066</v>
      </c>
      <c r="I9677" t="s">
        <v>30540</v>
      </c>
    </row>
    <row r="9678" spans="1:9">
      <c r="A9678" s="1">
        <v>0.53461403846983502</v>
      </c>
      <c r="B9678" s="1"/>
      <c r="C9678">
        <v>3</v>
      </c>
      <c r="D9678" t="s">
        <v>22061</v>
      </c>
      <c r="E9678" t="s">
        <v>33678</v>
      </c>
      <c r="F9678">
        <v>4</v>
      </c>
      <c r="G9678" t="s">
        <v>9</v>
      </c>
      <c r="H9678" t="s">
        <v>22062</v>
      </c>
      <c r="I9678" t="s">
        <v>30540</v>
      </c>
    </row>
    <row r="9679" spans="1:9">
      <c r="A9679" s="1">
        <v>0.88822070363595118</v>
      </c>
      <c r="B9679" s="1"/>
      <c r="C9679">
        <v>14</v>
      </c>
      <c r="D9679" t="s">
        <v>22069</v>
      </c>
      <c r="E9679" t="s">
        <v>33678</v>
      </c>
      <c r="F9679">
        <v>4</v>
      </c>
      <c r="G9679" t="s">
        <v>14</v>
      </c>
      <c r="H9679" t="s">
        <v>22070</v>
      </c>
      <c r="I9679" t="s">
        <v>30540</v>
      </c>
    </row>
    <row r="9680" spans="1:9">
      <c r="A9680" s="1">
        <v>0.22504298652537791</v>
      </c>
      <c r="B9680" s="1"/>
      <c r="C9680">
        <v>11</v>
      </c>
      <c r="D9680" t="s">
        <v>22051</v>
      </c>
      <c r="E9680" t="s">
        <v>33679</v>
      </c>
      <c r="F9680">
        <v>5</v>
      </c>
      <c r="G9680" t="s">
        <v>14</v>
      </c>
      <c r="H9680" t="s">
        <v>22052</v>
      </c>
      <c r="I9680" t="s">
        <v>30540</v>
      </c>
    </row>
    <row r="9681" spans="1:9">
      <c r="A9681" s="1">
        <v>0.96756227566891617</v>
      </c>
      <c r="B9681" s="1"/>
      <c r="C9681">
        <v>13</v>
      </c>
      <c r="D9681" t="s">
        <v>22055</v>
      </c>
      <c r="E9681" t="s">
        <v>33679</v>
      </c>
      <c r="F9681">
        <v>4</v>
      </c>
      <c r="G9681" t="s">
        <v>14</v>
      </c>
      <c r="H9681" t="s">
        <v>22056</v>
      </c>
      <c r="I9681" t="s">
        <v>30540</v>
      </c>
    </row>
    <row r="9682" spans="1:9">
      <c r="A9682" s="1">
        <v>0.3901520534185573</v>
      </c>
      <c r="B9682" s="1"/>
      <c r="C9682">
        <v>16</v>
      </c>
      <c r="D9682" t="s">
        <v>22059</v>
      </c>
      <c r="E9682" t="s">
        <v>33679</v>
      </c>
      <c r="F9682">
        <v>4</v>
      </c>
      <c r="G9682" t="s">
        <v>14</v>
      </c>
      <c r="H9682" t="s">
        <v>22060</v>
      </c>
      <c r="I9682" t="s">
        <v>30540</v>
      </c>
    </row>
    <row r="9683" spans="1:9">
      <c r="A9683" s="1">
        <v>0.35931043083556657</v>
      </c>
      <c r="B9683" s="1"/>
      <c r="C9683">
        <v>15</v>
      </c>
      <c r="D9683" t="s">
        <v>22057</v>
      </c>
      <c r="E9683" t="s">
        <v>33679</v>
      </c>
      <c r="F9683">
        <v>4</v>
      </c>
      <c r="G9683" t="s">
        <v>1</v>
      </c>
      <c r="H9683" t="s">
        <v>22058</v>
      </c>
      <c r="I9683" t="s">
        <v>30540</v>
      </c>
    </row>
    <row r="9684" spans="1:9">
      <c r="A9684" s="1">
        <v>0.19300924620845306</v>
      </c>
      <c r="B9684" s="1"/>
      <c r="C9684">
        <v>12</v>
      </c>
      <c r="D9684" t="s">
        <v>22053</v>
      </c>
      <c r="E9684" t="s">
        <v>33679</v>
      </c>
      <c r="F9684">
        <v>4</v>
      </c>
      <c r="G9684" t="s">
        <v>0</v>
      </c>
      <c r="H9684" t="s">
        <v>22054</v>
      </c>
      <c r="I9684" t="s">
        <v>30540</v>
      </c>
    </row>
    <row r="9685" spans="1:9">
      <c r="A9685" s="1">
        <v>0.6141073357180219</v>
      </c>
      <c r="B9685" s="1"/>
      <c r="C9685">
        <v>15</v>
      </c>
      <c r="D9685" t="s">
        <v>22045</v>
      </c>
      <c r="E9685" t="s">
        <v>33680</v>
      </c>
      <c r="F9685">
        <v>5</v>
      </c>
      <c r="G9685" t="s">
        <v>14</v>
      </c>
      <c r="H9685" t="s">
        <v>22046</v>
      </c>
      <c r="I9685" t="s">
        <v>30540</v>
      </c>
    </row>
    <row r="9686" spans="1:9">
      <c r="A9686" s="1">
        <v>0.5703868174407577</v>
      </c>
      <c r="B9686" s="1"/>
      <c r="C9686">
        <v>17</v>
      </c>
      <c r="D9686" t="s">
        <v>22049</v>
      </c>
      <c r="E9686" t="s">
        <v>33680</v>
      </c>
      <c r="F9686">
        <v>4</v>
      </c>
      <c r="G9686" t="s">
        <v>771</v>
      </c>
      <c r="H9686" t="s">
        <v>22050</v>
      </c>
      <c r="I9686" t="s">
        <v>30540</v>
      </c>
    </row>
    <row r="9687" spans="1:9">
      <c r="A9687" s="1">
        <v>0.57901876257199736</v>
      </c>
      <c r="B9687" s="1"/>
      <c r="C9687">
        <v>8</v>
      </c>
      <c r="D9687" t="s">
        <v>22041</v>
      </c>
      <c r="E9687" t="s">
        <v>33680</v>
      </c>
      <c r="F9687">
        <v>4</v>
      </c>
      <c r="G9687" t="s">
        <v>10</v>
      </c>
      <c r="H9687" t="s">
        <v>22042</v>
      </c>
      <c r="I9687" t="s">
        <v>30540</v>
      </c>
    </row>
    <row r="9688" spans="1:9">
      <c r="A9688" s="1">
        <v>0.16251772841082968</v>
      </c>
      <c r="B9688" s="1"/>
      <c r="C9688">
        <v>16</v>
      </c>
      <c r="D9688" t="s">
        <v>22047</v>
      </c>
      <c r="E9688" t="s">
        <v>33680</v>
      </c>
      <c r="F9688">
        <v>4</v>
      </c>
      <c r="G9688" t="s">
        <v>15</v>
      </c>
      <c r="H9688" t="s">
        <v>22048</v>
      </c>
      <c r="I9688" t="s">
        <v>30540</v>
      </c>
    </row>
    <row r="9689" spans="1:9">
      <c r="A9689" s="1">
        <v>0.91211496602011011</v>
      </c>
      <c r="B9689" s="1"/>
      <c r="C9689">
        <v>1</v>
      </c>
      <c r="D9689" t="s">
        <v>22035</v>
      </c>
      <c r="E9689" t="s">
        <v>33681</v>
      </c>
      <c r="F9689">
        <v>4</v>
      </c>
      <c r="G9689" t="s">
        <v>2</v>
      </c>
      <c r="H9689" t="s">
        <v>22036</v>
      </c>
      <c r="I9689" t="s">
        <v>30540</v>
      </c>
    </row>
    <row r="9690" spans="1:9">
      <c r="A9690" s="1">
        <v>0.13972880945701527</v>
      </c>
      <c r="B9690" s="1"/>
      <c r="C9690">
        <v>8</v>
      </c>
      <c r="D9690" t="s">
        <v>22031</v>
      </c>
      <c r="E9690" t="s">
        <v>33682</v>
      </c>
      <c r="F9690">
        <v>4</v>
      </c>
      <c r="G9690" t="s">
        <v>14</v>
      </c>
      <c r="H9690" t="s">
        <v>22032</v>
      </c>
      <c r="I9690" t="s">
        <v>30540</v>
      </c>
    </row>
    <row r="9691" spans="1:9">
      <c r="A9691" s="1">
        <v>0.43177346962604657</v>
      </c>
      <c r="B9691" s="1"/>
      <c r="C9691">
        <v>11</v>
      </c>
      <c r="D9691" t="s">
        <v>22033</v>
      </c>
      <c r="E9691" t="s">
        <v>33682</v>
      </c>
      <c r="F9691">
        <v>4</v>
      </c>
      <c r="G9691" t="s">
        <v>14</v>
      </c>
      <c r="H9691" t="s">
        <v>22034</v>
      </c>
      <c r="I9691" t="s">
        <v>30540</v>
      </c>
    </row>
    <row r="9692" spans="1:9">
      <c r="A9692" s="1">
        <v>0.42930429222156385</v>
      </c>
      <c r="B9692" s="1"/>
      <c r="C9692">
        <v>10</v>
      </c>
      <c r="D9692" t="s">
        <v>22029</v>
      </c>
      <c r="E9692" t="s">
        <v>33683</v>
      </c>
      <c r="F9692">
        <v>4</v>
      </c>
      <c r="G9692" t="s">
        <v>10</v>
      </c>
      <c r="H9692" t="s">
        <v>22030</v>
      </c>
      <c r="I9692" t="s">
        <v>30540</v>
      </c>
    </row>
    <row r="9693" spans="1:9">
      <c r="A9693" s="1">
        <v>0.36531645574007476</v>
      </c>
      <c r="B9693" s="1"/>
      <c r="C9693">
        <v>7</v>
      </c>
      <c r="D9693" t="s">
        <v>22027</v>
      </c>
      <c r="E9693" t="s">
        <v>33683</v>
      </c>
      <c r="F9693">
        <v>4</v>
      </c>
      <c r="G9693" t="s">
        <v>10</v>
      </c>
      <c r="H9693" t="s">
        <v>22028</v>
      </c>
      <c r="I9693" t="s">
        <v>30540</v>
      </c>
    </row>
    <row r="9694" spans="1:9">
      <c r="A9694" s="1">
        <v>0.36951111773057355</v>
      </c>
      <c r="B9694" s="1"/>
      <c r="C9694">
        <v>11</v>
      </c>
      <c r="D9694" t="s">
        <v>22023</v>
      </c>
      <c r="E9694" t="s">
        <v>33684</v>
      </c>
      <c r="F9694">
        <v>4</v>
      </c>
      <c r="G9694" t="s">
        <v>0</v>
      </c>
      <c r="H9694" t="s">
        <v>22024</v>
      </c>
      <c r="I9694" t="s">
        <v>30540</v>
      </c>
    </row>
    <row r="9695" spans="1:9">
      <c r="A9695" s="1">
        <v>0.25057904565564804</v>
      </c>
      <c r="B9695" s="1"/>
      <c r="C9695">
        <v>13</v>
      </c>
      <c r="D9695" t="s">
        <v>22025</v>
      </c>
      <c r="E9695" t="s">
        <v>33684</v>
      </c>
      <c r="F9695">
        <v>4</v>
      </c>
      <c r="G9695" t="s">
        <v>10</v>
      </c>
      <c r="H9695" t="s">
        <v>22026</v>
      </c>
      <c r="I9695" t="s">
        <v>30540</v>
      </c>
    </row>
    <row r="9696" spans="1:9">
      <c r="A9696" s="1">
        <v>0.48800898180737518</v>
      </c>
      <c r="B9696" s="1"/>
      <c r="C9696">
        <v>2</v>
      </c>
      <c r="D9696" t="s">
        <v>22021</v>
      </c>
      <c r="E9696" t="s">
        <v>33684</v>
      </c>
      <c r="F9696">
        <v>4</v>
      </c>
      <c r="G9696" t="s">
        <v>10</v>
      </c>
      <c r="H9696" t="s">
        <v>22022</v>
      </c>
      <c r="I9696" t="s">
        <v>30540</v>
      </c>
    </row>
    <row r="9697" spans="1:9">
      <c r="A9697" s="1">
        <v>8.791904687318608E-2</v>
      </c>
      <c r="B9697" s="1"/>
      <c r="C9697">
        <v>7</v>
      </c>
      <c r="D9697" t="s">
        <v>22015</v>
      </c>
      <c r="E9697" t="s">
        <v>33685</v>
      </c>
      <c r="F9697">
        <v>5</v>
      </c>
      <c r="G9697" t="s">
        <v>15</v>
      </c>
      <c r="H9697" t="s">
        <v>22016</v>
      </c>
      <c r="I9697" t="s">
        <v>30540</v>
      </c>
    </row>
    <row r="9698" spans="1:9">
      <c r="A9698" s="1">
        <v>0.25726445334731396</v>
      </c>
      <c r="B9698" s="1"/>
      <c r="C9698">
        <v>6</v>
      </c>
      <c r="D9698" t="s">
        <v>22013</v>
      </c>
      <c r="E9698" t="s">
        <v>33685</v>
      </c>
      <c r="F9698">
        <v>4</v>
      </c>
      <c r="G9698" t="s">
        <v>9</v>
      </c>
      <c r="H9698" t="s">
        <v>22014</v>
      </c>
      <c r="I9698" t="s">
        <v>30540</v>
      </c>
    </row>
    <row r="9699" spans="1:9">
      <c r="A9699" s="1">
        <v>0.76132442208549223</v>
      </c>
      <c r="B9699" s="1"/>
      <c r="C9699">
        <v>1</v>
      </c>
      <c r="D9699" t="s">
        <v>22005</v>
      </c>
      <c r="E9699" t="s">
        <v>33686</v>
      </c>
      <c r="F9699">
        <v>5</v>
      </c>
      <c r="G9699" t="s">
        <v>2</v>
      </c>
      <c r="H9699" t="s">
        <v>22006</v>
      </c>
      <c r="I9699" t="s">
        <v>30540</v>
      </c>
    </row>
    <row r="9700" spans="1:9">
      <c r="A9700" s="1">
        <v>0.51466018115073697</v>
      </c>
      <c r="B9700" s="1"/>
      <c r="C9700">
        <v>11</v>
      </c>
      <c r="D9700" t="s">
        <v>22007</v>
      </c>
      <c r="E9700" t="s">
        <v>33686</v>
      </c>
      <c r="F9700">
        <v>5</v>
      </c>
      <c r="G9700" t="s">
        <v>14</v>
      </c>
      <c r="H9700" t="s">
        <v>22008</v>
      </c>
      <c r="I9700" t="s">
        <v>30540</v>
      </c>
    </row>
    <row r="9701" spans="1:9">
      <c r="A9701" s="1">
        <v>0.83424468625295189</v>
      </c>
      <c r="B9701" s="1"/>
      <c r="C9701">
        <v>14</v>
      </c>
      <c r="D9701" t="s">
        <v>22011</v>
      </c>
      <c r="E9701" t="s">
        <v>33686</v>
      </c>
      <c r="F9701">
        <v>3</v>
      </c>
      <c r="G9701" t="s">
        <v>14</v>
      </c>
      <c r="H9701" t="s">
        <v>22012</v>
      </c>
      <c r="I9701" t="s">
        <v>30540</v>
      </c>
    </row>
    <row r="9702" spans="1:9">
      <c r="A9702" s="1">
        <v>0.43849506151808204</v>
      </c>
      <c r="B9702" s="1"/>
      <c r="C9702">
        <v>10</v>
      </c>
      <c r="D9702" t="s">
        <v>22001</v>
      </c>
      <c r="E9702" t="s">
        <v>33687</v>
      </c>
      <c r="F9702">
        <v>5</v>
      </c>
      <c r="G9702" t="s">
        <v>13</v>
      </c>
      <c r="H9702" t="s">
        <v>22002</v>
      </c>
      <c r="I9702" t="s">
        <v>30540</v>
      </c>
    </row>
    <row r="9703" spans="1:9">
      <c r="A9703" s="1">
        <v>0.40755636474784818</v>
      </c>
      <c r="B9703" s="1"/>
      <c r="C9703">
        <v>8</v>
      </c>
      <c r="D9703" t="s">
        <v>21999</v>
      </c>
      <c r="E9703" t="s">
        <v>33687</v>
      </c>
      <c r="F9703">
        <v>4</v>
      </c>
      <c r="G9703" t="s">
        <v>14</v>
      </c>
      <c r="H9703" t="s">
        <v>22000</v>
      </c>
      <c r="I9703" t="s">
        <v>30540</v>
      </c>
    </row>
    <row r="9704" spans="1:9">
      <c r="A9704" s="1">
        <v>0.83205060983793222</v>
      </c>
      <c r="B9704" s="1"/>
      <c r="C9704">
        <v>14</v>
      </c>
      <c r="D9704" t="s">
        <v>22003</v>
      </c>
      <c r="E9704" t="s">
        <v>33687</v>
      </c>
      <c r="F9704">
        <v>4</v>
      </c>
      <c r="G9704" t="s">
        <v>14</v>
      </c>
      <c r="H9704" t="s">
        <v>22004</v>
      </c>
      <c r="I9704" t="s">
        <v>30540</v>
      </c>
    </row>
    <row r="9705" spans="1:9">
      <c r="A9705" s="1">
        <v>0.63421055945980387</v>
      </c>
      <c r="B9705" s="1"/>
      <c r="C9705">
        <v>5</v>
      </c>
      <c r="D9705" t="s">
        <v>21989</v>
      </c>
      <c r="E9705" t="s">
        <v>33688</v>
      </c>
      <c r="F9705">
        <v>5</v>
      </c>
      <c r="G9705" t="s">
        <v>14</v>
      </c>
      <c r="H9705" t="s">
        <v>21990</v>
      </c>
      <c r="I9705" t="s">
        <v>30540</v>
      </c>
    </row>
    <row r="9706" spans="1:9">
      <c r="A9706" s="1">
        <v>0.94154375092068077</v>
      </c>
      <c r="B9706" s="1"/>
      <c r="C9706">
        <v>9</v>
      </c>
      <c r="D9706" t="s">
        <v>21991</v>
      </c>
      <c r="E9706" t="s">
        <v>33688</v>
      </c>
      <c r="F9706">
        <v>4</v>
      </c>
      <c r="G9706" t="s">
        <v>9</v>
      </c>
      <c r="H9706" t="s">
        <v>21992</v>
      </c>
      <c r="I9706" t="s">
        <v>30540</v>
      </c>
    </row>
    <row r="9707" spans="1:9">
      <c r="A9707" s="1">
        <v>0.87239665422820389</v>
      </c>
      <c r="B9707" s="1"/>
      <c r="C9707">
        <v>16</v>
      </c>
      <c r="D9707" t="s">
        <v>21997</v>
      </c>
      <c r="E9707" t="s">
        <v>33688</v>
      </c>
      <c r="F9707">
        <v>4</v>
      </c>
      <c r="G9707" t="s">
        <v>2</v>
      </c>
      <c r="H9707" t="s">
        <v>21998</v>
      </c>
      <c r="I9707" t="s">
        <v>30540</v>
      </c>
    </row>
    <row r="9708" spans="1:9">
      <c r="A9708" s="1">
        <v>0.23151339753258782</v>
      </c>
      <c r="B9708" s="1"/>
      <c r="C9708">
        <v>4</v>
      </c>
      <c r="D9708" t="s">
        <v>21987</v>
      </c>
      <c r="E9708" t="s">
        <v>33688</v>
      </c>
      <c r="F9708">
        <v>4</v>
      </c>
      <c r="G9708" t="s">
        <v>14</v>
      </c>
      <c r="H9708" t="s">
        <v>21988</v>
      </c>
      <c r="I9708" t="s">
        <v>30540</v>
      </c>
    </row>
    <row r="9709" spans="1:9">
      <c r="A9709" s="1">
        <v>0.31507227275880401</v>
      </c>
      <c r="B9709" s="1"/>
      <c r="C9709">
        <v>13</v>
      </c>
      <c r="D9709" t="s">
        <v>21995</v>
      </c>
      <c r="E9709" t="s">
        <v>33688</v>
      </c>
      <c r="F9709">
        <v>4</v>
      </c>
      <c r="G9709" t="s">
        <v>14</v>
      </c>
      <c r="H9709" t="s">
        <v>21996</v>
      </c>
      <c r="I9709" t="s">
        <v>30540</v>
      </c>
    </row>
    <row r="9710" spans="1:9">
      <c r="A9710" s="1">
        <v>0.23872889654152674</v>
      </c>
      <c r="B9710" s="1"/>
      <c r="C9710">
        <v>10</v>
      </c>
      <c r="D9710" t="s">
        <v>21985</v>
      </c>
      <c r="E9710" t="s">
        <v>33689</v>
      </c>
      <c r="F9710">
        <v>4</v>
      </c>
      <c r="G9710" t="s">
        <v>10</v>
      </c>
      <c r="H9710" t="s">
        <v>21986</v>
      </c>
      <c r="I9710" t="s">
        <v>30540</v>
      </c>
    </row>
    <row r="9711" spans="1:9">
      <c r="A9711" s="1">
        <v>0.12317709875714</v>
      </c>
      <c r="B9711" s="1"/>
      <c r="C9711">
        <v>4</v>
      </c>
      <c r="D9711" t="s">
        <v>21983</v>
      </c>
      <c r="E9711" t="s">
        <v>33689</v>
      </c>
      <c r="F9711">
        <v>3</v>
      </c>
      <c r="G9711" t="s">
        <v>10</v>
      </c>
      <c r="H9711" t="s">
        <v>21984</v>
      </c>
      <c r="I9711" t="s">
        <v>30540</v>
      </c>
    </row>
    <row r="9712" spans="1:9">
      <c r="A9712" s="1">
        <v>0.87888821417841179</v>
      </c>
      <c r="B9712" s="1"/>
      <c r="C9712">
        <v>17</v>
      </c>
      <c r="D9712" t="s">
        <v>21979</v>
      </c>
      <c r="E9712" t="s">
        <v>33690</v>
      </c>
      <c r="F9712">
        <v>4</v>
      </c>
      <c r="G9712" t="s">
        <v>10</v>
      </c>
      <c r="H9712" t="s">
        <v>21980</v>
      </c>
      <c r="I9712" t="s">
        <v>30540</v>
      </c>
    </row>
    <row r="9713" spans="1:9">
      <c r="A9713" s="1">
        <v>0.46062234056380891</v>
      </c>
      <c r="B9713" s="1"/>
      <c r="C9713">
        <v>20</v>
      </c>
      <c r="D9713" t="s">
        <v>21981</v>
      </c>
      <c r="E9713" t="s">
        <v>33690</v>
      </c>
      <c r="F9713">
        <v>4</v>
      </c>
      <c r="G9713" t="s">
        <v>762</v>
      </c>
      <c r="H9713" t="s">
        <v>21982</v>
      </c>
      <c r="I9713" t="s">
        <v>30540</v>
      </c>
    </row>
    <row r="9714" spans="1:9">
      <c r="A9714" s="1">
        <v>0.69147613154704546</v>
      </c>
      <c r="B9714" s="1"/>
      <c r="C9714">
        <v>15</v>
      </c>
      <c r="D9714" t="s">
        <v>21977</v>
      </c>
      <c r="E9714" t="s">
        <v>33690</v>
      </c>
      <c r="F9714">
        <v>4</v>
      </c>
      <c r="G9714" t="s">
        <v>10</v>
      </c>
      <c r="H9714" t="s">
        <v>21978</v>
      </c>
      <c r="I9714" t="s">
        <v>30540</v>
      </c>
    </row>
    <row r="9715" spans="1:9">
      <c r="A9715" s="1">
        <v>0.73258342454276504</v>
      </c>
      <c r="B9715" s="1"/>
      <c r="C9715">
        <v>5</v>
      </c>
      <c r="D9715" t="s">
        <v>21975</v>
      </c>
      <c r="E9715" t="s">
        <v>33690</v>
      </c>
      <c r="F9715">
        <v>3</v>
      </c>
      <c r="G9715" t="s">
        <v>2</v>
      </c>
      <c r="H9715" t="s">
        <v>21976</v>
      </c>
      <c r="I9715" t="s">
        <v>30540</v>
      </c>
    </row>
    <row r="9716" spans="1:9">
      <c r="A9716" s="1">
        <v>0.52111056547356005</v>
      </c>
      <c r="B9716" s="1"/>
      <c r="C9716">
        <v>2</v>
      </c>
      <c r="D9716" t="s">
        <v>21973</v>
      </c>
      <c r="E9716" t="s">
        <v>33690</v>
      </c>
      <c r="F9716">
        <v>3</v>
      </c>
      <c r="G9716" t="s">
        <v>9</v>
      </c>
      <c r="H9716" t="s">
        <v>21974</v>
      </c>
      <c r="I9716" t="s">
        <v>30540</v>
      </c>
    </row>
    <row r="9717" spans="1:9">
      <c r="A9717" s="1">
        <v>0.82002575175395009</v>
      </c>
      <c r="B9717" s="1"/>
      <c r="C9717">
        <v>7</v>
      </c>
      <c r="D9717" t="s">
        <v>21971</v>
      </c>
      <c r="E9717" t="s">
        <v>33691</v>
      </c>
      <c r="F9717">
        <v>4</v>
      </c>
      <c r="G9717" t="s">
        <v>14</v>
      </c>
      <c r="H9717" t="s">
        <v>21972</v>
      </c>
      <c r="I9717" t="s">
        <v>30540</v>
      </c>
    </row>
    <row r="9718" spans="1:9">
      <c r="A9718" s="1">
        <v>0.4553331379840202</v>
      </c>
      <c r="B9718" s="1"/>
      <c r="C9718">
        <v>4</v>
      </c>
      <c r="D9718" t="s">
        <v>21967</v>
      </c>
      <c r="E9718" t="s">
        <v>33691</v>
      </c>
      <c r="F9718">
        <v>4</v>
      </c>
      <c r="G9718" t="s">
        <v>9</v>
      </c>
      <c r="H9718" t="s">
        <v>21968</v>
      </c>
      <c r="I9718" t="s">
        <v>30540</v>
      </c>
    </row>
    <row r="9719" spans="1:9">
      <c r="A9719" s="1">
        <v>0.77485644439944745</v>
      </c>
      <c r="B9719" s="1"/>
      <c r="C9719">
        <v>3</v>
      </c>
      <c r="D9719" t="s">
        <v>21965</v>
      </c>
      <c r="E9719" t="s">
        <v>33691</v>
      </c>
      <c r="F9719">
        <v>4</v>
      </c>
      <c r="G9719" t="s">
        <v>9</v>
      </c>
      <c r="H9719" t="s">
        <v>21966</v>
      </c>
      <c r="I9719" t="s">
        <v>30540</v>
      </c>
    </row>
    <row r="9720" spans="1:9">
      <c r="A9720" s="1">
        <v>0.59439857236741322</v>
      </c>
      <c r="B9720" s="1"/>
      <c r="C9720">
        <v>5</v>
      </c>
      <c r="D9720" t="s">
        <v>21969</v>
      </c>
      <c r="E9720" t="s">
        <v>33691</v>
      </c>
      <c r="F9720">
        <v>4</v>
      </c>
      <c r="G9720" t="s">
        <v>14</v>
      </c>
      <c r="H9720" t="s">
        <v>21970</v>
      </c>
      <c r="I9720" t="s">
        <v>30540</v>
      </c>
    </row>
    <row r="9721" spans="1:9">
      <c r="A9721" s="1">
        <v>0.55683509502545459</v>
      </c>
      <c r="B9721" s="1"/>
      <c r="C9721">
        <v>11</v>
      </c>
      <c r="D9721" t="s">
        <v>21961</v>
      </c>
      <c r="E9721" t="s">
        <v>33692</v>
      </c>
      <c r="F9721">
        <v>4</v>
      </c>
      <c r="G9721" t="s">
        <v>14</v>
      </c>
      <c r="H9721" t="s">
        <v>21962</v>
      </c>
      <c r="I9721" t="s">
        <v>30540</v>
      </c>
    </row>
    <row r="9722" spans="1:9">
      <c r="A9722" s="1">
        <v>0.8365865177748979</v>
      </c>
      <c r="B9722" s="1"/>
      <c r="C9722">
        <v>9</v>
      </c>
      <c r="D9722" t="s">
        <v>21959</v>
      </c>
      <c r="E9722" t="s">
        <v>33692</v>
      </c>
      <c r="F9722">
        <v>4</v>
      </c>
      <c r="G9722" t="s">
        <v>14</v>
      </c>
      <c r="H9722" t="s">
        <v>21960</v>
      </c>
      <c r="I9722" t="s">
        <v>30540</v>
      </c>
    </row>
    <row r="9723" spans="1:9">
      <c r="A9723" s="1">
        <v>0.30942725148611949</v>
      </c>
      <c r="B9723" s="1"/>
      <c r="C9723">
        <v>1</v>
      </c>
      <c r="D9723" t="s">
        <v>21957</v>
      </c>
      <c r="E9723" t="s">
        <v>33692</v>
      </c>
      <c r="F9723">
        <v>4</v>
      </c>
      <c r="G9723" t="s">
        <v>2</v>
      </c>
      <c r="H9723" t="s">
        <v>21958</v>
      </c>
      <c r="I9723" t="s">
        <v>30540</v>
      </c>
    </row>
    <row r="9724" spans="1:9">
      <c r="A9724" s="1">
        <v>0.40557172968415756</v>
      </c>
      <c r="B9724" s="1"/>
      <c r="C9724">
        <v>18</v>
      </c>
      <c r="D9724" t="s">
        <v>21963</v>
      </c>
      <c r="E9724" t="s">
        <v>33692</v>
      </c>
      <c r="F9724">
        <v>4</v>
      </c>
      <c r="G9724" t="s">
        <v>1</v>
      </c>
      <c r="H9724" t="s">
        <v>21964</v>
      </c>
      <c r="I9724" t="s">
        <v>30540</v>
      </c>
    </row>
    <row r="9725" spans="1:9">
      <c r="A9725" s="1">
        <v>0.54159830651636076</v>
      </c>
      <c r="B9725" s="1"/>
      <c r="C9725">
        <v>10</v>
      </c>
      <c r="D9725" t="s">
        <v>21953</v>
      </c>
      <c r="E9725" t="s">
        <v>33693</v>
      </c>
      <c r="F9725">
        <v>5</v>
      </c>
      <c r="G9725" t="s">
        <v>14</v>
      </c>
      <c r="H9725" t="s">
        <v>21954</v>
      </c>
      <c r="I9725" t="s">
        <v>30540</v>
      </c>
    </row>
    <row r="9726" spans="1:9">
      <c r="A9726" s="1">
        <v>0.12809495238251101</v>
      </c>
      <c r="B9726" s="1"/>
      <c r="C9726">
        <v>5</v>
      </c>
      <c r="D9726" t="s">
        <v>21951</v>
      </c>
      <c r="E9726" t="s">
        <v>33693</v>
      </c>
      <c r="F9726">
        <v>5</v>
      </c>
      <c r="G9726" t="s">
        <v>14</v>
      </c>
      <c r="H9726" t="s">
        <v>21952</v>
      </c>
      <c r="I9726" t="s">
        <v>30540</v>
      </c>
    </row>
    <row r="9727" spans="1:9">
      <c r="A9727" s="1">
        <v>0.92860200204338506</v>
      </c>
      <c r="B9727" s="1"/>
      <c r="C9727">
        <v>12</v>
      </c>
      <c r="D9727" t="s">
        <v>21955</v>
      </c>
      <c r="E9727" t="s">
        <v>33693</v>
      </c>
      <c r="F9727">
        <v>4</v>
      </c>
      <c r="G9727" t="s">
        <v>14</v>
      </c>
      <c r="H9727" t="s">
        <v>21956</v>
      </c>
      <c r="I9727" t="s">
        <v>30540</v>
      </c>
    </row>
    <row r="9728" spans="1:9">
      <c r="A9728" s="1">
        <v>0.85670636050329307</v>
      </c>
      <c r="B9728" s="1"/>
      <c r="C9728">
        <v>3</v>
      </c>
      <c r="D9728" t="s">
        <v>21945</v>
      </c>
      <c r="E9728" t="s">
        <v>33694</v>
      </c>
      <c r="F9728">
        <v>5</v>
      </c>
      <c r="G9728" t="s">
        <v>13</v>
      </c>
      <c r="H9728" t="s">
        <v>21946</v>
      </c>
      <c r="I9728" t="s">
        <v>30540</v>
      </c>
    </row>
    <row r="9729" spans="1:9">
      <c r="A9729" s="1">
        <v>0.2008980464371426</v>
      </c>
      <c r="B9729" s="1"/>
      <c r="C9729">
        <v>9</v>
      </c>
      <c r="D9729" t="s">
        <v>21947</v>
      </c>
      <c r="E9729" t="s">
        <v>33694</v>
      </c>
      <c r="F9729">
        <v>5</v>
      </c>
      <c r="G9729" t="s">
        <v>14</v>
      </c>
      <c r="H9729" t="s">
        <v>21948</v>
      </c>
      <c r="I9729" t="s">
        <v>30540</v>
      </c>
    </row>
    <row r="9730" spans="1:9">
      <c r="A9730" s="1">
        <v>0.54630330887718226</v>
      </c>
      <c r="B9730" s="1"/>
      <c r="C9730">
        <v>11</v>
      </c>
      <c r="D9730" t="s">
        <v>21949</v>
      </c>
      <c r="E9730" t="s">
        <v>33694</v>
      </c>
      <c r="F9730">
        <v>5</v>
      </c>
      <c r="G9730" t="s">
        <v>14</v>
      </c>
      <c r="H9730" t="s">
        <v>21950</v>
      </c>
      <c r="I9730" t="s">
        <v>30540</v>
      </c>
    </row>
    <row r="9731" spans="1:9">
      <c r="A9731" s="1">
        <v>0.43318814773108261</v>
      </c>
      <c r="B9731" s="1"/>
      <c r="C9731">
        <v>17</v>
      </c>
      <c r="D9731" t="s">
        <v>21941</v>
      </c>
      <c r="E9731" t="s">
        <v>33695</v>
      </c>
      <c r="F9731">
        <v>5</v>
      </c>
      <c r="G9731" t="s">
        <v>10</v>
      </c>
      <c r="H9731" t="s">
        <v>21942</v>
      </c>
      <c r="I9731" t="s">
        <v>30540</v>
      </c>
    </row>
    <row r="9732" spans="1:9">
      <c r="A9732" s="1">
        <v>0.28544483340540494</v>
      </c>
      <c r="B9732" s="1"/>
      <c r="C9732">
        <v>18</v>
      </c>
      <c r="D9732" t="s">
        <v>21943</v>
      </c>
      <c r="E9732" t="s">
        <v>33695</v>
      </c>
      <c r="F9732">
        <v>5</v>
      </c>
      <c r="G9732" t="s">
        <v>13</v>
      </c>
      <c r="H9732" t="s">
        <v>21944</v>
      </c>
      <c r="I9732" t="s">
        <v>30540</v>
      </c>
    </row>
    <row r="9733" spans="1:9">
      <c r="A9733" s="1">
        <v>0.60437862594371516</v>
      </c>
      <c r="B9733" s="1"/>
      <c r="C9733">
        <v>15</v>
      </c>
      <c r="D9733" t="s">
        <v>21939</v>
      </c>
      <c r="E9733" t="s">
        <v>33696</v>
      </c>
      <c r="F9733">
        <v>5</v>
      </c>
      <c r="G9733" t="s">
        <v>14</v>
      </c>
      <c r="H9733" t="s">
        <v>21940</v>
      </c>
      <c r="I9733" t="s">
        <v>30540</v>
      </c>
    </row>
    <row r="9734" spans="1:9">
      <c r="A9734" s="1">
        <v>0.25931677445147583</v>
      </c>
      <c r="B9734" s="1"/>
      <c r="C9734">
        <v>11</v>
      </c>
      <c r="D9734" t="s">
        <v>21937</v>
      </c>
      <c r="E9734" t="s">
        <v>33696</v>
      </c>
      <c r="F9734">
        <v>4</v>
      </c>
      <c r="G9734" t="s">
        <v>14</v>
      </c>
      <c r="H9734" t="s">
        <v>21938</v>
      </c>
      <c r="I9734" t="s">
        <v>30540</v>
      </c>
    </row>
    <row r="9735" spans="1:9">
      <c r="A9735" s="1">
        <v>0.68588203658789149</v>
      </c>
      <c r="B9735" s="1"/>
      <c r="C9735">
        <v>9</v>
      </c>
      <c r="D9735" t="s">
        <v>21935</v>
      </c>
      <c r="E9735" t="s">
        <v>33696</v>
      </c>
      <c r="F9735">
        <v>4</v>
      </c>
      <c r="G9735" t="s">
        <v>14</v>
      </c>
      <c r="H9735" t="s">
        <v>21936</v>
      </c>
      <c r="I9735" t="s">
        <v>30540</v>
      </c>
    </row>
    <row r="9736" spans="1:9">
      <c r="A9736" s="1">
        <v>0.54339072742018757</v>
      </c>
      <c r="B9736" s="1"/>
      <c r="C9736">
        <v>11</v>
      </c>
      <c r="D9736" t="s">
        <v>21927</v>
      </c>
      <c r="E9736" t="s">
        <v>33697</v>
      </c>
      <c r="F9736">
        <v>5</v>
      </c>
      <c r="G9736" t="s">
        <v>14</v>
      </c>
      <c r="H9736" t="s">
        <v>21928</v>
      </c>
      <c r="I9736" t="s">
        <v>30540</v>
      </c>
    </row>
    <row r="9737" spans="1:9">
      <c r="A9737" s="1">
        <v>0.81672303380992373</v>
      </c>
      <c r="B9737" s="1"/>
      <c r="C9737">
        <v>8</v>
      </c>
      <c r="D9737" t="s">
        <v>21925</v>
      </c>
      <c r="E9737" t="s">
        <v>33697</v>
      </c>
      <c r="F9737">
        <v>4</v>
      </c>
      <c r="G9737" t="s">
        <v>9</v>
      </c>
      <c r="H9737" t="s">
        <v>21926</v>
      </c>
      <c r="I9737" t="s">
        <v>30540</v>
      </c>
    </row>
    <row r="9738" spans="1:9">
      <c r="A9738" s="1">
        <v>0.92382724988798492</v>
      </c>
      <c r="B9738" s="1"/>
      <c r="C9738">
        <v>1</v>
      </c>
      <c r="D9738" t="s">
        <v>21921</v>
      </c>
      <c r="E9738" t="s">
        <v>33697</v>
      </c>
      <c r="F9738">
        <v>4</v>
      </c>
      <c r="G9738" t="s">
        <v>2</v>
      </c>
      <c r="H9738" t="s">
        <v>21922</v>
      </c>
      <c r="I9738" t="s">
        <v>30540</v>
      </c>
    </row>
    <row r="9739" spans="1:9">
      <c r="A9739" s="1">
        <v>0.75462445860923333</v>
      </c>
      <c r="B9739" s="1"/>
      <c r="C9739">
        <v>17</v>
      </c>
      <c r="D9739" t="s">
        <v>21933</v>
      </c>
      <c r="E9739" t="s">
        <v>33697</v>
      </c>
      <c r="F9739">
        <v>4</v>
      </c>
      <c r="G9739" t="s">
        <v>14</v>
      </c>
      <c r="H9739" t="s">
        <v>21934</v>
      </c>
      <c r="I9739" t="s">
        <v>30540</v>
      </c>
    </row>
    <row r="9740" spans="1:9">
      <c r="A9740" s="1">
        <v>0.92941754027007939</v>
      </c>
      <c r="B9740" s="1"/>
      <c r="C9740">
        <v>5</v>
      </c>
      <c r="D9740" t="s">
        <v>21923</v>
      </c>
      <c r="E9740" t="s">
        <v>33697</v>
      </c>
      <c r="F9740">
        <v>3</v>
      </c>
      <c r="G9740" t="s">
        <v>14</v>
      </c>
      <c r="H9740" t="s">
        <v>21924</v>
      </c>
      <c r="I9740" t="s">
        <v>30540</v>
      </c>
    </row>
    <row r="9741" spans="1:9">
      <c r="A9741" s="1">
        <v>0.37305453975263747</v>
      </c>
      <c r="B9741" s="1"/>
      <c r="C9741">
        <v>12</v>
      </c>
      <c r="D9741" t="s">
        <v>21929</v>
      </c>
      <c r="E9741" t="s">
        <v>33697</v>
      </c>
      <c r="F9741">
        <v>3</v>
      </c>
      <c r="G9741" t="s">
        <v>0</v>
      </c>
      <c r="H9741" t="s">
        <v>21930</v>
      </c>
      <c r="I9741" t="s">
        <v>30540</v>
      </c>
    </row>
    <row r="9742" spans="1:9">
      <c r="A9742" s="1">
        <v>0.77719563791392932</v>
      </c>
      <c r="B9742" s="1"/>
      <c r="C9742">
        <v>13</v>
      </c>
      <c r="D9742" t="s">
        <v>21931</v>
      </c>
      <c r="E9742" t="s">
        <v>33697</v>
      </c>
      <c r="F9742">
        <v>3</v>
      </c>
      <c r="G9742" t="s">
        <v>13</v>
      </c>
      <c r="H9742" t="s">
        <v>21932</v>
      </c>
      <c r="I9742" t="s">
        <v>30540</v>
      </c>
    </row>
    <row r="9743" spans="1:9">
      <c r="A9743" s="1">
        <v>0.94919497378811846</v>
      </c>
      <c r="B9743" s="1"/>
      <c r="C9743">
        <v>4</v>
      </c>
      <c r="D9743" t="s">
        <v>21915</v>
      </c>
      <c r="E9743" t="s">
        <v>33698</v>
      </c>
      <c r="F9743">
        <v>5</v>
      </c>
      <c r="G9743" t="s">
        <v>14</v>
      </c>
      <c r="H9743" t="s">
        <v>21916</v>
      </c>
      <c r="I9743" t="s">
        <v>30540</v>
      </c>
    </row>
    <row r="9744" spans="1:9">
      <c r="A9744" s="1">
        <v>0.246214559473802</v>
      </c>
      <c r="B9744" s="1"/>
      <c r="C9744">
        <v>13</v>
      </c>
      <c r="D9744" t="s">
        <v>21919</v>
      </c>
      <c r="E9744" t="s">
        <v>33698</v>
      </c>
      <c r="F9744">
        <v>5</v>
      </c>
      <c r="G9744" t="s">
        <v>14</v>
      </c>
      <c r="H9744" t="s">
        <v>21920</v>
      </c>
      <c r="I9744" t="s">
        <v>30540</v>
      </c>
    </row>
    <row r="9745" spans="1:9">
      <c r="A9745" s="1">
        <v>0.18633789395240874</v>
      </c>
      <c r="B9745" s="1"/>
      <c r="C9745">
        <v>5</v>
      </c>
      <c r="D9745" t="s">
        <v>21917</v>
      </c>
      <c r="E9745" t="s">
        <v>33698</v>
      </c>
      <c r="F9745">
        <v>4</v>
      </c>
      <c r="G9745" t="s">
        <v>14</v>
      </c>
      <c r="H9745" t="s">
        <v>21918</v>
      </c>
      <c r="I9745" t="s">
        <v>30540</v>
      </c>
    </row>
    <row r="9746" spans="1:9">
      <c r="A9746" s="1">
        <v>0.86463669065133575</v>
      </c>
      <c r="B9746" s="1"/>
      <c r="C9746">
        <v>1</v>
      </c>
      <c r="D9746" t="s">
        <v>21907</v>
      </c>
      <c r="E9746" t="s">
        <v>33699</v>
      </c>
      <c r="F9746">
        <v>4</v>
      </c>
      <c r="G9746" t="s">
        <v>2</v>
      </c>
      <c r="H9746" t="s">
        <v>21908</v>
      </c>
      <c r="I9746" t="s">
        <v>30540</v>
      </c>
    </row>
    <row r="9747" spans="1:9">
      <c r="A9747" s="1">
        <v>0.17489105760096402</v>
      </c>
      <c r="B9747" s="1"/>
      <c r="C9747">
        <v>12</v>
      </c>
      <c r="D9747" t="s">
        <v>21911</v>
      </c>
      <c r="E9747" t="s">
        <v>33699</v>
      </c>
      <c r="F9747">
        <v>4</v>
      </c>
      <c r="G9747" t="s">
        <v>2</v>
      </c>
      <c r="H9747" t="s">
        <v>21912</v>
      </c>
      <c r="I9747" t="s">
        <v>30540</v>
      </c>
    </row>
    <row r="9748" spans="1:9">
      <c r="A9748" s="1">
        <v>0.25988907816172602</v>
      </c>
      <c r="B9748" s="1"/>
      <c r="C9748">
        <v>5</v>
      </c>
      <c r="D9748" t="s">
        <v>21903</v>
      </c>
      <c r="E9748" t="s">
        <v>33700</v>
      </c>
      <c r="F9748">
        <v>4</v>
      </c>
      <c r="G9748" t="s">
        <v>3732</v>
      </c>
      <c r="H9748" t="s">
        <v>21904</v>
      </c>
      <c r="I9748" t="s">
        <v>30540</v>
      </c>
    </row>
    <row r="9749" spans="1:9">
      <c r="A9749" s="1">
        <v>5.8460677972087538E-2</v>
      </c>
      <c r="B9749" s="1"/>
      <c r="C9749">
        <v>18</v>
      </c>
      <c r="D9749" t="s">
        <v>21905</v>
      </c>
      <c r="E9749" t="s">
        <v>33700</v>
      </c>
      <c r="F9749">
        <v>4</v>
      </c>
      <c r="G9749" t="s">
        <v>10</v>
      </c>
      <c r="H9749" t="s">
        <v>21906</v>
      </c>
      <c r="I9749" t="s">
        <v>30540</v>
      </c>
    </row>
    <row r="9750" spans="1:9">
      <c r="A9750" s="1">
        <v>0.32055154823390986</v>
      </c>
      <c r="B9750" s="1"/>
      <c r="C9750">
        <v>2</v>
      </c>
      <c r="D9750" t="s">
        <v>21901</v>
      </c>
      <c r="E9750" t="s">
        <v>33700</v>
      </c>
      <c r="F9750">
        <v>3</v>
      </c>
      <c r="G9750" t="s">
        <v>10</v>
      </c>
      <c r="H9750" t="s">
        <v>21902</v>
      </c>
      <c r="I9750" t="s">
        <v>30540</v>
      </c>
    </row>
    <row r="9751" spans="1:9">
      <c r="A9751" s="1">
        <v>0.65957480809704161</v>
      </c>
      <c r="B9751" s="1"/>
      <c r="C9751">
        <v>2</v>
      </c>
      <c r="D9751" t="s">
        <v>21893</v>
      </c>
      <c r="E9751" t="s">
        <v>33701</v>
      </c>
      <c r="F9751">
        <v>4</v>
      </c>
      <c r="G9751" t="s">
        <v>2</v>
      </c>
      <c r="H9751" t="s">
        <v>21894</v>
      </c>
      <c r="I9751" t="s">
        <v>30540</v>
      </c>
    </row>
    <row r="9752" spans="1:9">
      <c r="A9752" s="1">
        <v>0.1446850870896772</v>
      </c>
      <c r="B9752" s="1"/>
      <c r="C9752">
        <v>6</v>
      </c>
      <c r="D9752" t="s">
        <v>21897</v>
      </c>
      <c r="E9752" t="s">
        <v>33701</v>
      </c>
      <c r="F9752">
        <v>3</v>
      </c>
      <c r="G9752" t="s">
        <v>14</v>
      </c>
      <c r="H9752" t="s">
        <v>21898</v>
      </c>
      <c r="I9752" t="s">
        <v>30540</v>
      </c>
    </row>
    <row r="9753" spans="1:9">
      <c r="A9753" s="1">
        <v>0.96213026650828559</v>
      </c>
      <c r="B9753" s="1"/>
      <c r="C9753">
        <v>14</v>
      </c>
      <c r="D9753" t="s">
        <v>21899</v>
      </c>
      <c r="E9753" t="s">
        <v>33701</v>
      </c>
      <c r="F9753">
        <v>3</v>
      </c>
      <c r="G9753" t="s">
        <v>14</v>
      </c>
      <c r="H9753" t="s">
        <v>21900</v>
      </c>
      <c r="I9753" t="s">
        <v>30540</v>
      </c>
    </row>
    <row r="9754" spans="1:9">
      <c r="A9754" s="1">
        <v>0.83532989536017421</v>
      </c>
      <c r="B9754" s="1"/>
      <c r="C9754">
        <v>16</v>
      </c>
      <c r="D9754" t="s">
        <v>21891</v>
      </c>
      <c r="E9754" t="s">
        <v>33702</v>
      </c>
      <c r="F9754">
        <v>3</v>
      </c>
      <c r="G9754" t="s">
        <v>14</v>
      </c>
      <c r="H9754" t="s">
        <v>21892</v>
      </c>
      <c r="I9754" t="s">
        <v>30540</v>
      </c>
    </row>
    <row r="9755" spans="1:9">
      <c r="A9755" s="1">
        <v>0.99090771953593249</v>
      </c>
      <c r="B9755" s="1"/>
      <c r="C9755">
        <v>18</v>
      </c>
      <c r="D9755" t="s">
        <v>21887</v>
      </c>
      <c r="E9755" t="s">
        <v>33703</v>
      </c>
      <c r="F9755">
        <v>4</v>
      </c>
      <c r="G9755" t="s">
        <v>14</v>
      </c>
      <c r="H9755" t="s">
        <v>21888</v>
      </c>
      <c r="I9755" t="s">
        <v>30540</v>
      </c>
    </row>
    <row r="9756" spans="1:9">
      <c r="A9756" s="1">
        <v>0.81709766828942687</v>
      </c>
      <c r="B9756" s="1"/>
      <c r="C9756">
        <v>12</v>
      </c>
      <c r="D9756" t="s">
        <v>21881</v>
      </c>
      <c r="E9756" t="s">
        <v>33704</v>
      </c>
      <c r="F9756">
        <v>5</v>
      </c>
      <c r="G9756" t="s">
        <v>10</v>
      </c>
      <c r="H9756" t="s">
        <v>21882</v>
      </c>
      <c r="I9756" t="s">
        <v>30540</v>
      </c>
    </row>
    <row r="9757" spans="1:9">
      <c r="A9757" s="1">
        <v>0.88432762032111423</v>
      </c>
      <c r="B9757" s="1"/>
      <c r="C9757">
        <v>13</v>
      </c>
      <c r="D9757" t="s">
        <v>21883</v>
      </c>
      <c r="E9757" t="s">
        <v>33704</v>
      </c>
      <c r="F9757">
        <v>4</v>
      </c>
      <c r="G9757" t="s">
        <v>10</v>
      </c>
      <c r="H9757" t="s">
        <v>21884</v>
      </c>
      <c r="I9757" t="s">
        <v>30540</v>
      </c>
    </row>
    <row r="9758" spans="1:9">
      <c r="A9758" s="1">
        <v>0.9142934841135425</v>
      </c>
      <c r="B9758" s="1"/>
      <c r="C9758">
        <v>3</v>
      </c>
      <c r="D9758" t="s">
        <v>21879</v>
      </c>
      <c r="E9758" t="s">
        <v>33704</v>
      </c>
      <c r="F9758">
        <v>4</v>
      </c>
      <c r="G9758" t="s">
        <v>0</v>
      </c>
      <c r="H9758" t="s">
        <v>21880</v>
      </c>
      <c r="I9758" t="s">
        <v>30540</v>
      </c>
    </row>
    <row r="9759" spans="1:9">
      <c r="A9759" s="1">
        <v>0.59876617214406291</v>
      </c>
      <c r="B9759" s="1"/>
      <c r="C9759">
        <v>13</v>
      </c>
      <c r="D9759" t="s">
        <v>21875</v>
      </c>
      <c r="E9759" t="s">
        <v>33705</v>
      </c>
      <c r="F9759">
        <v>5</v>
      </c>
      <c r="G9759" t="s">
        <v>2738</v>
      </c>
      <c r="H9759" t="s">
        <v>21876</v>
      </c>
      <c r="I9759" t="s">
        <v>30540</v>
      </c>
    </row>
    <row r="9760" spans="1:9">
      <c r="A9760" s="1">
        <v>0.18957569862822066</v>
      </c>
      <c r="B9760" s="1"/>
      <c r="C9760">
        <v>16</v>
      </c>
      <c r="D9760" t="s">
        <v>21877</v>
      </c>
      <c r="E9760" t="s">
        <v>33705</v>
      </c>
      <c r="F9760">
        <v>5</v>
      </c>
      <c r="G9760" t="s">
        <v>1426</v>
      </c>
      <c r="H9760" t="s">
        <v>21878</v>
      </c>
      <c r="I9760" t="s">
        <v>30540</v>
      </c>
    </row>
    <row r="9761" spans="1:9">
      <c r="A9761" s="1">
        <v>0.16268528729322118</v>
      </c>
      <c r="B9761" s="1"/>
      <c r="C9761">
        <v>1</v>
      </c>
      <c r="D9761" t="s">
        <v>21873</v>
      </c>
      <c r="E9761" t="s">
        <v>33705</v>
      </c>
      <c r="F9761">
        <v>5</v>
      </c>
      <c r="G9761" t="s">
        <v>10</v>
      </c>
      <c r="H9761" t="s">
        <v>21874</v>
      </c>
      <c r="I9761" t="s">
        <v>30540</v>
      </c>
    </row>
    <row r="9762" spans="1:9">
      <c r="A9762" s="1">
        <v>0.89880334722413935</v>
      </c>
      <c r="B9762" s="1"/>
      <c r="C9762">
        <v>13</v>
      </c>
      <c r="D9762" t="s">
        <v>21871</v>
      </c>
      <c r="E9762" t="s">
        <v>33706</v>
      </c>
      <c r="F9762">
        <v>4</v>
      </c>
      <c r="G9762" t="s">
        <v>14</v>
      </c>
      <c r="H9762" t="s">
        <v>21872</v>
      </c>
      <c r="I9762" t="s">
        <v>30540</v>
      </c>
    </row>
    <row r="9763" spans="1:9">
      <c r="A9763" s="1">
        <v>0.11876678368392035</v>
      </c>
      <c r="B9763" s="1"/>
      <c r="C9763">
        <v>12</v>
      </c>
      <c r="D9763" t="s">
        <v>21869</v>
      </c>
      <c r="E9763" t="s">
        <v>33706</v>
      </c>
      <c r="F9763">
        <v>4</v>
      </c>
      <c r="G9763" t="s">
        <v>14</v>
      </c>
      <c r="H9763" t="s">
        <v>21870</v>
      </c>
      <c r="I9763" t="s">
        <v>30540</v>
      </c>
    </row>
    <row r="9764" spans="1:9">
      <c r="A9764" s="1">
        <v>0.8719870536633676</v>
      </c>
      <c r="B9764" s="1"/>
      <c r="C9764">
        <v>13</v>
      </c>
      <c r="D9764" t="s">
        <v>21865</v>
      </c>
      <c r="E9764" t="s">
        <v>33707</v>
      </c>
      <c r="F9764">
        <v>4</v>
      </c>
      <c r="G9764" t="s">
        <v>14</v>
      </c>
      <c r="H9764" t="s">
        <v>21866</v>
      </c>
      <c r="I9764" t="s">
        <v>30540</v>
      </c>
    </row>
    <row r="9765" spans="1:9">
      <c r="A9765" s="1">
        <v>0.77404614314180586</v>
      </c>
      <c r="B9765" s="1"/>
      <c r="C9765">
        <v>11</v>
      </c>
      <c r="D9765" t="s">
        <v>21863</v>
      </c>
      <c r="E9765" t="s">
        <v>33707</v>
      </c>
      <c r="F9765">
        <v>4</v>
      </c>
      <c r="G9765" t="s">
        <v>14</v>
      </c>
      <c r="H9765" t="s">
        <v>21864</v>
      </c>
      <c r="I9765" t="s">
        <v>30540</v>
      </c>
    </row>
    <row r="9766" spans="1:9">
      <c r="A9766" s="1">
        <v>0.9105269721455721</v>
      </c>
      <c r="B9766" s="1"/>
      <c r="C9766">
        <v>9</v>
      </c>
      <c r="D9766" t="s">
        <v>21861</v>
      </c>
      <c r="E9766" t="s">
        <v>33707</v>
      </c>
      <c r="F9766">
        <v>4</v>
      </c>
      <c r="G9766" t="s">
        <v>14</v>
      </c>
      <c r="H9766" t="s">
        <v>21862</v>
      </c>
      <c r="I9766" t="s">
        <v>30540</v>
      </c>
    </row>
    <row r="9767" spans="1:9">
      <c r="A9767" s="1">
        <v>0.18296411167935511</v>
      </c>
      <c r="B9767" s="1"/>
      <c r="C9767">
        <v>2</v>
      </c>
      <c r="D9767" t="s">
        <v>21853</v>
      </c>
      <c r="E9767" t="s">
        <v>33708</v>
      </c>
      <c r="F9767">
        <v>5</v>
      </c>
      <c r="G9767" t="s">
        <v>14</v>
      </c>
      <c r="H9767" t="s">
        <v>21854</v>
      </c>
      <c r="I9767" t="s">
        <v>30540</v>
      </c>
    </row>
    <row r="9768" spans="1:9">
      <c r="A9768" s="1">
        <v>0.66250691345116108</v>
      </c>
      <c r="B9768" s="1"/>
      <c r="C9768">
        <v>13</v>
      </c>
      <c r="D9768" t="s">
        <v>21859</v>
      </c>
      <c r="E9768" t="s">
        <v>33708</v>
      </c>
      <c r="F9768">
        <v>4</v>
      </c>
      <c r="G9768" t="s">
        <v>14</v>
      </c>
      <c r="H9768" t="s">
        <v>21860</v>
      </c>
      <c r="I9768" t="s">
        <v>30540</v>
      </c>
    </row>
    <row r="9769" spans="1:9">
      <c r="A9769" s="1">
        <v>0.27648295766769626</v>
      </c>
      <c r="B9769" s="1"/>
      <c r="C9769">
        <v>5</v>
      </c>
      <c r="D9769" t="s">
        <v>21855</v>
      </c>
      <c r="E9769" t="s">
        <v>33708</v>
      </c>
      <c r="F9769">
        <v>4</v>
      </c>
      <c r="G9769" t="s">
        <v>9</v>
      </c>
      <c r="H9769" t="s">
        <v>21856</v>
      </c>
      <c r="I9769" t="s">
        <v>30540</v>
      </c>
    </row>
    <row r="9770" spans="1:9">
      <c r="A9770" s="1">
        <v>0.9427747386640587</v>
      </c>
      <c r="B9770" s="1"/>
      <c r="C9770">
        <v>14</v>
      </c>
      <c r="D9770" t="s">
        <v>21849</v>
      </c>
      <c r="E9770" t="s">
        <v>33709</v>
      </c>
      <c r="F9770">
        <v>5</v>
      </c>
      <c r="G9770" t="s">
        <v>14</v>
      </c>
      <c r="H9770" t="s">
        <v>21850</v>
      </c>
      <c r="I9770" t="s">
        <v>30540</v>
      </c>
    </row>
    <row r="9771" spans="1:9">
      <c r="A9771" s="1">
        <v>5.8502499209407421E-2</v>
      </c>
      <c r="B9771" s="1"/>
      <c r="C9771">
        <v>7</v>
      </c>
      <c r="D9771" t="s">
        <v>21847</v>
      </c>
      <c r="E9771" t="s">
        <v>33709</v>
      </c>
      <c r="F9771">
        <v>5</v>
      </c>
      <c r="G9771" t="s">
        <v>14</v>
      </c>
      <c r="H9771" t="s">
        <v>21848</v>
      </c>
      <c r="I9771" t="s">
        <v>30540</v>
      </c>
    </row>
    <row r="9772" spans="1:9">
      <c r="A9772" s="1">
        <v>0.69262257278751926</v>
      </c>
      <c r="B9772" s="1"/>
      <c r="C9772">
        <v>6</v>
      </c>
      <c r="D9772" t="s">
        <v>21845</v>
      </c>
      <c r="E9772" t="s">
        <v>33709</v>
      </c>
      <c r="F9772">
        <v>4</v>
      </c>
      <c r="G9772" t="s">
        <v>14</v>
      </c>
      <c r="H9772" t="s">
        <v>21846</v>
      </c>
      <c r="I9772" t="s">
        <v>30540</v>
      </c>
    </row>
    <row r="9773" spans="1:9">
      <c r="A9773" s="1">
        <v>0.32985044379804274</v>
      </c>
      <c r="B9773" s="1"/>
      <c r="C9773">
        <v>3</v>
      </c>
      <c r="D9773" t="s">
        <v>21837</v>
      </c>
      <c r="E9773" t="s">
        <v>33710</v>
      </c>
      <c r="F9773">
        <v>4</v>
      </c>
      <c r="G9773" t="s">
        <v>9</v>
      </c>
      <c r="H9773" t="s">
        <v>21838</v>
      </c>
      <c r="I9773" t="s">
        <v>30540</v>
      </c>
    </row>
    <row r="9774" spans="1:9">
      <c r="A9774" s="1">
        <v>0.8226930386107244</v>
      </c>
      <c r="B9774" s="1"/>
      <c r="C9774">
        <v>10</v>
      </c>
      <c r="D9774" t="s">
        <v>21839</v>
      </c>
      <c r="E9774" t="s">
        <v>33710</v>
      </c>
      <c r="F9774">
        <v>4</v>
      </c>
      <c r="G9774" t="s">
        <v>15</v>
      </c>
      <c r="H9774" t="s">
        <v>21840</v>
      </c>
      <c r="I9774" t="s">
        <v>30540</v>
      </c>
    </row>
    <row r="9775" spans="1:9">
      <c r="A9775" s="1">
        <v>0.95994459426367618</v>
      </c>
      <c r="B9775" s="1"/>
      <c r="C9775">
        <v>2</v>
      </c>
      <c r="D9775" t="s">
        <v>21835</v>
      </c>
      <c r="E9775" t="s">
        <v>33710</v>
      </c>
      <c r="F9775">
        <v>4</v>
      </c>
      <c r="G9775" t="s">
        <v>15</v>
      </c>
      <c r="H9775" t="s">
        <v>21836</v>
      </c>
      <c r="I9775" t="s">
        <v>30540</v>
      </c>
    </row>
    <row r="9776" spans="1:9">
      <c r="A9776" s="1">
        <v>0.98019354275019532</v>
      </c>
      <c r="B9776" s="1"/>
      <c r="C9776">
        <v>18</v>
      </c>
      <c r="D9776" t="s">
        <v>21843</v>
      </c>
      <c r="E9776" t="s">
        <v>33710</v>
      </c>
      <c r="F9776">
        <v>3</v>
      </c>
      <c r="G9776" t="s">
        <v>10</v>
      </c>
      <c r="H9776" t="s">
        <v>21844</v>
      </c>
      <c r="I9776" t="s">
        <v>30540</v>
      </c>
    </row>
    <row r="9777" spans="1:9">
      <c r="A9777" s="1">
        <v>0.14871597798693104</v>
      </c>
      <c r="B9777" s="1"/>
      <c r="C9777">
        <v>1</v>
      </c>
      <c r="D9777" t="s">
        <v>21833</v>
      </c>
      <c r="E9777" t="s">
        <v>33710</v>
      </c>
      <c r="F9777">
        <v>3</v>
      </c>
      <c r="G9777" t="s">
        <v>775</v>
      </c>
      <c r="H9777" t="s">
        <v>21834</v>
      </c>
      <c r="I9777" t="s">
        <v>30540</v>
      </c>
    </row>
    <row r="9778" spans="1:9">
      <c r="A9778" s="1">
        <v>0.20694042386567224</v>
      </c>
      <c r="B9778" s="1"/>
      <c r="C9778">
        <v>12</v>
      </c>
      <c r="D9778" t="s">
        <v>21827</v>
      </c>
      <c r="E9778" t="s">
        <v>33711</v>
      </c>
      <c r="F9778">
        <v>4</v>
      </c>
      <c r="G9778" t="s">
        <v>14</v>
      </c>
      <c r="H9778" t="s">
        <v>21828</v>
      </c>
      <c r="I9778" t="s">
        <v>30540</v>
      </c>
    </row>
    <row r="9779" spans="1:9">
      <c r="A9779" s="1">
        <v>0.93902006185332376</v>
      </c>
      <c r="B9779" s="1"/>
      <c r="C9779">
        <v>14</v>
      </c>
      <c r="D9779" t="s">
        <v>21831</v>
      </c>
      <c r="E9779" t="s">
        <v>33711</v>
      </c>
      <c r="F9779">
        <v>4</v>
      </c>
      <c r="G9779" t="s">
        <v>2</v>
      </c>
      <c r="H9779" t="s">
        <v>21832</v>
      </c>
      <c r="I9779" t="s">
        <v>30540</v>
      </c>
    </row>
    <row r="9780" spans="1:9">
      <c r="A9780" s="1">
        <v>0.2776678444741818</v>
      </c>
      <c r="B9780" s="1"/>
      <c r="C9780">
        <v>13</v>
      </c>
      <c r="D9780" t="s">
        <v>21829</v>
      </c>
      <c r="E9780" t="s">
        <v>33711</v>
      </c>
      <c r="F9780">
        <v>4</v>
      </c>
      <c r="G9780" t="s">
        <v>15</v>
      </c>
      <c r="H9780" t="s">
        <v>21830</v>
      </c>
      <c r="I9780" t="s">
        <v>30540</v>
      </c>
    </row>
    <row r="9781" spans="1:9">
      <c r="A9781" s="1">
        <v>0.90488995053525056</v>
      </c>
      <c r="B9781" s="1"/>
      <c r="C9781">
        <v>4</v>
      </c>
      <c r="D9781" t="s">
        <v>21825</v>
      </c>
      <c r="E9781" t="s">
        <v>33711</v>
      </c>
      <c r="F9781">
        <v>4</v>
      </c>
      <c r="G9781" t="s">
        <v>2</v>
      </c>
      <c r="H9781" t="s">
        <v>21826</v>
      </c>
      <c r="I9781" t="s">
        <v>30540</v>
      </c>
    </row>
    <row r="9782" spans="1:9">
      <c r="A9782" s="1">
        <v>0.31482085034441043</v>
      </c>
      <c r="B9782" s="1"/>
      <c r="C9782">
        <v>3</v>
      </c>
      <c r="D9782" t="s">
        <v>21823</v>
      </c>
      <c r="E9782" t="s">
        <v>33711</v>
      </c>
      <c r="F9782">
        <v>3</v>
      </c>
      <c r="G9782" t="s">
        <v>2</v>
      </c>
      <c r="H9782" t="s">
        <v>21824</v>
      </c>
      <c r="I9782" t="s">
        <v>30540</v>
      </c>
    </row>
    <row r="9783" spans="1:9">
      <c r="A9783" s="1">
        <v>0.42960979779450648</v>
      </c>
      <c r="B9783" s="1"/>
      <c r="C9783">
        <v>13</v>
      </c>
      <c r="D9783" t="s">
        <v>21821</v>
      </c>
      <c r="E9783" t="s">
        <v>33712</v>
      </c>
      <c r="F9783">
        <v>4</v>
      </c>
      <c r="G9783" t="s">
        <v>0</v>
      </c>
      <c r="H9783" t="s">
        <v>21822</v>
      </c>
      <c r="I9783" t="s">
        <v>30540</v>
      </c>
    </row>
    <row r="9784" spans="1:9">
      <c r="A9784" s="1">
        <v>0.11429205245222585</v>
      </c>
      <c r="B9784" s="1"/>
      <c r="C9784">
        <v>8</v>
      </c>
      <c r="D9784" t="s">
        <v>21815</v>
      </c>
      <c r="E9784" t="s">
        <v>33712</v>
      </c>
      <c r="F9784">
        <v>3</v>
      </c>
      <c r="G9784" t="s">
        <v>14</v>
      </c>
      <c r="H9784" t="s">
        <v>21816</v>
      </c>
      <c r="I9784" t="s">
        <v>30540</v>
      </c>
    </row>
    <row r="9785" spans="1:9">
      <c r="A9785" s="1">
        <v>0.94721160197469434</v>
      </c>
      <c r="B9785" s="1"/>
      <c r="C9785">
        <v>9</v>
      </c>
      <c r="D9785" t="s">
        <v>21817</v>
      </c>
      <c r="E9785" t="s">
        <v>33712</v>
      </c>
      <c r="F9785">
        <v>3</v>
      </c>
      <c r="G9785" t="s">
        <v>14</v>
      </c>
      <c r="H9785" t="s">
        <v>21818</v>
      </c>
      <c r="I9785" t="s">
        <v>30540</v>
      </c>
    </row>
    <row r="9786" spans="1:9">
      <c r="A9786" s="1">
        <v>0.33829816656699141</v>
      </c>
      <c r="B9786" s="1"/>
      <c r="C9786">
        <v>13</v>
      </c>
      <c r="D9786" t="s">
        <v>21807</v>
      </c>
      <c r="E9786" t="s">
        <v>33714</v>
      </c>
      <c r="F9786">
        <v>4</v>
      </c>
      <c r="G9786" t="s">
        <v>0</v>
      </c>
      <c r="H9786" t="s">
        <v>21808</v>
      </c>
      <c r="I9786" t="s">
        <v>30540</v>
      </c>
    </row>
    <row r="9787" spans="1:9">
      <c r="A9787" s="1">
        <v>0.74713311945347116</v>
      </c>
      <c r="B9787" s="1"/>
      <c r="C9787">
        <v>20</v>
      </c>
      <c r="D9787" t="s">
        <v>21803</v>
      </c>
      <c r="E9787" t="s">
        <v>33715</v>
      </c>
      <c r="F9787">
        <v>4</v>
      </c>
      <c r="G9787" t="s">
        <v>765</v>
      </c>
      <c r="H9787" t="s">
        <v>21804</v>
      </c>
      <c r="I9787" t="s">
        <v>30540</v>
      </c>
    </row>
    <row r="9788" spans="1:9">
      <c r="A9788" s="1">
        <v>0.49223944412615439</v>
      </c>
      <c r="B9788" s="1"/>
      <c r="C9788">
        <v>1</v>
      </c>
      <c r="D9788" t="s">
        <v>21799</v>
      </c>
      <c r="E9788" t="s">
        <v>33715</v>
      </c>
      <c r="F9788">
        <v>4</v>
      </c>
      <c r="G9788" t="s">
        <v>10</v>
      </c>
      <c r="H9788" t="s">
        <v>21800</v>
      </c>
      <c r="I9788" t="s">
        <v>30540</v>
      </c>
    </row>
    <row r="9789" spans="1:9">
      <c r="A9789" s="1">
        <v>2.4984655072672113E-2</v>
      </c>
      <c r="B9789" s="1"/>
      <c r="C9789">
        <v>19</v>
      </c>
      <c r="D9789" t="s">
        <v>21801</v>
      </c>
      <c r="E9789" t="s">
        <v>33715</v>
      </c>
      <c r="F9789">
        <v>3</v>
      </c>
      <c r="G9789" t="s">
        <v>770</v>
      </c>
      <c r="H9789" t="s">
        <v>21802</v>
      </c>
      <c r="I9789" t="s">
        <v>30540</v>
      </c>
    </row>
    <row r="9790" spans="1:9">
      <c r="A9790" s="1">
        <v>0.64500880821338336</v>
      </c>
      <c r="B9790" s="1"/>
      <c r="C9790">
        <v>9</v>
      </c>
      <c r="D9790" t="s">
        <v>21795</v>
      </c>
      <c r="E9790" t="s">
        <v>33716</v>
      </c>
      <c r="F9790">
        <v>4</v>
      </c>
      <c r="G9790" t="s">
        <v>14</v>
      </c>
      <c r="H9790" t="s">
        <v>21796</v>
      </c>
      <c r="I9790" t="s">
        <v>30540</v>
      </c>
    </row>
    <row r="9791" spans="1:9">
      <c r="A9791" s="1">
        <v>0.66099749819390052</v>
      </c>
      <c r="B9791" s="1"/>
      <c r="C9791">
        <v>7</v>
      </c>
      <c r="D9791" t="s">
        <v>21791</v>
      </c>
      <c r="E9791" t="s">
        <v>33717</v>
      </c>
      <c r="F9791">
        <v>5</v>
      </c>
      <c r="G9791" t="s">
        <v>0</v>
      </c>
      <c r="H9791" t="s">
        <v>21792</v>
      </c>
      <c r="I9791" t="s">
        <v>30540</v>
      </c>
    </row>
    <row r="9792" spans="1:9">
      <c r="A9792" s="1">
        <v>0.71590943984251643</v>
      </c>
      <c r="B9792" s="1"/>
      <c r="C9792">
        <v>6</v>
      </c>
      <c r="D9792" t="s">
        <v>21789</v>
      </c>
      <c r="E9792" t="s">
        <v>33717</v>
      </c>
      <c r="F9792">
        <v>4</v>
      </c>
      <c r="G9792" t="s">
        <v>14</v>
      </c>
      <c r="H9792" t="s">
        <v>21790</v>
      </c>
      <c r="I9792" t="s">
        <v>30540</v>
      </c>
    </row>
    <row r="9793" spans="1:9">
      <c r="A9793" s="1">
        <v>9.7731047372617841E-4</v>
      </c>
      <c r="B9793" s="1"/>
      <c r="C9793">
        <v>5</v>
      </c>
      <c r="D9793" t="s">
        <v>21787</v>
      </c>
      <c r="E9793" t="s">
        <v>33717</v>
      </c>
      <c r="F9793">
        <v>4</v>
      </c>
      <c r="G9793" t="s">
        <v>14</v>
      </c>
      <c r="H9793" t="s">
        <v>21788</v>
      </c>
      <c r="I9793" t="s">
        <v>30540</v>
      </c>
    </row>
    <row r="9794" spans="1:9">
      <c r="A9794" s="1">
        <v>4.2260161586739731E-2</v>
      </c>
      <c r="B9794" s="1"/>
      <c r="C9794">
        <v>9</v>
      </c>
      <c r="D9794" t="s">
        <v>21781</v>
      </c>
      <c r="E9794" t="s">
        <v>33718</v>
      </c>
      <c r="F9794">
        <v>4</v>
      </c>
      <c r="G9794" t="s">
        <v>14</v>
      </c>
      <c r="H9794" t="s">
        <v>21782</v>
      </c>
      <c r="I9794" t="s">
        <v>30540</v>
      </c>
    </row>
    <row r="9795" spans="1:9">
      <c r="A9795" s="1">
        <v>0.19849467295679357</v>
      </c>
      <c r="B9795" s="1"/>
      <c r="C9795">
        <v>10</v>
      </c>
      <c r="D9795" t="s">
        <v>21783</v>
      </c>
      <c r="E9795" t="s">
        <v>33718</v>
      </c>
      <c r="F9795">
        <v>4</v>
      </c>
      <c r="G9795" t="s">
        <v>14</v>
      </c>
      <c r="H9795" t="s">
        <v>21784</v>
      </c>
      <c r="I9795" t="s">
        <v>30540</v>
      </c>
    </row>
    <row r="9796" spans="1:9">
      <c r="A9796" s="1">
        <v>0.57082171000110316</v>
      </c>
      <c r="B9796" s="1"/>
      <c r="C9796">
        <v>8</v>
      </c>
      <c r="D9796" t="s">
        <v>21779</v>
      </c>
      <c r="E9796" t="s">
        <v>33718</v>
      </c>
      <c r="F9796">
        <v>4</v>
      </c>
      <c r="G9796" t="s">
        <v>9</v>
      </c>
      <c r="H9796" t="s">
        <v>21780</v>
      </c>
      <c r="I9796" t="s">
        <v>30540</v>
      </c>
    </row>
    <row r="9797" spans="1:9">
      <c r="A9797" s="1">
        <v>0.37207103912057349</v>
      </c>
      <c r="B9797" s="1"/>
      <c r="C9797">
        <v>10</v>
      </c>
      <c r="D9797" t="s">
        <v>21773</v>
      </c>
      <c r="E9797" t="s">
        <v>33719</v>
      </c>
      <c r="F9797">
        <v>4</v>
      </c>
      <c r="G9797" t="s">
        <v>3732</v>
      </c>
      <c r="H9797" t="s">
        <v>21774</v>
      </c>
      <c r="I9797" t="s">
        <v>30540</v>
      </c>
    </row>
    <row r="9798" spans="1:9">
      <c r="A9798" s="1">
        <v>0.15594442148619969</v>
      </c>
      <c r="B9798" s="1"/>
      <c r="C9798">
        <v>11</v>
      </c>
      <c r="D9798" t="s">
        <v>21775</v>
      </c>
      <c r="E9798" t="s">
        <v>33719</v>
      </c>
      <c r="F9798">
        <v>4</v>
      </c>
      <c r="G9798" t="s">
        <v>2738</v>
      </c>
      <c r="H9798" t="s">
        <v>21776</v>
      </c>
      <c r="I9798" t="s">
        <v>30540</v>
      </c>
    </row>
    <row r="9799" spans="1:9">
      <c r="A9799" s="1">
        <v>0.34349042379415373</v>
      </c>
      <c r="B9799" s="1"/>
      <c r="C9799">
        <v>2</v>
      </c>
      <c r="D9799" t="s">
        <v>21767</v>
      </c>
      <c r="E9799" t="s">
        <v>33719</v>
      </c>
      <c r="F9799">
        <v>4</v>
      </c>
      <c r="G9799" t="s">
        <v>770</v>
      </c>
      <c r="H9799" t="s">
        <v>21768</v>
      </c>
      <c r="I9799" t="s">
        <v>30540</v>
      </c>
    </row>
    <row r="9800" spans="1:9">
      <c r="A9800" s="1">
        <v>0.71785518364363277</v>
      </c>
      <c r="B9800" s="1"/>
      <c r="C9800">
        <v>8</v>
      </c>
      <c r="D9800" t="s">
        <v>21771</v>
      </c>
      <c r="E9800" t="s">
        <v>33719</v>
      </c>
      <c r="F9800">
        <v>3</v>
      </c>
      <c r="G9800" t="s">
        <v>14</v>
      </c>
      <c r="H9800" t="s">
        <v>21772</v>
      </c>
      <c r="I9800" t="s">
        <v>30540</v>
      </c>
    </row>
    <row r="9801" spans="1:9">
      <c r="A9801" s="1">
        <v>0.68228944375476341</v>
      </c>
      <c r="B9801" s="1"/>
      <c r="C9801">
        <v>2</v>
      </c>
      <c r="D9801" t="s">
        <v>21761</v>
      </c>
      <c r="E9801" t="s">
        <v>33720</v>
      </c>
      <c r="F9801">
        <v>4</v>
      </c>
      <c r="G9801" t="s">
        <v>9</v>
      </c>
      <c r="H9801" t="s">
        <v>21762</v>
      </c>
      <c r="I9801" t="s">
        <v>30540</v>
      </c>
    </row>
    <row r="9802" spans="1:9">
      <c r="A9802" s="1">
        <v>0.99346106104455545</v>
      </c>
      <c r="B9802" s="1"/>
      <c r="C9802">
        <v>8</v>
      </c>
      <c r="D9802" t="s">
        <v>21763</v>
      </c>
      <c r="E9802" t="s">
        <v>33720</v>
      </c>
      <c r="F9802">
        <v>4</v>
      </c>
      <c r="G9802" t="s">
        <v>15</v>
      </c>
      <c r="H9802" t="s">
        <v>21764</v>
      </c>
      <c r="I9802" t="s">
        <v>30540</v>
      </c>
    </row>
    <row r="9803" spans="1:9">
      <c r="A9803" s="1">
        <v>0.26090383106422288</v>
      </c>
      <c r="B9803" s="1"/>
      <c r="C9803">
        <v>15</v>
      </c>
      <c r="D9803" t="s">
        <v>21759</v>
      </c>
      <c r="E9803" t="s">
        <v>33721</v>
      </c>
      <c r="F9803">
        <v>5</v>
      </c>
      <c r="G9803" t="s">
        <v>1</v>
      </c>
      <c r="H9803" t="s">
        <v>21760</v>
      </c>
      <c r="I9803" t="s">
        <v>30540</v>
      </c>
    </row>
    <row r="9804" spans="1:9">
      <c r="A9804" s="1">
        <v>0.8063114831172985</v>
      </c>
      <c r="B9804" s="1"/>
      <c r="C9804">
        <v>10</v>
      </c>
      <c r="D9804" t="s">
        <v>21755</v>
      </c>
      <c r="E9804" t="s">
        <v>33721</v>
      </c>
      <c r="F9804">
        <v>5</v>
      </c>
      <c r="G9804" t="s">
        <v>14</v>
      </c>
      <c r="H9804" t="s">
        <v>21756</v>
      </c>
      <c r="I9804" t="s">
        <v>30540</v>
      </c>
    </row>
    <row r="9805" spans="1:9">
      <c r="A9805" s="1">
        <v>0.65418659571680449</v>
      </c>
      <c r="B9805" s="1"/>
      <c r="C9805">
        <v>6</v>
      </c>
      <c r="D9805" t="s">
        <v>21753</v>
      </c>
      <c r="E9805" t="s">
        <v>33721</v>
      </c>
      <c r="F9805">
        <v>5</v>
      </c>
      <c r="G9805" t="s">
        <v>14</v>
      </c>
      <c r="H9805" t="s">
        <v>21754</v>
      </c>
      <c r="I9805" t="s">
        <v>30540</v>
      </c>
    </row>
    <row r="9806" spans="1:9">
      <c r="A9806" s="1">
        <v>0.52313746473343514</v>
      </c>
      <c r="B9806" s="1"/>
      <c r="C9806">
        <v>14</v>
      </c>
      <c r="D9806" t="s">
        <v>21757</v>
      </c>
      <c r="E9806" t="s">
        <v>33721</v>
      </c>
      <c r="F9806">
        <v>4</v>
      </c>
      <c r="G9806" t="s">
        <v>14</v>
      </c>
      <c r="H9806" t="s">
        <v>21758</v>
      </c>
      <c r="I9806" t="s">
        <v>30540</v>
      </c>
    </row>
    <row r="9807" spans="1:9">
      <c r="A9807" s="1">
        <v>0.27972606260069266</v>
      </c>
      <c r="B9807" s="1"/>
      <c r="C9807">
        <v>5</v>
      </c>
      <c r="D9807" t="s">
        <v>21751</v>
      </c>
      <c r="E9807" t="s">
        <v>33721</v>
      </c>
      <c r="F9807">
        <v>4</v>
      </c>
      <c r="G9807" t="s">
        <v>14</v>
      </c>
      <c r="H9807" t="s">
        <v>21752</v>
      </c>
      <c r="I9807" t="s">
        <v>30540</v>
      </c>
    </row>
    <row r="9808" spans="1:9">
      <c r="A9808" s="1">
        <v>0.98090430338656354</v>
      </c>
      <c r="B9808" s="1"/>
      <c r="C9808">
        <v>9</v>
      </c>
      <c r="D9808" t="s">
        <v>21749</v>
      </c>
      <c r="E9808" t="s">
        <v>33722</v>
      </c>
      <c r="F9808">
        <v>5</v>
      </c>
      <c r="G9808" t="s">
        <v>14</v>
      </c>
      <c r="H9808" t="s">
        <v>21750</v>
      </c>
      <c r="I9808" t="s">
        <v>30540</v>
      </c>
    </row>
    <row r="9809" spans="1:9">
      <c r="A9809" s="1">
        <v>0.79997855144120533</v>
      </c>
      <c r="B9809" s="1"/>
      <c r="C9809">
        <v>6</v>
      </c>
      <c r="D9809" t="s">
        <v>21745</v>
      </c>
      <c r="E9809" t="s">
        <v>33722</v>
      </c>
      <c r="F9809">
        <v>5</v>
      </c>
      <c r="G9809" t="s">
        <v>14</v>
      </c>
      <c r="H9809" t="s">
        <v>21746</v>
      </c>
      <c r="I9809" t="s">
        <v>30540</v>
      </c>
    </row>
    <row r="9810" spans="1:9">
      <c r="A9810" s="1">
        <v>0.95749707193814648</v>
      </c>
      <c r="B9810" s="1"/>
      <c r="C9810">
        <v>16</v>
      </c>
      <c r="D9810" t="s">
        <v>21743</v>
      </c>
      <c r="E9810" t="s">
        <v>33723</v>
      </c>
      <c r="F9810">
        <v>5</v>
      </c>
      <c r="G9810" t="s">
        <v>14</v>
      </c>
      <c r="H9810" t="s">
        <v>21744</v>
      </c>
      <c r="I9810" t="s">
        <v>30540</v>
      </c>
    </row>
    <row r="9811" spans="1:9">
      <c r="A9811" s="1">
        <v>0.20467263201751129</v>
      </c>
      <c r="B9811" s="1"/>
      <c r="C9811">
        <v>10</v>
      </c>
      <c r="D9811" t="s">
        <v>21739</v>
      </c>
      <c r="E9811" t="s">
        <v>33723</v>
      </c>
      <c r="F9811">
        <v>4</v>
      </c>
      <c r="G9811" t="s">
        <v>10</v>
      </c>
      <c r="H9811" t="s">
        <v>21740</v>
      </c>
      <c r="I9811" t="s">
        <v>30540</v>
      </c>
    </row>
    <row r="9812" spans="1:9">
      <c r="A9812" s="1">
        <v>0.13366413216356543</v>
      </c>
      <c r="B9812" s="1"/>
      <c r="C9812">
        <v>14</v>
      </c>
      <c r="D9812" t="s">
        <v>21735</v>
      </c>
      <c r="E9812" t="s">
        <v>33724</v>
      </c>
      <c r="F9812">
        <v>4</v>
      </c>
      <c r="G9812" t="s">
        <v>1431</v>
      </c>
      <c r="H9812" t="s">
        <v>21736</v>
      </c>
      <c r="I9812" t="s">
        <v>30540</v>
      </c>
    </row>
    <row r="9813" spans="1:9">
      <c r="A9813" s="1">
        <v>0.79193314021347472</v>
      </c>
      <c r="B9813" s="1"/>
      <c r="C9813">
        <v>6</v>
      </c>
      <c r="D9813" t="s">
        <v>21733</v>
      </c>
      <c r="E9813" t="s">
        <v>33724</v>
      </c>
      <c r="F9813">
        <v>4</v>
      </c>
      <c r="G9813" t="s">
        <v>10</v>
      </c>
      <c r="H9813" t="s">
        <v>21734</v>
      </c>
      <c r="I9813" t="s">
        <v>30540</v>
      </c>
    </row>
    <row r="9814" spans="1:9">
      <c r="A9814" s="1">
        <v>0.81423444791281852</v>
      </c>
      <c r="B9814" s="1"/>
      <c r="C9814">
        <v>3</v>
      </c>
      <c r="D9814" t="s">
        <v>21727</v>
      </c>
      <c r="E9814" t="s">
        <v>33725</v>
      </c>
      <c r="F9814">
        <v>4</v>
      </c>
      <c r="G9814" t="s">
        <v>15</v>
      </c>
      <c r="H9814" t="s">
        <v>21728</v>
      </c>
      <c r="I9814" t="s">
        <v>30540</v>
      </c>
    </row>
    <row r="9815" spans="1:9">
      <c r="A9815" s="1">
        <v>0.9412859277671215</v>
      </c>
      <c r="B9815" s="1"/>
      <c r="C9815">
        <v>4</v>
      </c>
      <c r="D9815" t="s">
        <v>21729</v>
      </c>
      <c r="E9815" t="s">
        <v>33725</v>
      </c>
      <c r="F9815">
        <v>4</v>
      </c>
      <c r="G9815" t="s">
        <v>13</v>
      </c>
      <c r="H9815" t="s">
        <v>21730</v>
      </c>
      <c r="I9815" t="s">
        <v>30540</v>
      </c>
    </row>
    <row r="9816" spans="1:9">
      <c r="A9816" s="1">
        <v>0.51510240329788792</v>
      </c>
      <c r="B9816" s="1"/>
      <c r="C9816">
        <v>10</v>
      </c>
      <c r="D9816" t="s">
        <v>21731</v>
      </c>
      <c r="E9816" t="s">
        <v>33725</v>
      </c>
      <c r="F9816">
        <v>4</v>
      </c>
      <c r="G9816" t="s">
        <v>14</v>
      </c>
      <c r="H9816" t="s">
        <v>21732</v>
      </c>
      <c r="I9816" t="s">
        <v>30540</v>
      </c>
    </row>
    <row r="9817" spans="1:9">
      <c r="A9817" s="1">
        <v>0.12866471240382005</v>
      </c>
      <c r="B9817" s="1"/>
      <c r="C9817">
        <v>5</v>
      </c>
      <c r="D9817" t="s">
        <v>21719</v>
      </c>
      <c r="E9817" t="s">
        <v>33726</v>
      </c>
      <c r="F9817">
        <v>4</v>
      </c>
      <c r="G9817" t="s">
        <v>14</v>
      </c>
      <c r="H9817" t="s">
        <v>21720</v>
      </c>
      <c r="I9817" t="s">
        <v>30540</v>
      </c>
    </row>
    <row r="9818" spans="1:9">
      <c r="A9818" s="1">
        <v>0.27703239223426857</v>
      </c>
      <c r="B9818" s="1"/>
      <c r="C9818">
        <v>9</v>
      </c>
      <c r="D9818" t="s">
        <v>21721</v>
      </c>
      <c r="E9818" t="s">
        <v>33726</v>
      </c>
      <c r="F9818">
        <v>4</v>
      </c>
      <c r="G9818" t="s">
        <v>14</v>
      </c>
      <c r="H9818" t="s">
        <v>21722</v>
      </c>
      <c r="I9818" t="s">
        <v>30540</v>
      </c>
    </row>
    <row r="9819" spans="1:9">
      <c r="A9819" s="1">
        <v>0.30583003751073023</v>
      </c>
      <c r="B9819" s="1"/>
      <c r="C9819">
        <v>19</v>
      </c>
      <c r="D9819" t="s">
        <v>21725</v>
      </c>
      <c r="E9819" t="s">
        <v>33726</v>
      </c>
      <c r="F9819">
        <v>4</v>
      </c>
      <c r="G9819" t="s">
        <v>14</v>
      </c>
      <c r="H9819" t="s">
        <v>21726</v>
      </c>
      <c r="I9819" t="s">
        <v>30540</v>
      </c>
    </row>
    <row r="9820" spans="1:9">
      <c r="A9820" s="1">
        <v>0.98718121059059694</v>
      </c>
      <c r="B9820" s="1"/>
      <c r="C9820">
        <v>10</v>
      </c>
      <c r="D9820" t="s">
        <v>21717</v>
      </c>
      <c r="E9820" t="s">
        <v>33727</v>
      </c>
      <c r="F9820">
        <v>5</v>
      </c>
      <c r="G9820" t="s">
        <v>0</v>
      </c>
      <c r="H9820" t="s">
        <v>21718</v>
      </c>
      <c r="I9820" t="s">
        <v>30540</v>
      </c>
    </row>
    <row r="9821" spans="1:9">
      <c r="A9821" s="1">
        <v>0.19689918549875929</v>
      </c>
      <c r="B9821" s="1"/>
      <c r="C9821">
        <v>1</v>
      </c>
      <c r="D9821" t="s">
        <v>21711</v>
      </c>
      <c r="E9821" t="s">
        <v>33727</v>
      </c>
      <c r="F9821">
        <v>4</v>
      </c>
      <c r="G9821" t="s">
        <v>14</v>
      </c>
      <c r="H9821" t="s">
        <v>21712</v>
      </c>
      <c r="I9821" t="s">
        <v>30540</v>
      </c>
    </row>
    <row r="9822" spans="1:9">
      <c r="A9822" s="1">
        <v>0.86879889610874239</v>
      </c>
      <c r="B9822" s="1"/>
      <c r="C9822">
        <v>9</v>
      </c>
      <c r="D9822" t="s">
        <v>21715</v>
      </c>
      <c r="E9822" t="s">
        <v>33727</v>
      </c>
      <c r="F9822">
        <v>4</v>
      </c>
      <c r="G9822" t="s">
        <v>14</v>
      </c>
      <c r="H9822" t="s">
        <v>21716</v>
      </c>
      <c r="I9822" t="s">
        <v>30540</v>
      </c>
    </row>
    <row r="9823" spans="1:9">
      <c r="A9823" s="1">
        <v>7.5176508889769345E-3</v>
      </c>
      <c r="B9823" s="1"/>
      <c r="C9823">
        <v>8</v>
      </c>
      <c r="D9823" t="s">
        <v>21713</v>
      </c>
      <c r="E9823" t="s">
        <v>33727</v>
      </c>
      <c r="F9823">
        <v>3</v>
      </c>
      <c r="G9823" t="s">
        <v>14</v>
      </c>
      <c r="H9823" t="s">
        <v>21714</v>
      </c>
      <c r="I9823" t="s">
        <v>30540</v>
      </c>
    </row>
    <row r="9824" spans="1:9">
      <c r="A9824" s="1">
        <v>0.67503948622580867</v>
      </c>
      <c r="B9824" s="1"/>
      <c r="C9824">
        <v>1</v>
      </c>
      <c r="D9824" t="s">
        <v>21703</v>
      </c>
      <c r="E9824" t="s">
        <v>33728</v>
      </c>
      <c r="F9824">
        <v>4</v>
      </c>
      <c r="G9824" t="s">
        <v>2</v>
      </c>
      <c r="H9824" t="s">
        <v>21704</v>
      </c>
      <c r="I9824" t="s">
        <v>30540</v>
      </c>
    </row>
    <row r="9825" spans="1:9">
      <c r="A9825" s="1">
        <v>5.3654452113311102E-2</v>
      </c>
      <c r="B9825" s="1"/>
      <c r="C9825">
        <v>4</v>
      </c>
      <c r="D9825" t="s">
        <v>21705</v>
      </c>
      <c r="E9825" t="s">
        <v>33728</v>
      </c>
      <c r="F9825">
        <v>4</v>
      </c>
      <c r="G9825" t="s">
        <v>14</v>
      </c>
      <c r="H9825" t="s">
        <v>21706</v>
      </c>
      <c r="I9825" t="s">
        <v>30540</v>
      </c>
    </row>
    <row r="9826" spans="1:9">
      <c r="A9826" s="1">
        <v>0.47683224301304517</v>
      </c>
      <c r="B9826" s="1"/>
      <c r="C9826">
        <v>5</v>
      </c>
      <c r="D9826" t="s">
        <v>21707</v>
      </c>
      <c r="E9826" t="s">
        <v>33728</v>
      </c>
      <c r="F9826">
        <v>4</v>
      </c>
      <c r="G9826" t="s">
        <v>14</v>
      </c>
      <c r="H9826" t="s">
        <v>21708</v>
      </c>
      <c r="I9826" t="s">
        <v>30540</v>
      </c>
    </row>
    <row r="9827" spans="1:9">
      <c r="A9827" s="1">
        <v>0.65134911822040709</v>
      </c>
      <c r="B9827" s="1"/>
      <c r="C9827">
        <v>10</v>
      </c>
      <c r="D9827" t="s">
        <v>21709</v>
      </c>
      <c r="E9827" t="s">
        <v>33728</v>
      </c>
      <c r="F9827">
        <v>4</v>
      </c>
      <c r="G9827" t="s">
        <v>1</v>
      </c>
      <c r="H9827" t="s">
        <v>21710</v>
      </c>
      <c r="I9827" t="s">
        <v>30540</v>
      </c>
    </row>
    <row r="9828" spans="1:9">
      <c r="A9828" s="1">
        <v>0.30981452149298627</v>
      </c>
      <c r="B9828" s="1"/>
      <c r="C9828">
        <v>3</v>
      </c>
      <c r="D9828" t="s">
        <v>21697</v>
      </c>
      <c r="E9828" t="s">
        <v>33729</v>
      </c>
      <c r="F9828">
        <v>4</v>
      </c>
      <c r="G9828" t="s">
        <v>10</v>
      </c>
      <c r="H9828" t="s">
        <v>21698</v>
      </c>
      <c r="I9828" t="s">
        <v>30540</v>
      </c>
    </row>
    <row r="9829" spans="1:9">
      <c r="A9829" s="1">
        <v>0.53197868529375802</v>
      </c>
      <c r="B9829" s="1"/>
      <c r="C9829">
        <v>10</v>
      </c>
      <c r="D9829" t="s">
        <v>21699</v>
      </c>
      <c r="E9829" t="s">
        <v>33729</v>
      </c>
      <c r="F9829">
        <v>4</v>
      </c>
      <c r="G9829" t="s">
        <v>14</v>
      </c>
      <c r="H9829" t="s">
        <v>21700</v>
      </c>
      <c r="I9829" t="s">
        <v>30540</v>
      </c>
    </row>
    <row r="9830" spans="1:9">
      <c r="A9830" s="1">
        <v>0.3318678362496833</v>
      </c>
      <c r="B9830" s="1"/>
      <c r="C9830">
        <v>19</v>
      </c>
      <c r="D9830" t="s">
        <v>21701</v>
      </c>
      <c r="E9830" t="s">
        <v>33729</v>
      </c>
      <c r="F9830">
        <v>4</v>
      </c>
      <c r="G9830" t="s">
        <v>10</v>
      </c>
      <c r="H9830" t="s">
        <v>21702</v>
      </c>
      <c r="I9830" t="s">
        <v>30540</v>
      </c>
    </row>
    <row r="9831" spans="1:9">
      <c r="A9831" s="1">
        <v>0.30016155057138971</v>
      </c>
      <c r="B9831" s="1"/>
      <c r="C9831">
        <v>8</v>
      </c>
      <c r="D9831" t="s">
        <v>21695</v>
      </c>
      <c r="E9831" t="s">
        <v>33730</v>
      </c>
      <c r="F9831">
        <v>4</v>
      </c>
      <c r="G9831" t="s">
        <v>1</v>
      </c>
      <c r="H9831" t="s">
        <v>21696</v>
      </c>
      <c r="I9831" t="s">
        <v>30540</v>
      </c>
    </row>
    <row r="9832" spans="1:9">
      <c r="A9832" s="1">
        <v>0.99021825531960006</v>
      </c>
      <c r="B9832" s="1"/>
      <c r="C9832">
        <v>13</v>
      </c>
      <c r="D9832" t="s">
        <v>20222</v>
      </c>
      <c r="E9832" t="s">
        <v>33731</v>
      </c>
      <c r="F9832">
        <v>5</v>
      </c>
      <c r="G9832" t="s">
        <v>14</v>
      </c>
      <c r="H9832" t="s">
        <v>21694</v>
      </c>
      <c r="I9832" t="s">
        <v>30540</v>
      </c>
    </row>
    <row r="9833" spans="1:9">
      <c r="A9833" s="1">
        <v>0.98501894442194404</v>
      </c>
      <c r="B9833" s="1"/>
      <c r="C9833">
        <v>9</v>
      </c>
      <c r="D9833" t="s">
        <v>21690</v>
      </c>
      <c r="E9833" t="s">
        <v>33731</v>
      </c>
      <c r="F9833">
        <v>4</v>
      </c>
      <c r="G9833" t="s">
        <v>14</v>
      </c>
      <c r="H9833" t="s">
        <v>21691</v>
      </c>
      <c r="I9833" t="s">
        <v>30540</v>
      </c>
    </row>
    <row r="9834" spans="1:9">
      <c r="A9834" s="1">
        <v>0.19882728055605459</v>
      </c>
      <c r="B9834" s="1"/>
      <c r="C9834">
        <v>10</v>
      </c>
      <c r="D9834" t="s">
        <v>21692</v>
      </c>
      <c r="E9834" t="s">
        <v>33731</v>
      </c>
      <c r="F9834">
        <v>4</v>
      </c>
      <c r="G9834" t="s">
        <v>9</v>
      </c>
      <c r="H9834" t="s">
        <v>21693</v>
      </c>
      <c r="I9834" t="s">
        <v>30540</v>
      </c>
    </row>
    <row r="9835" spans="1:9">
      <c r="A9835" s="1">
        <v>0.93144192076383392</v>
      </c>
      <c r="B9835" s="1"/>
      <c r="C9835">
        <v>5</v>
      </c>
      <c r="D9835" t="s">
        <v>21686</v>
      </c>
      <c r="E9835" t="s">
        <v>33732</v>
      </c>
      <c r="F9835">
        <v>4</v>
      </c>
      <c r="G9835" t="s">
        <v>14</v>
      </c>
      <c r="H9835" t="s">
        <v>21687</v>
      </c>
      <c r="I9835" t="s">
        <v>30540</v>
      </c>
    </row>
    <row r="9836" spans="1:9">
      <c r="A9836" s="1">
        <v>8.3990952131035468E-2</v>
      </c>
      <c r="B9836" s="1"/>
      <c r="C9836">
        <v>7</v>
      </c>
      <c r="D9836" t="s">
        <v>21682</v>
      </c>
      <c r="E9836" t="s">
        <v>33733</v>
      </c>
      <c r="F9836">
        <v>5</v>
      </c>
      <c r="G9836" t="s">
        <v>2</v>
      </c>
      <c r="H9836" t="s">
        <v>21683</v>
      </c>
      <c r="I9836" t="s">
        <v>30540</v>
      </c>
    </row>
    <row r="9837" spans="1:9">
      <c r="A9837" s="1">
        <v>0.93868805934910138</v>
      </c>
      <c r="B9837" s="1"/>
      <c r="C9837">
        <v>6</v>
      </c>
      <c r="D9837" t="s">
        <v>21680</v>
      </c>
      <c r="E9837" t="s">
        <v>33733</v>
      </c>
      <c r="F9837">
        <v>4</v>
      </c>
      <c r="G9837" t="s">
        <v>14</v>
      </c>
      <c r="H9837" t="s">
        <v>21681</v>
      </c>
      <c r="I9837" t="s">
        <v>30540</v>
      </c>
    </row>
    <row r="9838" spans="1:9">
      <c r="A9838" s="1">
        <v>0.11698162506598397</v>
      </c>
      <c r="B9838" s="1"/>
      <c r="C9838">
        <v>9</v>
      </c>
      <c r="D9838" t="s">
        <v>21684</v>
      </c>
      <c r="E9838" t="s">
        <v>33733</v>
      </c>
      <c r="F9838">
        <v>4</v>
      </c>
      <c r="G9838" t="s">
        <v>2</v>
      </c>
      <c r="H9838" t="s">
        <v>21685</v>
      </c>
      <c r="I9838" t="s">
        <v>30540</v>
      </c>
    </row>
    <row r="9839" spans="1:9">
      <c r="A9839" s="1">
        <v>0.7287238934440754</v>
      </c>
      <c r="B9839" s="1"/>
      <c r="C9839">
        <v>18</v>
      </c>
      <c r="D9839" t="s">
        <v>21678</v>
      </c>
      <c r="E9839" t="s">
        <v>33734</v>
      </c>
      <c r="F9839">
        <v>5</v>
      </c>
      <c r="G9839" t="s">
        <v>2738</v>
      </c>
      <c r="H9839" t="s">
        <v>21679</v>
      </c>
      <c r="I9839" t="s">
        <v>30540</v>
      </c>
    </row>
    <row r="9840" spans="1:9">
      <c r="A9840" s="1">
        <v>0.72399287993103378</v>
      </c>
      <c r="B9840" s="1"/>
      <c r="C9840">
        <v>8</v>
      </c>
      <c r="D9840" t="s">
        <v>21672</v>
      </c>
      <c r="E9840" t="s">
        <v>33734</v>
      </c>
      <c r="F9840">
        <v>4</v>
      </c>
      <c r="G9840" t="s">
        <v>1426</v>
      </c>
      <c r="H9840" t="s">
        <v>21673</v>
      </c>
      <c r="I9840" t="s">
        <v>30540</v>
      </c>
    </row>
    <row r="9841" spans="1:9">
      <c r="A9841" s="1">
        <v>0.7930197583178098</v>
      </c>
      <c r="B9841" s="1"/>
      <c r="C9841">
        <v>12</v>
      </c>
      <c r="D9841" t="s">
        <v>21676</v>
      </c>
      <c r="E9841" t="s">
        <v>33734</v>
      </c>
      <c r="F9841">
        <v>4</v>
      </c>
      <c r="G9841" t="s">
        <v>2229</v>
      </c>
      <c r="H9841" t="s">
        <v>21677</v>
      </c>
      <c r="I9841" t="s">
        <v>30540</v>
      </c>
    </row>
    <row r="9842" spans="1:9">
      <c r="A9842" s="1">
        <v>0.95728385492465606</v>
      </c>
      <c r="B9842" s="1"/>
      <c r="C9842">
        <v>5</v>
      </c>
      <c r="D9842" t="s">
        <v>21670</v>
      </c>
      <c r="E9842" t="s">
        <v>33734</v>
      </c>
      <c r="F9842">
        <v>4</v>
      </c>
      <c r="G9842" t="s">
        <v>10</v>
      </c>
      <c r="H9842" t="s">
        <v>21671</v>
      </c>
      <c r="I9842" t="s">
        <v>30540</v>
      </c>
    </row>
    <row r="9843" spans="1:9">
      <c r="A9843" s="1">
        <v>0.31463877933884421</v>
      </c>
      <c r="B9843" s="1"/>
      <c r="C9843">
        <v>11</v>
      </c>
      <c r="D9843" t="s">
        <v>21674</v>
      </c>
      <c r="E9843" t="s">
        <v>33734</v>
      </c>
      <c r="F9843">
        <v>4</v>
      </c>
      <c r="G9843" t="s">
        <v>14</v>
      </c>
      <c r="H9843" t="s">
        <v>21675</v>
      </c>
      <c r="I9843" t="s">
        <v>30540</v>
      </c>
    </row>
    <row r="9844" spans="1:9">
      <c r="A9844" s="1">
        <v>0.30236730374854948</v>
      </c>
      <c r="B9844" s="1"/>
      <c r="C9844">
        <v>4</v>
      </c>
      <c r="D9844" t="s">
        <v>21668</v>
      </c>
      <c r="E9844" t="s">
        <v>33734</v>
      </c>
      <c r="F9844">
        <v>3</v>
      </c>
      <c r="G9844" t="s">
        <v>1431</v>
      </c>
      <c r="H9844" t="s">
        <v>21669</v>
      </c>
      <c r="I9844" t="s">
        <v>30540</v>
      </c>
    </row>
    <row r="9845" spans="1:9">
      <c r="A9845" s="1">
        <v>0.26558403533811059</v>
      </c>
      <c r="B9845" s="1"/>
      <c r="C9845">
        <v>15</v>
      </c>
      <c r="D9845" t="s">
        <v>21666</v>
      </c>
      <c r="E9845" t="s">
        <v>33735</v>
      </c>
      <c r="F9845">
        <v>5</v>
      </c>
      <c r="G9845" t="s">
        <v>10</v>
      </c>
      <c r="H9845" t="s">
        <v>21667</v>
      </c>
      <c r="I9845" t="s">
        <v>30540</v>
      </c>
    </row>
    <row r="9846" spans="1:9">
      <c r="A9846" s="1">
        <v>0.92395321232225947</v>
      </c>
      <c r="B9846" s="1"/>
      <c r="C9846">
        <v>14</v>
      </c>
      <c r="D9846" t="s">
        <v>21662</v>
      </c>
      <c r="E9846" t="s">
        <v>33736</v>
      </c>
      <c r="F9846">
        <v>5</v>
      </c>
      <c r="G9846" t="s">
        <v>14</v>
      </c>
      <c r="H9846" t="s">
        <v>21663</v>
      </c>
      <c r="I9846" t="s">
        <v>30540</v>
      </c>
    </row>
    <row r="9847" spans="1:9">
      <c r="A9847" s="1">
        <v>0.50358705556925354</v>
      </c>
      <c r="B9847" s="1"/>
      <c r="C9847">
        <v>6</v>
      </c>
      <c r="D9847" t="s">
        <v>21658</v>
      </c>
      <c r="E9847" t="s">
        <v>33736</v>
      </c>
      <c r="F9847">
        <v>4</v>
      </c>
      <c r="G9847" t="s">
        <v>14</v>
      </c>
      <c r="H9847" t="s">
        <v>21659</v>
      </c>
      <c r="I9847" t="s">
        <v>30540</v>
      </c>
    </row>
    <row r="9848" spans="1:9">
      <c r="A9848" s="1">
        <v>2.029831949812122E-2</v>
      </c>
      <c r="B9848" s="1"/>
      <c r="C9848">
        <v>12</v>
      </c>
      <c r="D9848" t="s">
        <v>21660</v>
      </c>
      <c r="E9848" t="s">
        <v>33736</v>
      </c>
      <c r="F9848">
        <v>3</v>
      </c>
      <c r="G9848" t="s">
        <v>2</v>
      </c>
      <c r="H9848" t="s">
        <v>21661</v>
      </c>
      <c r="I9848" t="s">
        <v>30540</v>
      </c>
    </row>
    <row r="9849" spans="1:9">
      <c r="A9849" s="1">
        <v>0.89585482634155367</v>
      </c>
      <c r="B9849" s="1"/>
      <c r="C9849">
        <v>10</v>
      </c>
      <c r="D9849" t="s">
        <v>21654</v>
      </c>
      <c r="E9849" t="s">
        <v>33737</v>
      </c>
      <c r="F9849">
        <v>4</v>
      </c>
      <c r="G9849" t="s">
        <v>2</v>
      </c>
      <c r="H9849" t="s">
        <v>21655</v>
      </c>
      <c r="I9849" t="s">
        <v>30540</v>
      </c>
    </row>
    <row r="9850" spans="1:9">
      <c r="A9850" s="1">
        <v>0.59299418902068679</v>
      </c>
      <c r="B9850" s="1"/>
      <c r="C9850">
        <v>4</v>
      </c>
      <c r="D9850" t="s">
        <v>21648</v>
      </c>
      <c r="E9850" t="s">
        <v>33737</v>
      </c>
      <c r="F9850">
        <v>4</v>
      </c>
      <c r="G9850" t="s">
        <v>13</v>
      </c>
      <c r="H9850" t="s">
        <v>21649</v>
      </c>
      <c r="I9850" t="s">
        <v>30540</v>
      </c>
    </row>
    <row r="9851" spans="1:9">
      <c r="A9851" s="1">
        <v>0.96510532485434708</v>
      </c>
      <c r="B9851" s="1"/>
      <c r="C9851">
        <v>7</v>
      </c>
      <c r="D9851" t="s">
        <v>21650</v>
      </c>
      <c r="E9851" t="s">
        <v>33737</v>
      </c>
      <c r="F9851">
        <v>4</v>
      </c>
      <c r="G9851" t="s">
        <v>14</v>
      </c>
      <c r="H9851" t="s">
        <v>21651</v>
      </c>
      <c r="I9851" t="s">
        <v>30540</v>
      </c>
    </row>
    <row r="9852" spans="1:9">
      <c r="A9852" s="1">
        <v>0.95355108145455403</v>
      </c>
      <c r="B9852" s="1"/>
      <c r="C9852">
        <v>12</v>
      </c>
      <c r="D9852" t="s">
        <v>21656</v>
      </c>
      <c r="E9852" t="s">
        <v>33737</v>
      </c>
      <c r="F9852">
        <v>4</v>
      </c>
      <c r="G9852" t="s">
        <v>14</v>
      </c>
      <c r="H9852" t="s">
        <v>21657</v>
      </c>
      <c r="I9852" t="s">
        <v>30540</v>
      </c>
    </row>
    <row r="9853" spans="1:9">
      <c r="A9853" s="1">
        <v>0.68163755342424781</v>
      </c>
      <c r="B9853" s="1"/>
      <c r="C9853">
        <v>8</v>
      </c>
      <c r="D9853" t="s">
        <v>21652</v>
      </c>
      <c r="E9853" t="s">
        <v>33737</v>
      </c>
      <c r="F9853">
        <v>3</v>
      </c>
      <c r="G9853" t="s">
        <v>14</v>
      </c>
      <c r="H9853" t="s">
        <v>21653</v>
      </c>
      <c r="I9853" t="s">
        <v>30540</v>
      </c>
    </row>
    <row r="9854" spans="1:9">
      <c r="A9854" s="1">
        <v>0.10654195603771976</v>
      </c>
      <c r="B9854" s="1"/>
      <c r="C9854">
        <v>1</v>
      </c>
      <c r="D9854" t="s">
        <v>21646</v>
      </c>
      <c r="E9854" t="s">
        <v>33737</v>
      </c>
      <c r="F9854">
        <v>3</v>
      </c>
      <c r="G9854" t="s">
        <v>2</v>
      </c>
      <c r="H9854" t="s">
        <v>21647</v>
      </c>
      <c r="I9854" t="s">
        <v>30540</v>
      </c>
    </row>
    <row r="9855" spans="1:9">
      <c r="A9855" s="1">
        <v>0.53764101932229968</v>
      </c>
      <c r="B9855" s="1"/>
      <c r="C9855">
        <v>9</v>
      </c>
      <c r="D9855" t="s">
        <v>21640</v>
      </c>
      <c r="E9855" t="s">
        <v>33738</v>
      </c>
      <c r="F9855">
        <v>4</v>
      </c>
      <c r="G9855" t="s">
        <v>14</v>
      </c>
      <c r="H9855" t="s">
        <v>21641</v>
      </c>
      <c r="I9855" t="s">
        <v>30540</v>
      </c>
    </row>
    <row r="9856" spans="1:9">
      <c r="A9856" s="1">
        <v>0.36363905842784705</v>
      </c>
      <c r="B9856" s="1"/>
      <c r="C9856">
        <v>10</v>
      </c>
      <c r="D9856" t="s">
        <v>21642</v>
      </c>
      <c r="E9856" t="s">
        <v>33738</v>
      </c>
      <c r="F9856">
        <v>4</v>
      </c>
      <c r="G9856" t="s">
        <v>14</v>
      </c>
      <c r="H9856" t="s">
        <v>21643</v>
      </c>
      <c r="I9856" t="s">
        <v>30540</v>
      </c>
    </row>
    <row r="9857" spans="1:9">
      <c r="A9857" s="1">
        <v>0.44486889787506601</v>
      </c>
      <c r="B9857" s="1"/>
      <c r="C9857">
        <v>11</v>
      </c>
      <c r="D9857" t="s">
        <v>21644</v>
      </c>
      <c r="E9857" t="s">
        <v>33738</v>
      </c>
      <c r="F9857">
        <v>4</v>
      </c>
      <c r="G9857" t="s">
        <v>0</v>
      </c>
      <c r="H9857" t="s">
        <v>21645</v>
      </c>
      <c r="I9857" t="s">
        <v>30540</v>
      </c>
    </row>
    <row r="9858" spans="1:9">
      <c r="A9858" s="1">
        <v>0.94902015415237495</v>
      </c>
      <c r="B9858" s="1"/>
      <c r="C9858">
        <v>3</v>
      </c>
      <c r="D9858" t="s">
        <v>21638</v>
      </c>
      <c r="E9858" t="s">
        <v>33738</v>
      </c>
      <c r="F9858">
        <v>3</v>
      </c>
      <c r="G9858" t="s">
        <v>1</v>
      </c>
      <c r="H9858" t="s">
        <v>21639</v>
      </c>
      <c r="I9858" t="s">
        <v>30540</v>
      </c>
    </row>
    <row r="9859" spans="1:9">
      <c r="A9859" s="1">
        <v>3.134402949571935E-2</v>
      </c>
      <c r="B9859" s="1"/>
      <c r="C9859">
        <v>6</v>
      </c>
      <c r="D9859" t="s">
        <v>21632</v>
      </c>
      <c r="E9859" t="s">
        <v>33739</v>
      </c>
      <c r="F9859">
        <v>5</v>
      </c>
      <c r="G9859" t="s">
        <v>10</v>
      </c>
      <c r="H9859" t="s">
        <v>21633</v>
      </c>
      <c r="I9859" t="s">
        <v>30540</v>
      </c>
    </row>
    <row r="9860" spans="1:9">
      <c r="A9860" s="1">
        <v>0.97691174238817502</v>
      </c>
      <c r="B9860" s="1"/>
      <c r="C9860">
        <v>9</v>
      </c>
      <c r="D9860" t="s">
        <v>21634</v>
      </c>
      <c r="E9860" t="s">
        <v>33739</v>
      </c>
      <c r="F9860">
        <v>4</v>
      </c>
      <c r="G9860" t="s">
        <v>14</v>
      </c>
      <c r="H9860" t="s">
        <v>21635</v>
      </c>
      <c r="I9860" t="s">
        <v>30540</v>
      </c>
    </row>
    <row r="9861" spans="1:9">
      <c r="A9861" s="1">
        <v>0.12069068621795365</v>
      </c>
      <c r="B9861" s="1"/>
      <c r="C9861">
        <v>16</v>
      </c>
      <c r="D9861" t="s">
        <v>21636</v>
      </c>
      <c r="E9861" t="s">
        <v>33739</v>
      </c>
      <c r="F9861">
        <v>4</v>
      </c>
      <c r="G9861" t="s">
        <v>9</v>
      </c>
      <c r="H9861" t="s">
        <v>21637</v>
      </c>
      <c r="I9861" t="s">
        <v>30540</v>
      </c>
    </row>
    <row r="9862" spans="1:9">
      <c r="A9862" s="1">
        <v>0.8291376776899767</v>
      </c>
      <c r="B9862" s="1"/>
      <c r="C9862">
        <v>11</v>
      </c>
      <c r="D9862" t="s">
        <v>21628</v>
      </c>
      <c r="E9862" t="s">
        <v>33740</v>
      </c>
      <c r="F9862">
        <v>5</v>
      </c>
      <c r="G9862" t="s">
        <v>9</v>
      </c>
      <c r="H9862" t="s">
        <v>21629</v>
      </c>
      <c r="I9862" t="s">
        <v>30540</v>
      </c>
    </row>
    <row r="9863" spans="1:9">
      <c r="A9863" s="1">
        <v>0.94009145753193757</v>
      </c>
      <c r="B9863" s="1"/>
      <c r="C9863">
        <v>18</v>
      </c>
      <c r="D9863" t="s">
        <v>21630</v>
      </c>
      <c r="E9863" t="s">
        <v>33740</v>
      </c>
      <c r="F9863">
        <v>4</v>
      </c>
      <c r="G9863" t="s">
        <v>14</v>
      </c>
      <c r="H9863" t="s">
        <v>21631</v>
      </c>
      <c r="I9863" t="s">
        <v>30540</v>
      </c>
    </row>
    <row r="9864" spans="1:9">
      <c r="A9864" s="1">
        <v>0.65124506459933451</v>
      </c>
      <c r="B9864" s="1"/>
      <c r="C9864">
        <v>7</v>
      </c>
      <c r="D9864" t="s">
        <v>21624</v>
      </c>
      <c r="E9864" t="s">
        <v>33740</v>
      </c>
      <c r="F9864">
        <v>4</v>
      </c>
      <c r="G9864" t="s">
        <v>14</v>
      </c>
      <c r="H9864" t="s">
        <v>21625</v>
      </c>
      <c r="I9864" t="s">
        <v>30540</v>
      </c>
    </row>
    <row r="9865" spans="1:9">
      <c r="A9865" s="1">
        <v>9.8298244093169451E-2</v>
      </c>
      <c r="B9865" s="1"/>
      <c r="C9865">
        <v>10</v>
      </c>
      <c r="D9865" t="s">
        <v>21626</v>
      </c>
      <c r="E9865" t="s">
        <v>33740</v>
      </c>
      <c r="F9865">
        <v>4</v>
      </c>
      <c r="G9865" t="s">
        <v>14</v>
      </c>
      <c r="H9865" t="s">
        <v>21627</v>
      </c>
      <c r="I9865" t="s">
        <v>30540</v>
      </c>
    </row>
    <row r="9866" spans="1:9">
      <c r="A9866" s="1">
        <v>0.18184690027550476</v>
      </c>
      <c r="B9866" s="1"/>
      <c r="C9866">
        <v>8</v>
      </c>
      <c r="D9866" t="s">
        <v>21620</v>
      </c>
      <c r="E9866" t="s">
        <v>33741</v>
      </c>
      <c r="F9866">
        <v>4</v>
      </c>
      <c r="G9866" t="s">
        <v>9</v>
      </c>
      <c r="H9866" t="s">
        <v>21621</v>
      </c>
      <c r="I9866" t="s">
        <v>30540</v>
      </c>
    </row>
    <row r="9867" spans="1:9">
      <c r="A9867" s="1">
        <v>0.48909602213586389</v>
      </c>
      <c r="B9867" s="1"/>
      <c r="C9867">
        <v>10</v>
      </c>
      <c r="D9867" t="s">
        <v>21622</v>
      </c>
      <c r="E9867" t="s">
        <v>33741</v>
      </c>
      <c r="F9867">
        <v>4</v>
      </c>
      <c r="G9867" t="s">
        <v>14</v>
      </c>
      <c r="H9867" t="s">
        <v>21623</v>
      </c>
      <c r="I9867" t="s">
        <v>30540</v>
      </c>
    </row>
    <row r="9868" spans="1:9">
      <c r="A9868" s="1">
        <v>0.24908380353090276</v>
      </c>
      <c r="B9868" s="1"/>
      <c r="C9868">
        <v>6</v>
      </c>
      <c r="D9868" t="s">
        <v>21618</v>
      </c>
      <c r="E9868" t="s">
        <v>33741</v>
      </c>
      <c r="F9868">
        <v>4</v>
      </c>
      <c r="G9868" t="s">
        <v>1</v>
      </c>
      <c r="H9868" t="s">
        <v>21619</v>
      </c>
      <c r="I9868" t="s">
        <v>30540</v>
      </c>
    </row>
    <row r="9869" spans="1:9">
      <c r="A9869" s="1">
        <v>0.87531300447137028</v>
      </c>
      <c r="B9869" s="1"/>
      <c r="C9869">
        <v>14</v>
      </c>
      <c r="D9869" t="s">
        <v>21616</v>
      </c>
      <c r="E9869" t="s">
        <v>33742</v>
      </c>
      <c r="F9869">
        <v>5</v>
      </c>
      <c r="G9869" t="s">
        <v>14</v>
      </c>
      <c r="H9869" t="s">
        <v>21617</v>
      </c>
      <c r="I9869" t="s">
        <v>30540</v>
      </c>
    </row>
    <row r="9870" spans="1:9">
      <c r="A9870" s="1">
        <v>0.59603085383677801</v>
      </c>
      <c r="B9870" s="1"/>
      <c r="C9870">
        <v>6</v>
      </c>
      <c r="D9870" t="s">
        <v>21612</v>
      </c>
      <c r="E9870" t="s">
        <v>33742</v>
      </c>
      <c r="F9870">
        <v>4</v>
      </c>
      <c r="G9870" t="s">
        <v>14</v>
      </c>
      <c r="H9870" t="s">
        <v>21613</v>
      </c>
      <c r="I9870" t="s">
        <v>30540</v>
      </c>
    </row>
    <row r="9871" spans="1:9">
      <c r="A9871" s="1">
        <v>0.1026596896919566</v>
      </c>
      <c r="B9871" s="1"/>
      <c r="C9871">
        <v>4</v>
      </c>
      <c r="D9871" t="s">
        <v>21608</v>
      </c>
      <c r="E9871" t="s">
        <v>33742</v>
      </c>
      <c r="F9871">
        <v>4</v>
      </c>
      <c r="G9871" t="s">
        <v>10</v>
      </c>
      <c r="H9871" t="s">
        <v>21609</v>
      </c>
      <c r="I9871" t="s">
        <v>30540</v>
      </c>
    </row>
    <row r="9872" spans="1:9">
      <c r="A9872" s="1">
        <v>0.96010614841289144</v>
      </c>
      <c r="B9872" s="1"/>
      <c r="C9872">
        <v>11</v>
      </c>
      <c r="D9872" t="s">
        <v>21604</v>
      </c>
      <c r="E9872" t="s">
        <v>33743</v>
      </c>
      <c r="F9872">
        <v>5</v>
      </c>
      <c r="G9872" t="s">
        <v>3732</v>
      </c>
      <c r="H9872" t="s">
        <v>21605</v>
      </c>
      <c r="I9872" t="s">
        <v>30540</v>
      </c>
    </row>
    <row r="9873" spans="1:9">
      <c r="A9873" s="1">
        <v>0.9431483653372652</v>
      </c>
      <c r="B9873" s="1"/>
      <c r="C9873">
        <v>10</v>
      </c>
      <c r="D9873" t="s">
        <v>21602</v>
      </c>
      <c r="E9873" t="s">
        <v>33743</v>
      </c>
      <c r="F9873">
        <v>4</v>
      </c>
      <c r="G9873" t="s">
        <v>9</v>
      </c>
      <c r="H9873" t="s">
        <v>21603</v>
      </c>
      <c r="I9873" t="s">
        <v>30540</v>
      </c>
    </row>
    <row r="9874" spans="1:9">
      <c r="A9874" s="1">
        <v>0.35983351096304905</v>
      </c>
      <c r="B9874" s="1"/>
      <c r="C9874">
        <v>13</v>
      </c>
      <c r="D9874" t="s">
        <v>21606</v>
      </c>
      <c r="E9874" t="s">
        <v>33743</v>
      </c>
      <c r="F9874">
        <v>4</v>
      </c>
      <c r="G9874" t="s">
        <v>10</v>
      </c>
      <c r="H9874" t="s">
        <v>21607</v>
      </c>
      <c r="I9874" t="s">
        <v>30540</v>
      </c>
    </row>
    <row r="9875" spans="1:9">
      <c r="A9875" s="1">
        <v>0.43976597356416003</v>
      </c>
      <c r="B9875" s="1"/>
      <c r="C9875">
        <v>9</v>
      </c>
      <c r="D9875" t="s">
        <v>21596</v>
      </c>
      <c r="E9875" t="s">
        <v>33744</v>
      </c>
      <c r="F9875">
        <v>4</v>
      </c>
      <c r="G9875" t="s">
        <v>14</v>
      </c>
      <c r="H9875" t="s">
        <v>21597</v>
      </c>
      <c r="I9875" t="s">
        <v>30540</v>
      </c>
    </row>
    <row r="9876" spans="1:9">
      <c r="A9876" s="1">
        <v>0.18479124899097876</v>
      </c>
      <c r="B9876" s="1"/>
      <c r="C9876">
        <v>14</v>
      </c>
      <c r="D9876" t="s">
        <v>21600</v>
      </c>
      <c r="E9876" t="s">
        <v>33744</v>
      </c>
      <c r="F9876">
        <v>4</v>
      </c>
      <c r="G9876" t="s">
        <v>14</v>
      </c>
      <c r="H9876" t="s">
        <v>21601</v>
      </c>
      <c r="I9876" t="s">
        <v>30540</v>
      </c>
    </row>
    <row r="9877" spans="1:9">
      <c r="A9877" s="1">
        <v>0.10301191132468135</v>
      </c>
      <c r="B9877" s="1"/>
      <c r="C9877">
        <v>11</v>
      </c>
      <c r="D9877" t="s">
        <v>21598</v>
      </c>
      <c r="E9877" t="s">
        <v>33744</v>
      </c>
      <c r="F9877">
        <v>3</v>
      </c>
      <c r="G9877" t="s">
        <v>14</v>
      </c>
      <c r="H9877" t="s">
        <v>21599</v>
      </c>
      <c r="I9877" t="s">
        <v>30540</v>
      </c>
    </row>
    <row r="9878" spans="1:9">
      <c r="A9878" s="1">
        <v>0.82328911998618437</v>
      </c>
      <c r="B9878" s="1"/>
      <c r="C9878">
        <v>15</v>
      </c>
      <c r="D9878" t="s">
        <v>21594</v>
      </c>
      <c r="E9878" t="s">
        <v>33745</v>
      </c>
      <c r="F9878">
        <v>4</v>
      </c>
      <c r="G9878" t="s">
        <v>10</v>
      </c>
      <c r="H9878" t="s">
        <v>21595</v>
      </c>
      <c r="I9878" t="s">
        <v>30540</v>
      </c>
    </row>
    <row r="9879" spans="1:9">
      <c r="A9879" s="1">
        <v>0.23349611084534072</v>
      </c>
      <c r="B9879" s="1"/>
      <c r="C9879">
        <v>11</v>
      </c>
      <c r="D9879" t="s">
        <v>21592</v>
      </c>
      <c r="E9879" t="s">
        <v>33745</v>
      </c>
      <c r="F9879">
        <v>3</v>
      </c>
      <c r="G9879" t="s">
        <v>10</v>
      </c>
      <c r="H9879" t="s">
        <v>21593</v>
      </c>
      <c r="I9879" t="s">
        <v>30540</v>
      </c>
    </row>
    <row r="9880" spans="1:9">
      <c r="A9880" s="1">
        <v>0.65398054902592828</v>
      </c>
      <c r="B9880" s="1"/>
      <c r="C9880">
        <v>13</v>
      </c>
      <c r="D9880" t="s">
        <v>21584</v>
      </c>
      <c r="E9880" t="s">
        <v>33746</v>
      </c>
      <c r="F9880">
        <v>5</v>
      </c>
      <c r="G9880" t="s">
        <v>14</v>
      </c>
      <c r="H9880" t="s">
        <v>21585</v>
      </c>
      <c r="I9880" t="s">
        <v>30540</v>
      </c>
    </row>
    <row r="9881" spans="1:9">
      <c r="A9881" s="1">
        <v>0.96440574409468371</v>
      </c>
      <c r="B9881" s="1"/>
      <c r="C9881">
        <v>9</v>
      </c>
      <c r="D9881" t="s">
        <v>21582</v>
      </c>
      <c r="E9881" t="s">
        <v>33746</v>
      </c>
      <c r="F9881">
        <v>4</v>
      </c>
      <c r="G9881" t="s">
        <v>14</v>
      </c>
      <c r="H9881" t="s">
        <v>21583</v>
      </c>
      <c r="I9881" t="s">
        <v>30540</v>
      </c>
    </row>
    <row r="9882" spans="1:9">
      <c r="A9882" s="1">
        <v>0.2863268356262969</v>
      </c>
      <c r="B9882" s="1"/>
      <c r="C9882">
        <v>14</v>
      </c>
      <c r="D9882" t="s">
        <v>21586</v>
      </c>
      <c r="E9882" t="s">
        <v>33746</v>
      </c>
      <c r="F9882">
        <v>4</v>
      </c>
      <c r="G9882" t="s">
        <v>14</v>
      </c>
      <c r="H9882" t="s">
        <v>21587</v>
      </c>
      <c r="I9882" t="s">
        <v>30540</v>
      </c>
    </row>
    <row r="9883" spans="1:9">
      <c r="A9883" s="1">
        <v>0.57089846414047862</v>
      </c>
      <c r="B9883" s="1"/>
      <c r="C9883">
        <v>6</v>
      </c>
      <c r="D9883" t="s">
        <v>21580</v>
      </c>
      <c r="E9883" t="s">
        <v>33746</v>
      </c>
      <c r="F9883">
        <v>4</v>
      </c>
      <c r="G9883" t="s">
        <v>9</v>
      </c>
      <c r="H9883" t="s">
        <v>21581</v>
      </c>
      <c r="I9883" t="s">
        <v>30540</v>
      </c>
    </row>
    <row r="9884" spans="1:9">
      <c r="A9884" s="1">
        <v>0.48792329405224488</v>
      </c>
      <c r="B9884" s="1"/>
      <c r="C9884">
        <v>4</v>
      </c>
      <c r="D9884" t="s">
        <v>21578</v>
      </c>
      <c r="E9884" t="s">
        <v>33746</v>
      </c>
      <c r="F9884">
        <v>4</v>
      </c>
      <c r="G9884" t="s">
        <v>14</v>
      </c>
      <c r="H9884" t="s">
        <v>21579</v>
      </c>
      <c r="I9884" t="s">
        <v>30540</v>
      </c>
    </row>
    <row r="9885" spans="1:9">
      <c r="A9885" s="1">
        <v>0.35454219029489209</v>
      </c>
      <c r="B9885" s="1"/>
      <c r="C9885">
        <v>15</v>
      </c>
      <c r="D9885" t="s">
        <v>21588</v>
      </c>
      <c r="E9885" t="s">
        <v>33746</v>
      </c>
      <c r="F9885">
        <v>4</v>
      </c>
      <c r="G9885" t="s">
        <v>14</v>
      </c>
      <c r="H9885" t="s">
        <v>21589</v>
      </c>
      <c r="I9885" t="s">
        <v>30540</v>
      </c>
    </row>
    <row r="9886" spans="1:9">
      <c r="A9886" s="1">
        <v>0.3780915841298953</v>
      </c>
      <c r="B9886" s="1"/>
      <c r="C9886">
        <v>17</v>
      </c>
      <c r="D9886" t="s">
        <v>21576</v>
      </c>
      <c r="E9886" t="s">
        <v>33747</v>
      </c>
      <c r="F9886">
        <v>5</v>
      </c>
      <c r="G9886" t="s">
        <v>14</v>
      </c>
      <c r="H9886" t="s">
        <v>21577</v>
      </c>
      <c r="I9886" t="s">
        <v>30540</v>
      </c>
    </row>
    <row r="9887" spans="1:9">
      <c r="A9887" s="1">
        <v>0.92874475041293658</v>
      </c>
      <c r="B9887" s="1"/>
      <c r="C9887">
        <v>7</v>
      </c>
      <c r="D9887" t="s">
        <v>21568</v>
      </c>
      <c r="E9887" t="s">
        <v>33747</v>
      </c>
      <c r="F9887">
        <v>4</v>
      </c>
      <c r="G9887" t="s">
        <v>14</v>
      </c>
      <c r="H9887" t="s">
        <v>21569</v>
      </c>
      <c r="I9887" t="s">
        <v>30540</v>
      </c>
    </row>
    <row r="9888" spans="1:9">
      <c r="A9888" s="1">
        <v>0.26488869019402761</v>
      </c>
      <c r="B9888" s="1"/>
      <c r="C9888">
        <v>14</v>
      </c>
      <c r="D9888" t="s">
        <v>21574</v>
      </c>
      <c r="E9888" t="s">
        <v>33747</v>
      </c>
      <c r="F9888">
        <v>4</v>
      </c>
      <c r="G9888" t="s">
        <v>14</v>
      </c>
      <c r="H9888" t="s">
        <v>21575</v>
      </c>
      <c r="I9888" t="s">
        <v>30540</v>
      </c>
    </row>
    <row r="9889" spans="1:9">
      <c r="A9889" s="1">
        <v>0.74432969935875171</v>
      </c>
      <c r="B9889" s="1"/>
      <c r="C9889">
        <v>10</v>
      </c>
      <c r="D9889" t="s">
        <v>21570</v>
      </c>
      <c r="E9889" t="s">
        <v>33747</v>
      </c>
      <c r="F9889">
        <v>4</v>
      </c>
      <c r="G9889" t="s">
        <v>14</v>
      </c>
      <c r="H9889" t="s">
        <v>21571</v>
      </c>
      <c r="I9889" t="s">
        <v>30540</v>
      </c>
    </row>
    <row r="9890" spans="1:9">
      <c r="A9890" s="1">
        <v>0.14783148482868902</v>
      </c>
      <c r="B9890" s="1"/>
      <c r="C9890">
        <v>12</v>
      </c>
      <c r="D9890" t="s">
        <v>21572</v>
      </c>
      <c r="E9890" t="s">
        <v>33747</v>
      </c>
      <c r="F9890">
        <v>3</v>
      </c>
      <c r="G9890" t="s">
        <v>14</v>
      </c>
      <c r="H9890" t="s">
        <v>21573</v>
      </c>
      <c r="I9890" t="s">
        <v>30540</v>
      </c>
    </row>
    <row r="9891" spans="1:9">
      <c r="A9891" s="1">
        <v>4.8842349175540756E-3</v>
      </c>
      <c r="B9891" s="1"/>
      <c r="C9891">
        <v>12</v>
      </c>
      <c r="D9891" t="s">
        <v>21562</v>
      </c>
      <c r="E9891" t="s">
        <v>33748</v>
      </c>
      <c r="F9891">
        <v>5</v>
      </c>
      <c r="G9891" t="s">
        <v>14</v>
      </c>
      <c r="H9891" t="s">
        <v>21563</v>
      </c>
      <c r="I9891" t="s">
        <v>30540</v>
      </c>
    </row>
    <row r="9892" spans="1:9">
      <c r="A9892" s="1">
        <v>0.46597327483740825</v>
      </c>
      <c r="B9892" s="1"/>
      <c r="C9892">
        <v>16</v>
      </c>
      <c r="D9892" t="s">
        <v>21564</v>
      </c>
      <c r="E9892" t="s">
        <v>33748</v>
      </c>
      <c r="F9892">
        <v>4</v>
      </c>
      <c r="G9892" t="s">
        <v>774</v>
      </c>
      <c r="H9892" t="s">
        <v>21565</v>
      </c>
      <c r="I9892" t="s">
        <v>30540</v>
      </c>
    </row>
    <row r="9893" spans="1:9">
      <c r="A9893" s="1">
        <v>0.44604183936698727</v>
      </c>
      <c r="B9893" s="1"/>
      <c r="C9893">
        <v>19</v>
      </c>
      <c r="D9893" t="s">
        <v>21566</v>
      </c>
      <c r="E9893" t="s">
        <v>33748</v>
      </c>
      <c r="F9893">
        <v>4</v>
      </c>
      <c r="G9893" t="s">
        <v>14</v>
      </c>
      <c r="H9893" t="s">
        <v>21567</v>
      </c>
      <c r="I9893" t="s">
        <v>30540</v>
      </c>
    </row>
    <row r="9894" spans="1:9">
      <c r="A9894" s="1">
        <v>0.52893006463530678</v>
      </c>
      <c r="B9894" s="1"/>
      <c r="C9894">
        <v>3</v>
      </c>
      <c r="D9894" t="s">
        <v>21558</v>
      </c>
      <c r="E9894" t="s">
        <v>33748</v>
      </c>
      <c r="F9894">
        <v>4</v>
      </c>
      <c r="G9894" t="s">
        <v>2</v>
      </c>
      <c r="H9894" t="s">
        <v>21559</v>
      </c>
      <c r="I9894" t="s">
        <v>30540</v>
      </c>
    </row>
    <row r="9895" spans="1:9">
      <c r="A9895" s="1">
        <v>0.96394896442924438</v>
      </c>
      <c r="B9895" s="1"/>
      <c r="C9895">
        <v>9</v>
      </c>
      <c r="D9895" t="s">
        <v>21560</v>
      </c>
      <c r="E9895" t="s">
        <v>33748</v>
      </c>
      <c r="F9895">
        <v>4</v>
      </c>
      <c r="G9895" t="s">
        <v>13</v>
      </c>
      <c r="H9895" t="s">
        <v>21561</v>
      </c>
      <c r="I9895" t="s">
        <v>30540</v>
      </c>
    </row>
    <row r="9896" spans="1:9">
      <c r="A9896" s="1">
        <v>0.24645239874729796</v>
      </c>
      <c r="B9896" s="1"/>
      <c r="C9896">
        <v>14</v>
      </c>
      <c r="D9896" t="s">
        <v>21556</v>
      </c>
      <c r="E9896" t="s">
        <v>33749</v>
      </c>
      <c r="F9896">
        <v>4</v>
      </c>
      <c r="G9896" t="s">
        <v>14</v>
      </c>
      <c r="H9896" t="s">
        <v>21557</v>
      </c>
      <c r="I9896" t="s">
        <v>30540</v>
      </c>
    </row>
    <row r="9897" spans="1:9">
      <c r="A9897" s="1">
        <v>0.43093298319906692</v>
      </c>
      <c r="B9897" s="1"/>
      <c r="C9897">
        <v>12</v>
      </c>
      <c r="D9897" t="s">
        <v>21554</v>
      </c>
      <c r="E9897" t="s">
        <v>33749</v>
      </c>
      <c r="F9897">
        <v>4</v>
      </c>
      <c r="G9897" t="s">
        <v>1</v>
      </c>
      <c r="H9897" t="s">
        <v>21555</v>
      </c>
      <c r="I9897" t="s">
        <v>30540</v>
      </c>
    </row>
    <row r="9898" spans="1:9">
      <c r="A9898" s="1">
        <v>0.33297170104983997</v>
      </c>
      <c r="B9898" s="1"/>
      <c r="C9898">
        <v>10</v>
      </c>
      <c r="D9898" t="s">
        <v>21552</v>
      </c>
      <c r="E9898" t="s">
        <v>33749</v>
      </c>
      <c r="F9898">
        <v>3</v>
      </c>
      <c r="G9898" t="s">
        <v>14</v>
      </c>
      <c r="H9898" t="s">
        <v>21553</v>
      </c>
      <c r="I9898" t="s">
        <v>30540</v>
      </c>
    </row>
    <row r="9899" spans="1:9">
      <c r="A9899" s="1">
        <v>0.3547561837261427</v>
      </c>
      <c r="B9899" s="1"/>
      <c r="C9899">
        <v>11</v>
      </c>
      <c r="D9899" t="s">
        <v>21548</v>
      </c>
      <c r="E9899" t="s">
        <v>33750</v>
      </c>
      <c r="F9899">
        <v>4</v>
      </c>
      <c r="G9899" t="s">
        <v>14</v>
      </c>
      <c r="H9899" t="s">
        <v>21549</v>
      </c>
      <c r="I9899" t="s">
        <v>30540</v>
      </c>
    </row>
    <row r="9900" spans="1:9">
      <c r="A9900" s="1">
        <v>0.81837936430156699</v>
      </c>
      <c r="B9900" s="1"/>
      <c r="C9900">
        <v>15</v>
      </c>
      <c r="D9900" t="s">
        <v>21550</v>
      </c>
      <c r="E9900" t="s">
        <v>33750</v>
      </c>
      <c r="F9900">
        <v>4</v>
      </c>
      <c r="G9900" t="s">
        <v>14</v>
      </c>
      <c r="H9900" t="s">
        <v>21551</v>
      </c>
      <c r="I9900" t="s">
        <v>30540</v>
      </c>
    </row>
    <row r="9901" spans="1:9">
      <c r="A9901" s="1">
        <v>0.4932225111219346</v>
      </c>
      <c r="B9901" s="1"/>
      <c r="C9901">
        <v>20</v>
      </c>
      <c r="D9901" t="s">
        <v>21546</v>
      </c>
      <c r="E9901" t="s">
        <v>33751</v>
      </c>
      <c r="F9901">
        <v>4</v>
      </c>
      <c r="G9901" t="s">
        <v>1</v>
      </c>
      <c r="H9901" t="s">
        <v>21547</v>
      </c>
      <c r="I9901" t="s">
        <v>30540</v>
      </c>
    </row>
    <row r="9902" spans="1:9">
      <c r="A9902" s="1">
        <v>0.61407182078272782</v>
      </c>
      <c r="B9902" s="1"/>
      <c r="C9902">
        <v>19</v>
      </c>
      <c r="D9902" t="s">
        <v>21544</v>
      </c>
      <c r="E9902" t="s">
        <v>33751</v>
      </c>
      <c r="F9902">
        <v>4</v>
      </c>
      <c r="G9902" t="s">
        <v>2</v>
      </c>
      <c r="H9902" t="s">
        <v>21545</v>
      </c>
      <c r="I9902" t="s">
        <v>30540</v>
      </c>
    </row>
    <row r="9903" spans="1:9">
      <c r="A9903" s="1">
        <v>9.6056202708788119E-2</v>
      </c>
      <c r="B9903" s="1"/>
      <c r="C9903">
        <v>17</v>
      </c>
      <c r="D9903" t="s">
        <v>21542</v>
      </c>
      <c r="E9903" t="s">
        <v>33751</v>
      </c>
      <c r="F9903">
        <v>3</v>
      </c>
      <c r="G9903" t="s">
        <v>14</v>
      </c>
      <c r="H9903" t="s">
        <v>21543</v>
      </c>
      <c r="I9903" t="s">
        <v>30540</v>
      </c>
    </row>
    <row r="9904" spans="1:9">
      <c r="A9904" s="1">
        <v>0.20880578645496051</v>
      </c>
      <c r="B9904" s="1"/>
      <c r="C9904">
        <v>12</v>
      </c>
      <c r="D9904" t="s">
        <v>21538</v>
      </c>
      <c r="E9904" t="s">
        <v>33752</v>
      </c>
      <c r="F9904">
        <v>4</v>
      </c>
      <c r="G9904" t="s">
        <v>1</v>
      </c>
      <c r="H9904" t="s">
        <v>21539</v>
      </c>
      <c r="I9904" t="s">
        <v>30540</v>
      </c>
    </row>
    <row r="9905" spans="1:9">
      <c r="A9905" s="1">
        <v>0.69644808134398284</v>
      </c>
      <c r="B9905" s="1"/>
      <c r="C9905">
        <v>13</v>
      </c>
      <c r="D9905" t="s">
        <v>21540</v>
      </c>
      <c r="E9905" t="s">
        <v>33752</v>
      </c>
      <c r="F9905">
        <v>4</v>
      </c>
      <c r="G9905" t="s">
        <v>14</v>
      </c>
      <c r="H9905" t="s">
        <v>21541</v>
      </c>
      <c r="I9905" t="s">
        <v>30540</v>
      </c>
    </row>
    <row r="9906" spans="1:9">
      <c r="A9906" s="1">
        <v>0.6969679470651674</v>
      </c>
      <c r="B9906" s="1"/>
      <c r="C9906">
        <v>9</v>
      </c>
      <c r="D9906" t="s">
        <v>21534</v>
      </c>
      <c r="E9906" t="s">
        <v>33753</v>
      </c>
      <c r="F9906">
        <v>4</v>
      </c>
      <c r="G9906" t="s">
        <v>14</v>
      </c>
      <c r="H9906" t="s">
        <v>21535</v>
      </c>
      <c r="I9906" t="s">
        <v>30540</v>
      </c>
    </row>
    <row r="9907" spans="1:9">
      <c r="A9907" s="1">
        <v>0.8045692535009128</v>
      </c>
      <c r="B9907" s="1"/>
      <c r="C9907">
        <v>7</v>
      </c>
      <c r="D9907" t="s">
        <v>21532</v>
      </c>
      <c r="E9907" t="s">
        <v>33753</v>
      </c>
      <c r="F9907">
        <v>4</v>
      </c>
      <c r="G9907" t="s">
        <v>10</v>
      </c>
      <c r="H9907" t="s">
        <v>21533</v>
      </c>
      <c r="I9907" t="s">
        <v>30540</v>
      </c>
    </row>
    <row r="9908" spans="1:9">
      <c r="A9908" s="1">
        <v>0.13645048974367424</v>
      </c>
      <c r="B9908" s="1"/>
      <c r="C9908">
        <v>9</v>
      </c>
      <c r="D9908" t="s">
        <v>21526</v>
      </c>
      <c r="E9908" t="s">
        <v>33754</v>
      </c>
      <c r="F9908">
        <v>5</v>
      </c>
      <c r="G9908" t="s">
        <v>9</v>
      </c>
      <c r="H9908" t="s">
        <v>21527</v>
      </c>
      <c r="I9908" t="s">
        <v>30540</v>
      </c>
    </row>
    <row r="9909" spans="1:9">
      <c r="A9909" s="1">
        <v>0.2065308205180425</v>
      </c>
      <c r="B9909" s="1"/>
      <c r="C9909">
        <v>16</v>
      </c>
      <c r="D9909" t="s">
        <v>21530</v>
      </c>
      <c r="E9909" t="s">
        <v>33754</v>
      </c>
      <c r="F9909">
        <v>5</v>
      </c>
      <c r="G9909" t="s">
        <v>14</v>
      </c>
      <c r="H9909" t="s">
        <v>21531</v>
      </c>
      <c r="I9909" t="s">
        <v>30540</v>
      </c>
    </row>
    <row r="9910" spans="1:9">
      <c r="A9910" s="1">
        <v>0.37651140331536126</v>
      </c>
      <c r="B9910" s="1"/>
      <c r="C9910">
        <v>3</v>
      </c>
      <c r="D9910" t="s">
        <v>21522</v>
      </c>
      <c r="E9910" t="s">
        <v>33754</v>
      </c>
      <c r="F9910">
        <v>4</v>
      </c>
      <c r="G9910" t="s">
        <v>14</v>
      </c>
      <c r="H9910" t="s">
        <v>21523</v>
      </c>
      <c r="I9910" t="s">
        <v>30540</v>
      </c>
    </row>
    <row r="9911" spans="1:9">
      <c r="A9911" s="1">
        <v>0.50715023725602137</v>
      </c>
      <c r="B9911" s="1"/>
      <c r="C9911">
        <v>5</v>
      </c>
      <c r="D9911" t="s">
        <v>21524</v>
      </c>
      <c r="E9911" t="s">
        <v>33754</v>
      </c>
      <c r="F9911">
        <v>3</v>
      </c>
      <c r="G9911" t="s">
        <v>9</v>
      </c>
      <c r="H9911" t="s">
        <v>21525</v>
      </c>
      <c r="I9911" t="s">
        <v>30540</v>
      </c>
    </row>
    <row r="9912" spans="1:9">
      <c r="A9912" s="1">
        <v>1.9405605801969927E-2</v>
      </c>
      <c r="B9912" s="1"/>
      <c r="C9912">
        <v>6</v>
      </c>
      <c r="D9912" t="s">
        <v>21514</v>
      </c>
      <c r="E9912" t="s">
        <v>33755</v>
      </c>
      <c r="F9912">
        <v>4</v>
      </c>
      <c r="G9912" t="s">
        <v>15</v>
      </c>
      <c r="H9912" t="s">
        <v>21515</v>
      </c>
      <c r="I9912" t="s">
        <v>30540</v>
      </c>
    </row>
    <row r="9913" spans="1:9">
      <c r="A9913" s="1">
        <v>0.75914215717072597</v>
      </c>
      <c r="B9913" s="1"/>
      <c r="C9913">
        <v>15</v>
      </c>
      <c r="D9913" t="s">
        <v>21518</v>
      </c>
      <c r="E9913" t="s">
        <v>33755</v>
      </c>
      <c r="F9913">
        <v>4</v>
      </c>
      <c r="G9913" t="s">
        <v>14</v>
      </c>
      <c r="H9913" t="s">
        <v>21519</v>
      </c>
      <c r="I9913" t="s">
        <v>30540</v>
      </c>
    </row>
    <row r="9914" spans="1:9">
      <c r="A9914" s="1">
        <v>0.67452332639686685</v>
      </c>
      <c r="B9914" s="1"/>
      <c r="C9914">
        <v>2</v>
      </c>
      <c r="D9914" t="s">
        <v>21508</v>
      </c>
      <c r="E9914" t="s">
        <v>33755</v>
      </c>
      <c r="F9914">
        <v>4</v>
      </c>
      <c r="G9914" t="s">
        <v>1</v>
      </c>
      <c r="H9914" t="s">
        <v>21509</v>
      </c>
      <c r="I9914" t="s">
        <v>30540</v>
      </c>
    </row>
    <row r="9915" spans="1:9">
      <c r="A9915" s="1">
        <v>0.19189840286619175</v>
      </c>
      <c r="B9915" s="1"/>
      <c r="C9915">
        <v>11</v>
      </c>
      <c r="D9915" t="s">
        <v>21516</v>
      </c>
      <c r="E9915" t="s">
        <v>33755</v>
      </c>
      <c r="F9915">
        <v>4</v>
      </c>
      <c r="G9915" t="s">
        <v>13</v>
      </c>
      <c r="H9915" t="s">
        <v>21517</v>
      </c>
      <c r="I9915" t="s">
        <v>30540</v>
      </c>
    </row>
    <row r="9916" spans="1:9">
      <c r="A9916" s="1">
        <v>3.821745506561891E-2</v>
      </c>
      <c r="B9916" s="1"/>
      <c r="C9916">
        <v>18</v>
      </c>
      <c r="D9916" t="s">
        <v>21520</v>
      </c>
      <c r="E9916" t="s">
        <v>33755</v>
      </c>
      <c r="F9916">
        <v>4</v>
      </c>
      <c r="G9916" t="s">
        <v>14</v>
      </c>
      <c r="H9916" t="s">
        <v>21521</v>
      </c>
      <c r="I9916" t="s">
        <v>30540</v>
      </c>
    </row>
    <row r="9917" spans="1:9">
      <c r="A9917" s="1">
        <v>6.195334151506493E-2</v>
      </c>
      <c r="B9917" s="1"/>
      <c r="C9917">
        <v>3</v>
      </c>
      <c r="D9917" t="s">
        <v>21510</v>
      </c>
      <c r="E9917" t="s">
        <v>33755</v>
      </c>
      <c r="F9917">
        <v>4</v>
      </c>
      <c r="G9917" t="s">
        <v>14</v>
      </c>
      <c r="H9917" t="s">
        <v>21511</v>
      </c>
      <c r="I9917" t="s">
        <v>30540</v>
      </c>
    </row>
    <row r="9918" spans="1:9">
      <c r="A9918" s="1">
        <v>0.6429943971476445</v>
      </c>
      <c r="B9918" s="1"/>
      <c r="C9918">
        <v>5</v>
      </c>
      <c r="D9918" t="s">
        <v>21498</v>
      </c>
      <c r="E9918" t="s">
        <v>33756</v>
      </c>
      <c r="F9918">
        <v>5</v>
      </c>
      <c r="G9918" t="s">
        <v>9</v>
      </c>
      <c r="H9918" t="s">
        <v>21499</v>
      </c>
      <c r="I9918" t="s">
        <v>30540</v>
      </c>
    </row>
    <row r="9919" spans="1:9">
      <c r="A9919" s="1">
        <v>0.54245853945207967</v>
      </c>
      <c r="B9919" s="1"/>
      <c r="C9919">
        <v>6</v>
      </c>
      <c r="D9919" t="s">
        <v>21500</v>
      </c>
      <c r="E9919" t="s">
        <v>33756</v>
      </c>
      <c r="F9919">
        <v>4</v>
      </c>
      <c r="G9919" t="s">
        <v>14</v>
      </c>
      <c r="H9919" t="s">
        <v>21501</v>
      </c>
      <c r="I9919" t="s">
        <v>30540</v>
      </c>
    </row>
    <row r="9920" spans="1:9">
      <c r="A9920" s="1">
        <v>0.95960824030611347</v>
      </c>
      <c r="B9920" s="1"/>
      <c r="C9920">
        <v>14</v>
      </c>
      <c r="D9920" t="s">
        <v>21504</v>
      </c>
      <c r="E9920" t="s">
        <v>33756</v>
      </c>
      <c r="F9920">
        <v>4</v>
      </c>
      <c r="G9920" t="s">
        <v>0</v>
      </c>
      <c r="H9920" t="s">
        <v>21505</v>
      </c>
      <c r="I9920" t="s">
        <v>30540</v>
      </c>
    </row>
    <row r="9921" spans="1:9">
      <c r="A9921" s="1">
        <v>0.76886067250647161</v>
      </c>
      <c r="B9921" s="1"/>
      <c r="C9921">
        <v>15</v>
      </c>
      <c r="D9921" t="s">
        <v>21506</v>
      </c>
      <c r="E9921" t="s">
        <v>33756</v>
      </c>
      <c r="F9921">
        <v>4</v>
      </c>
      <c r="G9921" t="s">
        <v>14</v>
      </c>
      <c r="H9921" t="s">
        <v>21507</v>
      </c>
      <c r="I9921" t="s">
        <v>30540</v>
      </c>
    </row>
    <row r="9922" spans="1:9">
      <c r="A9922" s="1">
        <v>0.78527940022716269</v>
      </c>
      <c r="B9922" s="1"/>
      <c r="C9922">
        <v>10</v>
      </c>
      <c r="D9922" t="s">
        <v>21492</v>
      </c>
      <c r="E9922" t="s">
        <v>33757</v>
      </c>
      <c r="F9922">
        <v>5</v>
      </c>
      <c r="G9922" t="s">
        <v>14</v>
      </c>
      <c r="H9922" t="s">
        <v>21493</v>
      </c>
      <c r="I9922" t="s">
        <v>30540</v>
      </c>
    </row>
    <row r="9923" spans="1:9">
      <c r="A9923" s="1">
        <v>0.28355122558771839</v>
      </c>
      <c r="B9923" s="1"/>
      <c r="C9923">
        <v>19</v>
      </c>
      <c r="D9923" t="s">
        <v>21496</v>
      </c>
      <c r="E9923" t="s">
        <v>33757</v>
      </c>
      <c r="F9923">
        <v>4</v>
      </c>
      <c r="G9923" t="s">
        <v>14</v>
      </c>
      <c r="H9923" t="s">
        <v>21497</v>
      </c>
      <c r="I9923" t="s">
        <v>30540</v>
      </c>
    </row>
    <row r="9924" spans="1:9">
      <c r="A9924" s="1">
        <v>0.87077753607217556</v>
      </c>
      <c r="B9924" s="1"/>
      <c r="C9924">
        <v>4</v>
      </c>
      <c r="D9924" t="s">
        <v>21490</v>
      </c>
      <c r="E9924" t="s">
        <v>33757</v>
      </c>
      <c r="F9924">
        <v>3</v>
      </c>
      <c r="G9924" t="s">
        <v>2</v>
      </c>
      <c r="H9924" t="s">
        <v>21491</v>
      </c>
      <c r="I9924" t="s">
        <v>30540</v>
      </c>
    </row>
    <row r="9925" spans="1:9">
      <c r="A9925" s="1">
        <v>0.72507164047624184</v>
      </c>
      <c r="B9925" s="1"/>
      <c r="C9925">
        <v>11</v>
      </c>
      <c r="D9925" t="s">
        <v>21494</v>
      </c>
      <c r="E9925" t="s">
        <v>33757</v>
      </c>
      <c r="F9925">
        <v>3</v>
      </c>
      <c r="G9925" t="s">
        <v>0</v>
      </c>
      <c r="H9925" t="s">
        <v>21495</v>
      </c>
      <c r="I9925" t="s">
        <v>30540</v>
      </c>
    </row>
    <row r="9926" spans="1:9">
      <c r="A9926" s="1">
        <v>0.49515553425913317</v>
      </c>
      <c r="B9926" s="1"/>
      <c r="C9926">
        <v>9</v>
      </c>
      <c r="D9926" t="s">
        <v>21484</v>
      </c>
      <c r="E9926" t="s">
        <v>33758</v>
      </c>
      <c r="F9926">
        <v>5</v>
      </c>
      <c r="G9926" t="s">
        <v>771</v>
      </c>
      <c r="H9926" t="s">
        <v>21485</v>
      </c>
      <c r="I9926" t="s">
        <v>30540</v>
      </c>
    </row>
    <row r="9927" spans="1:9">
      <c r="A9927" s="1">
        <v>0.69738381578448039</v>
      </c>
      <c r="B9927" s="1"/>
      <c r="C9927">
        <v>20</v>
      </c>
      <c r="D9927" t="s">
        <v>21488</v>
      </c>
      <c r="E9927" t="s">
        <v>33758</v>
      </c>
      <c r="F9927">
        <v>4</v>
      </c>
      <c r="G9927" t="s">
        <v>14</v>
      </c>
      <c r="H9927" t="s">
        <v>21489</v>
      </c>
      <c r="I9927" t="s">
        <v>30540</v>
      </c>
    </row>
    <row r="9928" spans="1:9">
      <c r="A9928" s="1">
        <v>0.97295634521031205</v>
      </c>
      <c r="B9928" s="1"/>
      <c r="C9928">
        <v>15</v>
      </c>
      <c r="D9928" t="s">
        <v>21486</v>
      </c>
      <c r="E9928" t="s">
        <v>33758</v>
      </c>
      <c r="F9928">
        <v>4</v>
      </c>
      <c r="G9928" t="s">
        <v>2</v>
      </c>
      <c r="H9928" t="s">
        <v>21487</v>
      </c>
      <c r="I9928" t="s">
        <v>30540</v>
      </c>
    </row>
    <row r="9929" spans="1:9">
      <c r="A9929" s="1">
        <v>0.93046678008632477</v>
      </c>
      <c r="B9929" s="1"/>
      <c r="C9929">
        <v>12</v>
      </c>
      <c r="D9929" t="s">
        <v>21482</v>
      </c>
      <c r="E9929" t="s">
        <v>33759</v>
      </c>
      <c r="F9929">
        <v>5</v>
      </c>
      <c r="G9929" t="s">
        <v>10</v>
      </c>
      <c r="H9929" t="s">
        <v>21483</v>
      </c>
      <c r="I9929" t="s">
        <v>30540</v>
      </c>
    </row>
    <row r="9930" spans="1:9">
      <c r="A9930" s="1">
        <v>0.32219203401305552</v>
      </c>
      <c r="B9930" s="1"/>
      <c r="C9930">
        <v>5</v>
      </c>
      <c r="D9930" t="s">
        <v>21478</v>
      </c>
      <c r="E9930" t="s">
        <v>33759</v>
      </c>
      <c r="F9930">
        <v>4</v>
      </c>
      <c r="G9930" t="s">
        <v>14</v>
      </c>
      <c r="H9930" t="s">
        <v>21479</v>
      </c>
      <c r="I9930" t="s">
        <v>30540</v>
      </c>
    </row>
    <row r="9931" spans="1:9">
      <c r="A9931" s="1">
        <v>0.4823932370029439</v>
      </c>
      <c r="B9931" s="1"/>
      <c r="C9931">
        <v>2</v>
      </c>
      <c r="D9931" t="s">
        <v>21476</v>
      </c>
      <c r="E9931" t="s">
        <v>33759</v>
      </c>
      <c r="F9931">
        <v>4</v>
      </c>
      <c r="G9931" t="s">
        <v>9</v>
      </c>
      <c r="H9931" t="s">
        <v>21477</v>
      </c>
      <c r="I9931" t="s">
        <v>30540</v>
      </c>
    </row>
    <row r="9932" spans="1:9">
      <c r="A9932" s="1">
        <v>0.11947330393038202</v>
      </c>
      <c r="B9932" s="1"/>
      <c r="C9932">
        <v>10</v>
      </c>
      <c r="D9932" t="s">
        <v>21480</v>
      </c>
      <c r="E9932" t="s">
        <v>33759</v>
      </c>
      <c r="F9932">
        <v>4</v>
      </c>
      <c r="G9932" t="s">
        <v>10</v>
      </c>
      <c r="H9932" t="s">
        <v>21481</v>
      </c>
      <c r="I9932" t="s">
        <v>30540</v>
      </c>
    </row>
    <row r="9933" spans="1:9">
      <c r="A9933" s="1">
        <v>0.26173607313047031</v>
      </c>
      <c r="B9933" s="1"/>
      <c r="C9933">
        <v>18</v>
      </c>
      <c r="D9933" t="s">
        <v>21474</v>
      </c>
      <c r="E9933" t="s">
        <v>33760</v>
      </c>
      <c r="F9933">
        <v>5</v>
      </c>
      <c r="G9933" t="s">
        <v>14</v>
      </c>
      <c r="H9933" t="s">
        <v>21475</v>
      </c>
      <c r="I9933" t="s">
        <v>30540</v>
      </c>
    </row>
    <row r="9934" spans="1:9">
      <c r="A9934" s="1">
        <v>0.84468366667111472</v>
      </c>
      <c r="B9934" s="1"/>
      <c r="C9934">
        <v>8</v>
      </c>
      <c r="D9934" t="s">
        <v>21470</v>
      </c>
      <c r="E9934" t="s">
        <v>33760</v>
      </c>
      <c r="F9934">
        <v>4</v>
      </c>
      <c r="G9934" t="s">
        <v>14</v>
      </c>
      <c r="H9934" t="s">
        <v>21471</v>
      </c>
      <c r="I9934" t="s">
        <v>30540</v>
      </c>
    </row>
    <row r="9935" spans="1:9">
      <c r="A9935" s="1">
        <v>0.24073118471382526</v>
      </c>
      <c r="B9935" s="1"/>
      <c r="C9935">
        <v>5</v>
      </c>
      <c r="D9935" t="s">
        <v>21466</v>
      </c>
      <c r="E9935" t="s">
        <v>33760</v>
      </c>
      <c r="F9935">
        <v>4</v>
      </c>
      <c r="G9935" t="s">
        <v>14</v>
      </c>
      <c r="H9935" t="s">
        <v>21467</v>
      </c>
      <c r="I9935" t="s">
        <v>30540</v>
      </c>
    </row>
    <row r="9936" spans="1:9">
      <c r="A9936" s="1">
        <v>0.41464938308948118</v>
      </c>
      <c r="B9936" s="1"/>
      <c r="C9936">
        <v>2</v>
      </c>
      <c r="D9936" t="s">
        <v>21462</v>
      </c>
      <c r="E9936" t="s">
        <v>33760</v>
      </c>
      <c r="F9936">
        <v>4</v>
      </c>
      <c r="G9936" t="s">
        <v>14</v>
      </c>
      <c r="H9936" t="s">
        <v>21463</v>
      </c>
      <c r="I9936" t="s">
        <v>30540</v>
      </c>
    </row>
    <row r="9937" spans="1:9">
      <c r="A9937" s="1">
        <v>0.78685313151650993</v>
      </c>
      <c r="B9937" s="1"/>
      <c r="C9937">
        <v>6</v>
      </c>
      <c r="D9937" t="s">
        <v>21468</v>
      </c>
      <c r="E9937" t="s">
        <v>33760</v>
      </c>
      <c r="F9937">
        <v>4</v>
      </c>
      <c r="G9937" t="s">
        <v>14</v>
      </c>
      <c r="H9937" t="s">
        <v>21469</v>
      </c>
      <c r="I9937" t="s">
        <v>30540</v>
      </c>
    </row>
    <row r="9938" spans="1:9">
      <c r="A9938" s="1">
        <v>0.17289053043759894</v>
      </c>
      <c r="B9938" s="1"/>
      <c r="C9938">
        <v>6</v>
      </c>
      <c r="D9938" t="s">
        <v>21456</v>
      </c>
      <c r="E9938" t="s">
        <v>33761</v>
      </c>
      <c r="F9938">
        <v>4</v>
      </c>
      <c r="G9938" t="s">
        <v>1</v>
      </c>
      <c r="H9938" t="s">
        <v>21457</v>
      </c>
      <c r="I9938" t="s">
        <v>30540</v>
      </c>
    </row>
    <row r="9939" spans="1:9">
      <c r="A9939" s="1">
        <v>0.57557710305722309</v>
      </c>
      <c r="B9939" s="1"/>
      <c r="C9939">
        <v>14</v>
      </c>
      <c r="D9939" t="s">
        <v>21460</v>
      </c>
      <c r="E9939" t="s">
        <v>33761</v>
      </c>
      <c r="F9939">
        <v>4</v>
      </c>
      <c r="G9939" t="s">
        <v>10</v>
      </c>
      <c r="H9939" t="s">
        <v>21461</v>
      </c>
      <c r="I9939" t="s">
        <v>30540</v>
      </c>
    </row>
    <row r="9940" spans="1:9">
      <c r="A9940" s="1">
        <v>0.846754139474303</v>
      </c>
      <c r="B9940" s="1"/>
      <c r="C9940">
        <v>5</v>
      </c>
      <c r="D9940" t="s">
        <v>21444</v>
      </c>
      <c r="E9940" t="s">
        <v>33762</v>
      </c>
      <c r="F9940">
        <v>4</v>
      </c>
      <c r="G9940" t="s">
        <v>1295</v>
      </c>
      <c r="H9940" t="s">
        <v>21445</v>
      </c>
      <c r="I9940" t="s">
        <v>30540</v>
      </c>
    </row>
    <row r="9941" spans="1:9">
      <c r="A9941" s="1">
        <v>0.95276758299858577</v>
      </c>
      <c r="B9941" s="1"/>
      <c r="C9941">
        <v>1</v>
      </c>
      <c r="D9941" t="s">
        <v>21438</v>
      </c>
      <c r="E9941" t="s">
        <v>33762</v>
      </c>
      <c r="F9941">
        <v>4</v>
      </c>
      <c r="G9941" t="s">
        <v>2</v>
      </c>
      <c r="H9941" t="s">
        <v>21439</v>
      </c>
      <c r="I9941" t="s">
        <v>30540</v>
      </c>
    </row>
    <row r="9942" spans="1:9">
      <c r="A9942" s="1">
        <v>0.78515663316913586</v>
      </c>
      <c r="B9942" s="1"/>
      <c r="C9942">
        <v>12</v>
      </c>
      <c r="D9942" t="s">
        <v>21448</v>
      </c>
      <c r="E9942" t="s">
        <v>33762</v>
      </c>
      <c r="F9942">
        <v>4</v>
      </c>
      <c r="G9942" t="s">
        <v>3732</v>
      </c>
      <c r="H9942" t="s">
        <v>21449</v>
      </c>
      <c r="I9942" t="s">
        <v>30540</v>
      </c>
    </row>
    <row r="9943" spans="1:9">
      <c r="A9943" s="1">
        <v>0.9131162470303481</v>
      </c>
      <c r="B9943" s="1"/>
      <c r="C9943">
        <v>16</v>
      </c>
      <c r="D9943" t="s">
        <v>21450</v>
      </c>
      <c r="E9943" t="s">
        <v>33762</v>
      </c>
      <c r="F9943">
        <v>4</v>
      </c>
      <c r="G9943" t="s">
        <v>15</v>
      </c>
      <c r="H9943" t="s">
        <v>21451</v>
      </c>
      <c r="I9943" t="s">
        <v>30540</v>
      </c>
    </row>
    <row r="9944" spans="1:9">
      <c r="A9944" s="1">
        <v>0.40395425074316538</v>
      </c>
      <c r="B9944" s="1"/>
      <c r="C9944">
        <v>2</v>
      </c>
      <c r="D9944" t="s">
        <v>21440</v>
      </c>
      <c r="E9944" t="s">
        <v>33762</v>
      </c>
      <c r="F9944">
        <v>3</v>
      </c>
      <c r="G9944" t="s">
        <v>10</v>
      </c>
      <c r="H9944" t="s">
        <v>21441</v>
      </c>
      <c r="I9944" t="s">
        <v>30540</v>
      </c>
    </row>
    <row r="9945" spans="1:9">
      <c r="A9945" s="1">
        <v>0.78915235057127919</v>
      </c>
      <c r="B9945" s="1"/>
      <c r="C9945">
        <v>6</v>
      </c>
      <c r="D9945" t="s">
        <v>21446</v>
      </c>
      <c r="E9945" t="s">
        <v>33762</v>
      </c>
      <c r="F9945">
        <v>3</v>
      </c>
      <c r="G9945" t="s">
        <v>766</v>
      </c>
      <c r="H9945" t="s">
        <v>21447</v>
      </c>
      <c r="I9945" t="s">
        <v>30540</v>
      </c>
    </row>
    <row r="9946" spans="1:9">
      <c r="A9946" s="1">
        <v>0.74212956269746488</v>
      </c>
      <c r="B9946" s="1"/>
      <c r="C9946">
        <v>20</v>
      </c>
      <c r="D9946" t="s">
        <v>21452</v>
      </c>
      <c r="E9946" t="s">
        <v>33762</v>
      </c>
      <c r="F9946">
        <v>3</v>
      </c>
      <c r="G9946" t="s">
        <v>14</v>
      </c>
      <c r="H9946" t="s">
        <v>21453</v>
      </c>
      <c r="I9946" t="s">
        <v>30540</v>
      </c>
    </row>
    <row r="9947" spans="1:9">
      <c r="A9947" s="1">
        <v>0.4190210339781868</v>
      </c>
      <c r="B9947" s="1"/>
      <c r="C9947">
        <v>1</v>
      </c>
      <c r="D9947" t="s">
        <v>21434</v>
      </c>
      <c r="E9947" t="s">
        <v>33763</v>
      </c>
      <c r="F9947">
        <v>4</v>
      </c>
      <c r="G9947" t="s">
        <v>2</v>
      </c>
      <c r="H9947" t="s">
        <v>21435</v>
      </c>
      <c r="I9947" t="s">
        <v>30540</v>
      </c>
    </row>
    <row r="9948" spans="1:9">
      <c r="A9948" s="1">
        <v>0.58164987648058442</v>
      </c>
      <c r="B9948" s="1"/>
      <c r="C9948">
        <v>12</v>
      </c>
      <c r="D9948" t="s">
        <v>21436</v>
      </c>
      <c r="E9948" t="s">
        <v>33763</v>
      </c>
      <c r="F9948">
        <v>4</v>
      </c>
      <c r="G9948" t="s">
        <v>14</v>
      </c>
      <c r="H9948" t="s">
        <v>21437</v>
      </c>
      <c r="I9948" t="s">
        <v>30540</v>
      </c>
    </row>
    <row r="9949" spans="1:9">
      <c r="A9949" s="1">
        <v>0.24978234737598393</v>
      </c>
      <c r="B9949" s="1"/>
      <c r="C9949">
        <v>18</v>
      </c>
      <c r="D9949" t="s">
        <v>21432</v>
      </c>
      <c r="E9949" t="s">
        <v>33764</v>
      </c>
      <c r="F9949">
        <v>4</v>
      </c>
      <c r="G9949" t="s">
        <v>10</v>
      </c>
      <c r="H9949" t="s">
        <v>21433</v>
      </c>
      <c r="I9949" t="s">
        <v>30540</v>
      </c>
    </row>
    <row r="9950" spans="1:9">
      <c r="A9950" s="1">
        <v>0.57212237378497766</v>
      </c>
      <c r="B9950" s="1"/>
      <c r="C9950">
        <v>15</v>
      </c>
      <c r="D9950" t="s">
        <v>21430</v>
      </c>
      <c r="E9950" t="s">
        <v>33764</v>
      </c>
      <c r="F9950">
        <v>3</v>
      </c>
      <c r="G9950" t="s">
        <v>1</v>
      </c>
      <c r="H9950" t="s">
        <v>21431</v>
      </c>
      <c r="I9950" t="s">
        <v>30540</v>
      </c>
    </row>
    <row r="9951" spans="1:9">
      <c r="A9951" s="1">
        <v>0.28573283045926579</v>
      </c>
      <c r="B9951" s="1"/>
      <c r="C9951">
        <v>11</v>
      </c>
      <c r="D9951" t="s">
        <v>21424</v>
      </c>
      <c r="E9951" t="s">
        <v>33765</v>
      </c>
      <c r="F9951">
        <v>4</v>
      </c>
      <c r="G9951" t="s">
        <v>9</v>
      </c>
      <c r="H9951" t="s">
        <v>21425</v>
      </c>
      <c r="I9951" t="s">
        <v>30540</v>
      </c>
    </row>
    <row r="9952" spans="1:9">
      <c r="A9952" s="1">
        <v>0.82011995160721463</v>
      </c>
      <c r="B9952" s="1"/>
      <c r="C9952">
        <v>7</v>
      </c>
      <c r="D9952" t="s">
        <v>21422</v>
      </c>
      <c r="E9952" t="s">
        <v>33765</v>
      </c>
      <c r="F9952">
        <v>4</v>
      </c>
      <c r="G9952" t="s">
        <v>14</v>
      </c>
      <c r="H9952" t="s">
        <v>21423</v>
      </c>
      <c r="I9952" t="s">
        <v>30540</v>
      </c>
    </row>
    <row r="9953" spans="1:9">
      <c r="A9953" s="1">
        <v>0.85112600769542301</v>
      </c>
      <c r="B9953" s="1"/>
      <c r="C9953">
        <v>15</v>
      </c>
      <c r="D9953" t="s">
        <v>21426</v>
      </c>
      <c r="E9953" t="s">
        <v>33765</v>
      </c>
      <c r="F9953">
        <v>4</v>
      </c>
      <c r="G9953" t="s">
        <v>14</v>
      </c>
      <c r="H9953" t="s">
        <v>21427</v>
      </c>
      <c r="I9953" t="s">
        <v>30540</v>
      </c>
    </row>
    <row r="9954" spans="1:9">
      <c r="A9954" s="1">
        <v>0.65292648304278555</v>
      </c>
      <c r="B9954" s="1"/>
      <c r="C9954">
        <v>10</v>
      </c>
      <c r="D9954" t="s">
        <v>21416</v>
      </c>
      <c r="E9954" t="s">
        <v>33766</v>
      </c>
      <c r="F9954">
        <v>4</v>
      </c>
      <c r="G9954" t="s">
        <v>14</v>
      </c>
      <c r="H9954" t="s">
        <v>21417</v>
      </c>
      <c r="I9954" t="s">
        <v>30540</v>
      </c>
    </row>
    <row r="9955" spans="1:9">
      <c r="A9955" s="1">
        <v>0.97459289232340018</v>
      </c>
      <c r="B9955" s="1"/>
      <c r="C9955">
        <v>13</v>
      </c>
      <c r="D9955" t="s">
        <v>21418</v>
      </c>
      <c r="E9955" t="s">
        <v>33766</v>
      </c>
      <c r="F9955">
        <v>4</v>
      </c>
      <c r="G9955" t="s">
        <v>14</v>
      </c>
      <c r="H9955" t="s">
        <v>21419</v>
      </c>
      <c r="I9955" t="s">
        <v>30540</v>
      </c>
    </row>
    <row r="9956" spans="1:9">
      <c r="A9956" s="1">
        <v>0.46966315068548259</v>
      </c>
      <c r="B9956" s="1"/>
      <c r="C9956">
        <v>15</v>
      </c>
      <c r="D9956" t="s">
        <v>21420</v>
      </c>
      <c r="E9956" t="s">
        <v>33766</v>
      </c>
      <c r="F9956">
        <v>4</v>
      </c>
      <c r="G9956" t="s">
        <v>10</v>
      </c>
      <c r="H9956" t="s">
        <v>21421</v>
      </c>
      <c r="I9956" t="s">
        <v>30540</v>
      </c>
    </row>
    <row r="9957" spans="1:9">
      <c r="A9957" s="1">
        <v>0.28851126603387878</v>
      </c>
      <c r="B9957" s="1"/>
      <c r="C9957">
        <v>5</v>
      </c>
      <c r="D9957" t="s">
        <v>21408</v>
      </c>
      <c r="E9957" t="s">
        <v>33767</v>
      </c>
      <c r="F9957">
        <v>4</v>
      </c>
      <c r="G9957" t="s">
        <v>10</v>
      </c>
      <c r="H9957" t="s">
        <v>21409</v>
      </c>
      <c r="I9957" t="s">
        <v>30540</v>
      </c>
    </row>
    <row r="9958" spans="1:9">
      <c r="A9958" s="1">
        <v>0.33535174823975777</v>
      </c>
      <c r="B9958" s="1"/>
      <c r="C9958">
        <v>19</v>
      </c>
      <c r="D9958" t="s">
        <v>21412</v>
      </c>
      <c r="E9958" t="s">
        <v>33767</v>
      </c>
      <c r="F9958">
        <v>4</v>
      </c>
      <c r="G9958" t="s">
        <v>762</v>
      </c>
      <c r="H9958" t="s">
        <v>21413</v>
      </c>
      <c r="I9958" t="s">
        <v>30540</v>
      </c>
    </row>
    <row r="9959" spans="1:9">
      <c r="A9959" s="1">
        <v>0.40444758113037338</v>
      </c>
      <c r="B9959" s="1"/>
      <c r="C9959">
        <v>2</v>
      </c>
      <c r="D9959" t="s">
        <v>21406</v>
      </c>
      <c r="E9959" t="s">
        <v>33767</v>
      </c>
      <c r="F9959">
        <v>4</v>
      </c>
      <c r="G9959" t="s">
        <v>9</v>
      </c>
      <c r="H9959" t="s">
        <v>21407</v>
      </c>
      <c r="I9959" t="s">
        <v>30540</v>
      </c>
    </row>
    <row r="9960" spans="1:9">
      <c r="A9960" s="1">
        <v>3.1281028994422422E-2</v>
      </c>
      <c r="B9960" s="1"/>
      <c r="C9960">
        <v>2</v>
      </c>
      <c r="D9960" t="s">
        <v>21402</v>
      </c>
      <c r="E9960" t="s">
        <v>33768</v>
      </c>
      <c r="F9960">
        <v>4</v>
      </c>
      <c r="G9960" t="s">
        <v>14</v>
      </c>
      <c r="H9960" t="s">
        <v>21403</v>
      </c>
      <c r="I9960" t="s">
        <v>30540</v>
      </c>
    </row>
    <row r="9961" spans="1:9">
      <c r="A9961" s="1">
        <v>0.4969265209449365</v>
      </c>
      <c r="B9961" s="1"/>
      <c r="C9961">
        <v>16</v>
      </c>
      <c r="D9961" t="s">
        <v>21404</v>
      </c>
      <c r="E9961" t="s">
        <v>33768</v>
      </c>
      <c r="F9961">
        <v>4</v>
      </c>
      <c r="G9961" t="s">
        <v>14</v>
      </c>
      <c r="H9961" t="s">
        <v>21405</v>
      </c>
      <c r="I9961" t="s">
        <v>30540</v>
      </c>
    </row>
    <row r="9962" spans="1:9">
      <c r="A9962" s="1">
        <v>0.35716079740597706</v>
      </c>
      <c r="B9962" s="1"/>
      <c r="C9962">
        <v>17</v>
      </c>
      <c r="D9962" t="s">
        <v>21398</v>
      </c>
      <c r="E9962" t="s">
        <v>33769</v>
      </c>
      <c r="F9962">
        <v>5</v>
      </c>
      <c r="G9962" t="s">
        <v>14</v>
      </c>
      <c r="H9962" t="s">
        <v>21399</v>
      </c>
      <c r="I9962" t="s">
        <v>30540</v>
      </c>
    </row>
    <row r="9963" spans="1:9">
      <c r="A9963" s="1">
        <v>0.28168861559292768</v>
      </c>
      <c r="B9963" s="1"/>
      <c r="C9963">
        <v>19</v>
      </c>
      <c r="D9963" t="s">
        <v>21400</v>
      </c>
      <c r="E9963" t="s">
        <v>33769</v>
      </c>
      <c r="F9963">
        <v>4</v>
      </c>
      <c r="G9963" t="s">
        <v>14</v>
      </c>
      <c r="H9963" t="s">
        <v>21401</v>
      </c>
      <c r="I9963" t="s">
        <v>30540</v>
      </c>
    </row>
    <row r="9964" spans="1:9">
      <c r="A9964" s="1">
        <v>0.69015520699924082</v>
      </c>
      <c r="B9964" s="1"/>
      <c r="C9964">
        <v>9</v>
      </c>
      <c r="D9964" t="s">
        <v>21394</v>
      </c>
      <c r="E9964" t="s">
        <v>33769</v>
      </c>
      <c r="F9964">
        <v>4</v>
      </c>
      <c r="G9964" t="s">
        <v>14</v>
      </c>
      <c r="H9964" t="s">
        <v>21395</v>
      </c>
      <c r="I9964" t="s">
        <v>30540</v>
      </c>
    </row>
    <row r="9965" spans="1:9">
      <c r="A9965" s="1">
        <v>0.55738652898912011</v>
      </c>
      <c r="B9965" s="1"/>
      <c r="C9965">
        <v>11</v>
      </c>
      <c r="D9965" t="s">
        <v>21396</v>
      </c>
      <c r="E9965" t="s">
        <v>33769</v>
      </c>
      <c r="F9965">
        <v>3</v>
      </c>
      <c r="G9965" t="s">
        <v>14</v>
      </c>
      <c r="H9965" t="s">
        <v>21397</v>
      </c>
      <c r="I9965" t="s">
        <v>30540</v>
      </c>
    </row>
    <row r="9966" spans="1:9">
      <c r="A9966" s="1">
        <v>0.6233668590992737</v>
      </c>
      <c r="B9966" s="1"/>
      <c r="C9966">
        <v>15</v>
      </c>
      <c r="D9966" t="s">
        <v>21390</v>
      </c>
      <c r="E9966" t="s">
        <v>33770</v>
      </c>
      <c r="F9966">
        <v>4</v>
      </c>
      <c r="G9966" t="s">
        <v>14</v>
      </c>
      <c r="H9966" t="s">
        <v>21391</v>
      </c>
      <c r="I9966" t="s">
        <v>30540</v>
      </c>
    </row>
    <row r="9967" spans="1:9">
      <c r="A9967" s="1">
        <v>0.37140566036502576</v>
      </c>
      <c r="B9967" s="1"/>
      <c r="C9967">
        <v>18</v>
      </c>
      <c r="D9967" t="s">
        <v>21392</v>
      </c>
      <c r="E9967" t="s">
        <v>33770</v>
      </c>
      <c r="F9967">
        <v>3</v>
      </c>
      <c r="G9967" t="s">
        <v>14</v>
      </c>
      <c r="H9967" t="s">
        <v>21393</v>
      </c>
      <c r="I9967" t="s">
        <v>30540</v>
      </c>
    </row>
    <row r="9968" spans="1:9">
      <c r="A9968" s="1">
        <v>0.42999481297789954</v>
      </c>
      <c r="B9968" s="1"/>
      <c r="C9968">
        <v>9</v>
      </c>
      <c r="D9968" t="s">
        <v>21386</v>
      </c>
      <c r="E9968" t="s">
        <v>33770</v>
      </c>
      <c r="F9968">
        <v>3</v>
      </c>
      <c r="G9968" t="s">
        <v>14</v>
      </c>
      <c r="H9968" t="s">
        <v>21387</v>
      </c>
      <c r="I9968" t="s">
        <v>30540</v>
      </c>
    </row>
    <row r="9969" spans="1:9">
      <c r="A9969" s="1">
        <v>0.28658351486542644</v>
      </c>
      <c r="B9969" s="1"/>
      <c r="C9969">
        <v>10</v>
      </c>
      <c r="D9969" t="s">
        <v>21388</v>
      </c>
      <c r="E9969" t="s">
        <v>33770</v>
      </c>
      <c r="F9969">
        <v>3</v>
      </c>
      <c r="G9969" t="s">
        <v>14</v>
      </c>
      <c r="H9969" t="s">
        <v>21389</v>
      </c>
      <c r="I9969" t="s">
        <v>30540</v>
      </c>
    </row>
    <row r="9970" spans="1:9">
      <c r="A9970" s="1">
        <v>0.5280691631279596</v>
      </c>
      <c r="B9970" s="1"/>
      <c r="C9970">
        <v>8</v>
      </c>
      <c r="D9970" t="s">
        <v>21384</v>
      </c>
      <c r="E9970" t="s">
        <v>33770</v>
      </c>
      <c r="F9970">
        <v>3</v>
      </c>
      <c r="G9970" t="s">
        <v>2</v>
      </c>
      <c r="H9970" t="s">
        <v>21385</v>
      </c>
      <c r="I9970" t="s">
        <v>30540</v>
      </c>
    </row>
    <row r="9971" spans="1:9">
      <c r="A9971" s="1">
        <v>0.81780153526130461</v>
      </c>
      <c r="B9971" s="1"/>
      <c r="C9971">
        <v>13</v>
      </c>
      <c r="D9971" t="s">
        <v>21378</v>
      </c>
      <c r="E9971" t="s">
        <v>33771</v>
      </c>
      <c r="F9971">
        <v>4</v>
      </c>
      <c r="G9971" t="s">
        <v>14</v>
      </c>
      <c r="H9971" t="s">
        <v>21379</v>
      </c>
      <c r="I9971" t="s">
        <v>30540</v>
      </c>
    </row>
    <row r="9972" spans="1:9">
      <c r="A9972" s="1">
        <v>0.78156888955056769</v>
      </c>
      <c r="B9972" s="1"/>
      <c r="C9972">
        <v>17</v>
      </c>
      <c r="D9972" t="s">
        <v>21380</v>
      </c>
      <c r="E9972" t="s">
        <v>33771</v>
      </c>
      <c r="F9972">
        <v>3</v>
      </c>
      <c r="G9972" t="s">
        <v>14</v>
      </c>
      <c r="H9972" t="s">
        <v>21381</v>
      </c>
      <c r="I9972" t="s">
        <v>30540</v>
      </c>
    </row>
    <row r="9973" spans="1:9">
      <c r="A9973" s="1">
        <v>0.68382201898449668</v>
      </c>
      <c r="B9973" s="1"/>
      <c r="C9973">
        <v>20</v>
      </c>
      <c r="D9973" t="s">
        <v>21374</v>
      </c>
      <c r="E9973" t="s">
        <v>33772</v>
      </c>
      <c r="F9973">
        <v>5</v>
      </c>
      <c r="G9973" t="s">
        <v>770</v>
      </c>
      <c r="H9973" t="s">
        <v>21375</v>
      </c>
      <c r="I9973" t="s">
        <v>30540</v>
      </c>
    </row>
    <row r="9974" spans="1:9">
      <c r="A9974" s="1">
        <v>0.26354436022760774</v>
      </c>
      <c r="B9974" s="1"/>
      <c r="C9974">
        <v>15</v>
      </c>
      <c r="D9974" t="s">
        <v>21368</v>
      </c>
      <c r="E9974" t="s">
        <v>33772</v>
      </c>
      <c r="F9974">
        <v>5</v>
      </c>
      <c r="G9974" t="s">
        <v>766</v>
      </c>
      <c r="H9974" t="s">
        <v>21369</v>
      </c>
      <c r="I9974" t="s">
        <v>30540</v>
      </c>
    </row>
    <row r="9975" spans="1:9">
      <c r="A9975" s="1">
        <v>0.59637735508232426</v>
      </c>
      <c r="B9975" s="1"/>
      <c r="C9975">
        <v>17</v>
      </c>
      <c r="D9975" t="s">
        <v>21370</v>
      </c>
      <c r="E9975" t="s">
        <v>33772</v>
      </c>
      <c r="F9975">
        <v>4</v>
      </c>
      <c r="G9975" t="s">
        <v>14</v>
      </c>
      <c r="H9975" t="s">
        <v>21371</v>
      </c>
      <c r="I9975" t="s">
        <v>30540</v>
      </c>
    </row>
    <row r="9976" spans="1:9">
      <c r="A9976" s="1">
        <v>0.49322521968790523</v>
      </c>
      <c r="B9976" s="1"/>
      <c r="C9976">
        <v>19</v>
      </c>
      <c r="D9976" t="s">
        <v>21372</v>
      </c>
      <c r="E9976" t="s">
        <v>33772</v>
      </c>
      <c r="F9976">
        <v>4</v>
      </c>
      <c r="G9976" t="s">
        <v>774</v>
      </c>
      <c r="H9976" t="s">
        <v>21373</v>
      </c>
      <c r="I9976" t="s">
        <v>30540</v>
      </c>
    </row>
    <row r="9977" spans="1:9">
      <c r="A9977" s="1">
        <v>0.87365647360848053</v>
      </c>
      <c r="B9977" s="1"/>
      <c r="C9977">
        <v>12</v>
      </c>
      <c r="D9977" t="s">
        <v>21366</v>
      </c>
      <c r="E9977" t="s">
        <v>33772</v>
      </c>
      <c r="F9977">
        <v>4</v>
      </c>
      <c r="G9977" t="s">
        <v>1426</v>
      </c>
      <c r="H9977" t="s">
        <v>21367</v>
      </c>
      <c r="I9977" t="s">
        <v>30540</v>
      </c>
    </row>
    <row r="9978" spans="1:9">
      <c r="A9978" s="1">
        <v>0.27708130059488101</v>
      </c>
      <c r="B9978" s="1"/>
      <c r="C9978">
        <v>4</v>
      </c>
      <c r="D9978" t="s">
        <v>21364</v>
      </c>
      <c r="E9978" t="s">
        <v>33772</v>
      </c>
      <c r="F9978">
        <v>4</v>
      </c>
      <c r="G9978" t="s">
        <v>10</v>
      </c>
      <c r="H9978" t="s">
        <v>21365</v>
      </c>
      <c r="I9978" t="s">
        <v>30540</v>
      </c>
    </row>
    <row r="9979" spans="1:9">
      <c r="A9979" s="1">
        <v>0.54041328849586046</v>
      </c>
      <c r="B9979" s="1"/>
      <c r="C9979">
        <v>3</v>
      </c>
      <c r="D9979" t="s">
        <v>21362</v>
      </c>
      <c r="E9979" t="s">
        <v>33772</v>
      </c>
      <c r="F9979">
        <v>4</v>
      </c>
      <c r="G9979" t="s">
        <v>10</v>
      </c>
      <c r="H9979" t="s">
        <v>21363</v>
      </c>
      <c r="I9979" t="s">
        <v>30540</v>
      </c>
    </row>
    <row r="9980" spans="1:9">
      <c r="A9980" s="1">
        <v>0.57080362996474465</v>
      </c>
      <c r="B9980" s="1"/>
      <c r="C9980">
        <v>14</v>
      </c>
      <c r="D9980" t="s">
        <v>21358</v>
      </c>
      <c r="E9980" t="s">
        <v>33773</v>
      </c>
      <c r="F9980">
        <v>5</v>
      </c>
      <c r="G9980" t="s">
        <v>1</v>
      </c>
      <c r="H9980" t="s">
        <v>21359</v>
      </c>
      <c r="I9980" t="s">
        <v>30540</v>
      </c>
    </row>
    <row r="9981" spans="1:9">
      <c r="A9981" s="1">
        <v>0.70121253343002365</v>
      </c>
      <c r="B9981" s="1"/>
      <c r="C9981">
        <v>9</v>
      </c>
      <c r="D9981" t="s">
        <v>21356</v>
      </c>
      <c r="E9981" t="s">
        <v>33773</v>
      </c>
      <c r="F9981">
        <v>4</v>
      </c>
      <c r="G9981" t="s">
        <v>14</v>
      </c>
      <c r="H9981" t="s">
        <v>21357</v>
      </c>
      <c r="I9981" t="s">
        <v>30540</v>
      </c>
    </row>
    <row r="9982" spans="1:9">
      <c r="A9982" s="1">
        <v>0.50205410515836801</v>
      </c>
      <c r="B9982" s="1"/>
      <c r="C9982">
        <v>15</v>
      </c>
      <c r="D9982" t="s">
        <v>21360</v>
      </c>
      <c r="E9982" t="s">
        <v>33773</v>
      </c>
      <c r="F9982">
        <v>4</v>
      </c>
      <c r="G9982" t="s">
        <v>14</v>
      </c>
      <c r="H9982" t="s">
        <v>21361</v>
      </c>
      <c r="I9982" t="s">
        <v>30540</v>
      </c>
    </row>
    <row r="9983" spans="1:9">
      <c r="A9983" s="1">
        <v>0.74461839442774058</v>
      </c>
      <c r="B9983" s="1"/>
      <c r="C9983">
        <v>8</v>
      </c>
      <c r="D9983" t="s">
        <v>21354</v>
      </c>
      <c r="E9983" t="s">
        <v>33773</v>
      </c>
      <c r="F9983">
        <v>4</v>
      </c>
      <c r="G9983" t="s">
        <v>14</v>
      </c>
      <c r="H9983" t="s">
        <v>21355</v>
      </c>
      <c r="I9983" t="s">
        <v>30540</v>
      </c>
    </row>
    <row r="9984" spans="1:9">
      <c r="A9984" s="1">
        <v>0.78003688162346752</v>
      </c>
      <c r="B9984" s="1"/>
      <c r="C9984">
        <v>19</v>
      </c>
      <c r="D9984" t="s">
        <v>21352</v>
      </c>
      <c r="E9984" t="s">
        <v>33774</v>
      </c>
      <c r="F9984">
        <v>4</v>
      </c>
      <c r="G9984" t="s">
        <v>14</v>
      </c>
      <c r="H9984" t="s">
        <v>21353</v>
      </c>
      <c r="I9984" t="s">
        <v>30540</v>
      </c>
    </row>
    <row r="9985" spans="1:9">
      <c r="A9985" s="1">
        <v>0.52910233567938791</v>
      </c>
      <c r="B9985" s="1"/>
      <c r="C9985">
        <v>12</v>
      </c>
      <c r="D9985" t="s">
        <v>21350</v>
      </c>
      <c r="E9985" t="s">
        <v>33774</v>
      </c>
      <c r="F9985">
        <v>4</v>
      </c>
      <c r="G9985" t="s">
        <v>14</v>
      </c>
      <c r="H9985" t="s">
        <v>21351</v>
      </c>
      <c r="I9985" t="s">
        <v>30540</v>
      </c>
    </row>
    <row r="9986" spans="1:9">
      <c r="A9986" s="1">
        <v>0.59312709343049597</v>
      </c>
      <c r="B9986" s="1"/>
      <c r="C9986">
        <v>4</v>
      </c>
      <c r="D9986" t="s">
        <v>21344</v>
      </c>
      <c r="E9986" t="s">
        <v>33775</v>
      </c>
      <c r="F9986">
        <v>4</v>
      </c>
      <c r="G9986" t="s">
        <v>14</v>
      </c>
      <c r="H9986" t="s">
        <v>21345</v>
      </c>
      <c r="I9986" t="s">
        <v>30540</v>
      </c>
    </row>
    <row r="9987" spans="1:9">
      <c r="A9987" s="1">
        <v>0.96389286010254505</v>
      </c>
      <c r="B9987" s="1"/>
      <c r="C9987">
        <v>11</v>
      </c>
      <c r="D9987" t="s">
        <v>21348</v>
      </c>
      <c r="E9987" t="s">
        <v>33775</v>
      </c>
      <c r="F9987">
        <v>4</v>
      </c>
      <c r="G9987" t="s">
        <v>14</v>
      </c>
      <c r="H9987" t="s">
        <v>21349</v>
      </c>
      <c r="I9987" t="s">
        <v>30540</v>
      </c>
    </row>
    <row r="9988" spans="1:9">
      <c r="A9988" s="1">
        <v>0.58756659915796972</v>
      </c>
      <c r="B9988" s="1"/>
      <c r="C9988">
        <v>10</v>
      </c>
      <c r="D9988" t="s">
        <v>21346</v>
      </c>
      <c r="E9988" t="s">
        <v>33775</v>
      </c>
      <c r="F9988">
        <v>3</v>
      </c>
      <c r="G9988" t="s">
        <v>0</v>
      </c>
      <c r="H9988" t="s">
        <v>21347</v>
      </c>
      <c r="I9988" t="s">
        <v>30540</v>
      </c>
    </row>
    <row r="9989" spans="1:9">
      <c r="A9989" s="1">
        <v>0.24996390855957107</v>
      </c>
      <c r="B9989" s="1"/>
      <c r="C9989">
        <v>15</v>
      </c>
      <c r="D9989" t="s">
        <v>21340</v>
      </c>
      <c r="E9989" t="s">
        <v>33776</v>
      </c>
      <c r="F9989">
        <v>5</v>
      </c>
      <c r="G9989" t="s">
        <v>14</v>
      </c>
      <c r="H9989" t="s">
        <v>21341</v>
      </c>
      <c r="I9989" t="s">
        <v>30540</v>
      </c>
    </row>
    <row r="9990" spans="1:9">
      <c r="A9990" s="1">
        <v>0.89710069020943295</v>
      </c>
      <c r="B9990" s="1"/>
      <c r="C9990">
        <v>16</v>
      </c>
      <c r="D9990" t="s">
        <v>21342</v>
      </c>
      <c r="E9990" t="s">
        <v>33776</v>
      </c>
      <c r="F9990">
        <v>4</v>
      </c>
      <c r="G9990" t="s">
        <v>14</v>
      </c>
      <c r="H9990" t="s">
        <v>21343</v>
      </c>
      <c r="I9990" t="s">
        <v>30540</v>
      </c>
    </row>
    <row r="9991" spans="1:9">
      <c r="A9991" s="1">
        <v>0.54625991323430645</v>
      </c>
      <c r="B9991" s="1"/>
      <c r="C9991">
        <v>12</v>
      </c>
      <c r="D9991" t="s">
        <v>21338</v>
      </c>
      <c r="E9991" t="s">
        <v>33776</v>
      </c>
      <c r="F9991">
        <v>4</v>
      </c>
      <c r="G9991" t="s">
        <v>0</v>
      </c>
      <c r="H9991" t="s">
        <v>21339</v>
      </c>
      <c r="I9991" t="s">
        <v>30540</v>
      </c>
    </row>
    <row r="9992" spans="1:9">
      <c r="A9992" s="1">
        <v>4.3751006901697531E-2</v>
      </c>
      <c r="B9992" s="1"/>
      <c r="C9992">
        <v>4</v>
      </c>
      <c r="D9992" t="s">
        <v>21328</v>
      </c>
      <c r="E9992" t="s">
        <v>33777</v>
      </c>
      <c r="F9992">
        <v>4</v>
      </c>
      <c r="G9992" t="s">
        <v>2</v>
      </c>
      <c r="H9992" t="s">
        <v>21329</v>
      </c>
      <c r="I9992" t="s">
        <v>30540</v>
      </c>
    </row>
    <row r="9993" spans="1:9">
      <c r="A9993" s="1">
        <v>0.89416114087223553</v>
      </c>
      <c r="B9993" s="1"/>
      <c r="C9993">
        <v>9</v>
      </c>
      <c r="D9993" t="s">
        <v>21330</v>
      </c>
      <c r="E9993" t="s">
        <v>33777</v>
      </c>
      <c r="F9993">
        <v>4</v>
      </c>
      <c r="G9993" t="s">
        <v>15</v>
      </c>
      <c r="H9993" t="s">
        <v>21331</v>
      </c>
      <c r="I9993" t="s">
        <v>30540</v>
      </c>
    </row>
    <row r="9994" spans="1:9">
      <c r="A9994" s="1">
        <v>0.22002396342051578</v>
      </c>
      <c r="B9994" s="1"/>
      <c r="C9994">
        <v>19</v>
      </c>
      <c r="D9994" t="s">
        <v>21332</v>
      </c>
      <c r="E9994" t="s">
        <v>33777</v>
      </c>
      <c r="F9994">
        <v>4</v>
      </c>
      <c r="G9994" t="s">
        <v>14</v>
      </c>
      <c r="H9994" t="s">
        <v>21333</v>
      </c>
      <c r="I9994" t="s">
        <v>30540</v>
      </c>
    </row>
    <row r="9995" spans="1:9">
      <c r="A9995" s="1">
        <v>0.66322241800484316</v>
      </c>
      <c r="B9995" s="1"/>
      <c r="C9995">
        <v>2</v>
      </c>
      <c r="D9995" t="s">
        <v>21324</v>
      </c>
      <c r="E9995" t="s">
        <v>33777</v>
      </c>
      <c r="F9995">
        <v>4</v>
      </c>
      <c r="G9995" t="s">
        <v>10</v>
      </c>
      <c r="H9995" t="s">
        <v>21325</v>
      </c>
      <c r="I9995" t="s">
        <v>30540</v>
      </c>
    </row>
    <row r="9996" spans="1:9">
      <c r="A9996" s="1">
        <v>0.26282600487282837</v>
      </c>
      <c r="B9996" s="1"/>
      <c r="C9996">
        <v>3</v>
      </c>
      <c r="D9996" t="s">
        <v>21326</v>
      </c>
      <c r="E9996" t="s">
        <v>33777</v>
      </c>
      <c r="F9996">
        <v>3</v>
      </c>
      <c r="G9996" t="s">
        <v>10</v>
      </c>
      <c r="H9996" t="s">
        <v>21327</v>
      </c>
      <c r="I9996" t="s">
        <v>30540</v>
      </c>
    </row>
    <row r="9997" spans="1:9">
      <c r="A9997" s="1">
        <v>0.56672829016173065</v>
      </c>
      <c r="B9997" s="1"/>
      <c r="C9997">
        <v>6</v>
      </c>
      <c r="D9997" t="s">
        <v>21322</v>
      </c>
      <c r="E9997" t="s">
        <v>33778</v>
      </c>
      <c r="F9997">
        <v>5</v>
      </c>
      <c r="G9997" t="s">
        <v>14</v>
      </c>
      <c r="H9997" t="s">
        <v>21323</v>
      </c>
      <c r="I9997" t="s">
        <v>30540</v>
      </c>
    </row>
    <row r="9998" spans="1:9">
      <c r="A9998" s="1">
        <v>0.95766073830656484</v>
      </c>
      <c r="B9998" s="1"/>
      <c r="C9998">
        <v>5</v>
      </c>
      <c r="D9998" t="s">
        <v>21320</v>
      </c>
      <c r="E9998" t="s">
        <v>33778</v>
      </c>
      <c r="F9998">
        <v>4</v>
      </c>
      <c r="G9998" t="s">
        <v>15</v>
      </c>
      <c r="H9998" t="s">
        <v>21321</v>
      </c>
      <c r="I9998" t="s">
        <v>30540</v>
      </c>
    </row>
    <row r="9999" spans="1:9">
      <c r="A9999" s="1">
        <v>0.82209469062798701</v>
      </c>
      <c r="B9999" s="1"/>
      <c r="C9999">
        <v>3</v>
      </c>
      <c r="D9999" t="s">
        <v>21310</v>
      </c>
      <c r="E9999" t="s">
        <v>33779</v>
      </c>
      <c r="F9999">
        <v>4</v>
      </c>
      <c r="G9999" t="s">
        <v>13</v>
      </c>
      <c r="H9999" t="s">
        <v>21311</v>
      </c>
      <c r="I9999" t="s">
        <v>30540</v>
      </c>
    </row>
    <row r="10000" spans="1:9">
      <c r="A10000" s="1">
        <v>0.97836828936629716</v>
      </c>
      <c r="B10000" s="1"/>
      <c r="C10000">
        <v>9</v>
      </c>
      <c r="D10000" t="s">
        <v>21316</v>
      </c>
      <c r="E10000" t="s">
        <v>33779</v>
      </c>
      <c r="F10000">
        <v>4</v>
      </c>
      <c r="G10000" t="s">
        <v>0</v>
      </c>
      <c r="H10000" t="s">
        <v>21317</v>
      </c>
      <c r="I10000" t="s">
        <v>30540</v>
      </c>
    </row>
    <row r="10001" spans="1:9">
      <c r="A10001" s="1">
        <v>0.14438719502188413</v>
      </c>
      <c r="B10001" s="1"/>
      <c r="C10001">
        <v>7</v>
      </c>
      <c r="D10001" t="s">
        <v>21312</v>
      </c>
      <c r="E10001" t="s">
        <v>33779</v>
      </c>
      <c r="F10001">
        <v>4</v>
      </c>
      <c r="G10001" t="s">
        <v>14</v>
      </c>
      <c r="H10001" t="s">
        <v>21313</v>
      </c>
      <c r="I10001" t="s">
        <v>30540</v>
      </c>
    </row>
    <row r="10002" spans="1:9">
      <c r="A10002" s="1">
        <v>4.4254512002303015E-3</v>
      </c>
      <c r="B10002" s="1"/>
      <c r="C10002">
        <v>8</v>
      </c>
      <c r="D10002" t="s">
        <v>21314</v>
      </c>
      <c r="E10002" t="s">
        <v>33779</v>
      </c>
      <c r="F10002">
        <v>3</v>
      </c>
      <c r="G10002" t="s">
        <v>14</v>
      </c>
      <c r="H10002" t="s">
        <v>21315</v>
      </c>
      <c r="I10002" t="s">
        <v>30540</v>
      </c>
    </row>
    <row r="10003" spans="1:9">
      <c r="A10003" s="1">
        <v>0.52089339723540751</v>
      </c>
      <c r="B10003" s="1"/>
      <c r="C10003">
        <v>4</v>
      </c>
      <c r="D10003" t="s">
        <v>21300</v>
      </c>
      <c r="E10003" t="s">
        <v>33780</v>
      </c>
      <c r="F10003">
        <v>4</v>
      </c>
      <c r="G10003" t="s">
        <v>2</v>
      </c>
      <c r="H10003" t="s">
        <v>21301</v>
      </c>
      <c r="I10003" t="s">
        <v>30540</v>
      </c>
    </row>
    <row r="10004" spans="1:9">
      <c r="A10004" s="1">
        <v>0.30666674738649335</v>
      </c>
      <c r="B10004" s="1"/>
      <c r="C10004">
        <v>7</v>
      </c>
      <c r="D10004" t="s">
        <v>21302</v>
      </c>
      <c r="E10004" t="s">
        <v>33780</v>
      </c>
      <c r="F10004">
        <v>4</v>
      </c>
      <c r="G10004" t="s">
        <v>15</v>
      </c>
      <c r="H10004" t="s">
        <v>21303</v>
      </c>
      <c r="I10004" t="s">
        <v>30540</v>
      </c>
    </row>
    <row r="10005" spans="1:9">
      <c r="A10005" s="1">
        <v>0.55991997353335221</v>
      </c>
      <c r="B10005" s="1"/>
      <c r="C10005">
        <v>13</v>
      </c>
      <c r="D10005" t="s">
        <v>21308</v>
      </c>
      <c r="E10005" t="s">
        <v>33780</v>
      </c>
      <c r="F10005">
        <v>4</v>
      </c>
      <c r="G10005" t="s">
        <v>14</v>
      </c>
      <c r="H10005" t="s">
        <v>21309</v>
      </c>
      <c r="I10005" t="s">
        <v>30540</v>
      </c>
    </row>
    <row r="10006" spans="1:9">
      <c r="A10006" s="1">
        <v>0.80508316130505231</v>
      </c>
      <c r="B10006" s="1"/>
      <c r="C10006">
        <v>9</v>
      </c>
      <c r="D10006" t="s">
        <v>21306</v>
      </c>
      <c r="E10006" t="s">
        <v>33780</v>
      </c>
      <c r="F10006">
        <v>4</v>
      </c>
      <c r="G10006" t="s">
        <v>2</v>
      </c>
      <c r="H10006" t="s">
        <v>21307</v>
      </c>
      <c r="I10006" t="s">
        <v>30540</v>
      </c>
    </row>
    <row r="10007" spans="1:9">
      <c r="A10007" s="1">
        <v>0.17099485121279656</v>
      </c>
      <c r="B10007" s="1"/>
      <c r="C10007">
        <v>8</v>
      </c>
      <c r="D10007" t="s">
        <v>21304</v>
      </c>
      <c r="E10007" t="s">
        <v>33780</v>
      </c>
      <c r="F10007">
        <v>3</v>
      </c>
      <c r="G10007" t="s">
        <v>0</v>
      </c>
      <c r="H10007" t="s">
        <v>21305</v>
      </c>
      <c r="I10007" t="s">
        <v>30540</v>
      </c>
    </row>
    <row r="10008" spans="1:9">
      <c r="A10008" s="1">
        <v>2.3061322554005059E-2</v>
      </c>
      <c r="B10008" s="1"/>
      <c r="C10008">
        <v>9</v>
      </c>
      <c r="D10008" t="s">
        <v>21294</v>
      </c>
      <c r="E10008" t="s">
        <v>33781</v>
      </c>
      <c r="F10008">
        <v>5</v>
      </c>
      <c r="G10008" t="s">
        <v>14</v>
      </c>
      <c r="H10008" t="s">
        <v>21295</v>
      </c>
      <c r="I10008" t="s">
        <v>30540</v>
      </c>
    </row>
    <row r="10009" spans="1:9">
      <c r="A10009" s="1">
        <v>0.63574234174310318</v>
      </c>
      <c r="B10009" s="1"/>
      <c r="C10009">
        <v>15</v>
      </c>
      <c r="D10009" t="s">
        <v>21296</v>
      </c>
      <c r="E10009" t="s">
        <v>33781</v>
      </c>
      <c r="F10009">
        <v>4</v>
      </c>
      <c r="G10009" t="s">
        <v>14</v>
      </c>
      <c r="H10009" t="s">
        <v>21297</v>
      </c>
      <c r="I10009" t="s">
        <v>30540</v>
      </c>
    </row>
    <row r="10010" spans="1:9">
      <c r="A10010" s="1">
        <v>0.59647606157328992</v>
      </c>
      <c r="B10010" s="1"/>
      <c r="C10010">
        <v>12</v>
      </c>
      <c r="D10010" t="s">
        <v>21290</v>
      </c>
      <c r="E10010" t="s">
        <v>33782</v>
      </c>
      <c r="F10010">
        <v>5</v>
      </c>
      <c r="G10010" t="s">
        <v>9</v>
      </c>
      <c r="H10010" t="s">
        <v>21291</v>
      </c>
      <c r="I10010" t="s">
        <v>30540</v>
      </c>
    </row>
    <row r="10011" spans="1:9">
      <c r="A10011" s="1">
        <v>3.5374497448744324E-2</v>
      </c>
      <c r="B10011" s="1"/>
      <c r="C10011">
        <v>4</v>
      </c>
      <c r="D10011" t="s">
        <v>21286</v>
      </c>
      <c r="E10011" t="s">
        <v>33782</v>
      </c>
      <c r="F10011">
        <v>4</v>
      </c>
      <c r="G10011" t="s">
        <v>9</v>
      </c>
      <c r="H10011" t="s">
        <v>21287</v>
      </c>
      <c r="I10011" t="s">
        <v>30540</v>
      </c>
    </row>
    <row r="10012" spans="1:9">
      <c r="A10012" s="1">
        <v>0.96384752489111869</v>
      </c>
      <c r="B10012" s="1"/>
      <c r="C10012">
        <v>17</v>
      </c>
      <c r="D10012" t="s">
        <v>21292</v>
      </c>
      <c r="E10012" t="s">
        <v>33782</v>
      </c>
      <c r="F10012">
        <v>4</v>
      </c>
      <c r="G10012" t="s">
        <v>14</v>
      </c>
      <c r="H10012" t="s">
        <v>21293</v>
      </c>
      <c r="I10012" t="s">
        <v>30540</v>
      </c>
    </row>
    <row r="10013" spans="1:9">
      <c r="A10013" s="1">
        <v>0.29312548463633892</v>
      </c>
      <c r="B10013" s="1"/>
      <c r="C10013">
        <v>6</v>
      </c>
      <c r="D10013" t="s">
        <v>21288</v>
      </c>
      <c r="E10013" t="s">
        <v>33782</v>
      </c>
      <c r="F10013">
        <v>4</v>
      </c>
      <c r="G10013" t="s">
        <v>3732</v>
      </c>
      <c r="H10013" t="s">
        <v>21289</v>
      </c>
      <c r="I10013" t="s">
        <v>30540</v>
      </c>
    </row>
    <row r="10014" spans="1:9">
      <c r="A10014" s="1">
        <v>0.5557708484034305</v>
      </c>
      <c r="B10014" s="1"/>
      <c r="C10014">
        <v>2</v>
      </c>
      <c r="D10014" t="s">
        <v>21282</v>
      </c>
      <c r="E10014" t="s">
        <v>33783</v>
      </c>
      <c r="F10014">
        <v>3</v>
      </c>
      <c r="G10014" t="s">
        <v>14</v>
      </c>
      <c r="H10014" t="s">
        <v>21283</v>
      </c>
      <c r="I10014" t="s">
        <v>30540</v>
      </c>
    </row>
    <row r="10015" spans="1:9">
      <c r="A10015" s="1">
        <v>0.28203073075521046</v>
      </c>
      <c r="B10015" s="1"/>
      <c r="C10015">
        <v>3</v>
      </c>
      <c r="D10015" t="s">
        <v>21284</v>
      </c>
      <c r="E10015" t="s">
        <v>33783</v>
      </c>
      <c r="F10015">
        <v>3</v>
      </c>
      <c r="G10015" t="s">
        <v>14</v>
      </c>
      <c r="H10015" t="s">
        <v>21285</v>
      </c>
      <c r="I10015" t="s">
        <v>30540</v>
      </c>
    </row>
    <row r="10016" spans="1:9">
      <c r="A10016" s="1">
        <v>2.1162642379795704E-2</v>
      </c>
      <c r="B10016" s="1"/>
      <c r="C10016">
        <v>16</v>
      </c>
      <c r="D10016" t="s">
        <v>21280</v>
      </c>
      <c r="E10016" t="s">
        <v>33784</v>
      </c>
      <c r="F10016">
        <v>5</v>
      </c>
      <c r="G10016" t="s">
        <v>13</v>
      </c>
      <c r="H10016" t="s">
        <v>21281</v>
      </c>
      <c r="I10016" t="s">
        <v>30540</v>
      </c>
    </row>
    <row r="10017" spans="1:9">
      <c r="A10017" s="1">
        <v>0.59116575485910605</v>
      </c>
      <c r="B10017" s="1"/>
      <c r="C10017">
        <v>15</v>
      </c>
      <c r="D10017" t="s">
        <v>21278</v>
      </c>
      <c r="E10017" t="s">
        <v>33784</v>
      </c>
      <c r="F10017">
        <v>4</v>
      </c>
      <c r="G10017" t="s">
        <v>14</v>
      </c>
      <c r="H10017" t="s">
        <v>21279</v>
      </c>
      <c r="I10017" t="s">
        <v>30540</v>
      </c>
    </row>
    <row r="10018" spans="1:9">
      <c r="A10018" s="1">
        <v>0.46070596130096864</v>
      </c>
      <c r="B10018" s="1"/>
      <c r="C10018">
        <v>4</v>
      </c>
      <c r="D10018" t="s">
        <v>21270</v>
      </c>
      <c r="E10018" t="s">
        <v>33785</v>
      </c>
      <c r="F10018">
        <v>5</v>
      </c>
      <c r="G10018" t="s">
        <v>14</v>
      </c>
      <c r="H10018" t="s">
        <v>21271</v>
      </c>
      <c r="I10018" t="s">
        <v>30540</v>
      </c>
    </row>
    <row r="10019" spans="1:9">
      <c r="A10019" s="1">
        <v>0.7460798268369806</v>
      </c>
      <c r="B10019" s="1"/>
      <c r="C10019">
        <v>10</v>
      </c>
      <c r="D10019" t="s">
        <v>21274</v>
      </c>
      <c r="E10019" t="s">
        <v>33785</v>
      </c>
      <c r="F10019">
        <v>4</v>
      </c>
      <c r="G10019" t="s">
        <v>14</v>
      </c>
      <c r="H10019" t="s">
        <v>21275</v>
      </c>
      <c r="I10019" t="s">
        <v>30540</v>
      </c>
    </row>
    <row r="10020" spans="1:9">
      <c r="A10020" s="1">
        <v>0.54416216842259535</v>
      </c>
      <c r="B10020" s="1"/>
      <c r="C10020">
        <v>9</v>
      </c>
      <c r="D10020" t="s">
        <v>21272</v>
      </c>
      <c r="E10020" t="s">
        <v>33785</v>
      </c>
      <c r="F10020">
        <v>4</v>
      </c>
      <c r="G10020" t="s">
        <v>1</v>
      </c>
      <c r="H10020" t="s">
        <v>21273</v>
      </c>
      <c r="I10020" t="s">
        <v>30540</v>
      </c>
    </row>
    <row r="10021" spans="1:9">
      <c r="A10021" s="1">
        <v>0.20538124528806312</v>
      </c>
      <c r="B10021" s="1"/>
      <c r="C10021">
        <v>3</v>
      </c>
      <c r="D10021" t="s">
        <v>21268</v>
      </c>
      <c r="E10021" t="s">
        <v>33785</v>
      </c>
      <c r="F10021">
        <v>4</v>
      </c>
      <c r="G10021" t="s">
        <v>14</v>
      </c>
      <c r="H10021" t="s">
        <v>21269</v>
      </c>
      <c r="I10021" t="s">
        <v>30540</v>
      </c>
    </row>
    <row r="10022" spans="1:9">
      <c r="A10022" s="1">
        <v>0.3045575549116778</v>
      </c>
      <c r="B10022" s="1"/>
      <c r="C10022">
        <v>16</v>
      </c>
      <c r="D10022" t="s">
        <v>21276</v>
      </c>
      <c r="E10022" t="s">
        <v>33785</v>
      </c>
      <c r="F10022">
        <v>3</v>
      </c>
      <c r="G10022" t="s">
        <v>14</v>
      </c>
      <c r="H10022" t="s">
        <v>21277</v>
      </c>
      <c r="I10022" t="s">
        <v>30540</v>
      </c>
    </row>
    <row r="10023" spans="1:9">
      <c r="A10023" s="1">
        <v>2.9462960665151972E-2</v>
      </c>
      <c r="B10023" s="1"/>
      <c r="C10023">
        <v>7</v>
      </c>
      <c r="D10023" t="s">
        <v>21266</v>
      </c>
      <c r="E10023" t="s">
        <v>33786</v>
      </c>
      <c r="F10023">
        <v>4</v>
      </c>
      <c r="G10023" t="s">
        <v>14</v>
      </c>
      <c r="H10023" t="s">
        <v>21267</v>
      </c>
      <c r="I10023" t="s">
        <v>30540</v>
      </c>
    </row>
    <row r="10024" spans="1:9">
      <c r="A10024" s="1">
        <v>0.8096547797576038</v>
      </c>
      <c r="B10024" s="1"/>
      <c r="C10024">
        <v>5</v>
      </c>
      <c r="D10024" t="s">
        <v>21264</v>
      </c>
      <c r="E10024" t="s">
        <v>33786</v>
      </c>
      <c r="F10024">
        <v>3</v>
      </c>
      <c r="G10024" t="s">
        <v>10</v>
      </c>
      <c r="H10024" t="s">
        <v>21265</v>
      </c>
      <c r="I10024" t="s">
        <v>30540</v>
      </c>
    </row>
    <row r="10025" spans="1:9">
      <c r="A10025" s="1">
        <v>0.67141657038817604</v>
      </c>
      <c r="B10025" s="1"/>
      <c r="C10025">
        <v>20</v>
      </c>
      <c r="D10025" t="s">
        <v>21262</v>
      </c>
      <c r="E10025" t="s">
        <v>33787</v>
      </c>
      <c r="F10025">
        <v>5</v>
      </c>
      <c r="G10025" t="s">
        <v>14</v>
      </c>
      <c r="H10025" t="s">
        <v>21263</v>
      </c>
      <c r="I10025" t="s">
        <v>30540</v>
      </c>
    </row>
    <row r="10026" spans="1:9">
      <c r="A10026" s="1">
        <v>7.7712821277007516E-2</v>
      </c>
      <c r="B10026" s="1"/>
      <c r="C10026">
        <v>7</v>
      </c>
      <c r="D10026" t="s">
        <v>21256</v>
      </c>
      <c r="E10026" t="s">
        <v>33787</v>
      </c>
      <c r="F10026">
        <v>5</v>
      </c>
      <c r="G10026" t="s">
        <v>1426</v>
      </c>
      <c r="H10026" t="s">
        <v>21257</v>
      </c>
      <c r="I10026" t="s">
        <v>30540</v>
      </c>
    </row>
    <row r="10027" spans="1:9">
      <c r="A10027" s="1">
        <v>0.26573522241317926</v>
      </c>
      <c r="B10027" s="1"/>
      <c r="C10027">
        <v>14</v>
      </c>
      <c r="D10027" t="s">
        <v>21260</v>
      </c>
      <c r="E10027" t="s">
        <v>33787</v>
      </c>
      <c r="F10027">
        <v>4</v>
      </c>
      <c r="G10027" t="s">
        <v>2226</v>
      </c>
      <c r="H10027" t="s">
        <v>21261</v>
      </c>
      <c r="I10027" t="s">
        <v>30540</v>
      </c>
    </row>
    <row r="10028" spans="1:9">
      <c r="A10028" s="1">
        <v>0.46914463711699228</v>
      </c>
      <c r="B10028" s="1"/>
      <c r="C10028">
        <v>9</v>
      </c>
      <c r="D10028" t="s">
        <v>21258</v>
      </c>
      <c r="E10028" t="s">
        <v>33787</v>
      </c>
      <c r="F10028">
        <v>4</v>
      </c>
      <c r="G10028" t="s">
        <v>14</v>
      </c>
      <c r="H10028" t="s">
        <v>21259</v>
      </c>
      <c r="I10028" t="s">
        <v>30540</v>
      </c>
    </row>
    <row r="10029" spans="1:9">
      <c r="A10029" s="1">
        <v>0.2306043134188972</v>
      </c>
      <c r="B10029" s="1"/>
      <c r="C10029">
        <v>14</v>
      </c>
      <c r="D10029" t="s">
        <v>21252</v>
      </c>
      <c r="E10029" t="s">
        <v>33788</v>
      </c>
      <c r="F10029">
        <v>5</v>
      </c>
      <c r="G10029" t="s">
        <v>13</v>
      </c>
      <c r="H10029" t="s">
        <v>21253</v>
      </c>
      <c r="I10029" t="s">
        <v>30540</v>
      </c>
    </row>
    <row r="10030" spans="1:9">
      <c r="A10030" s="1">
        <v>0.17381870468752703</v>
      </c>
      <c r="B10030" s="1"/>
      <c r="C10030">
        <v>11</v>
      </c>
      <c r="D10030" t="s">
        <v>21250</v>
      </c>
      <c r="E10030" t="s">
        <v>33788</v>
      </c>
      <c r="F10030">
        <v>4</v>
      </c>
      <c r="G10030" t="s">
        <v>14</v>
      </c>
      <c r="H10030" t="s">
        <v>21251</v>
      </c>
      <c r="I10030" t="s">
        <v>30540</v>
      </c>
    </row>
    <row r="10031" spans="1:9">
      <c r="A10031" s="1">
        <v>0.63098091657216915</v>
      </c>
      <c r="B10031" s="1"/>
      <c r="C10031">
        <v>13</v>
      </c>
      <c r="D10031" t="s">
        <v>21248</v>
      </c>
      <c r="E10031" t="s">
        <v>33789</v>
      </c>
      <c r="F10031">
        <v>4</v>
      </c>
      <c r="G10031" t="s">
        <v>14</v>
      </c>
      <c r="H10031" t="s">
        <v>21249</v>
      </c>
      <c r="I10031" t="s">
        <v>30540</v>
      </c>
    </row>
    <row r="10032" spans="1:9">
      <c r="A10032" s="1">
        <v>0.85435370960578727</v>
      </c>
      <c r="B10032" s="1"/>
      <c r="C10032">
        <v>9</v>
      </c>
      <c r="D10032" t="s">
        <v>21246</v>
      </c>
      <c r="E10032" t="s">
        <v>33790</v>
      </c>
      <c r="F10032">
        <v>4</v>
      </c>
      <c r="G10032" t="s">
        <v>14</v>
      </c>
      <c r="H10032" t="s">
        <v>21247</v>
      </c>
      <c r="I10032" t="s">
        <v>30540</v>
      </c>
    </row>
    <row r="10033" spans="1:9">
      <c r="A10033" s="1">
        <v>0.71073597782520437</v>
      </c>
      <c r="B10033" s="1"/>
      <c r="C10033">
        <v>7</v>
      </c>
      <c r="D10033" t="s">
        <v>24873</v>
      </c>
      <c r="E10033" t="s">
        <v>33791</v>
      </c>
      <c r="F10033">
        <v>5</v>
      </c>
      <c r="G10033" t="s">
        <v>9</v>
      </c>
      <c r="H10033" t="s">
        <v>24874</v>
      </c>
      <c r="I10033" t="s">
        <v>30540</v>
      </c>
    </row>
    <row r="10034" spans="1:9">
      <c r="A10034" s="1">
        <v>0.99724639260690795</v>
      </c>
      <c r="B10034" s="1"/>
      <c r="C10034">
        <v>15</v>
      </c>
      <c r="D10034" t="s">
        <v>24881</v>
      </c>
      <c r="E10034" t="s">
        <v>33791</v>
      </c>
      <c r="F10034">
        <v>4</v>
      </c>
      <c r="G10034" t="s">
        <v>2</v>
      </c>
      <c r="H10034" t="s">
        <v>24882</v>
      </c>
      <c r="I10034" t="s">
        <v>30540</v>
      </c>
    </row>
    <row r="10035" spans="1:9">
      <c r="A10035" s="1">
        <v>0.22982831599234066</v>
      </c>
      <c r="B10035" s="1"/>
      <c r="C10035">
        <v>17</v>
      </c>
      <c r="D10035" t="s">
        <v>24883</v>
      </c>
      <c r="E10035" t="s">
        <v>33791</v>
      </c>
      <c r="F10035">
        <v>4</v>
      </c>
      <c r="G10035" t="s">
        <v>9</v>
      </c>
      <c r="H10035" t="s">
        <v>24884</v>
      </c>
      <c r="I10035" t="s">
        <v>30540</v>
      </c>
    </row>
    <row r="10036" spans="1:9">
      <c r="A10036" s="1">
        <v>0.5455187850077472</v>
      </c>
      <c r="B10036" s="1"/>
      <c r="C10036">
        <v>11</v>
      </c>
      <c r="D10036" t="s">
        <v>24877</v>
      </c>
      <c r="E10036" t="s">
        <v>33791</v>
      </c>
      <c r="F10036">
        <v>4</v>
      </c>
      <c r="G10036" t="s">
        <v>9</v>
      </c>
      <c r="H10036" t="s">
        <v>24878</v>
      </c>
      <c r="I10036" t="s">
        <v>30540</v>
      </c>
    </row>
    <row r="10037" spans="1:9">
      <c r="A10037" s="1">
        <v>0.64932679242050462</v>
      </c>
      <c r="B10037" s="1"/>
      <c r="C10037">
        <v>18</v>
      </c>
      <c r="D10037" t="s">
        <v>24885</v>
      </c>
      <c r="E10037" t="s">
        <v>33791</v>
      </c>
      <c r="F10037">
        <v>3</v>
      </c>
      <c r="G10037" t="s">
        <v>2</v>
      </c>
      <c r="H10037" t="s">
        <v>24886</v>
      </c>
      <c r="I10037" t="s">
        <v>30540</v>
      </c>
    </row>
    <row r="10038" spans="1:9">
      <c r="A10038" s="1">
        <v>6.66181207930302E-2</v>
      </c>
      <c r="B10038" s="1"/>
      <c r="C10038">
        <v>4</v>
      </c>
      <c r="D10038" t="s">
        <v>24869</v>
      </c>
      <c r="E10038" t="s">
        <v>33792</v>
      </c>
      <c r="F10038">
        <v>4</v>
      </c>
      <c r="G10038" t="s">
        <v>13</v>
      </c>
      <c r="H10038" t="s">
        <v>24870</v>
      </c>
      <c r="I10038" t="s">
        <v>30540</v>
      </c>
    </row>
    <row r="10039" spans="1:9">
      <c r="A10039" s="1">
        <v>0.84257040188164822</v>
      </c>
      <c r="B10039" s="1"/>
      <c r="C10039">
        <v>8</v>
      </c>
      <c r="D10039" t="s">
        <v>24871</v>
      </c>
      <c r="E10039" t="s">
        <v>33792</v>
      </c>
      <c r="F10039">
        <v>3</v>
      </c>
      <c r="G10039" t="s">
        <v>14</v>
      </c>
      <c r="H10039" t="s">
        <v>24872</v>
      </c>
      <c r="I10039" t="s">
        <v>30540</v>
      </c>
    </row>
    <row r="10040" spans="1:9">
      <c r="A10040" s="1">
        <v>0.97804230997258312</v>
      </c>
      <c r="B10040" s="1"/>
      <c r="C10040">
        <v>12</v>
      </c>
      <c r="D10040" t="s">
        <v>24867</v>
      </c>
      <c r="E10040" t="s">
        <v>33793</v>
      </c>
      <c r="F10040">
        <v>4</v>
      </c>
      <c r="G10040" t="s">
        <v>14</v>
      </c>
      <c r="H10040" t="s">
        <v>24868</v>
      </c>
      <c r="I10040" t="s">
        <v>30540</v>
      </c>
    </row>
    <row r="10041" spans="1:9">
      <c r="A10041" s="1">
        <v>0.41988678755094233</v>
      </c>
      <c r="B10041" s="1"/>
      <c r="C10041">
        <v>4</v>
      </c>
      <c r="D10041" t="s">
        <v>24859</v>
      </c>
      <c r="E10041" t="s">
        <v>33793</v>
      </c>
      <c r="F10041">
        <v>3</v>
      </c>
      <c r="G10041" t="s">
        <v>13</v>
      </c>
      <c r="H10041" t="s">
        <v>24860</v>
      </c>
      <c r="I10041" t="s">
        <v>30540</v>
      </c>
    </row>
    <row r="10042" spans="1:9">
      <c r="A10042" s="1">
        <v>0.87800860095975541</v>
      </c>
      <c r="B10042" s="1"/>
      <c r="C10042">
        <v>6</v>
      </c>
      <c r="D10042" t="s">
        <v>24861</v>
      </c>
      <c r="E10042" t="s">
        <v>33793</v>
      </c>
      <c r="F10042">
        <v>3</v>
      </c>
      <c r="G10042" t="s">
        <v>14</v>
      </c>
      <c r="H10042" t="s">
        <v>24862</v>
      </c>
      <c r="I10042" t="s">
        <v>30540</v>
      </c>
    </row>
    <row r="10043" spans="1:9">
      <c r="A10043" s="1">
        <v>0.57521005569634742</v>
      </c>
      <c r="B10043" s="1"/>
      <c r="C10043">
        <v>6</v>
      </c>
      <c r="D10043" t="s">
        <v>24853</v>
      </c>
      <c r="E10043" t="s">
        <v>33794</v>
      </c>
      <c r="F10043">
        <v>5</v>
      </c>
      <c r="G10043" t="s">
        <v>14</v>
      </c>
      <c r="H10043" t="s">
        <v>24854</v>
      </c>
      <c r="I10043" t="s">
        <v>30540</v>
      </c>
    </row>
    <row r="10044" spans="1:9">
      <c r="A10044" s="1">
        <v>0.22600809847575176</v>
      </c>
      <c r="B10044" s="1"/>
      <c r="C10044">
        <v>3</v>
      </c>
      <c r="D10044" t="s">
        <v>24851</v>
      </c>
      <c r="E10044" t="s">
        <v>33794</v>
      </c>
      <c r="F10044">
        <v>4</v>
      </c>
      <c r="G10044" t="s">
        <v>1</v>
      </c>
      <c r="H10044" t="s">
        <v>24852</v>
      </c>
      <c r="I10044" t="s">
        <v>30540</v>
      </c>
    </row>
    <row r="10045" spans="1:9">
      <c r="A10045" s="1">
        <v>0.6991761690235323</v>
      </c>
      <c r="B10045" s="1"/>
      <c r="C10045">
        <v>11</v>
      </c>
      <c r="D10045" t="s">
        <v>24855</v>
      </c>
      <c r="E10045" t="s">
        <v>33794</v>
      </c>
      <c r="F10045">
        <v>4</v>
      </c>
      <c r="G10045" t="s">
        <v>14</v>
      </c>
      <c r="H10045" t="s">
        <v>24856</v>
      </c>
      <c r="I10045" t="s">
        <v>30540</v>
      </c>
    </row>
    <row r="10046" spans="1:9">
      <c r="A10046" s="1">
        <v>0.50216200729488802</v>
      </c>
      <c r="B10046" s="1"/>
      <c r="C10046">
        <v>1</v>
      </c>
      <c r="D10046" t="s">
        <v>24841</v>
      </c>
      <c r="E10046" t="s">
        <v>33795</v>
      </c>
      <c r="F10046">
        <v>5</v>
      </c>
      <c r="G10046" t="s">
        <v>774</v>
      </c>
      <c r="H10046" t="s">
        <v>24842</v>
      </c>
      <c r="I10046" t="s">
        <v>30540</v>
      </c>
    </row>
    <row r="10047" spans="1:9">
      <c r="A10047" s="1">
        <v>0.85390154122034734</v>
      </c>
      <c r="B10047" s="1"/>
      <c r="C10047">
        <v>7</v>
      </c>
      <c r="D10047" t="s">
        <v>24845</v>
      </c>
      <c r="E10047" t="s">
        <v>33795</v>
      </c>
      <c r="F10047">
        <v>4</v>
      </c>
      <c r="G10047" t="s">
        <v>10</v>
      </c>
      <c r="H10047" t="s">
        <v>24846</v>
      </c>
      <c r="I10047" t="s">
        <v>30540</v>
      </c>
    </row>
    <row r="10048" spans="1:9">
      <c r="A10048" s="1">
        <v>0.54646419389203083</v>
      </c>
      <c r="B10048" s="1"/>
      <c r="C10048">
        <v>4</v>
      </c>
      <c r="D10048" t="s">
        <v>24843</v>
      </c>
      <c r="E10048" t="s">
        <v>33795</v>
      </c>
      <c r="F10048">
        <v>4</v>
      </c>
      <c r="G10048" t="s">
        <v>775</v>
      </c>
      <c r="H10048" t="s">
        <v>24844</v>
      </c>
      <c r="I10048" t="s">
        <v>30540</v>
      </c>
    </row>
    <row r="10049" spans="1:9">
      <c r="A10049" s="1">
        <v>0.4844270035939221</v>
      </c>
      <c r="B10049" s="1"/>
      <c r="C10049">
        <v>18</v>
      </c>
      <c r="D10049" t="s">
        <v>24849</v>
      </c>
      <c r="E10049" t="s">
        <v>33795</v>
      </c>
      <c r="F10049">
        <v>4</v>
      </c>
      <c r="G10049" t="s">
        <v>15</v>
      </c>
      <c r="H10049" t="s">
        <v>24850</v>
      </c>
      <c r="I10049" t="s">
        <v>30540</v>
      </c>
    </row>
    <row r="10050" spans="1:9">
      <c r="A10050" s="1">
        <v>0.85093959486950788</v>
      </c>
      <c r="B10050" s="1"/>
      <c r="C10050">
        <v>12</v>
      </c>
      <c r="D10050" t="s">
        <v>24835</v>
      </c>
      <c r="E10050" t="s">
        <v>33796</v>
      </c>
      <c r="F10050">
        <v>5</v>
      </c>
      <c r="G10050" t="s">
        <v>1</v>
      </c>
      <c r="H10050" t="s">
        <v>24836</v>
      </c>
      <c r="I10050" t="s">
        <v>30540</v>
      </c>
    </row>
    <row r="10051" spans="1:9">
      <c r="A10051" s="1">
        <v>7.5906043383262456E-2</v>
      </c>
      <c r="B10051" s="1"/>
      <c r="C10051">
        <v>13</v>
      </c>
      <c r="D10051" t="s">
        <v>24837</v>
      </c>
      <c r="E10051" t="s">
        <v>33796</v>
      </c>
      <c r="F10051">
        <v>4</v>
      </c>
      <c r="G10051" t="s">
        <v>14</v>
      </c>
      <c r="H10051" t="s">
        <v>24838</v>
      </c>
      <c r="I10051" t="s">
        <v>30540</v>
      </c>
    </row>
    <row r="10052" spans="1:9">
      <c r="A10052" s="1">
        <v>0.72467613286939847</v>
      </c>
      <c r="B10052" s="1"/>
      <c r="C10052">
        <v>4</v>
      </c>
      <c r="D10052" t="s">
        <v>24833</v>
      </c>
      <c r="E10052" t="s">
        <v>33796</v>
      </c>
      <c r="F10052">
        <v>4</v>
      </c>
      <c r="G10052" t="s">
        <v>9</v>
      </c>
      <c r="H10052" t="s">
        <v>24834</v>
      </c>
      <c r="I10052" t="s">
        <v>30540</v>
      </c>
    </row>
    <row r="10053" spans="1:9">
      <c r="A10053" s="1">
        <v>0.83962905187573045</v>
      </c>
      <c r="B10053" s="1"/>
      <c r="C10053">
        <v>16</v>
      </c>
      <c r="D10053" t="s">
        <v>24831</v>
      </c>
      <c r="E10053" t="s">
        <v>33797</v>
      </c>
      <c r="F10053">
        <v>5</v>
      </c>
      <c r="G10053" t="s">
        <v>14</v>
      </c>
      <c r="H10053" t="s">
        <v>24832</v>
      </c>
      <c r="I10053" t="s">
        <v>30540</v>
      </c>
    </row>
    <row r="10054" spans="1:9">
      <c r="A10054" s="1">
        <v>0.37901955020681799</v>
      </c>
      <c r="B10054" s="1"/>
      <c r="C10054">
        <v>10</v>
      </c>
      <c r="D10054" t="s">
        <v>24825</v>
      </c>
      <c r="E10054" t="s">
        <v>33797</v>
      </c>
      <c r="F10054">
        <v>5</v>
      </c>
      <c r="G10054" t="s">
        <v>9</v>
      </c>
      <c r="H10054" t="s">
        <v>24826</v>
      </c>
      <c r="I10054" t="s">
        <v>30540</v>
      </c>
    </row>
    <row r="10055" spans="1:9">
      <c r="A10055" s="1">
        <v>0.23193625804601925</v>
      </c>
      <c r="B10055" s="1"/>
      <c r="C10055">
        <v>14</v>
      </c>
      <c r="D10055" t="s">
        <v>24829</v>
      </c>
      <c r="E10055" t="s">
        <v>33797</v>
      </c>
      <c r="F10055">
        <v>4</v>
      </c>
      <c r="G10055" t="s">
        <v>0</v>
      </c>
      <c r="H10055" t="s">
        <v>24830</v>
      </c>
      <c r="I10055" t="s">
        <v>30540</v>
      </c>
    </row>
    <row r="10056" spans="1:9">
      <c r="A10056" s="1">
        <v>0.10767540852479951</v>
      </c>
      <c r="B10056" s="1"/>
      <c r="C10056">
        <v>8</v>
      </c>
      <c r="D10056" t="s">
        <v>24823</v>
      </c>
      <c r="E10056" t="s">
        <v>33797</v>
      </c>
      <c r="F10056">
        <v>4</v>
      </c>
      <c r="G10056" t="s">
        <v>14</v>
      </c>
      <c r="H10056" t="s">
        <v>24824</v>
      </c>
      <c r="I10056" t="s">
        <v>30540</v>
      </c>
    </row>
    <row r="10057" spans="1:9">
      <c r="A10057" s="1">
        <v>0.10347785662357534</v>
      </c>
      <c r="B10057" s="1"/>
      <c r="C10057">
        <v>11</v>
      </c>
      <c r="D10057" t="s">
        <v>24827</v>
      </c>
      <c r="E10057" t="s">
        <v>33797</v>
      </c>
      <c r="F10057">
        <v>4</v>
      </c>
      <c r="G10057" t="s">
        <v>14</v>
      </c>
      <c r="H10057" t="s">
        <v>24828</v>
      </c>
      <c r="I10057" t="s">
        <v>30540</v>
      </c>
    </row>
    <row r="10058" spans="1:9">
      <c r="A10058" s="1">
        <v>0.4820278915835543</v>
      </c>
      <c r="B10058" s="1"/>
      <c r="C10058">
        <v>5</v>
      </c>
      <c r="D10058" t="s">
        <v>24811</v>
      </c>
      <c r="E10058" t="s">
        <v>33798</v>
      </c>
      <c r="F10058">
        <v>5</v>
      </c>
      <c r="G10058" t="s">
        <v>14</v>
      </c>
      <c r="H10058" t="s">
        <v>24812</v>
      </c>
      <c r="I10058" t="s">
        <v>30540</v>
      </c>
    </row>
    <row r="10059" spans="1:9">
      <c r="A10059" s="1">
        <v>0.53313180899038159</v>
      </c>
      <c r="B10059" s="1"/>
      <c r="C10059">
        <v>20</v>
      </c>
      <c r="D10059" t="s">
        <v>24821</v>
      </c>
      <c r="E10059" t="s">
        <v>33798</v>
      </c>
      <c r="F10059">
        <v>4</v>
      </c>
      <c r="G10059" t="s">
        <v>14</v>
      </c>
      <c r="H10059" t="s">
        <v>24822</v>
      </c>
      <c r="I10059" t="s">
        <v>30540</v>
      </c>
    </row>
    <row r="10060" spans="1:9">
      <c r="A10060" s="1">
        <v>0.20199492863378243</v>
      </c>
      <c r="B10060" s="1"/>
      <c r="C10060">
        <v>11</v>
      </c>
      <c r="D10060" t="s">
        <v>24815</v>
      </c>
      <c r="E10060" t="s">
        <v>33798</v>
      </c>
      <c r="F10060">
        <v>4</v>
      </c>
      <c r="G10060" t="s">
        <v>14</v>
      </c>
      <c r="H10060" t="s">
        <v>24816</v>
      </c>
      <c r="I10060" t="s">
        <v>30540</v>
      </c>
    </row>
    <row r="10061" spans="1:9">
      <c r="A10061" s="1">
        <v>0.37365131528074447</v>
      </c>
      <c r="B10061" s="1"/>
      <c r="C10061">
        <v>6</v>
      </c>
      <c r="D10061" t="s">
        <v>24813</v>
      </c>
      <c r="E10061" t="s">
        <v>33798</v>
      </c>
      <c r="F10061">
        <v>4</v>
      </c>
      <c r="G10061" t="s">
        <v>14</v>
      </c>
      <c r="H10061" t="s">
        <v>24814</v>
      </c>
      <c r="I10061" t="s">
        <v>30540</v>
      </c>
    </row>
    <row r="10062" spans="1:9">
      <c r="A10062" s="1">
        <v>5.249546998121124E-2</v>
      </c>
      <c r="B10062" s="1"/>
      <c r="C10062">
        <v>16</v>
      </c>
      <c r="D10062" t="s">
        <v>24819</v>
      </c>
      <c r="E10062" t="s">
        <v>33798</v>
      </c>
      <c r="F10062">
        <v>3</v>
      </c>
      <c r="G10062" t="s">
        <v>2</v>
      </c>
      <c r="H10062" t="s">
        <v>24820</v>
      </c>
      <c r="I10062" t="s">
        <v>30540</v>
      </c>
    </row>
    <row r="10063" spans="1:9">
      <c r="A10063" s="1">
        <v>0.73632149914676437</v>
      </c>
      <c r="B10063" s="1"/>
      <c r="C10063">
        <v>14</v>
      </c>
      <c r="D10063" t="s">
        <v>24817</v>
      </c>
      <c r="E10063" t="s">
        <v>33798</v>
      </c>
      <c r="F10063">
        <v>3</v>
      </c>
      <c r="G10063" t="s">
        <v>2</v>
      </c>
      <c r="H10063" t="s">
        <v>24818</v>
      </c>
      <c r="I10063" t="s">
        <v>30540</v>
      </c>
    </row>
    <row r="10064" spans="1:9">
      <c r="A10064" s="1">
        <v>7.3396220248326927E-2</v>
      </c>
      <c r="B10064" s="1"/>
      <c r="C10064">
        <v>19</v>
      </c>
      <c r="D10064" t="s">
        <v>24809</v>
      </c>
      <c r="E10064" t="s">
        <v>33799</v>
      </c>
      <c r="F10064">
        <v>4</v>
      </c>
      <c r="G10064" t="s">
        <v>14</v>
      </c>
      <c r="H10064" t="s">
        <v>24810</v>
      </c>
      <c r="I10064" t="s">
        <v>30540</v>
      </c>
    </row>
    <row r="10065" spans="1:9">
      <c r="A10065" s="1">
        <v>0.47978224247745882</v>
      </c>
      <c r="B10065" s="1"/>
      <c r="C10065">
        <v>11</v>
      </c>
      <c r="D10065" t="s">
        <v>24805</v>
      </c>
      <c r="E10065" t="s">
        <v>33799</v>
      </c>
      <c r="F10065">
        <v>4</v>
      </c>
      <c r="G10065" t="s">
        <v>14</v>
      </c>
      <c r="H10065" t="s">
        <v>24806</v>
      </c>
      <c r="I10065" t="s">
        <v>30540</v>
      </c>
    </row>
    <row r="10066" spans="1:9">
      <c r="A10066" s="1">
        <v>0.16836462659889706</v>
      </c>
      <c r="B10066" s="1"/>
      <c r="C10066">
        <v>14</v>
      </c>
      <c r="D10066" t="s">
        <v>24807</v>
      </c>
      <c r="E10066" t="s">
        <v>33799</v>
      </c>
      <c r="F10066">
        <v>4</v>
      </c>
      <c r="G10066" t="s">
        <v>0</v>
      </c>
      <c r="H10066" t="s">
        <v>24808</v>
      </c>
      <c r="I10066" t="s">
        <v>30540</v>
      </c>
    </row>
    <row r="10067" spans="1:9">
      <c r="A10067" s="1">
        <v>1.9601546526193281E-2</v>
      </c>
      <c r="B10067" s="1"/>
      <c r="C10067">
        <v>4</v>
      </c>
      <c r="D10067" t="s">
        <v>24801</v>
      </c>
      <c r="E10067" t="s">
        <v>33800</v>
      </c>
      <c r="F10067">
        <v>4</v>
      </c>
      <c r="G10067" t="s">
        <v>15</v>
      </c>
      <c r="H10067" t="s">
        <v>24802</v>
      </c>
      <c r="I10067" t="s">
        <v>30540</v>
      </c>
    </row>
    <row r="10068" spans="1:9">
      <c r="A10068" s="1">
        <v>0.86699440236713254</v>
      </c>
      <c r="B10068" s="1"/>
      <c r="C10068">
        <v>14</v>
      </c>
      <c r="D10068" t="s">
        <v>24803</v>
      </c>
      <c r="E10068" t="s">
        <v>33800</v>
      </c>
      <c r="F10068">
        <v>4</v>
      </c>
      <c r="G10068" t="s">
        <v>10</v>
      </c>
      <c r="H10068" t="s">
        <v>24804</v>
      </c>
      <c r="I10068" t="s">
        <v>30540</v>
      </c>
    </row>
    <row r="10069" spans="1:9">
      <c r="A10069" s="1">
        <v>6.3469767639701358E-2</v>
      </c>
      <c r="B10069" s="1"/>
      <c r="C10069">
        <v>15</v>
      </c>
      <c r="D10069" t="s">
        <v>24797</v>
      </c>
      <c r="E10069" t="s">
        <v>33801</v>
      </c>
      <c r="F10069">
        <v>5</v>
      </c>
      <c r="G10069" t="s">
        <v>14</v>
      </c>
      <c r="H10069" t="s">
        <v>24798</v>
      </c>
      <c r="I10069" t="s">
        <v>30540</v>
      </c>
    </row>
    <row r="10070" spans="1:9">
      <c r="A10070" s="1">
        <v>0.22833978196732352</v>
      </c>
      <c r="B10070" s="1"/>
      <c r="C10070">
        <v>17</v>
      </c>
      <c r="D10070" t="s">
        <v>24799</v>
      </c>
      <c r="E10070" t="s">
        <v>33801</v>
      </c>
      <c r="F10070">
        <v>5</v>
      </c>
      <c r="G10070" t="s">
        <v>0</v>
      </c>
      <c r="H10070" t="s">
        <v>24800</v>
      </c>
      <c r="I10070" t="s">
        <v>30540</v>
      </c>
    </row>
    <row r="10071" spans="1:9">
      <c r="A10071" s="1">
        <v>0.21089487859396072</v>
      </c>
      <c r="B10071" s="1"/>
      <c r="C10071">
        <v>4</v>
      </c>
      <c r="D10071" t="s">
        <v>24793</v>
      </c>
      <c r="E10071" t="s">
        <v>33801</v>
      </c>
      <c r="F10071">
        <v>4</v>
      </c>
      <c r="G10071" t="s">
        <v>14</v>
      </c>
      <c r="H10071" t="s">
        <v>24794</v>
      </c>
      <c r="I10071" t="s">
        <v>30540</v>
      </c>
    </row>
    <row r="10072" spans="1:9">
      <c r="A10072" s="1">
        <v>0.40130830572619536</v>
      </c>
      <c r="B10072" s="1"/>
      <c r="C10072">
        <v>12</v>
      </c>
      <c r="D10072" t="s">
        <v>24789</v>
      </c>
      <c r="E10072" t="s">
        <v>33802</v>
      </c>
      <c r="F10072">
        <v>4</v>
      </c>
      <c r="G10072" t="s">
        <v>1</v>
      </c>
      <c r="H10072" t="s">
        <v>24790</v>
      </c>
      <c r="I10072" t="s">
        <v>30540</v>
      </c>
    </row>
    <row r="10073" spans="1:9">
      <c r="A10073" s="1">
        <v>0.89547029733417061</v>
      </c>
      <c r="B10073" s="1"/>
      <c r="C10073">
        <v>6</v>
      </c>
      <c r="D10073" t="s">
        <v>24783</v>
      </c>
      <c r="E10073" t="s">
        <v>33802</v>
      </c>
      <c r="F10073">
        <v>4</v>
      </c>
      <c r="G10073" t="s">
        <v>14</v>
      </c>
      <c r="H10073" t="s">
        <v>24784</v>
      </c>
      <c r="I10073" t="s">
        <v>30540</v>
      </c>
    </row>
    <row r="10074" spans="1:9">
      <c r="A10074" s="1">
        <v>0.37681200446809671</v>
      </c>
      <c r="B10074" s="1"/>
      <c r="C10074">
        <v>7</v>
      </c>
      <c r="D10074" t="s">
        <v>24785</v>
      </c>
      <c r="E10074" t="s">
        <v>33802</v>
      </c>
      <c r="F10074">
        <v>4</v>
      </c>
      <c r="G10074" t="s">
        <v>14</v>
      </c>
      <c r="H10074" t="s">
        <v>24786</v>
      </c>
      <c r="I10074" t="s">
        <v>30540</v>
      </c>
    </row>
    <row r="10075" spans="1:9">
      <c r="A10075" s="1">
        <v>0.63231165210536366</v>
      </c>
      <c r="B10075" s="1"/>
      <c r="C10075">
        <v>16</v>
      </c>
      <c r="D10075" t="s">
        <v>24791</v>
      </c>
      <c r="E10075" t="s">
        <v>33802</v>
      </c>
      <c r="F10075">
        <v>4</v>
      </c>
      <c r="G10075" t="s">
        <v>14</v>
      </c>
      <c r="H10075" t="s">
        <v>24792</v>
      </c>
      <c r="I10075" t="s">
        <v>30540</v>
      </c>
    </row>
    <row r="10076" spans="1:9">
      <c r="A10076" s="1">
        <v>0.40392719856715487</v>
      </c>
      <c r="B10076" s="1"/>
      <c r="C10076">
        <v>11</v>
      </c>
      <c r="D10076" t="s">
        <v>24787</v>
      </c>
      <c r="E10076" t="s">
        <v>33802</v>
      </c>
      <c r="F10076">
        <v>3</v>
      </c>
      <c r="G10076" t="s">
        <v>14</v>
      </c>
      <c r="H10076" t="s">
        <v>24788</v>
      </c>
      <c r="I10076" t="s">
        <v>30540</v>
      </c>
    </row>
    <row r="10077" spans="1:9">
      <c r="A10077" s="1">
        <v>0.73717108214673299</v>
      </c>
      <c r="B10077" s="1"/>
      <c r="C10077">
        <v>13</v>
      </c>
      <c r="D10077" t="s">
        <v>24781</v>
      </c>
      <c r="E10077" t="s">
        <v>33803</v>
      </c>
      <c r="F10077">
        <v>4</v>
      </c>
      <c r="G10077" t="s">
        <v>14</v>
      </c>
      <c r="H10077" t="s">
        <v>24782</v>
      </c>
      <c r="I10077" t="s">
        <v>30540</v>
      </c>
    </row>
    <row r="10078" spans="1:9">
      <c r="A10078" s="1">
        <v>0.73408336618135406</v>
      </c>
      <c r="B10078" s="1"/>
      <c r="C10078">
        <v>12</v>
      </c>
      <c r="D10078" t="s">
        <v>24779</v>
      </c>
      <c r="E10078" t="s">
        <v>33803</v>
      </c>
      <c r="F10078">
        <v>3</v>
      </c>
      <c r="G10078" t="s">
        <v>0</v>
      </c>
      <c r="H10078" t="s">
        <v>24780</v>
      </c>
      <c r="I10078" t="s">
        <v>30540</v>
      </c>
    </row>
    <row r="10079" spans="1:9">
      <c r="A10079" s="1">
        <v>0.81789519285038315</v>
      </c>
      <c r="B10079" s="1"/>
      <c r="C10079">
        <v>2</v>
      </c>
      <c r="D10079" t="s">
        <v>24769</v>
      </c>
      <c r="E10079" t="s">
        <v>33804</v>
      </c>
      <c r="F10079">
        <v>5</v>
      </c>
      <c r="G10079" t="s">
        <v>14</v>
      </c>
      <c r="H10079" t="s">
        <v>24770</v>
      </c>
      <c r="I10079" t="s">
        <v>30540</v>
      </c>
    </row>
    <row r="10080" spans="1:9">
      <c r="A10080" s="1">
        <v>0.76256992626100317</v>
      </c>
      <c r="B10080" s="1"/>
      <c r="C10080">
        <v>18</v>
      </c>
      <c r="D10080" t="s">
        <v>24775</v>
      </c>
      <c r="E10080" t="s">
        <v>33804</v>
      </c>
      <c r="F10080">
        <v>4</v>
      </c>
      <c r="G10080" t="s">
        <v>14</v>
      </c>
      <c r="H10080" t="s">
        <v>24776</v>
      </c>
      <c r="I10080" t="s">
        <v>30540</v>
      </c>
    </row>
    <row r="10081" spans="1:9">
      <c r="A10081" s="1">
        <v>0.78478162069612367</v>
      </c>
      <c r="B10081" s="1"/>
      <c r="C10081">
        <v>13</v>
      </c>
      <c r="D10081" t="s">
        <v>24773</v>
      </c>
      <c r="E10081" t="s">
        <v>33804</v>
      </c>
      <c r="F10081">
        <v>4</v>
      </c>
      <c r="G10081" t="s">
        <v>1</v>
      </c>
      <c r="H10081" t="s">
        <v>24774</v>
      </c>
      <c r="I10081" t="s">
        <v>30540</v>
      </c>
    </row>
    <row r="10082" spans="1:9">
      <c r="A10082" s="1">
        <v>0.33773615277996882</v>
      </c>
      <c r="B10082" s="1"/>
      <c r="C10082">
        <v>12</v>
      </c>
      <c r="D10082" t="s">
        <v>24771</v>
      </c>
      <c r="E10082" t="s">
        <v>33804</v>
      </c>
      <c r="F10082">
        <v>3</v>
      </c>
      <c r="G10082" t="s">
        <v>14</v>
      </c>
      <c r="H10082" t="s">
        <v>24772</v>
      </c>
      <c r="I10082" t="s">
        <v>30540</v>
      </c>
    </row>
    <row r="10083" spans="1:9">
      <c r="A10083" s="1">
        <v>0.83857917565563989</v>
      </c>
      <c r="B10083" s="1"/>
      <c r="C10083">
        <v>6</v>
      </c>
      <c r="D10083" t="s">
        <v>24765</v>
      </c>
      <c r="E10083" t="s">
        <v>33805</v>
      </c>
      <c r="F10083">
        <v>4</v>
      </c>
      <c r="G10083" t="s">
        <v>10</v>
      </c>
      <c r="H10083" t="s">
        <v>24766</v>
      </c>
      <c r="I10083" t="s">
        <v>30540</v>
      </c>
    </row>
    <row r="10084" spans="1:9">
      <c r="A10084" s="1">
        <v>0.57415678827305083</v>
      </c>
      <c r="B10084" s="1"/>
      <c r="C10084">
        <v>10</v>
      </c>
      <c r="D10084" t="s">
        <v>24761</v>
      </c>
      <c r="E10084" t="s">
        <v>33806</v>
      </c>
      <c r="F10084">
        <v>4</v>
      </c>
      <c r="G10084" t="s">
        <v>14</v>
      </c>
      <c r="H10084" t="s">
        <v>24762</v>
      </c>
      <c r="I10084" t="s">
        <v>30540</v>
      </c>
    </row>
    <row r="10085" spans="1:9">
      <c r="A10085" s="1">
        <v>0.31250334088576948</v>
      </c>
      <c r="B10085" s="1"/>
      <c r="C10085">
        <v>6</v>
      </c>
      <c r="D10085" t="s">
        <v>24759</v>
      </c>
      <c r="E10085" t="s">
        <v>33806</v>
      </c>
      <c r="F10085">
        <v>4</v>
      </c>
      <c r="G10085" t="s">
        <v>1</v>
      </c>
      <c r="H10085" t="s">
        <v>24760</v>
      </c>
      <c r="I10085" t="s">
        <v>30540</v>
      </c>
    </row>
    <row r="10086" spans="1:9">
      <c r="A10086" s="1">
        <v>0.97221493381717505</v>
      </c>
      <c r="B10086" s="1"/>
      <c r="C10086">
        <v>14</v>
      </c>
      <c r="D10086" t="s">
        <v>24763</v>
      </c>
      <c r="E10086" t="s">
        <v>33806</v>
      </c>
      <c r="F10086">
        <v>3</v>
      </c>
      <c r="G10086" t="s">
        <v>9</v>
      </c>
      <c r="H10086" t="s">
        <v>24764</v>
      </c>
      <c r="I10086" t="s">
        <v>30540</v>
      </c>
    </row>
    <row r="10087" spans="1:9">
      <c r="A10087" s="1">
        <v>0.36175680033204805</v>
      </c>
      <c r="B10087" s="1"/>
      <c r="C10087">
        <v>4</v>
      </c>
      <c r="D10087" t="s">
        <v>24749</v>
      </c>
      <c r="E10087" t="s">
        <v>33807</v>
      </c>
      <c r="F10087">
        <v>4</v>
      </c>
      <c r="G10087" t="s">
        <v>14</v>
      </c>
      <c r="H10087" t="s">
        <v>24750</v>
      </c>
      <c r="I10087" t="s">
        <v>30540</v>
      </c>
    </row>
    <row r="10088" spans="1:9">
      <c r="A10088" s="1">
        <v>0.36521336203856147</v>
      </c>
      <c r="B10088" s="1"/>
      <c r="C10088">
        <v>8</v>
      </c>
      <c r="D10088" t="s">
        <v>24753</v>
      </c>
      <c r="E10088" t="s">
        <v>33807</v>
      </c>
      <c r="F10088">
        <v>4</v>
      </c>
      <c r="G10088" t="s">
        <v>14</v>
      </c>
      <c r="H10088" t="s">
        <v>24754</v>
      </c>
      <c r="I10088" t="s">
        <v>30540</v>
      </c>
    </row>
    <row r="10089" spans="1:9">
      <c r="A10089" s="1">
        <v>0.82827963731814647</v>
      </c>
      <c r="B10089" s="1"/>
      <c r="C10089">
        <v>6</v>
      </c>
      <c r="D10089" t="s">
        <v>24751</v>
      </c>
      <c r="E10089" t="s">
        <v>33807</v>
      </c>
      <c r="F10089">
        <v>4</v>
      </c>
      <c r="G10089" t="s">
        <v>14</v>
      </c>
      <c r="H10089" t="s">
        <v>24752</v>
      </c>
      <c r="I10089" t="s">
        <v>30540</v>
      </c>
    </row>
    <row r="10090" spans="1:9">
      <c r="A10090" s="1">
        <v>7.9826336066753933E-3</v>
      </c>
      <c r="B10090" s="1"/>
      <c r="C10090">
        <v>10</v>
      </c>
      <c r="D10090" t="s">
        <v>24755</v>
      </c>
      <c r="E10090" t="s">
        <v>33807</v>
      </c>
      <c r="F10090">
        <v>3</v>
      </c>
      <c r="G10090" t="s">
        <v>1</v>
      </c>
      <c r="H10090" t="s">
        <v>24756</v>
      </c>
      <c r="I10090" t="s">
        <v>30540</v>
      </c>
    </row>
    <row r="10091" spans="1:9">
      <c r="A10091" s="1">
        <v>0.59364243128305993</v>
      </c>
      <c r="B10091" s="1"/>
      <c r="C10091">
        <v>13</v>
      </c>
      <c r="D10091" t="s">
        <v>24747</v>
      </c>
      <c r="E10091" t="s">
        <v>33808</v>
      </c>
      <c r="F10091">
        <v>5</v>
      </c>
      <c r="G10091" t="s">
        <v>2</v>
      </c>
      <c r="H10091" t="s">
        <v>24748</v>
      </c>
      <c r="I10091" t="s">
        <v>30540</v>
      </c>
    </row>
    <row r="10092" spans="1:9">
      <c r="A10092" s="1">
        <v>0.23882639217426693</v>
      </c>
      <c r="B10092" s="1"/>
      <c r="C10092">
        <v>7</v>
      </c>
      <c r="D10092" t="s">
        <v>24741</v>
      </c>
      <c r="E10092" t="s">
        <v>33808</v>
      </c>
      <c r="F10092">
        <v>4</v>
      </c>
      <c r="G10092" t="s">
        <v>2</v>
      </c>
      <c r="H10092" t="s">
        <v>24742</v>
      </c>
      <c r="I10092" t="s">
        <v>30540</v>
      </c>
    </row>
    <row r="10093" spans="1:9">
      <c r="A10093" s="1">
        <v>0.89961626437812203</v>
      </c>
      <c r="B10093" s="1"/>
      <c r="C10093">
        <v>5</v>
      </c>
      <c r="D10093" t="s">
        <v>24739</v>
      </c>
      <c r="E10093" t="s">
        <v>33808</v>
      </c>
      <c r="F10093">
        <v>4</v>
      </c>
      <c r="G10093" t="s">
        <v>14</v>
      </c>
      <c r="H10093" t="s">
        <v>24740</v>
      </c>
      <c r="I10093" t="s">
        <v>30540</v>
      </c>
    </row>
    <row r="10094" spans="1:9">
      <c r="A10094" s="1">
        <v>0.42213348310570997</v>
      </c>
      <c r="B10094" s="1"/>
      <c r="C10094">
        <v>9</v>
      </c>
      <c r="D10094" t="s">
        <v>24743</v>
      </c>
      <c r="E10094" t="s">
        <v>33808</v>
      </c>
      <c r="F10094">
        <v>4</v>
      </c>
      <c r="G10094" t="s">
        <v>1</v>
      </c>
      <c r="H10094" t="s">
        <v>24744</v>
      </c>
      <c r="I10094" t="s">
        <v>30540</v>
      </c>
    </row>
    <row r="10095" spans="1:9">
      <c r="A10095" s="1">
        <v>0.34211620236673201</v>
      </c>
      <c r="B10095" s="1"/>
      <c r="C10095">
        <v>10</v>
      </c>
      <c r="D10095" t="s">
        <v>24745</v>
      </c>
      <c r="E10095" t="s">
        <v>33808</v>
      </c>
      <c r="F10095">
        <v>4</v>
      </c>
      <c r="G10095" t="s">
        <v>2</v>
      </c>
      <c r="H10095" t="s">
        <v>24746</v>
      </c>
      <c r="I10095" t="s">
        <v>30540</v>
      </c>
    </row>
    <row r="10096" spans="1:9">
      <c r="A10096" s="1">
        <v>0.52136506479110478</v>
      </c>
      <c r="B10096" s="1"/>
      <c r="C10096">
        <v>1</v>
      </c>
      <c r="D10096" t="s">
        <v>24731</v>
      </c>
      <c r="E10096" t="s">
        <v>33809</v>
      </c>
      <c r="F10096">
        <v>5</v>
      </c>
      <c r="G10096" t="s">
        <v>2</v>
      </c>
      <c r="H10096" t="s">
        <v>24732</v>
      </c>
      <c r="I10096" t="s">
        <v>30540</v>
      </c>
    </row>
    <row r="10097" spans="1:9">
      <c r="A10097" s="1">
        <v>0.3515362551045903</v>
      </c>
      <c r="B10097" s="1"/>
      <c r="C10097">
        <v>6</v>
      </c>
      <c r="D10097" t="s">
        <v>24735</v>
      </c>
      <c r="E10097" t="s">
        <v>33809</v>
      </c>
      <c r="F10097">
        <v>4</v>
      </c>
      <c r="G10097" t="s">
        <v>14</v>
      </c>
      <c r="H10097" t="s">
        <v>24736</v>
      </c>
      <c r="I10097" t="s">
        <v>30540</v>
      </c>
    </row>
    <row r="10098" spans="1:9">
      <c r="A10098" s="1">
        <v>0.11998514978017927</v>
      </c>
      <c r="B10098" s="1"/>
      <c r="C10098">
        <v>5</v>
      </c>
      <c r="D10098" t="s">
        <v>24733</v>
      </c>
      <c r="E10098" t="s">
        <v>33809</v>
      </c>
      <c r="F10098">
        <v>4</v>
      </c>
      <c r="G10098" t="s">
        <v>14</v>
      </c>
      <c r="H10098" t="s">
        <v>24734</v>
      </c>
      <c r="I10098" t="s">
        <v>30540</v>
      </c>
    </row>
    <row r="10099" spans="1:9">
      <c r="A10099" s="1">
        <v>4.2836783237336751E-2</v>
      </c>
      <c r="B10099" s="1"/>
      <c r="C10099">
        <v>15</v>
      </c>
      <c r="D10099" t="s">
        <v>24737</v>
      </c>
      <c r="E10099" t="s">
        <v>33809</v>
      </c>
      <c r="F10099">
        <v>4</v>
      </c>
      <c r="G10099" t="s">
        <v>14</v>
      </c>
      <c r="H10099" t="s">
        <v>24738</v>
      </c>
      <c r="I10099" t="s">
        <v>30540</v>
      </c>
    </row>
    <row r="10100" spans="1:9">
      <c r="A10100" s="1">
        <v>0.75116204348191085</v>
      </c>
      <c r="B10100" s="1"/>
      <c r="C10100">
        <v>17</v>
      </c>
      <c r="D10100" t="s">
        <v>24729</v>
      </c>
      <c r="E10100" t="s">
        <v>33810</v>
      </c>
      <c r="F10100">
        <v>5</v>
      </c>
      <c r="G10100" t="s">
        <v>770</v>
      </c>
      <c r="H10100" t="s">
        <v>24730</v>
      </c>
      <c r="I10100" t="s">
        <v>30540</v>
      </c>
    </row>
    <row r="10101" spans="1:9">
      <c r="A10101" s="1">
        <v>0.21827502060656179</v>
      </c>
      <c r="B10101" s="1"/>
      <c r="C10101">
        <v>9</v>
      </c>
      <c r="D10101" t="s">
        <v>24727</v>
      </c>
      <c r="E10101" t="s">
        <v>33810</v>
      </c>
      <c r="F10101">
        <v>4</v>
      </c>
      <c r="G10101" t="s">
        <v>15</v>
      </c>
      <c r="H10101" t="s">
        <v>24728</v>
      </c>
      <c r="I10101" t="s">
        <v>30540</v>
      </c>
    </row>
    <row r="10102" spans="1:9">
      <c r="A10102" s="1">
        <v>0.82722620642133793</v>
      </c>
      <c r="B10102" s="1"/>
      <c r="C10102">
        <v>8</v>
      </c>
      <c r="D10102" t="s">
        <v>24723</v>
      </c>
      <c r="E10102" t="s">
        <v>33811</v>
      </c>
      <c r="F10102">
        <v>4</v>
      </c>
      <c r="G10102" t="s">
        <v>14</v>
      </c>
      <c r="H10102" t="s">
        <v>24724</v>
      </c>
      <c r="I10102" t="s">
        <v>30540</v>
      </c>
    </row>
    <row r="10103" spans="1:9">
      <c r="A10103" s="1">
        <v>0.59840477961005045</v>
      </c>
      <c r="B10103" s="1"/>
      <c r="C10103">
        <v>14</v>
      </c>
      <c r="D10103" t="s">
        <v>24725</v>
      </c>
      <c r="E10103" t="s">
        <v>33811</v>
      </c>
      <c r="F10103">
        <v>4</v>
      </c>
      <c r="G10103" t="s">
        <v>14</v>
      </c>
      <c r="H10103" t="s">
        <v>24726</v>
      </c>
      <c r="I10103" t="s">
        <v>30540</v>
      </c>
    </row>
    <row r="10104" spans="1:9">
      <c r="A10104" s="1">
        <v>0.62454455743847281</v>
      </c>
      <c r="B10104" s="1"/>
      <c r="C10104">
        <v>16</v>
      </c>
      <c r="D10104" t="s">
        <v>24721</v>
      </c>
      <c r="E10104" t="s">
        <v>33812</v>
      </c>
      <c r="F10104">
        <v>5</v>
      </c>
      <c r="G10104" t="s">
        <v>14</v>
      </c>
      <c r="H10104" t="s">
        <v>24722</v>
      </c>
      <c r="I10104" t="s">
        <v>30540</v>
      </c>
    </row>
    <row r="10105" spans="1:9">
      <c r="A10105" s="1">
        <v>0.34722200964762195</v>
      </c>
      <c r="B10105" s="1"/>
      <c r="C10105">
        <v>10</v>
      </c>
      <c r="D10105" t="s">
        <v>24715</v>
      </c>
      <c r="E10105" t="s">
        <v>33812</v>
      </c>
      <c r="F10105">
        <v>4</v>
      </c>
      <c r="G10105" t="s">
        <v>14</v>
      </c>
      <c r="H10105" t="s">
        <v>24716</v>
      </c>
      <c r="I10105" t="s">
        <v>30540</v>
      </c>
    </row>
    <row r="10106" spans="1:9">
      <c r="A10106" s="1">
        <v>0.73716789807722249</v>
      </c>
      <c r="B10106" s="1"/>
      <c r="C10106">
        <v>12</v>
      </c>
      <c r="D10106" t="s">
        <v>24719</v>
      </c>
      <c r="E10106" t="s">
        <v>33812</v>
      </c>
      <c r="F10106">
        <v>4</v>
      </c>
      <c r="G10106" t="s">
        <v>14</v>
      </c>
      <c r="H10106" t="s">
        <v>24720</v>
      </c>
      <c r="I10106" t="s">
        <v>30540</v>
      </c>
    </row>
    <row r="10107" spans="1:9">
      <c r="A10107" s="1">
        <v>0.93210003007205822</v>
      </c>
      <c r="B10107" s="1"/>
      <c r="C10107">
        <v>11</v>
      </c>
      <c r="D10107" t="s">
        <v>24717</v>
      </c>
      <c r="E10107" t="s">
        <v>33812</v>
      </c>
      <c r="F10107">
        <v>3</v>
      </c>
      <c r="G10107" t="s">
        <v>14</v>
      </c>
      <c r="H10107" t="s">
        <v>24718</v>
      </c>
      <c r="I10107" t="s">
        <v>30540</v>
      </c>
    </row>
    <row r="10108" spans="1:9">
      <c r="A10108" s="1">
        <v>0.55085494152107362</v>
      </c>
      <c r="B10108" s="1"/>
      <c r="C10108">
        <v>1</v>
      </c>
      <c r="D10108" t="s">
        <v>24707</v>
      </c>
      <c r="E10108" t="s">
        <v>33813</v>
      </c>
      <c r="F10108">
        <v>4</v>
      </c>
      <c r="G10108" t="s">
        <v>14</v>
      </c>
      <c r="H10108" t="s">
        <v>24708</v>
      </c>
      <c r="I10108" t="s">
        <v>30540</v>
      </c>
    </row>
    <row r="10109" spans="1:9">
      <c r="A10109" s="1">
        <v>0.49476019696415352</v>
      </c>
      <c r="B10109" s="1"/>
      <c r="C10109">
        <v>9</v>
      </c>
      <c r="D10109" t="s">
        <v>24709</v>
      </c>
      <c r="E10109" t="s">
        <v>33813</v>
      </c>
      <c r="F10109">
        <v>4</v>
      </c>
      <c r="G10109" t="s">
        <v>14</v>
      </c>
      <c r="H10109" t="s">
        <v>24710</v>
      </c>
      <c r="I10109" t="s">
        <v>30540</v>
      </c>
    </row>
    <row r="10110" spans="1:9">
      <c r="A10110" s="1">
        <v>0.16539106465579179</v>
      </c>
      <c r="B10110" s="1"/>
      <c r="C10110">
        <v>11</v>
      </c>
      <c r="D10110" t="s">
        <v>24713</v>
      </c>
      <c r="E10110" t="s">
        <v>33813</v>
      </c>
      <c r="F10110">
        <v>3</v>
      </c>
      <c r="G10110" t="s">
        <v>13</v>
      </c>
      <c r="H10110" t="s">
        <v>24714</v>
      </c>
      <c r="I10110" t="s">
        <v>30540</v>
      </c>
    </row>
    <row r="10111" spans="1:9">
      <c r="A10111" s="1">
        <v>0.23760709807213665</v>
      </c>
      <c r="B10111" s="1"/>
      <c r="C10111">
        <v>13</v>
      </c>
      <c r="D10111" t="s">
        <v>24705</v>
      </c>
      <c r="E10111" t="s">
        <v>33814</v>
      </c>
      <c r="F10111">
        <v>4</v>
      </c>
      <c r="G10111" t="s">
        <v>14</v>
      </c>
      <c r="H10111" t="s">
        <v>24706</v>
      </c>
      <c r="I10111" t="s">
        <v>30540</v>
      </c>
    </row>
    <row r="10112" spans="1:9">
      <c r="A10112" s="1">
        <v>0.60440677007112664</v>
      </c>
      <c r="B10112" s="1"/>
      <c r="C10112">
        <v>7</v>
      </c>
      <c r="D10112" t="s">
        <v>24697</v>
      </c>
      <c r="E10112" t="s">
        <v>33815</v>
      </c>
      <c r="F10112">
        <v>4</v>
      </c>
      <c r="G10112" t="s">
        <v>2</v>
      </c>
      <c r="H10112" t="s">
        <v>24698</v>
      </c>
      <c r="I10112" t="s">
        <v>30540</v>
      </c>
    </row>
    <row r="10113" spans="1:9">
      <c r="A10113" s="1">
        <v>0.47053008844516686</v>
      </c>
      <c r="B10113" s="1"/>
      <c r="C10113">
        <v>4</v>
      </c>
      <c r="D10113" t="s">
        <v>24695</v>
      </c>
      <c r="E10113" t="s">
        <v>33815</v>
      </c>
      <c r="F10113">
        <v>4</v>
      </c>
      <c r="G10113" t="s">
        <v>762</v>
      </c>
      <c r="H10113" t="s">
        <v>24696</v>
      </c>
      <c r="I10113" t="s">
        <v>30540</v>
      </c>
    </row>
    <row r="10114" spans="1:9">
      <c r="A10114" s="1">
        <v>0.82537890166391348</v>
      </c>
      <c r="B10114" s="1"/>
      <c r="C10114">
        <v>16</v>
      </c>
      <c r="D10114" t="s">
        <v>24701</v>
      </c>
      <c r="E10114" t="s">
        <v>33815</v>
      </c>
      <c r="F10114">
        <v>4</v>
      </c>
      <c r="G10114" t="s">
        <v>14</v>
      </c>
      <c r="H10114" t="s">
        <v>24702</v>
      </c>
      <c r="I10114" t="s">
        <v>30540</v>
      </c>
    </row>
    <row r="10115" spans="1:9">
      <c r="A10115" s="1">
        <v>0.27840266859808949</v>
      </c>
      <c r="B10115" s="1"/>
      <c r="C10115">
        <v>10</v>
      </c>
      <c r="D10115" t="s">
        <v>24699</v>
      </c>
      <c r="E10115" t="s">
        <v>33815</v>
      </c>
      <c r="F10115">
        <v>4</v>
      </c>
      <c r="G10115" t="s">
        <v>10</v>
      </c>
      <c r="H10115" t="s">
        <v>24700</v>
      </c>
      <c r="I10115" t="s">
        <v>30540</v>
      </c>
    </row>
    <row r="10116" spans="1:9">
      <c r="A10116" s="1">
        <v>0.37616403999368808</v>
      </c>
      <c r="B10116" s="1"/>
      <c r="C10116">
        <v>12</v>
      </c>
      <c r="D10116" t="s">
        <v>24687</v>
      </c>
      <c r="E10116" t="s">
        <v>33816</v>
      </c>
      <c r="F10116">
        <v>4</v>
      </c>
      <c r="G10116" t="s">
        <v>14</v>
      </c>
      <c r="H10116" t="s">
        <v>24688</v>
      </c>
      <c r="I10116" t="s">
        <v>30540</v>
      </c>
    </row>
    <row r="10117" spans="1:9">
      <c r="A10117" s="1">
        <v>0.29502569901325681</v>
      </c>
      <c r="B10117" s="1"/>
      <c r="C10117">
        <v>3</v>
      </c>
      <c r="D10117" t="s">
        <v>24683</v>
      </c>
      <c r="E10117" t="s">
        <v>33816</v>
      </c>
      <c r="F10117">
        <v>4</v>
      </c>
      <c r="G10117" t="s">
        <v>14</v>
      </c>
      <c r="H10117" t="s">
        <v>24684</v>
      </c>
      <c r="I10117" t="s">
        <v>30540</v>
      </c>
    </row>
    <row r="10118" spans="1:9">
      <c r="A10118" s="1">
        <v>5.4968462353834902E-2</v>
      </c>
      <c r="B10118" s="1"/>
      <c r="C10118">
        <v>14</v>
      </c>
      <c r="D10118" t="s">
        <v>24691</v>
      </c>
      <c r="E10118" t="s">
        <v>33816</v>
      </c>
      <c r="F10118">
        <v>4</v>
      </c>
      <c r="G10118" t="s">
        <v>14</v>
      </c>
      <c r="H10118" t="s">
        <v>24692</v>
      </c>
      <c r="I10118" t="s">
        <v>30540</v>
      </c>
    </row>
    <row r="10119" spans="1:9">
      <c r="A10119" s="1">
        <v>0.36651489107034385</v>
      </c>
      <c r="B10119" s="1"/>
      <c r="C10119">
        <v>15</v>
      </c>
      <c r="D10119" t="s">
        <v>24693</v>
      </c>
      <c r="E10119" t="s">
        <v>33816</v>
      </c>
      <c r="F10119">
        <v>4</v>
      </c>
      <c r="G10119" t="s">
        <v>14</v>
      </c>
      <c r="H10119" t="s">
        <v>24694</v>
      </c>
      <c r="I10119" t="s">
        <v>30540</v>
      </c>
    </row>
    <row r="10120" spans="1:9">
      <c r="A10120" s="1">
        <v>0.44335763891613822</v>
      </c>
      <c r="B10120" s="1"/>
      <c r="C10120">
        <v>10</v>
      </c>
      <c r="D10120" t="s">
        <v>24675</v>
      </c>
      <c r="E10120" t="s">
        <v>33817</v>
      </c>
      <c r="F10120">
        <v>4</v>
      </c>
      <c r="G10120" t="s">
        <v>1</v>
      </c>
      <c r="H10120" t="s">
        <v>24676</v>
      </c>
      <c r="I10120" t="s">
        <v>30540</v>
      </c>
    </row>
    <row r="10121" spans="1:9">
      <c r="A10121" s="1">
        <v>0.87184009458896972</v>
      </c>
      <c r="B10121" s="1"/>
      <c r="C10121">
        <v>1</v>
      </c>
      <c r="D10121" t="s">
        <v>24665</v>
      </c>
      <c r="E10121" t="s">
        <v>33817</v>
      </c>
      <c r="F10121">
        <v>4</v>
      </c>
      <c r="G10121" t="s">
        <v>15</v>
      </c>
      <c r="H10121" t="s">
        <v>24666</v>
      </c>
      <c r="I10121" t="s">
        <v>30540</v>
      </c>
    </row>
    <row r="10122" spans="1:9">
      <c r="A10122" s="1">
        <v>0.90935109892439192</v>
      </c>
      <c r="B10122" s="1"/>
      <c r="C10122">
        <v>3</v>
      </c>
      <c r="D10122" t="s">
        <v>24669</v>
      </c>
      <c r="E10122" t="s">
        <v>33817</v>
      </c>
      <c r="F10122">
        <v>3</v>
      </c>
      <c r="G10122" t="s">
        <v>14</v>
      </c>
      <c r="H10122" t="s">
        <v>24670</v>
      </c>
      <c r="I10122" t="s">
        <v>30540</v>
      </c>
    </row>
    <row r="10123" spans="1:9">
      <c r="A10123" s="1">
        <v>0.87040568123739614</v>
      </c>
      <c r="B10123" s="1"/>
      <c r="C10123">
        <v>17</v>
      </c>
      <c r="D10123" t="s">
        <v>24681</v>
      </c>
      <c r="E10123" t="s">
        <v>33817</v>
      </c>
      <c r="F10123">
        <v>3</v>
      </c>
      <c r="G10123" t="s">
        <v>2</v>
      </c>
      <c r="H10123" t="s">
        <v>24682</v>
      </c>
      <c r="I10123" t="s">
        <v>30540</v>
      </c>
    </row>
    <row r="10124" spans="1:9">
      <c r="A10124" s="1">
        <v>0.92118328716291664</v>
      </c>
      <c r="B10124" s="1"/>
      <c r="C10124">
        <v>2</v>
      </c>
      <c r="D10124" t="s">
        <v>24653</v>
      </c>
      <c r="E10124" t="s">
        <v>33818</v>
      </c>
      <c r="F10124">
        <v>5</v>
      </c>
      <c r="G10124" t="s">
        <v>2</v>
      </c>
      <c r="H10124" t="s">
        <v>24654</v>
      </c>
      <c r="I10124" t="s">
        <v>30540</v>
      </c>
    </row>
    <row r="10125" spans="1:9">
      <c r="A10125" s="1">
        <v>0.64614647197970176</v>
      </c>
      <c r="B10125" s="1"/>
      <c r="C10125">
        <v>8</v>
      </c>
      <c r="D10125" t="s">
        <v>24657</v>
      </c>
      <c r="E10125" t="s">
        <v>33818</v>
      </c>
      <c r="F10125">
        <v>5</v>
      </c>
      <c r="G10125" t="s">
        <v>2</v>
      </c>
      <c r="H10125" t="s">
        <v>24658</v>
      </c>
      <c r="I10125" t="s">
        <v>30540</v>
      </c>
    </row>
    <row r="10126" spans="1:9">
      <c r="A10126" s="1">
        <v>0.89492352326729896</v>
      </c>
      <c r="B10126" s="1"/>
      <c r="C10126">
        <v>13</v>
      </c>
      <c r="D10126" t="s">
        <v>24661</v>
      </c>
      <c r="E10126" t="s">
        <v>33818</v>
      </c>
      <c r="F10126">
        <v>4</v>
      </c>
      <c r="G10126" t="s">
        <v>14</v>
      </c>
      <c r="H10126" t="s">
        <v>24662</v>
      </c>
      <c r="I10126" t="s">
        <v>30540</v>
      </c>
    </row>
    <row r="10127" spans="1:9">
      <c r="A10127" s="1">
        <v>6.8770294613288208E-2</v>
      </c>
      <c r="B10127" s="1"/>
      <c r="C10127">
        <v>14</v>
      </c>
      <c r="D10127" t="s">
        <v>24663</v>
      </c>
      <c r="E10127" t="s">
        <v>33818</v>
      </c>
      <c r="F10127">
        <v>4</v>
      </c>
      <c r="G10127" t="s">
        <v>14</v>
      </c>
      <c r="H10127" t="s">
        <v>24664</v>
      </c>
      <c r="I10127" t="s">
        <v>30540</v>
      </c>
    </row>
    <row r="10128" spans="1:9">
      <c r="A10128" s="1">
        <v>0.35811454607347637</v>
      </c>
      <c r="B10128" s="1"/>
      <c r="C10128">
        <v>3</v>
      </c>
      <c r="D10128" t="s">
        <v>24655</v>
      </c>
      <c r="E10128" t="s">
        <v>33818</v>
      </c>
      <c r="F10128">
        <v>3</v>
      </c>
      <c r="G10128" t="s">
        <v>1</v>
      </c>
      <c r="H10128" t="s">
        <v>24656</v>
      </c>
      <c r="I10128" t="s">
        <v>30540</v>
      </c>
    </row>
    <row r="10129" spans="1:9">
      <c r="A10129" s="1">
        <v>0.46360770619831015</v>
      </c>
      <c r="B10129" s="1"/>
      <c r="C10129">
        <v>15</v>
      </c>
      <c r="D10129" t="s">
        <v>24651</v>
      </c>
      <c r="E10129" t="s">
        <v>33819</v>
      </c>
      <c r="F10129">
        <v>5</v>
      </c>
      <c r="G10129" t="s">
        <v>10</v>
      </c>
      <c r="H10129" t="s">
        <v>24652</v>
      </c>
      <c r="I10129" t="s">
        <v>30540</v>
      </c>
    </row>
    <row r="10130" spans="1:9">
      <c r="A10130" s="1">
        <v>0.45433543422527967</v>
      </c>
      <c r="B10130" s="1"/>
      <c r="C10130">
        <v>14</v>
      </c>
      <c r="D10130" t="s">
        <v>24649</v>
      </c>
      <c r="E10130" t="s">
        <v>33819</v>
      </c>
      <c r="F10130">
        <v>5</v>
      </c>
      <c r="G10130" t="s">
        <v>10</v>
      </c>
      <c r="H10130" t="s">
        <v>24650</v>
      </c>
      <c r="I10130" t="s">
        <v>30540</v>
      </c>
    </row>
    <row r="10131" spans="1:9">
      <c r="A10131" s="1">
        <v>0.56458255147268532</v>
      </c>
      <c r="B10131" s="1"/>
      <c r="C10131">
        <v>13</v>
      </c>
      <c r="D10131" t="s">
        <v>24647</v>
      </c>
      <c r="E10131" t="s">
        <v>33819</v>
      </c>
      <c r="F10131">
        <v>4</v>
      </c>
      <c r="G10131" t="s">
        <v>10</v>
      </c>
      <c r="H10131" t="s">
        <v>24648</v>
      </c>
      <c r="I10131" t="s">
        <v>30540</v>
      </c>
    </row>
    <row r="10132" spans="1:9">
      <c r="A10132" s="1">
        <v>0.82849550018071538</v>
      </c>
      <c r="B10132" s="1"/>
      <c r="C10132">
        <v>8</v>
      </c>
      <c r="D10132" t="s">
        <v>24645</v>
      </c>
      <c r="E10132" t="s">
        <v>33819</v>
      </c>
      <c r="F10132">
        <v>4</v>
      </c>
      <c r="G10132" t="s">
        <v>10</v>
      </c>
      <c r="H10132" t="s">
        <v>24646</v>
      </c>
      <c r="I10132" t="s">
        <v>30540</v>
      </c>
    </row>
    <row r="10133" spans="1:9">
      <c r="A10133" s="1">
        <v>0.75430204898367292</v>
      </c>
      <c r="B10133" s="1"/>
      <c r="C10133">
        <v>13</v>
      </c>
      <c r="D10133" t="s">
        <v>24637</v>
      </c>
      <c r="E10133" t="s">
        <v>33820</v>
      </c>
      <c r="F10133">
        <v>4</v>
      </c>
      <c r="G10133" t="s">
        <v>762</v>
      </c>
      <c r="H10133" t="s">
        <v>24638</v>
      </c>
      <c r="I10133" t="s">
        <v>30540</v>
      </c>
    </row>
    <row r="10134" spans="1:9">
      <c r="A10134" s="1">
        <v>0.5801213010408357</v>
      </c>
      <c r="B10134" s="1"/>
      <c r="C10134">
        <v>12</v>
      </c>
      <c r="D10134" t="s">
        <v>24635</v>
      </c>
      <c r="E10134" t="s">
        <v>33820</v>
      </c>
      <c r="F10134">
        <v>4</v>
      </c>
      <c r="G10134" t="s">
        <v>14</v>
      </c>
      <c r="H10134" t="s">
        <v>24636</v>
      </c>
      <c r="I10134" t="s">
        <v>30540</v>
      </c>
    </row>
    <row r="10135" spans="1:9">
      <c r="A10135" s="1">
        <v>0.33543806265761134</v>
      </c>
      <c r="B10135" s="1"/>
      <c r="C10135">
        <v>8</v>
      </c>
      <c r="D10135" t="s">
        <v>24631</v>
      </c>
      <c r="E10135" t="s">
        <v>33820</v>
      </c>
      <c r="F10135">
        <v>4</v>
      </c>
      <c r="G10135" t="s">
        <v>15</v>
      </c>
      <c r="H10135" t="s">
        <v>24632</v>
      </c>
      <c r="I10135" t="s">
        <v>30540</v>
      </c>
    </row>
    <row r="10136" spans="1:9">
      <c r="A10136" s="1">
        <v>0.55440795758188133</v>
      </c>
      <c r="B10136" s="1"/>
      <c r="C10136">
        <v>19</v>
      </c>
      <c r="D10136" t="s">
        <v>24643</v>
      </c>
      <c r="E10136" t="s">
        <v>33820</v>
      </c>
      <c r="F10136">
        <v>4</v>
      </c>
      <c r="G10136" t="s">
        <v>1426</v>
      </c>
      <c r="H10136" t="s">
        <v>24644</v>
      </c>
      <c r="I10136" t="s">
        <v>30540</v>
      </c>
    </row>
    <row r="10137" spans="1:9">
      <c r="A10137" s="1">
        <v>0.71931632728441308</v>
      </c>
      <c r="B10137" s="1"/>
      <c r="C10137">
        <v>9</v>
      </c>
      <c r="D10137" t="s">
        <v>24633</v>
      </c>
      <c r="E10137" t="s">
        <v>33820</v>
      </c>
      <c r="F10137">
        <v>4</v>
      </c>
      <c r="G10137" t="s">
        <v>14</v>
      </c>
      <c r="H10137" t="s">
        <v>24634</v>
      </c>
      <c r="I10137" t="s">
        <v>30540</v>
      </c>
    </row>
    <row r="10138" spans="1:9">
      <c r="A10138" s="1">
        <v>0.12134459431933431</v>
      </c>
      <c r="B10138" s="1"/>
      <c r="C10138">
        <v>16</v>
      </c>
      <c r="D10138" t="s">
        <v>24639</v>
      </c>
      <c r="E10138" t="s">
        <v>33820</v>
      </c>
      <c r="F10138">
        <v>4</v>
      </c>
      <c r="G10138" t="s">
        <v>771</v>
      </c>
      <c r="H10138" t="s">
        <v>24640</v>
      </c>
      <c r="I10138" t="s">
        <v>30540</v>
      </c>
    </row>
    <row r="10139" spans="1:9">
      <c r="A10139" s="1">
        <v>0.40268514191469562</v>
      </c>
      <c r="B10139" s="1"/>
      <c r="C10139">
        <v>17</v>
      </c>
      <c r="D10139" t="s">
        <v>24641</v>
      </c>
      <c r="E10139" t="s">
        <v>33820</v>
      </c>
      <c r="F10139">
        <v>4</v>
      </c>
      <c r="G10139" t="s">
        <v>14</v>
      </c>
      <c r="H10139" t="s">
        <v>24642</v>
      </c>
      <c r="I10139" t="s">
        <v>30540</v>
      </c>
    </row>
    <row r="10140" spans="1:9">
      <c r="A10140" s="1">
        <v>0.5007081421523546</v>
      </c>
      <c r="B10140" s="1"/>
      <c r="C10140">
        <v>6</v>
      </c>
      <c r="D10140" t="s">
        <v>24621</v>
      </c>
      <c r="E10140" t="s">
        <v>33821</v>
      </c>
      <c r="F10140">
        <v>5</v>
      </c>
      <c r="G10140" t="s">
        <v>14</v>
      </c>
      <c r="H10140" t="s">
        <v>24622</v>
      </c>
      <c r="I10140" t="s">
        <v>30540</v>
      </c>
    </row>
    <row r="10141" spans="1:9">
      <c r="A10141" s="1">
        <v>0.98890623817043888</v>
      </c>
      <c r="B10141" s="1"/>
      <c r="C10141">
        <v>12</v>
      </c>
      <c r="D10141" t="s">
        <v>24627</v>
      </c>
      <c r="E10141" t="s">
        <v>33821</v>
      </c>
      <c r="F10141">
        <v>5</v>
      </c>
      <c r="G10141" t="s">
        <v>14</v>
      </c>
      <c r="H10141" t="s">
        <v>24628</v>
      </c>
      <c r="I10141" t="s">
        <v>30540</v>
      </c>
    </row>
    <row r="10142" spans="1:9">
      <c r="A10142" s="1">
        <v>0.21671736348409043</v>
      </c>
      <c r="B10142" s="1"/>
      <c r="C10142">
        <v>11</v>
      </c>
      <c r="D10142" t="s">
        <v>24625</v>
      </c>
      <c r="E10142" t="s">
        <v>33821</v>
      </c>
      <c r="F10142">
        <v>4</v>
      </c>
      <c r="G10142" t="s">
        <v>14</v>
      </c>
      <c r="H10142" t="s">
        <v>24626</v>
      </c>
      <c r="I10142" t="s">
        <v>30540</v>
      </c>
    </row>
    <row r="10143" spans="1:9">
      <c r="A10143" s="1">
        <v>0.82483590605983126</v>
      </c>
      <c r="B10143" s="1"/>
      <c r="C10143">
        <v>13</v>
      </c>
      <c r="D10143" t="s">
        <v>24629</v>
      </c>
      <c r="E10143" t="s">
        <v>33821</v>
      </c>
      <c r="F10143">
        <v>3</v>
      </c>
      <c r="G10143" t="s">
        <v>14</v>
      </c>
      <c r="H10143" t="s">
        <v>24630</v>
      </c>
      <c r="I10143" t="s">
        <v>30540</v>
      </c>
    </row>
    <row r="10144" spans="1:9">
      <c r="A10144" s="1">
        <v>0.77343021731678063</v>
      </c>
      <c r="B10144" s="1"/>
      <c r="C10144">
        <v>10</v>
      </c>
      <c r="D10144" t="s">
        <v>24623</v>
      </c>
      <c r="E10144" t="s">
        <v>33821</v>
      </c>
      <c r="F10144">
        <v>3</v>
      </c>
      <c r="G10144" t="s">
        <v>1</v>
      </c>
      <c r="H10144" t="s">
        <v>24624</v>
      </c>
      <c r="I10144" t="s">
        <v>30540</v>
      </c>
    </row>
    <row r="10145" spans="1:9">
      <c r="A10145" s="1">
        <v>0.79442894278060849</v>
      </c>
      <c r="B10145" s="1"/>
      <c r="C10145">
        <v>6</v>
      </c>
      <c r="D10145" t="s">
        <v>24617</v>
      </c>
      <c r="E10145" t="s">
        <v>33822</v>
      </c>
      <c r="F10145">
        <v>5</v>
      </c>
      <c r="G10145" t="s">
        <v>15</v>
      </c>
      <c r="H10145" t="s">
        <v>24618</v>
      </c>
      <c r="I10145" t="s">
        <v>30540</v>
      </c>
    </row>
    <row r="10146" spans="1:9">
      <c r="A10146" s="1">
        <v>0.376432065831657</v>
      </c>
      <c r="B10146" s="1"/>
      <c r="C10146">
        <v>6</v>
      </c>
      <c r="D10146" t="s">
        <v>24605</v>
      </c>
      <c r="E10146" t="s">
        <v>33823</v>
      </c>
      <c r="F10146">
        <v>5</v>
      </c>
      <c r="G10146" t="s">
        <v>14</v>
      </c>
      <c r="H10146" t="s">
        <v>24606</v>
      </c>
      <c r="I10146" t="s">
        <v>30540</v>
      </c>
    </row>
    <row r="10147" spans="1:9">
      <c r="A10147" s="1">
        <v>0.32792631421108465</v>
      </c>
      <c r="B10147" s="1"/>
      <c r="C10147">
        <v>10</v>
      </c>
      <c r="D10147" t="s">
        <v>24607</v>
      </c>
      <c r="E10147" t="s">
        <v>33823</v>
      </c>
      <c r="F10147">
        <v>4</v>
      </c>
      <c r="G10147" t="s">
        <v>14</v>
      </c>
      <c r="H10147" t="s">
        <v>24608</v>
      </c>
      <c r="I10147" t="s">
        <v>30540</v>
      </c>
    </row>
    <row r="10148" spans="1:9">
      <c r="A10148" s="1">
        <v>0.52749105239740202</v>
      </c>
      <c r="B10148" s="1"/>
      <c r="C10148">
        <v>11</v>
      </c>
      <c r="D10148" t="s">
        <v>24609</v>
      </c>
      <c r="E10148" t="s">
        <v>33823</v>
      </c>
      <c r="F10148">
        <v>4</v>
      </c>
      <c r="G10148" t="s">
        <v>14</v>
      </c>
      <c r="H10148" t="s">
        <v>24610</v>
      </c>
      <c r="I10148" t="s">
        <v>30540</v>
      </c>
    </row>
    <row r="10149" spans="1:9">
      <c r="A10149" s="1">
        <v>0.42744210492247192</v>
      </c>
      <c r="B10149" s="1"/>
      <c r="C10149">
        <v>16</v>
      </c>
      <c r="D10149" t="s">
        <v>24613</v>
      </c>
      <c r="E10149" t="s">
        <v>33823</v>
      </c>
      <c r="F10149">
        <v>4</v>
      </c>
      <c r="G10149" t="s">
        <v>14</v>
      </c>
      <c r="H10149" t="s">
        <v>24614</v>
      </c>
      <c r="I10149" t="s">
        <v>30540</v>
      </c>
    </row>
    <row r="10150" spans="1:9">
      <c r="A10150" s="1">
        <v>0.87780955872805044</v>
      </c>
      <c r="B10150" s="1"/>
      <c r="C10150">
        <v>13</v>
      </c>
      <c r="D10150" t="s">
        <v>24601</v>
      </c>
      <c r="E10150" t="s">
        <v>33824</v>
      </c>
      <c r="F10150">
        <v>5</v>
      </c>
      <c r="G10150" t="s">
        <v>14</v>
      </c>
      <c r="H10150" t="s">
        <v>24602</v>
      </c>
      <c r="I10150" t="s">
        <v>30540</v>
      </c>
    </row>
    <row r="10151" spans="1:9">
      <c r="A10151" s="1">
        <v>0.36464700410970763</v>
      </c>
      <c r="B10151" s="1"/>
      <c r="C10151">
        <v>2</v>
      </c>
      <c r="D10151" t="s">
        <v>24595</v>
      </c>
      <c r="E10151" t="s">
        <v>33824</v>
      </c>
      <c r="F10151">
        <v>5</v>
      </c>
      <c r="G10151" t="s">
        <v>2</v>
      </c>
      <c r="H10151" t="s">
        <v>24596</v>
      </c>
      <c r="I10151" t="s">
        <v>30540</v>
      </c>
    </row>
    <row r="10152" spans="1:9">
      <c r="A10152" s="1">
        <v>0.75606964567530377</v>
      </c>
      <c r="B10152" s="1"/>
      <c r="C10152">
        <v>15</v>
      </c>
      <c r="D10152" t="s">
        <v>24603</v>
      </c>
      <c r="E10152" t="s">
        <v>33824</v>
      </c>
      <c r="F10152">
        <v>4</v>
      </c>
      <c r="G10152" t="s">
        <v>14</v>
      </c>
      <c r="H10152" t="s">
        <v>24604</v>
      </c>
      <c r="I10152" t="s">
        <v>30540</v>
      </c>
    </row>
    <row r="10153" spans="1:9">
      <c r="A10153" s="1">
        <v>0.81829608972051926</v>
      </c>
      <c r="B10153" s="1"/>
      <c r="C10153">
        <v>20</v>
      </c>
      <c r="D10153" t="s">
        <v>24593</v>
      </c>
      <c r="E10153" t="s">
        <v>33825</v>
      </c>
      <c r="F10153">
        <v>5</v>
      </c>
      <c r="G10153" t="s">
        <v>2738</v>
      </c>
      <c r="H10153" t="s">
        <v>24594</v>
      </c>
      <c r="I10153" t="s">
        <v>30540</v>
      </c>
    </row>
    <row r="10154" spans="1:9">
      <c r="A10154" s="1">
        <v>0.85880803450532095</v>
      </c>
      <c r="B10154" s="1"/>
      <c r="C10154">
        <v>1</v>
      </c>
      <c r="D10154" t="s">
        <v>24589</v>
      </c>
      <c r="E10154" t="s">
        <v>33825</v>
      </c>
      <c r="F10154">
        <v>5</v>
      </c>
      <c r="G10154" t="s">
        <v>9</v>
      </c>
      <c r="H10154" t="s">
        <v>24590</v>
      </c>
      <c r="I10154" t="s">
        <v>30540</v>
      </c>
    </row>
    <row r="10155" spans="1:9">
      <c r="A10155" s="1">
        <v>0.68958672800230569</v>
      </c>
      <c r="B10155" s="1"/>
      <c r="C10155">
        <v>10</v>
      </c>
      <c r="D10155" t="s">
        <v>24591</v>
      </c>
      <c r="E10155" t="s">
        <v>33825</v>
      </c>
      <c r="F10155">
        <v>4</v>
      </c>
      <c r="G10155" t="s">
        <v>1431</v>
      </c>
      <c r="H10155" t="s">
        <v>24592</v>
      </c>
      <c r="I10155" t="s">
        <v>30540</v>
      </c>
    </row>
    <row r="10156" spans="1:9">
      <c r="A10156" s="1">
        <v>0.78160459763017354</v>
      </c>
      <c r="B10156" s="1"/>
      <c r="C10156">
        <v>4</v>
      </c>
      <c r="D10156" t="s">
        <v>24581</v>
      </c>
      <c r="E10156" t="s">
        <v>33826</v>
      </c>
      <c r="F10156">
        <v>5</v>
      </c>
      <c r="G10156" t="s">
        <v>14</v>
      </c>
      <c r="H10156" t="s">
        <v>24582</v>
      </c>
      <c r="I10156" t="s">
        <v>30540</v>
      </c>
    </row>
    <row r="10157" spans="1:9">
      <c r="A10157" s="1">
        <v>0.48452576533833713</v>
      </c>
      <c r="B10157" s="1"/>
      <c r="C10157">
        <v>13</v>
      </c>
      <c r="D10157" t="s">
        <v>24585</v>
      </c>
      <c r="E10157" t="s">
        <v>33826</v>
      </c>
      <c r="F10157">
        <v>4</v>
      </c>
      <c r="G10157" t="s">
        <v>14</v>
      </c>
      <c r="H10157" t="s">
        <v>24586</v>
      </c>
      <c r="I10157" t="s">
        <v>30540</v>
      </c>
    </row>
    <row r="10158" spans="1:9">
      <c r="A10158" s="1">
        <v>0.9371225741595377</v>
      </c>
      <c r="B10158" s="1"/>
      <c r="C10158">
        <v>8</v>
      </c>
      <c r="D10158" t="s">
        <v>24583</v>
      </c>
      <c r="E10158" t="s">
        <v>33826</v>
      </c>
      <c r="F10158">
        <v>4</v>
      </c>
      <c r="G10158" t="s">
        <v>14</v>
      </c>
      <c r="H10158" t="s">
        <v>24584</v>
      </c>
      <c r="I10158" t="s">
        <v>30540</v>
      </c>
    </row>
    <row r="10159" spans="1:9">
      <c r="A10159" s="1">
        <v>0.41800442766306467</v>
      </c>
      <c r="B10159" s="1"/>
      <c r="C10159">
        <v>16</v>
      </c>
      <c r="D10159" t="s">
        <v>24587</v>
      </c>
      <c r="E10159" t="s">
        <v>33826</v>
      </c>
      <c r="F10159">
        <v>3</v>
      </c>
      <c r="G10159" t="s">
        <v>14</v>
      </c>
      <c r="H10159" t="s">
        <v>24588</v>
      </c>
      <c r="I10159" t="s">
        <v>30540</v>
      </c>
    </row>
    <row r="10160" spans="1:9">
      <c r="A10160" s="1">
        <v>0.16445708423456717</v>
      </c>
      <c r="B10160" s="1"/>
      <c r="C10160">
        <v>6</v>
      </c>
      <c r="D10160" t="s">
        <v>24573</v>
      </c>
      <c r="E10160" t="s">
        <v>33827</v>
      </c>
      <c r="F10160">
        <v>4</v>
      </c>
      <c r="G10160" t="s">
        <v>9</v>
      </c>
      <c r="H10160" t="s">
        <v>24574</v>
      </c>
      <c r="I10160" t="s">
        <v>30540</v>
      </c>
    </row>
    <row r="10161" spans="1:9">
      <c r="A10161" s="1">
        <v>0.25600781970839626</v>
      </c>
      <c r="B10161" s="1"/>
      <c r="C10161">
        <v>13</v>
      </c>
      <c r="D10161" t="s">
        <v>24577</v>
      </c>
      <c r="E10161" t="s">
        <v>33827</v>
      </c>
      <c r="F10161">
        <v>4</v>
      </c>
      <c r="G10161" t="s">
        <v>9</v>
      </c>
      <c r="H10161" t="s">
        <v>24578</v>
      </c>
      <c r="I10161" t="s">
        <v>30540</v>
      </c>
    </row>
    <row r="10162" spans="1:9">
      <c r="A10162" s="1">
        <v>0.59136055447499003</v>
      </c>
      <c r="B10162" s="1"/>
      <c r="C10162">
        <v>16</v>
      </c>
      <c r="D10162" t="s">
        <v>24579</v>
      </c>
      <c r="E10162" t="s">
        <v>33827</v>
      </c>
      <c r="F10162">
        <v>3</v>
      </c>
      <c r="G10162" t="s">
        <v>9</v>
      </c>
      <c r="H10162" t="s">
        <v>24580</v>
      </c>
      <c r="I10162" t="s">
        <v>30540</v>
      </c>
    </row>
    <row r="10163" spans="1:9">
      <c r="A10163" s="1">
        <v>0.61017941025204236</v>
      </c>
      <c r="B10163" s="1"/>
      <c r="C10163">
        <v>7</v>
      </c>
      <c r="D10163" t="s">
        <v>24575</v>
      </c>
      <c r="E10163" t="s">
        <v>33827</v>
      </c>
      <c r="F10163">
        <v>3</v>
      </c>
      <c r="G10163" t="s">
        <v>9</v>
      </c>
      <c r="H10163" t="s">
        <v>24576</v>
      </c>
      <c r="I10163" t="s">
        <v>30540</v>
      </c>
    </row>
    <row r="10164" spans="1:9">
      <c r="A10164" s="1">
        <v>6.2722861608033753E-2</v>
      </c>
      <c r="B10164" s="1"/>
      <c r="C10164">
        <v>8</v>
      </c>
      <c r="D10164" t="s">
        <v>24563</v>
      </c>
      <c r="E10164" t="s">
        <v>33828</v>
      </c>
      <c r="F10164">
        <v>5</v>
      </c>
      <c r="G10164" t="s">
        <v>13</v>
      </c>
      <c r="H10164" t="s">
        <v>24564</v>
      </c>
      <c r="I10164" t="s">
        <v>30540</v>
      </c>
    </row>
    <row r="10165" spans="1:9">
      <c r="A10165" s="1">
        <v>0.46506817067759776</v>
      </c>
      <c r="B10165" s="1"/>
      <c r="C10165">
        <v>13</v>
      </c>
      <c r="D10165" t="s">
        <v>24571</v>
      </c>
      <c r="E10165" t="s">
        <v>33828</v>
      </c>
      <c r="F10165">
        <v>5</v>
      </c>
      <c r="G10165" t="s">
        <v>9</v>
      </c>
      <c r="H10165" t="s">
        <v>24572</v>
      </c>
      <c r="I10165" t="s">
        <v>30540</v>
      </c>
    </row>
    <row r="10166" spans="1:9">
      <c r="A10166" s="1">
        <v>0.6262687640484893</v>
      </c>
      <c r="B10166" s="1"/>
      <c r="C10166">
        <v>11</v>
      </c>
      <c r="D10166" t="s">
        <v>24569</v>
      </c>
      <c r="E10166" t="s">
        <v>33828</v>
      </c>
      <c r="F10166">
        <v>5</v>
      </c>
      <c r="G10166" t="s">
        <v>9</v>
      </c>
      <c r="H10166" t="s">
        <v>24570</v>
      </c>
      <c r="I10166" t="s">
        <v>30540</v>
      </c>
    </row>
    <row r="10167" spans="1:9">
      <c r="A10167" s="1">
        <v>0.42472818171800153</v>
      </c>
      <c r="B10167" s="1"/>
      <c r="C10167">
        <v>9</v>
      </c>
      <c r="D10167" t="s">
        <v>24565</v>
      </c>
      <c r="E10167" t="s">
        <v>33828</v>
      </c>
      <c r="F10167">
        <v>4</v>
      </c>
      <c r="G10167" t="s">
        <v>9</v>
      </c>
      <c r="H10167" t="s">
        <v>24566</v>
      </c>
      <c r="I10167" t="s">
        <v>30540</v>
      </c>
    </row>
    <row r="10168" spans="1:9">
      <c r="A10168" s="1">
        <v>0.74061658929809349</v>
      </c>
      <c r="B10168" s="1"/>
      <c r="C10168">
        <v>10</v>
      </c>
      <c r="D10168" t="s">
        <v>24567</v>
      </c>
      <c r="E10168" t="s">
        <v>33828</v>
      </c>
      <c r="F10168">
        <v>4</v>
      </c>
      <c r="G10168" t="s">
        <v>9</v>
      </c>
      <c r="H10168" t="s">
        <v>24568</v>
      </c>
      <c r="I10168" t="s">
        <v>30540</v>
      </c>
    </row>
    <row r="10169" spans="1:9">
      <c r="A10169" s="1">
        <v>0.51532326714061749</v>
      </c>
      <c r="B10169" s="1"/>
      <c r="C10169">
        <v>6</v>
      </c>
      <c r="D10169" t="s">
        <v>24561</v>
      </c>
      <c r="E10169" t="s">
        <v>33828</v>
      </c>
      <c r="F10169">
        <v>3</v>
      </c>
      <c r="G10169" t="s">
        <v>9</v>
      </c>
      <c r="H10169" t="s">
        <v>24562</v>
      </c>
      <c r="I10169" t="s">
        <v>30540</v>
      </c>
    </row>
    <row r="10170" spans="1:9">
      <c r="A10170" s="1">
        <v>0.12590127736382795</v>
      </c>
      <c r="B10170" s="1"/>
      <c r="C10170">
        <v>20</v>
      </c>
      <c r="D10170" t="s">
        <v>24557</v>
      </c>
      <c r="E10170" t="s">
        <v>33830</v>
      </c>
      <c r="F10170">
        <v>5</v>
      </c>
      <c r="G10170" t="s">
        <v>2738</v>
      </c>
      <c r="H10170" t="s">
        <v>24558</v>
      </c>
      <c r="I10170" t="s">
        <v>30540</v>
      </c>
    </row>
    <row r="10171" spans="1:9">
      <c r="A10171" s="1">
        <v>0.95031269555802966</v>
      </c>
      <c r="B10171" s="1"/>
      <c r="C10171">
        <v>16</v>
      </c>
      <c r="D10171" t="s">
        <v>24555</v>
      </c>
      <c r="E10171" t="s">
        <v>33830</v>
      </c>
      <c r="F10171">
        <v>4</v>
      </c>
      <c r="G10171" t="s">
        <v>15</v>
      </c>
      <c r="H10171" t="s">
        <v>24556</v>
      </c>
      <c r="I10171" t="s">
        <v>30540</v>
      </c>
    </row>
    <row r="10172" spans="1:9">
      <c r="A10172" s="1">
        <v>0.30065931683591396</v>
      </c>
      <c r="B10172" s="1"/>
      <c r="C10172">
        <v>12</v>
      </c>
      <c r="D10172" t="s">
        <v>24551</v>
      </c>
      <c r="E10172" t="s">
        <v>33830</v>
      </c>
      <c r="F10172">
        <v>4</v>
      </c>
      <c r="G10172" t="s">
        <v>3107</v>
      </c>
      <c r="H10172" t="s">
        <v>24552</v>
      </c>
      <c r="I10172" t="s">
        <v>30540</v>
      </c>
    </row>
    <row r="10173" spans="1:9">
      <c r="A10173" s="1">
        <v>0.22814693954047793</v>
      </c>
      <c r="B10173" s="1"/>
      <c r="C10173">
        <v>15</v>
      </c>
      <c r="D10173" t="s">
        <v>24553</v>
      </c>
      <c r="E10173" t="s">
        <v>33830</v>
      </c>
      <c r="F10173">
        <v>3</v>
      </c>
      <c r="G10173" t="s">
        <v>9</v>
      </c>
      <c r="H10173" t="s">
        <v>24554</v>
      </c>
      <c r="I10173" t="s">
        <v>30540</v>
      </c>
    </row>
    <row r="10174" spans="1:9">
      <c r="A10174" s="1">
        <v>0.3724396997078715</v>
      </c>
      <c r="B10174" s="1"/>
      <c r="C10174">
        <v>10</v>
      </c>
      <c r="D10174" t="s">
        <v>24547</v>
      </c>
      <c r="E10174" t="s">
        <v>33831</v>
      </c>
      <c r="F10174">
        <v>4</v>
      </c>
      <c r="G10174" t="s">
        <v>9</v>
      </c>
      <c r="H10174" t="s">
        <v>24548</v>
      </c>
      <c r="I10174" t="s">
        <v>30540</v>
      </c>
    </row>
    <row r="10175" spans="1:9">
      <c r="A10175" s="1">
        <v>0.63942159380128893</v>
      </c>
      <c r="B10175" s="1"/>
      <c r="C10175">
        <v>7</v>
      </c>
      <c r="D10175" t="s">
        <v>24545</v>
      </c>
      <c r="E10175" t="s">
        <v>33831</v>
      </c>
      <c r="F10175">
        <v>4</v>
      </c>
      <c r="G10175" t="s">
        <v>9</v>
      </c>
      <c r="H10175" t="s">
        <v>24546</v>
      </c>
      <c r="I10175" t="s">
        <v>30540</v>
      </c>
    </row>
    <row r="10176" spans="1:9">
      <c r="A10176" s="1">
        <v>0.96672973182402189</v>
      </c>
      <c r="B10176" s="1"/>
      <c r="C10176">
        <v>5</v>
      </c>
      <c r="D10176" t="s">
        <v>24541</v>
      </c>
      <c r="E10176" t="s">
        <v>33832</v>
      </c>
      <c r="F10176">
        <v>5</v>
      </c>
      <c r="G10176" t="s">
        <v>9</v>
      </c>
      <c r="H10176" t="s">
        <v>24542</v>
      </c>
      <c r="I10176" t="s">
        <v>30540</v>
      </c>
    </row>
    <row r="10177" spans="1:9">
      <c r="A10177" s="1">
        <v>0.41793209760722261</v>
      </c>
      <c r="B10177" s="1"/>
      <c r="C10177">
        <v>14</v>
      </c>
      <c r="D10177" t="s">
        <v>24543</v>
      </c>
      <c r="E10177" t="s">
        <v>33832</v>
      </c>
      <c r="F10177">
        <v>5</v>
      </c>
      <c r="G10177" t="s">
        <v>9</v>
      </c>
      <c r="H10177" t="s">
        <v>24544</v>
      </c>
      <c r="I10177" t="s">
        <v>30540</v>
      </c>
    </row>
    <row r="10178" spans="1:9">
      <c r="A10178" s="1">
        <v>3.1984401216724745E-2</v>
      </c>
      <c r="B10178" s="1"/>
      <c r="C10178">
        <v>11</v>
      </c>
      <c r="D10178" t="s">
        <v>24539</v>
      </c>
      <c r="E10178" t="s">
        <v>33833</v>
      </c>
      <c r="F10178">
        <v>4</v>
      </c>
      <c r="G10178" t="s">
        <v>9</v>
      </c>
      <c r="H10178" t="s">
        <v>24540</v>
      </c>
      <c r="I10178" t="s">
        <v>30540</v>
      </c>
    </row>
    <row r="10179" spans="1:9">
      <c r="A10179" s="1">
        <v>0.29646254527104232</v>
      </c>
      <c r="B10179" s="1"/>
      <c r="C10179">
        <v>8</v>
      </c>
      <c r="D10179" t="s">
        <v>24537</v>
      </c>
      <c r="E10179" t="s">
        <v>33833</v>
      </c>
      <c r="F10179">
        <v>4</v>
      </c>
      <c r="G10179" t="s">
        <v>9</v>
      </c>
      <c r="H10179" t="s">
        <v>24538</v>
      </c>
      <c r="I10179" t="s">
        <v>30540</v>
      </c>
    </row>
    <row r="10180" spans="1:9">
      <c r="A10180" s="1">
        <v>0.40355664587777684</v>
      </c>
      <c r="B10180" s="1"/>
      <c r="C10180">
        <v>13</v>
      </c>
      <c r="D10180" t="s">
        <v>24531</v>
      </c>
      <c r="E10180" t="s">
        <v>33834</v>
      </c>
      <c r="F10180">
        <v>5</v>
      </c>
      <c r="G10180" t="s">
        <v>9</v>
      </c>
      <c r="H10180" t="s">
        <v>24532</v>
      </c>
      <c r="I10180" t="s">
        <v>30540</v>
      </c>
    </row>
    <row r="10181" spans="1:9">
      <c r="A10181" s="1">
        <v>0.47736740716425641</v>
      </c>
      <c r="B10181" s="1"/>
      <c r="C10181">
        <v>15</v>
      </c>
      <c r="D10181" t="s">
        <v>24535</v>
      </c>
      <c r="E10181" t="s">
        <v>33834</v>
      </c>
      <c r="F10181">
        <v>5</v>
      </c>
      <c r="G10181" t="s">
        <v>9</v>
      </c>
      <c r="H10181" t="s">
        <v>24536</v>
      </c>
      <c r="I10181" t="s">
        <v>30540</v>
      </c>
    </row>
    <row r="10182" spans="1:9">
      <c r="A10182" s="1">
        <v>5.6373428221236921E-3</v>
      </c>
      <c r="B10182" s="1"/>
      <c r="C10182">
        <v>14</v>
      </c>
      <c r="D10182" t="s">
        <v>24533</v>
      </c>
      <c r="E10182" t="s">
        <v>33834</v>
      </c>
      <c r="F10182">
        <v>4</v>
      </c>
      <c r="G10182" t="s">
        <v>9</v>
      </c>
      <c r="H10182" t="s">
        <v>24534</v>
      </c>
      <c r="I10182" t="s">
        <v>30540</v>
      </c>
    </row>
    <row r="10183" spans="1:9">
      <c r="A10183" s="1">
        <v>0.39210595019459937</v>
      </c>
      <c r="B10183" s="1"/>
      <c r="C10183">
        <v>10</v>
      </c>
      <c r="D10183" t="s">
        <v>24529</v>
      </c>
      <c r="E10183" t="s">
        <v>33834</v>
      </c>
      <c r="F10183">
        <v>4</v>
      </c>
      <c r="G10183" t="s">
        <v>9</v>
      </c>
      <c r="H10183" t="s">
        <v>24530</v>
      </c>
      <c r="I10183" t="s">
        <v>30540</v>
      </c>
    </row>
    <row r="10184" spans="1:9">
      <c r="A10184" s="1">
        <v>0.95568098411799318</v>
      </c>
      <c r="B10184" s="1"/>
      <c r="C10184">
        <v>16</v>
      </c>
      <c r="D10184" t="s">
        <v>24527</v>
      </c>
      <c r="E10184" t="s">
        <v>33835</v>
      </c>
      <c r="F10184">
        <v>4</v>
      </c>
      <c r="G10184" t="s">
        <v>9</v>
      </c>
      <c r="H10184" t="s">
        <v>24528</v>
      </c>
      <c r="I10184" t="s">
        <v>30540</v>
      </c>
    </row>
    <row r="10185" spans="1:9">
      <c r="A10185" s="1">
        <v>0.1714816642347714</v>
      </c>
      <c r="B10185" s="1"/>
      <c r="C10185">
        <v>13</v>
      </c>
      <c r="D10185" t="s">
        <v>24525</v>
      </c>
      <c r="E10185" t="s">
        <v>33835</v>
      </c>
      <c r="F10185">
        <v>4</v>
      </c>
      <c r="G10185" t="s">
        <v>775</v>
      </c>
      <c r="H10185" t="s">
        <v>24526</v>
      </c>
      <c r="I10185" t="s">
        <v>30540</v>
      </c>
    </row>
    <row r="10186" spans="1:9">
      <c r="A10186" s="1">
        <v>0.45923885461060443</v>
      </c>
      <c r="B10186" s="1"/>
      <c r="C10186">
        <v>6</v>
      </c>
      <c r="D10186" t="s">
        <v>24523</v>
      </c>
      <c r="E10186" t="s">
        <v>33835</v>
      </c>
      <c r="F10186">
        <v>4</v>
      </c>
      <c r="G10186" t="s">
        <v>771</v>
      </c>
      <c r="H10186" t="s">
        <v>24524</v>
      </c>
      <c r="I10186" t="s">
        <v>30540</v>
      </c>
    </row>
    <row r="10187" spans="1:9">
      <c r="A10187" s="1">
        <v>0.25040210382199901</v>
      </c>
      <c r="B10187" s="1"/>
      <c r="C10187">
        <v>11</v>
      </c>
      <c r="D10187" t="s">
        <v>24515</v>
      </c>
      <c r="E10187" t="s">
        <v>33836</v>
      </c>
      <c r="F10187">
        <v>4</v>
      </c>
      <c r="G10187" t="s">
        <v>14</v>
      </c>
      <c r="H10187" t="s">
        <v>24516</v>
      </c>
      <c r="I10187" t="s">
        <v>30540</v>
      </c>
    </row>
    <row r="10188" spans="1:9">
      <c r="A10188" s="1">
        <v>0.68558433609747327</v>
      </c>
      <c r="B10188" s="1"/>
      <c r="C10188">
        <v>14</v>
      </c>
      <c r="D10188" t="s">
        <v>24517</v>
      </c>
      <c r="E10188" t="s">
        <v>33836</v>
      </c>
      <c r="F10188">
        <v>4</v>
      </c>
      <c r="G10188" t="s">
        <v>14</v>
      </c>
      <c r="H10188" t="s">
        <v>24518</v>
      </c>
      <c r="I10188" t="s">
        <v>30540</v>
      </c>
    </row>
    <row r="10189" spans="1:9">
      <c r="A10189" s="1">
        <v>0.1325198640062567</v>
      </c>
      <c r="B10189" s="1"/>
      <c r="C10189">
        <v>7</v>
      </c>
      <c r="D10189" t="s">
        <v>24513</v>
      </c>
      <c r="E10189" t="s">
        <v>33836</v>
      </c>
      <c r="F10189">
        <v>4</v>
      </c>
      <c r="G10189" t="s">
        <v>14</v>
      </c>
      <c r="H10189" t="s">
        <v>24514</v>
      </c>
      <c r="I10189" t="s">
        <v>30540</v>
      </c>
    </row>
    <row r="10190" spans="1:9">
      <c r="A10190" s="1">
        <v>0.52818628326675465</v>
      </c>
      <c r="B10190" s="1"/>
      <c r="C10190">
        <v>18</v>
      </c>
      <c r="D10190" t="s">
        <v>24521</v>
      </c>
      <c r="E10190" t="s">
        <v>33836</v>
      </c>
      <c r="F10190">
        <v>4</v>
      </c>
      <c r="G10190" t="s">
        <v>14</v>
      </c>
      <c r="H10190" t="s">
        <v>24522</v>
      </c>
      <c r="I10190" t="s">
        <v>30540</v>
      </c>
    </row>
    <row r="10191" spans="1:9">
      <c r="A10191" s="1">
        <v>0.30942340827987991</v>
      </c>
      <c r="B10191" s="1"/>
      <c r="C10191">
        <v>8</v>
      </c>
      <c r="D10191" t="s">
        <v>24505</v>
      </c>
      <c r="E10191" t="s">
        <v>33837</v>
      </c>
      <c r="F10191">
        <v>5</v>
      </c>
      <c r="G10191" t="s">
        <v>14</v>
      </c>
      <c r="H10191" t="s">
        <v>24506</v>
      </c>
      <c r="I10191" t="s">
        <v>30540</v>
      </c>
    </row>
    <row r="10192" spans="1:9">
      <c r="A10192" s="1">
        <v>0.16488956122666776</v>
      </c>
      <c r="B10192" s="1"/>
      <c r="C10192">
        <v>17</v>
      </c>
      <c r="D10192" t="s">
        <v>24509</v>
      </c>
      <c r="E10192" t="s">
        <v>33837</v>
      </c>
      <c r="F10192">
        <v>4</v>
      </c>
      <c r="G10192" t="s">
        <v>14</v>
      </c>
      <c r="H10192" t="s">
        <v>24510</v>
      </c>
      <c r="I10192" t="s">
        <v>30540</v>
      </c>
    </row>
    <row r="10193" spans="1:9">
      <c r="A10193" s="1">
        <v>0.86356435798093789</v>
      </c>
      <c r="B10193" s="1"/>
      <c r="C10193">
        <v>6</v>
      </c>
      <c r="D10193" t="s">
        <v>24503</v>
      </c>
      <c r="E10193" t="s">
        <v>33837</v>
      </c>
      <c r="F10193">
        <v>4</v>
      </c>
      <c r="G10193" t="s">
        <v>9</v>
      </c>
      <c r="H10193" t="s">
        <v>24504</v>
      </c>
      <c r="I10193" t="s">
        <v>30540</v>
      </c>
    </row>
    <row r="10194" spans="1:9">
      <c r="A10194" s="1">
        <v>0.2229443447914089</v>
      </c>
      <c r="B10194" s="1"/>
      <c r="C10194">
        <v>4</v>
      </c>
      <c r="D10194" t="s">
        <v>24501</v>
      </c>
      <c r="E10194" t="s">
        <v>33837</v>
      </c>
      <c r="F10194">
        <v>4</v>
      </c>
      <c r="G10194" t="s">
        <v>9</v>
      </c>
      <c r="H10194" t="s">
        <v>24502</v>
      </c>
      <c r="I10194" t="s">
        <v>30540</v>
      </c>
    </row>
    <row r="10195" spans="1:9">
      <c r="A10195" s="1">
        <v>0.13095824007249446</v>
      </c>
      <c r="B10195" s="1"/>
      <c r="C10195">
        <v>15</v>
      </c>
      <c r="D10195" t="s">
        <v>24507</v>
      </c>
      <c r="E10195" t="s">
        <v>33837</v>
      </c>
      <c r="F10195">
        <v>4</v>
      </c>
      <c r="G10195" t="s">
        <v>14</v>
      </c>
      <c r="H10195" t="s">
        <v>24508</v>
      </c>
      <c r="I10195" t="s">
        <v>30540</v>
      </c>
    </row>
    <row r="10196" spans="1:9">
      <c r="A10196" s="1">
        <v>0.61385709818057488</v>
      </c>
      <c r="B10196" s="1"/>
      <c r="C10196">
        <v>18</v>
      </c>
      <c r="D10196" t="s">
        <v>24511</v>
      </c>
      <c r="E10196" t="s">
        <v>33837</v>
      </c>
      <c r="F10196">
        <v>3</v>
      </c>
      <c r="G10196" t="s">
        <v>14</v>
      </c>
      <c r="H10196" t="s">
        <v>24512</v>
      </c>
      <c r="I10196" t="s">
        <v>30540</v>
      </c>
    </row>
    <row r="10197" spans="1:9">
      <c r="A10197" s="1">
        <v>0.67199357545678873</v>
      </c>
      <c r="B10197" s="1"/>
      <c r="C10197">
        <v>3</v>
      </c>
      <c r="D10197" t="s">
        <v>24491</v>
      </c>
      <c r="E10197" t="s">
        <v>33838</v>
      </c>
      <c r="F10197">
        <v>5</v>
      </c>
      <c r="G10197" t="s">
        <v>14</v>
      </c>
      <c r="H10197" t="s">
        <v>24492</v>
      </c>
      <c r="I10197" t="s">
        <v>30540</v>
      </c>
    </row>
    <row r="10198" spans="1:9">
      <c r="A10198" s="1">
        <v>0.799281642471943</v>
      </c>
      <c r="B10198" s="1"/>
      <c r="C10198">
        <v>10</v>
      </c>
      <c r="D10198" t="s">
        <v>24495</v>
      </c>
      <c r="E10198" t="s">
        <v>33838</v>
      </c>
      <c r="F10198">
        <v>5</v>
      </c>
      <c r="G10198" t="s">
        <v>14</v>
      </c>
      <c r="H10198" t="s">
        <v>24496</v>
      </c>
      <c r="I10198" t="s">
        <v>30540</v>
      </c>
    </row>
    <row r="10199" spans="1:9">
      <c r="A10199" s="1">
        <v>0.76546209318763958</v>
      </c>
      <c r="B10199" s="1"/>
      <c r="C10199">
        <v>12</v>
      </c>
      <c r="D10199" t="s">
        <v>24497</v>
      </c>
      <c r="E10199" t="s">
        <v>33838</v>
      </c>
      <c r="F10199">
        <v>4</v>
      </c>
      <c r="G10199" t="s">
        <v>14</v>
      </c>
      <c r="H10199" t="s">
        <v>24498</v>
      </c>
      <c r="I10199" t="s">
        <v>30540</v>
      </c>
    </row>
    <row r="10200" spans="1:9">
      <c r="A10200" s="1">
        <v>0.30716125105845093</v>
      </c>
      <c r="B10200" s="1"/>
      <c r="C10200">
        <v>2</v>
      </c>
      <c r="D10200" t="s">
        <v>24489</v>
      </c>
      <c r="E10200" t="s">
        <v>33838</v>
      </c>
      <c r="F10200">
        <v>4</v>
      </c>
      <c r="G10200" t="s">
        <v>14</v>
      </c>
      <c r="H10200" t="s">
        <v>24490</v>
      </c>
      <c r="I10200" t="s">
        <v>30540</v>
      </c>
    </row>
    <row r="10201" spans="1:9">
      <c r="A10201" s="1">
        <v>5.2414409656418526E-2</v>
      </c>
      <c r="B10201" s="1"/>
      <c r="C10201">
        <v>16</v>
      </c>
      <c r="D10201" t="s">
        <v>24499</v>
      </c>
      <c r="E10201" t="s">
        <v>33838</v>
      </c>
      <c r="F10201">
        <v>4</v>
      </c>
      <c r="G10201" t="s">
        <v>0</v>
      </c>
      <c r="H10201" t="s">
        <v>24500</v>
      </c>
      <c r="I10201" t="s">
        <v>30540</v>
      </c>
    </row>
    <row r="10202" spans="1:9">
      <c r="A10202" s="1">
        <v>0.32846512878761835</v>
      </c>
      <c r="B10202" s="1"/>
      <c r="C10202">
        <v>9</v>
      </c>
      <c r="D10202" t="s">
        <v>24493</v>
      </c>
      <c r="E10202" t="s">
        <v>33838</v>
      </c>
      <c r="F10202">
        <v>4</v>
      </c>
      <c r="G10202" t="s">
        <v>14</v>
      </c>
      <c r="H10202" t="s">
        <v>24494</v>
      </c>
      <c r="I10202" t="s">
        <v>30540</v>
      </c>
    </row>
    <row r="10203" spans="1:9">
      <c r="A10203" s="1">
        <v>0.97792579181338857</v>
      </c>
      <c r="B10203" s="1"/>
      <c r="C10203">
        <v>7</v>
      </c>
      <c r="D10203" t="s">
        <v>24485</v>
      </c>
      <c r="E10203" t="s">
        <v>33839</v>
      </c>
      <c r="F10203">
        <v>5</v>
      </c>
      <c r="G10203" t="s">
        <v>14</v>
      </c>
      <c r="H10203" t="s">
        <v>24486</v>
      </c>
      <c r="I10203" t="s">
        <v>30540</v>
      </c>
    </row>
    <row r="10204" spans="1:9">
      <c r="A10204" s="1">
        <v>0.21243877445906667</v>
      </c>
      <c r="B10204" s="1"/>
      <c r="C10204">
        <v>9</v>
      </c>
      <c r="D10204" t="s">
        <v>24487</v>
      </c>
      <c r="E10204" t="s">
        <v>33839</v>
      </c>
      <c r="F10204">
        <v>4</v>
      </c>
      <c r="G10204" t="s">
        <v>13</v>
      </c>
      <c r="H10204" t="s">
        <v>24488</v>
      </c>
      <c r="I10204" t="s">
        <v>30540</v>
      </c>
    </row>
    <row r="10205" spans="1:9">
      <c r="A10205" s="1">
        <v>1.2029167179887668E-2</v>
      </c>
      <c r="B10205" s="1"/>
      <c r="C10205">
        <v>8</v>
      </c>
      <c r="D10205" t="s">
        <v>24473</v>
      </c>
      <c r="E10205" t="s">
        <v>33840</v>
      </c>
      <c r="F10205">
        <v>5</v>
      </c>
      <c r="G10205" t="s">
        <v>3732</v>
      </c>
      <c r="H10205" t="s">
        <v>24474</v>
      </c>
      <c r="I10205" t="s">
        <v>30540</v>
      </c>
    </row>
    <row r="10206" spans="1:9">
      <c r="A10206" s="1">
        <v>0.46852579026038288</v>
      </c>
      <c r="B10206" s="1"/>
      <c r="C10206">
        <v>1</v>
      </c>
      <c r="D10206" t="s">
        <v>24467</v>
      </c>
      <c r="E10206" t="s">
        <v>33840</v>
      </c>
      <c r="F10206">
        <v>5</v>
      </c>
      <c r="G10206" t="s">
        <v>10</v>
      </c>
      <c r="H10206" t="s">
        <v>24468</v>
      </c>
      <c r="I10206" t="s">
        <v>30540</v>
      </c>
    </row>
    <row r="10207" spans="1:9">
      <c r="A10207" s="1">
        <v>0.10490735558180764</v>
      </c>
      <c r="B10207" s="1"/>
      <c r="C10207">
        <v>16</v>
      </c>
      <c r="D10207" t="s">
        <v>24481</v>
      </c>
      <c r="E10207" t="s">
        <v>33840</v>
      </c>
      <c r="F10207">
        <v>4</v>
      </c>
      <c r="G10207" t="s">
        <v>2</v>
      </c>
      <c r="H10207" t="s">
        <v>24482</v>
      </c>
      <c r="I10207" t="s">
        <v>30540</v>
      </c>
    </row>
    <row r="10208" spans="1:9">
      <c r="A10208" s="1">
        <v>0.85482847084852909</v>
      </c>
      <c r="B10208" s="1"/>
      <c r="C10208">
        <v>19</v>
      </c>
      <c r="D10208" t="s">
        <v>24483</v>
      </c>
      <c r="E10208" t="s">
        <v>33840</v>
      </c>
      <c r="F10208">
        <v>4</v>
      </c>
      <c r="G10208" t="s">
        <v>14</v>
      </c>
      <c r="H10208" t="s">
        <v>24484</v>
      </c>
      <c r="I10208" t="s">
        <v>30540</v>
      </c>
    </row>
    <row r="10209" spans="1:9">
      <c r="A10209" s="1">
        <v>0.50129559346286023</v>
      </c>
      <c r="B10209" s="1"/>
      <c r="C10209">
        <v>6</v>
      </c>
      <c r="D10209" t="s">
        <v>24471</v>
      </c>
      <c r="E10209" t="s">
        <v>33840</v>
      </c>
      <c r="F10209">
        <v>4</v>
      </c>
      <c r="G10209" t="s">
        <v>2229</v>
      </c>
      <c r="H10209" t="s">
        <v>24472</v>
      </c>
      <c r="I10209" t="s">
        <v>30540</v>
      </c>
    </row>
    <row r="10210" spans="1:9">
      <c r="A10210" s="1">
        <v>0.23569750505625653</v>
      </c>
      <c r="B10210" s="1"/>
      <c r="C10210">
        <v>9</v>
      </c>
      <c r="D10210" t="s">
        <v>24475</v>
      </c>
      <c r="E10210" t="s">
        <v>33840</v>
      </c>
      <c r="F10210">
        <v>4</v>
      </c>
      <c r="G10210" t="s">
        <v>774</v>
      </c>
      <c r="H10210" t="s">
        <v>24476</v>
      </c>
      <c r="I10210" t="s">
        <v>30540</v>
      </c>
    </row>
    <row r="10211" spans="1:9">
      <c r="A10211" s="1">
        <v>0.80548753749408109</v>
      </c>
      <c r="B10211" s="1"/>
      <c r="C10211">
        <v>2</v>
      </c>
      <c r="D10211" t="s">
        <v>24469</v>
      </c>
      <c r="E10211" t="s">
        <v>33840</v>
      </c>
      <c r="F10211">
        <v>4</v>
      </c>
      <c r="G10211" t="s">
        <v>10</v>
      </c>
      <c r="H10211" t="s">
        <v>24470</v>
      </c>
      <c r="I10211" t="s">
        <v>30540</v>
      </c>
    </row>
    <row r="10212" spans="1:9">
      <c r="A10212" s="1">
        <v>0.53287065337527484</v>
      </c>
      <c r="B10212" s="1"/>
      <c r="C10212">
        <v>14</v>
      </c>
      <c r="D10212" t="s">
        <v>24479</v>
      </c>
      <c r="E10212" t="s">
        <v>33840</v>
      </c>
      <c r="F10212">
        <v>4</v>
      </c>
      <c r="G10212" t="s">
        <v>1</v>
      </c>
      <c r="H10212" t="s">
        <v>24480</v>
      </c>
      <c r="I10212" t="s">
        <v>30540</v>
      </c>
    </row>
    <row r="10213" spans="1:9">
      <c r="A10213" s="1">
        <v>0.12122756731250017</v>
      </c>
      <c r="B10213" s="1"/>
      <c r="C10213">
        <v>14</v>
      </c>
      <c r="D10213" t="s">
        <v>24463</v>
      </c>
      <c r="E10213" t="s">
        <v>33841</v>
      </c>
      <c r="F10213">
        <v>5</v>
      </c>
      <c r="G10213" t="s">
        <v>14</v>
      </c>
      <c r="H10213" t="s">
        <v>24464</v>
      </c>
      <c r="I10213" t="s">
        <v>30540</v>
      </c>
    </row>
    <row r="10214" spans="1:9">
      <c r="A10214" s="1">
        <v>0.25082251117451559</v>
      </c>
      <c r="B10214" s="1"/>
      <c r="C10214">
        <v>17</v>
      </c>
      <c r="D10214" t="s">
        <v>24465</v>
      </c>
      <c r="E10214" t="s">
        <v>33841</v>
      </c>
      <c r="F10214">
        <v>4</v>
      </c>
      <c r="G10214" t="s">
        <v>0</v>
      </c>
      <c r="H10214" t="s">
        <v>24466</v>
      </c>
      <c r="I10214" t="s">
        <v>30540</v>
      </c>
    </row>
    <row r="10215" spans="1:9">
      <c r="A10215" s="1">
        <v>8.1627835393318748E-2</v>
      </c>
      <c r="B10215" s="1"/>
      <c r="C10215">
        <v>7</v>
      </c>
      <c r="D10215" t="s">
        <v>24457</v>
      </c>
      <c r="E10215" t="s">
        <v>33841</v>
      </c>
      <c r="F10215">
        <v>4</v>
      </c>
      <c r="G10215" t="s">
        <v>14</v>
      </c>
      <c r="H10215" t="s">
        <v>24458</v>
      </c>
      <c r="I10215" t="s">
        <v>30540</v>
      </c>
    </row>
    <row r="10216" spans="1:9">
      <c r="A10216" s="1">
        <v>4.5256780678116004E-2</v>
      </c>
      <c r="B10216" s="1"/>
      <c r="C10216">
        <v>10</v>
      </c>
      <c r="D10216" t="s">
        <v>24461</v>
      </c>
      <c r="E10216" t="s">
        <v>33841</v>
      </c>
      <c r="F10216">
        <v>3</v>
      </c>
      <c r="G10216" t="s">
        <v>14</v>
      </c>
      <c r="H10216" t="s">
        <v>24462</v>
      </c>
      <c r="I10216" t="s">
        <v>30540</v>
      </c>
    </row>
    <row r="10217" spans="1:9">
      <c r="A10217" s="1">
        <v>3.328220751038069E-2</v>
      </c>
      <c r="B10217" s="1"/>
      <c r="C10217">
        <v>8</v>
      </c>
      <c r="D10217" t="s">
        <v>24459</v>
      </c>
      <c r="E10217" t="s">
        <v>33841</v>
      </c>
      <c r="F10217">
        <v>3</v>
      </c>
      <c r="G10217" t="s">
        <v>13</v>
      </c>
      <c r="H10217" t="s">
        <v>24460</v>
      </c>
      <c r="I10217" t="s">
        <v>30540</v>
      </c>
    </row>
    <row r="10218" spans="1:9">
      <c r="A10218" s="1">
        <v>0.3437664066572047</v>
      </c>
      <c r="B10218" s="1"/>
      <c r="C10218">
        <v>16</v>
      </c>
      <c r="D10218" t="s">
        <v>24455</v>
      </c>
      <c r="E10218" t="s">
        <v>33842</v>
      </c>
      <c r="F10218">
        <v>4</v>
      </c>
      <c r="G10218" t="s">
        <v>14</v>
      </c>
      <c r="H10218" t="s">
        <v>24456</v>
      </c>
      <c r="I10218" t="s">
        <v>30540</v>
      </c>
    </row>
    <row r="10219" spans="1:9">
      <c r="A10219" s="1">
        <v>0.61412251580503929</v>
      </c>
      <c r="B10219" s="1"/>
      <c r="C10219">
        <v>2</v>
      </c>
      <c r="D10219" t="s">
        <v>24453</v>
      </c>
      <c r="E10219" t="s">
        <v>33842</v>
      </c>
      <c r="F10219">
        <v>4</v>
      </c>
      <c r="G10219" t="s">
        <v>14</v>
      </c>
      <c r="H10219" t="s">
        <v>24454</v>
      </c>
      <c r="I10219" t="s">
        <v>30540</v>
      </c>
    </row>
    <row r="10220" spans="1:9">
      <c r="A10220" s="1">
        <v>0.59599816580648446</v>
      </c>
      <c r="B10220" s="1"/>
      <c r="C10220">
        <v>7</v>
      </c>
      <c r="D10220" t="s">
        <v>24445</v>
      </c>
      <c r="E10220" t="s">
        <v>33843</v>
      </c>
      <c r="F10220">
        <v>5</v>
      </c>
      <c r="G10220" t="s">
        <v>10</v>
      </c>
      <c r="H10220" t="s">
        <v>24446</v>
      </c>
      <c r="I10220" t="s">
        <v>30540</v>
      </c>
    </row>
    <row r="10221" spans="1:9">
      <c r="A10221" s="1">
        <v>0.90571481051867553</v>
      </c>
      <c r="B10221" s="1"/>
      <c r="C10221">
        <v>17</v>
      </c>
      <c r="D10221" t="s">
        <v>24451</v>
      </c>
      <c r="E10221" t="s">
        <v>33843</v>
      </c>
      <c r="F10221">
        <v>5</v>
      </c>
      <c r="G10221" t="s">
        <v>14</v>
      </c>
      <c r="H10221" t="s">
        <v>24452</v>
      </c>
      <c r="I10221" t="s">
        <v>30540</v>
      </c>
    </row>
    <row r="10222" spans="1:9">
      <c r="A10222" s="1">
        <v>0.30440213681131356</v>
      </c>
      <c r="B10222" s="1"/>
      <c r="C10222">
        <v>11</v>
      </c>
      <c r="D10222" t="s">
        <v>24447</v>
      </c>
      <c r="E10222" t="s">
        <v>33843</v>
      </c>
      <c r="F10222">
        <v>5</v>
      </c>
      <c r="G10222" t="s">
        <v>14</v>
      </c>
      <c r="H10222" t="s">
        <v>24448</v>
      </c>
      <c r="I10222" t="s">
        <v>30540</v>
      </c>
    </row>
    <row r="10223" spans="1:9">
      <c r="A10223" s="1">
        <v>0.92314492369664447</v>
      </c>
      <c r="B10223" s="1"/>
      <c r="C10223">
        <v>1</v>
      </c>
      <c r="D10223" t="s">
        <v>24439</v>
      </c>
      <c r="E10223" t="s">
        <v>33843</v>
      </c>
      <c r="F10223">
        <v>4</v>
      </c>
      <c r="G10223" t="s">
        <v>9</v>
      </c>
      <c r="H10223" t="s">
        <v>24440</v>
      </c>
      <c r="I10223" t="s">
        <v>30540</v>
      </c>
    </row>
    <row r="10224" spans="1:9">
      <c r="A10224" s="1">
        <v>0.85594498236350691</v>
      </c>
      <c r="B10224" s="1"/>
      <c r="C10224">
        <v>6</v>
      </c>
      <c r="D10224" t="s">
        <v>24443</v>
      </c>
      <c r="E10224" t="s">
        <v>33843</v>
      </c>
      <c r="F10224">
        <v>4</v>
      </c>
      <c r="G10224" t="s">
        <v>2</v>
      </c>
      <c r="H10224" t="s">
        <v>24444</v>
      </c>
      <c r="I10224" t="s">
        <v>30540</v>
      </c>
    </row>
    <row r="10225" spans="1:9">
      <c r="A10225" s="1">
        <v>0.52660575427689904</v>
      </c>
      <c r="B10225" s="1"/>
      <c r="C10225">
        <v>14</v>
      </c>
      <c r="D10225" t="s">
        <v>24449</v>
      </c>
      <c r="E10225" t="s">
        <v>33843</v>
      </c>
      <c r="F10225">
        <v>4</v>
      </c>
      <c r="G10225" t="s">
        <v>14</v>
      </c>
      <c r="H10225" t="s">
        <v>24450</v>
      </c>
      <c r="I10225" t="s">
        <v>30540</v>
      </c>
    </row>
    <row r="10226" spans="1:9">
      <c r="A10226" s="1">
        <v>0.45414330707835571</v>
      </c>
      <c r="B10226" s="1"/>
      <c r="C10226">
        <v>3</v>
      </c>
      <c r="D10226" t="s">
        <v>24441</v>
      </c>
      <c r="E10226" t="s">
        <v>33843</v>
      </c>
      <c r="F10226">
        <v>4</v>
      </c>
      <c r="G10226" t="s">
        <v>15</v>
      </c>
      <c r="H10226" t="s">
        <v>24442</v>
      </c>
      <c r="I10226" t="s">
        <v>30540</v>
      </c>
    </row>
    <row r="10227" spans="1:9">
      <c r="A10227" s="1">
        <v>0.30114879627478597</v>
      </c>
      <c r="B10227" s="1"/>
      <c r="C10227">
        <v>10</v>
      </c>
      <c r="D10227" t="s">
        <v>24431</v>
      </c>
      <c r="E10227" t="s">
        <v>33844</v>
      </c>
      <c r="F10227">
        <v>5</v>
      </c>
      <c r="G10227" t="s">
        <v>14</v>
      </c>
      <c r="H10227" t="s">
        <v>24432</v>
      </c>
      <c r="I10227" t="s">
        <v>30540</v>
      </c>
    </row>
    <row r="10228" spans="1:9">
      <c r="A10228" s="1">
        <v>0.20865005018725147</v>
      </c>
      <c r="B10228" s="1"/>
      <c r="C10228">
        <v>8</v>
      </c>
      <c r="D10228" t="s">
        <v>24429</v>
      </c>
      <c r="E10228" t="s">
        <v>33844</v>
      </c>
      <c r="F10228">
        <v>5</v>
      </c>
      <c r="G10228" t="s">
        <v>14</v>
      </c>
      <c r="H10228" t="s">
        <v>24430</v>
      </c>
      <c r="I10228" t="s">
        <v>30540</v>
      </c>
    </row>
    <row r="10229" spans="1:9">
      <c r="A10229" s="1">
        <v>0.35494260554971668</v>
      </c>
      <c r="B10229" s="1"/>
      <c r="C10229">
        <v>5</v>
      </c>
      <c r="D10229" t="s">
        <v>24425</v>
      </c>
      <c r="E10229" t="s">
        <v>33844</v>
      </c>
      <c r="F10229">
        <v>5</v>
      </c>
      <c r="G10229" t="s">
        <v>1</v>
      </c>
      <c r="H10229" t="s">
        <v>24426</v>
      </c>
      <c r="I10229" t="s">
        <v>30540</v>
      </c>
    </row>
    <row r="10230" spans="1:9">
      <c r="A10230" s="1">
        <v>0.24904133865085731</v>
      </c>
      <c r="B10230" s="1"/>
      <c r="C10230">
        <v>18</v>
      </c>
      <c r="D10230" t="s">
        <v>24435</v>
      </c>
      <c r="E10230" t="s">
        <v>33844</v>
      </c>
      <c r="F10230">
        <v>5</v>
      </c>
      <c r="G10230" t="s">
        <v>14</v>
      </c>
      <c r="H10230" t="s">
        <v>24436</v>
      </c>
      <c r="I10230" t="s">
        <v>30540</v>
      </c>
    </row>
    <row r="10231" spans="1:9">
      <c r="A10231" s="1">
        <v>0.73792445758551906</v>
      </c>
      <c r="B10231" s="1"/>
      <c r="C10231">
        <v>4</v>
      </c>
      <c r="D10231" t="s">
        <v>24423</v>
      </c>
      <c r="E10231" t="s">
        <v>33844</v>
      </c>
      <c r="F10231">
        <v>4</v>
      </c>
      <c r="G10231" t="s">
        <v>9</v>
      </c>
      <c r="H10231" t="s">
        <v>24424</v>
      </c>
      <c r="I10231" t="s">
        <v>30540</v>
      </c>
    </row>
    <row r="10232" spans="1:9">
      <c r="A10232" s="1">
        <v>0.2507697014861654</v>
      </c>
      <c r="B10232" s="1"/>
      <c r="C10232">
        <v>16</v>
      </c>
      <c r="D10232" t="s">
        <v>24433</v>
      </c>
      <c r="E10232" t="s">
        <v>33844</v>
      </c>
      <c r="F10232">
        <v>4</v>
      </c>
      <c r="G10232" t="s">
        <v>13</v>
      </c>
      <c r="H10232" t="s">
        <v>24434</v>
      </c>
      <c r="I10232" t="s">
        <v>30540</v>
      </c>
    </row>
    <row r="10233" spans="1:9">
      <c r="A10233" s="1">
        <v>0.98665672012374417</v>
      </c>
      <c r="B10233" s="1"/>
      <c r="C10233">
        <v>7</v>
      </c>
      <c r="D10233" t="s">
        <v>24427</v>
      </c>
      <c r="E10233" t="s">
        <v>33844</v>
      </c>
      <c r="F10233">
        <v>4</v>
      </c>
      <c r="G10233" t="s">
        <v>14</v>
      </c>
      <c r="H10233" t="s">
        <v>24428</v>
      </c>
      <c r="I10233" t="s">
        <v>30540</v>
      </c>
    </row>
    <row r="10234" spans="1:9">
      <c r="A10234" s="1">
        <v>0.95721030799653817</v>
      </c>
      <c r="B10234" s="1"/>
      <c r="C10234">
        <v>20</v>
      </c>
      <c r="D10234" t="s">
        <v>24437</v>
      </c>
      <c r="E10234" t="s">
        <v>33844</v>
      </c>
      <c r="F10234">
        <v>4</v>
      </c>
      <c r="G10234" t="s">
        <v>14</v>
      </c>
      <c r="H10234" t="s">
        <v>24438</v>
      </c>
      <c r="I10234" t="s">
        <v>30540</v>
      </c>
    </row>
    <row r="10235" spans="1:9">
      <c r="A10235" s="1">
        <v>8.6716903789520794E-2</v>
      </c>
      <c r="B10235" s="1"/>
      <c r="C10235">
        <v>16</v>
      </c>
      <c r="D10235" t="s">
        <v>24421</v>
      </c>
      <c r="E10235" t="s">
        <v>33845</v>
      </c>
      <c r="F10235">
        <v>5</v>
      </c>
      <c r="G10235" t="s">
        <v>762</v>
      </c>
      <c r="H10235" t="s">
        <v>24422</v>
      </c>
      <c r="I10235" t="s">
        <v>30540</v>
      </c>
    </row>
    <row r="10236" spans="1:9">
      <c r="A10236" s="1">
        <v>0.58786369602730237</v>
      </c>
      <c r="B10236" s="1"/>
      <c r="C10236">
        <v>1</v>
      </c>
      <c r="D10236" t="s">
        <v>24409</v>
      </c>
      <c r="E10236" t="s">
        <v>33845</v>
      </c>
      <c r="F10236">
        <v>5</v>
      </c>
      <c r="G10236" t="s">
        <v>10</v>
      </c>
      <c r="H10236" t="s">
        <v>24410</v>
      </c>
      <c r="I10236" t="s">
        <v>30540</v>
      </c>
    </row>
    <row r="10237" spans="1:9">
      <c r="A10237" s="1">
        <v>0.14657876587962637</v>
      </c>
      <c r="B10237" s="1"/>
      <c r="C10237">
        <v>14</v>
      </c>
      <c r="D10237" t="s">
        <v>24419</v>
      </c>
      <c r="E10237" t="s">
        <v>33845</v>
      </c>
      <c r="F10237">
        <v>4</v>
      </c>
      <c r="G10237" t="s">
        <v>3732</v>
      </c>
      <c r="H10237" t="s">
        <v>24420</v>
      </c>
      <c r="I10237" t="s">
        <v>30540</v>
      </c>
    </row>
    <row r="10238" spans="1:9">
      <c r="A10238" s="1">
        <v>0.10616877982118123</v>
      </c>
      <c r="B10238" s="1"/>
      <c r="C10238">
        <v>3</v>
      </c>
      <c r="D10238" t="s">
        <v>24413</v>
      </c>
      <c r="E10238" t="s">
        <v>33845</v>
      </c>
      <c r="F10238">
        <v>4</v>
      </c>
      <c r="G10238" t="s">
        <v>14</v>
      </c>
      <c r="H10238" t="s">
        <v>24414</v>
      </c>
      <c r="I10238" t="s">
        <v>30540</v>
      </c>
    </row>
    <row r="10239" spans="1:9">
      <c r="A10239" s="1">
        <v>0.67307305584784471</v>
      </c>
      <c r="B10239" s="1"/>
      <c r="C10239">
        <v>4</v>
      </c>
      <c r="D10239" t="s">
        <v>24415</v>
      </c>
      <c r="E10239" t="s">
        <v>33845</v>
      </c>
      <c r="F10239">
        <v>4</v>
      </c>
      <c r="G10239" t="s">
        <v>10</v>
      </c>
      <c r="H10239" t="s">
        <v>24416</v>
      </c>
      <c r="I10239" t="s">
        <v>30540</v>
      </c>
    </row>
    <row r="10240" spans="1:9">
      <c r="A10240" s="1">
        <v>0.74089313913589183</v>
      </c>
      <c r="B10240" s="1"/>
      <c r="C10240">
        <v>2</v>
      </c>
      <c r="D10240" t="s">
        <v>24411</v>
      </c>
      <c r="E10240" t="s">
        <v>33845</v>
      </c>
      <c r="F10240">
        <v>4</v>
      </c>
      <c r="G10240" t="s">
        <v>13</v>
      </c>
      <c r="H10240" t="s">
        <v>24412</v>
      </c>
      <c r="I10240" t="s">
        <v>30540</v>
      </c>
    </row>
    <row r="10241" spans="1:9">
      <c r="A10241" s="1">
        <v>0.21794525847700996</v>
      </c>
      <c r="B10241" s="1"/>
      <c r="C10241">
        <v>13</v>
      </c>
      <c r="D10241" t="s">
        <v>24407</v>
      </c>
      <c r="E10241" t="s">
        <v>33846</v>
      </c>
      <c r="F10241">
        <v>5</v>
      </c>
      <c r="G10241" t="s">
        <v>14</v>
      </c>
      <c r="H10241" t="s">
        <v>24408</v>
      </c>
      <c r="I10241" t="s">
        <v>30540</v>
      </c>
    </row>
    <row r="10242" spans="1:9">
      <c r="A10242" s="1">
        <v>0.78473447308376509</v>
      </c>
      <c r="B10242" s="1"/>
      <c r="C10242">
        <v>11</v>
      </c>
      <c r="D10242" t="s">
        <v>24403</v>
      </c>
      <c r="E10242" t="s">
        <v>33846</v>
      </c>
      <c r="F10242">
        <v>4</v>
      </c>
      <c r="G10242" t="s">
        <v>14</v>
      </c>
      <c r="H10242" t="s">
        <v>24404</v>
      </c>
      <c r="I10242" t="s">
        <v>30540</v>
      </c>
    </row>
    <row r="10243" spans="1:9">
      <c r="A10243" s="1">
        <v>0.56190232062418466</v>
      </c>
      <c r="B10243" s="1"/>
      <c r="C10243">
        <v>3</v>
      </c>
      <c r="D10243" t="s">
        <v>24399</v>
      </c>
      <c r="E10243" t="s">
        <v>33846</v>
      </c>
      <c r="F10243">
        <v>4</v>
      </c>
      <c r="G10243" t="s">
        <v>14</v>
      </c>
      <c r="H10243" t="s">
        <v>24400</v>
      </c>
      <c r="I10243" t="s">
        <v>30540</v>
      </c>
    </row>
    <row r="10244" spans="1:9">
      <c r="A10244" s="1">
        <v>0.69469320532509848</v>
      </c>
      <c r="B10244" s="1"/>
      <c r="C10244">
        <v>8</v>
      </c>
      <c r="D10244" t="s">
        <v>24401</v>
      </c>
      <c r="E10244" t="s">
        <v>33846</v>
      </c>
      <c r="F10244">
        <v>4</v>
      </c>
      <c r="G10244" t="s">
        <v>1</v>
      </c>
      <c r="H10244" t="s">
        <v>24402</v>
      </c>
      <c r="I10244" t="s">
        <v>30540</v>
      </c>
    </row>
    <row r="10245" spans="1:9">
      <c r="A10245" s="1">
        <v>0.51704743560381528</v>
      </c>
      <c r="B10245" s="1"/>
      <c r="C10245">
        <v>3</v>
      </c>
      <c r="D10245" t="s">
        <v>24395</v>
      </c>
      <c r="E10245" t="s">
        <v>33847</v>
      </c>
      <c r="F10245">
        <v>4</v>
      </c>
      <c r="G10245" t="s">
        <v>9</v>
      </c>
      <c r="H10245" t="s">
        <v>24396</v>
      </c>
      <c r="I10245" t="s">
        <v>30540</v>
      </c>
    </row>
    <row r="10246" spans="1:9">
      <c r="A10246" s="1">
        <v>0.20251112549300487</v>
      </c>
      <c r="B10246" s="1"/>
      <c r="C10246">
        <v>10</v>
      </c>
      <c r="D10246" t="s">
        <v>24397</v>
      </c>
      <c r="E10246" t="s">
        <v>33847</v>
      </c>
      <c r="F10246">
        <v>4</v>
      </c>
      <c r="G10246" t="s">
        <v>14</v>
      </c>
      <c r="H10246" t="s">
        <v>24398</v>
      </c>
      <c r="I10246" t="s">
        <v>30540</v>
      </c>
    </row>
    <row r="10247" spans="1:9">
      <c r="A10247" s="1">
        <v>0.17183090796438605</v>
      </c>
      <c r="B10247" s="1"/>
      <c r="C10247">
        <v>10</v>
      </c>
      <c r="D10247" t="s">
        <v>24393</v>
      </c>
      <c r="E10247" t="s">
        <v>33848</v>
      </c>
      <c r="F10247">
        <v>4</v>
      </c>
      <c r="G10247" t="s">
        <v>14</v>
      </c>
      <c r="H10247" t="s">
        <v>24394</v>
      </c>
      <c r="I10247" t="s">
        <v>30540</v>
      </c>
    </row>
    <row r="10248" spans="1:9">
      <c r="A10248" s="1">
        <v>0.20515441461887896</v>
      </c>
      <c r="B10248" s="1"/>
      <c r="C10248">
        <v>8</v>
      </c>
      <c r="D10248" t="s">
        <v>24391</v>
      </c>
      <c r="E10248" t="s">
        <v>33848</v>
      </c>
      <c r="F10248">
        <v>4</v>
      </c>
      <c r="G10248" t="s">
        <v>14</v>
      </c>
      <c r="H10248" t="s">
        <v>24392</v>
      </c>
      <c r="I10248" t="s">
        <v>30540</v>
      </c>
    </row>
    <row r="10249" spans="1:9">
      <c r="A10249" s="1">
        <v>2.8972017051845489E-2</v>
      </c>
      <c r="B10249" s="1"/>
      <c r="C10249">
        <v>10</v>
      </c>
      <c r="D10249" t="s">
        <v>24387</v>
      </c>
      <c r="E10249" t="s">
        <v>33849</v>
      </c>
      <c r="F10249">
        <v>4</v>
      </c>
      <c r="G10249" t="s">
        <v>13</v>
      </c>
      <c r="H10249" t="s">
        <v>24388</v>
      </c>
      <c r="I10249" t="s">
        <v>30540</v>
      </c>
    </row>
    <row r="10250" spans="1:9">
      <c r="A10250" s="1">
        <v>0.75523779564848514</v>
      </c>
      <c r="B10250" s="1"/>
      <c r="C10250">
        <v>17</v>
      </c>
      <c r="D10250" t="s">
        <v>24389</v>
      </c>
      <c r="E10250" t="s">
        <v>33849</v>
      </c>
      <c r="F10250">
        <v>4</v>
      </c>
      <c r="G10250" t="s">
        <v>14</v>
      </c>
      <c r="H10250" t="s">
        <v>24390</v>
      </c>
      <c r="I10250" t="s">
        <v>30540</v>
      </c>
    </row>
    <row r="10251" spans="1:9">
      <c r="A10251" s="1">
        <v>0.10348389160952898</v>
      </c>
      <c r="B10251" s="1"/>
      <c r="C10251">
        <v>6</v>
      </c>
      <c r="D10251" t="s">
        <v>24385</v>
      </c>
      <c r="E10251" t="s">
        <v>33849</v>
      </c>
      <c r="F10251">
        <v>4</v>
      </c>
      <c r="G10251" t="s">
        <v>15</v>
      </c>
      <c r="H10251" t="s">
        <v>24386</v>
      </c>
      <c r="I10251" t="s">
        <v>30540</v>
      </c>
    </row>
    <row r="10252" spans="1:9">
      <c r="A10252" s="1">
        <v>0.14893586816751148</v>
      </c>
      <c r="B10252" s="1"/>
      <c r="C10252">
        <v>13</v>
      </c>
      <c r="D10252" t="s">
        <v>24381</v>
      </c>
      <c r="E10252" t="s">
        <v>33850</v>
      </c>
      <c r="F10252">
        <v>4</v>
      </c>
      <c r="G10252" t="s">
        <v>3732</v>
      </c>
      <c r="H10252" t="s">
        <v>24382</v>
      </c>
      <c r="I10252" t="s">
        <v>30540</v>
      </c>
    </row>
    <row r="10253" spans="1:9">
      <c r="A10253" s="1">
        <v>0.60027620281915484</v>
      </c>
      <c r="B10253" s="1"/>
      <c r="C10253">
        <v>14</v>
      </c>
      <c r="D10253" t="s">
        <v>24383</v>
      </c>
      <c r="E10253" t="s">
        <v>33850</v>
      </c>
      <c r="F10253">
        <v>4</v>
      </c>
      <c r="G10253" t="s">
        <v>2738</v>
      </c>
      <c r="H10253" t="s">
        <v>24384</v>
      </c>
      <c r="I10253" t="s">
        <v>30540</v>
      </c>
    </row>
    <row r="10254" spans="1:9">
      <c r="A10254" s="1">
        <v>0.16986386496168704</v>
      </c>
      <c r="B10254" s="1"/>
      <c r="C10254">
        <v>7</v>
      </c>
      <c r="D10254" t="s">
        <v>24379</v>
      </c>
      <c r="E10254" t="s">
        <v>33850</v>
      </c>
      <c r="F10254">
        <v>4</v>
      </c>
      <c r="G10254" t="s">
        <v>762</v>
      </c>
      <c r="H10254" t="s">
        <v>24380</v>
      </c>
      <c r="I10254" t="s">
        <v>30540</v>
      </c>
    </row>
    <row r="10255" spans="1:9">
      <c r="A10255" s="1">
        <v>0.4832941052041283</v>
      </c>
      <c r="B10255" s="1"/>
      <c r="C10255">
        <v>2</v>
      </c>
      <c r="D10255" t="s">
        <v>24377</v>
      </c>
      <c r="E10255" t="s">
        <v>33850</v>
      </c>
      <c r="F10255">
        <v>3</v>
      </c>
      <c r="G10255" t="s">
        <v>10</v>
      </c>
      <c r="H10255" t="s">
        <v>24378</v>
      </c>
      <c r="I10255" t="s">
        <v>30540</v>
      </c>
    </row>
    <row r="10256" spans="1:9">
      <c r="A10256" s="1">
        <v>0.59397417940240194</v>
      </c>
      <c r="B10256" s="1"/>
      <c r="C10256">
        <v>4</v>
      </c>
      <c r="D10256" t="s">
        <v>24369</v>
      </c>
      <c r="E10256" t="s">
        <v>33851</v>
      </c>
      <c r="F10256">
        <v>5</v>
      </c>
      <c r="G10256" t="s">
        <v>2</v>
      </c>
      <c r="H10256" t="s">
        <v>24370</v>
      </c>
      <c r="I10256" t="s">
        <v>30540</v>
      </c>
    </row>
    <row r="10257" spans="1:9">
      <c r="A10257" s="1">
        <v>0.58179488113045152</v>
      </c>
      <c r="B10257" s="1"/>
      <c r="C10257">
        <v>9</v>
      </c>
      <c r="D10257" t="s">
        <v>24371</v>
      </c>
      <c r="E10257" t="s">
        <v>33851</v>
      </c>
      <c r="F10257">
        <v>4</v>
      </c>
      <c r="G10257" t="s">
        <v>0</v>
      </c>
      <c r="H10257" t="s">
        <v>24372</v>
      </c>
      <c r="I10257" t="s">
        <v>30540</v>
      </c>
    </row>
    <row r="10258" spans="1:9">
      <c r="A10258" s="1">
        <v>0.76339829668570325</v>
      </c>
      <c r="B10258" s="1"/>
      <c r="C10258">
        <v>12</v>
      </c>
      <c r="D10258" t="s">
        <v>24375</v>
      </c>
      <c r="E10258" t="s">
        <v>33851</v>
      </c>
      <c r="F10258">
        <v>4</v>
      </c>
      <c r="G10258" t="s">
        <v>1</v>
      </c>
      <c r="H10258" t="s">
        <v>24376</v>
      </c>
      <c r="I10258" t="s">
        <v>30540</v>
      </c>
    </row>
    <row r="10259" spans="1:9">
      <c r="A10259" s="1">
        <v>0.63242761396191305</v>
      </c>
      <c r="B10259" s="1"/>
      <c r="C10259">
        <v>10</v>
      </c>
      <c r="D10259" t="s">
        <v>24373</v>
      </c>
      <c r="E10259" t="s">
        <v>33851</v>
      </c>
      <c r="F10259">
        <v>3</v>
      </c>
      <c r="G10259" t="s">
        <v>14</v>
      </c>
      <c r="H10259" t="s">
        <v>24374</v>
      </c>
      <c r="I10259" t="s">
        <v>30540</v>
      </c>
    </row>
    <row r="10260" spans="1:9">
      <c r="A10260" s="1">
        <v>1.4362516822853388E-2</v>
      </c>
      <c r="B10260" s="1"/>
      <c r="C10260">
        <v>16</v>
      </c>
      <c r="D10260" t="s">
        <v>24365</v>
      </c>
      <c r="E10260" t="s">
        <v>33852</v>
      </c>
      <c r="F10260">
        <v>5</v>
      </c>
      <c r="G10260" t="s">
        <v>2</v>
      </c>
      <c r="H10260" t="s">
        <v>24366</v>
      </c>
      <c r="I10260" t="s">
        <v>30540</v>
      </c>
    </row>
    <row r="10261" spans="1:9">
      <c r="A10261" s="1">
        <v>0.94260277308695672</v>
      </c>
      <c r="B10261" s="1"/>
      <c r="C10261">
        <v>18</v>
      </c>
      <c r="D10261" t="s">
        <v>24367</v>
      </c>
      <c r="E10261" t="s">
        <v>33852</v>
      </c>
      <c r="F10261">
        <v>5</v>
      </c>
      <c r="G10261" t="s">
        <v>14</v>
      </c>
      <c r="H10261" t="s">
        <v>24368</v>
      </c>
      <c r="I10261" t="s">
        <v>30540</v>
      </c>
    </row>
    <row r="10262" spans="1:9">
      <c r="A10262" s="1">
        <v>0.39314446258467084</v>
      </c>
      <c r="B10262" s="1"/>
      <c r="C10262">
        <v>9</v>
      </c>
      <c r="D10262" t="s">
        <v>24359</v>
      </c>
      <c r="E10262" t="s">
        <v>33852</v>
      </c>
      <c r="F10262">
        <v>4</v>
      </c>
      <c r="G10262" t="s">
        <v>14</v>
      </c>
      <c r="H10262" t="s">
        <v>24360</v>
      </c>
      <c r="I10262" t="s">
        <v>30540</v>
      </c>
    </row>
    <row r="10263" spans="1:9">
      <c r="A10263" s="1">
        <v>0.37635765304589797</v>
      </c>
      <c r="B10263" s="1"/>
      <c r="C10263">
        <v>15</v>
      </c>
      <c r="D10263" t="s">
        <v>24363</v>
      </c>
      <c r="E10263" t="s">
        <v>33852</v>
      </c>
      <c r="F10263">
        <v>4</v>
      </c>
      <c r="G10263" t="s">
        <v>2</v>
      </c>
      <c r="H10263" t="s">
        <v>24364</v>
      </c>
      <c r="I10263" t="s">
        <v>30540</v>
      </c>
    </row>
    <row r="10264" spans="1:9">
      <c r="A10264" s="1">
        <v>0.31300404110574065</v>
      </c>
      <c r="B10264" s="1"/>
      <c r="C10264">
        <v>6</v>
      </c>
      <c r="D10264" t="s">
        <v>24357</v>
      </c>
      <c r="E10264" t="s">
        <v>33852</v>
      </c>
      <c r="F10264">
        <v>4</v>
      </c>
      <c r="G10264" t="s">
        <v>14</v>
      </c>
      <c r="H10264" t="s">
        <v>24358</v>
      </c>
      <c r="I10264" t="s">
        <v>30540</v>
      </c>
    </row>
    <row r="10265" spans="1:9">
      <c r="A10265" s="1">
        <v>0.50596594861382416</v>
      </c>
      <c r="B10265" s="1"/>
      <c r="C10265">
        <v>12</v>
      </c>
      <c r="D10265" t="s">
        <v>24353</v>
      </c>
      <c r="E10265" t="s">
        <v>33853</v>
      </c>
      <c r="F10265">
        <v>4</v>
      </c>
      <c r="G10265" t="s">
        <v>14</v>
      </c>
      <c r="H10265" t="s">
        <v>24354</v>
      </c>
      <c r="I10265" t="s">
        <v>30540</v>
      </c>
    </row>
    <row r="10266" spans="1:9">
      <c r="A10266" s="1">
        <v>0.41595373058213281</v>
      </c>
      <c r="B10266" s="1"/>
      <c r="C10266">
        <v>4</v>
      </c>
      <c r="D10266" t="s">
        <v>24349</v>
      </c>
      <c r="E10266" t="s">
        <v>33853</v>
      </c>
      <c r="F10266">
        <v>4</v>
      </c>
      <c r="G10266" t="s">
        <v>14</v>
      </c>
      <c r="H10266" t="s">
        <v>24350</v>
      </c>
      <c r="I10266" t="s">
        <v>30540</v>
      </c>
    </row>
    <row r="10267" spans="1:9">
      <c r="A10267" s="1">
        <v>0.24330585965130291</v>
      </c>
      <c r="B10267" s="1"/>
      <c r="C10267">
        <v>11</v>
      </c>
      <c r="D10267" t="s">
        <v>24351</v>
      </c>
      <c r="E10267" t="s">
        <v>33853</v>
      </c>
      <c r="F10267">
        <v>4</v>
      </c>
      <c r="G10267" t="s">
        <v>9</v>
      </c>
      <c r="H10267" t="s">
        <v>24352</v>
      </c>
      <c r="I10267" t="s">
        <v>30540</v>
      </c>
    </row>
    <row r="10268" spans="1:9">
      <c r="A10268" s="1">
        <v>0.48315322813560502</v>
      </c>
      <c r="B10268" s="1"/>
      <c r="C10268">
        <v>12</v>
      </c>
      <c r="D10268" t="s">
        <v>24343</v>
      </c>
      <c r="E10268" t="s">
        <v>33854</v>
      </c>
      <c r="F10268">
        <v>5</v>
      </c>
      <c r="G10268" t="s">
        <v>762</v>
      </c>
      <c r="H10268" t="s">
        <v>24344</v>
      </c>
      <c r="I10268" t="s">
        <v>30540</v>
      </c>
    </row>
    <row r="10269" spans="1:9">
      <c r="A10269" s="1">
        <v>0.91449660851607162</v>
      </c>
      <c r="B10269" s="1"/>
      <c r="C10269">
        <v>3</v>
      </c>
      <c r="D10269" t="s">
        <v>24341</v>
      </c>
      <c r="E10269" t="s">
        <v>33854</v>
      </c>
      <c r="F10269">
        <v>5</v>
      </c>
      <c r="G10269" t="s">
        <v>14</v>
      </c>
      <c r="H10269" t="s">
        <v>24342</v>
      </c>
      <c r="I10269" t="s">
        <v>30540</v>
      </c>
    </row>
    <row r="10270" spans="1:9">
      <c r="A10270" s="1">
        <v>0.74826751613654929</v>
      </c>
      <c r="B10270" s="1"/>
      <c r="C10270">
        <v>1</v>
      </c>
      <c r="D10270" t="s">
        <v>24339</v>
      </c>
      <c r="E10270" t="s">
        <v>33854</v>
      </c>
      <c r="F10270">
        <v>4</v>
      </c>
      <c r="G10270" t="s">
        <v>10</v>
      </c>
      <c r="H10270" t="s">
        <v>24340</v>
      </c>
      <c r="I10270" t="s">
        <v>30540</v>
      </c>
    </row>
    <row r="10271" spans="1:9">
      <c r="A10271" s="1">
        <v>0.73033336076296385</v>
      </c>
      <c r="B10271" s="1"/>
      <c r="C10271">
        <v>16</v>
      </c>
      <c r="D10271" t="s">
        <v>24345</v>
      </c>
      <c r="E10271" t="s">
        <v>33854</v>
      </c>
      <c r="F10271">
        <v>4</v>
      </c>
      <c r="G10271" t="s">
        <v>14</v>
      </c>
      <c r="H10271" t="s">
        <v>24346</v>
      </c>
      <c r="I10271" t="s">
        <v>30540</v>
      </c>
    </row>
    <row r="10272" spans="1:9">
      <c r="A10272" s="1">
        <v>0.82733403103299197</v>
      </c>
      <c r="B10272" s="1"/>
      <c r="C10272">
        <v>12</v>
      </c>
      <c r="D10272" t="s">
        <v>24333</v>
      </c>
      <c r="E10272" t="s">
        <v>33855</v>
      </c>
      <c r="F10272">
        <v>4</v>
      </c>
      <c r="G10272" t="s">
        <v>14</v>
      </c>
      <c r="H10272" t="s">
        <v>24334</v>
      </c>
      <c r="I10272" t="s">
        <v>30540</v>
      </c>
    </row>
    <row r="10273" spans="1:9">
      <c r="A10273" s="1">
        <v>0.6271130672677776</v>
      </c>
      <c r="B10273" s="1"/>
      <c r="C10273">
        <v>14</v>
      </c>
      <c r="D10273" t="s">
        <v>24335</v>
      </c>
      <c r="E10273" t="s">
        <v>33855</v>
      </c>
      <c r="F10273">
        <v>3</v>
      </c>
      <c r="G10273" t="s">
        <v>14</v>
      </c>
      <c r="H10273" t="s">
        <v>24336</v>
      </c>
      <c r="I10273" t="s">
        <v>30540</v>
      </c>
    </row>
    <row r="10274" spans="1:9">
      <c r="A10274" s="1">
        <v>0.79631987025907547</v>
      </c>
      <c r="B10274" s="1"/>
      <c r="C10274">
        <v>19</v>
      </c>
      <c r="D10274" t="s">
        <v>24337</v>
      </c>
      <c r="E10274" t="s">
        <v>33855</v>
      </c>
      <c r="F10274">
        <v>3</v>
      </c>
      <c r="G10274" t="s">
        <v>14</v>
      </c>
      <c r="H10274" t="s">
        <v>24338</v>
      </c>
      <c r="I10274" t="s">
        <v>30540</v>
      </c>
    </row>
    <row r="10275" spans="1:9">
      <c r="A10275" s="1">
        <v>6.1811644889243289E-2</v>
      </c>
      <c r="B10275" s="1"/>
      <c r="C10275">
        <v>9</v>
      </c>
      <c r="D10275" t="s">
        <v>24323</v>
      </c>
      <c r="E10275" t="s">
        <v>33856</v>
      </c>
      <c r="F10275">
        <v>5</v>
      </c>
      <c r="G10275" t="s">
        <v>14</v>
      </c>
      <c r="H10275" t="s">
        <v>24324</v>
      </c>
      <c r="I10275" t="s">
        <v>30540</v>
      </c>
    </row>
    <row r="10276" spans="1:9">
      <c r="A10276" s="1">
        <v>0.2732331432436701</v>
      </c>
      <c r="B10276" s="1"/>
      <c r="C10276">
        <v>13</v>
      </c>
      <c r="D10276" t="s">
        <v>24325</v>
      </c>
      <c r="E10276" t="s">
        <v>33856</v>
      </c>
      <c r="F10276">
        <v>4</v>
      </c>
      <c r="G10276" t="s">
        <v>14</v>
      </c>
      <c r="H10276" t="s">
        <v>24326</v>
      </c>
      <c r="I10276" t="s">
        <v>30540</v>
      </c>
    </row>
    <row r="10277" spans="1:9">
      <c r="A10277" s="1">
        <v>0.43902099168510678</v>
      </c>
      <c r="B10277" s="1"/>
      <c r="C10277">
        <v>18</v>
      </c>
      <c r="D10277" t="s">
        <v>24329</v>
      </c>
      <c r="E10277" t="s">
        <v>33856</v>
      </c>
      <c r="F10277">
        <v>4</v>
      </c>
      <c r="G10277" t="s">
        <v>14</v>
      </c>
      <c r="H10277" t="s">
        <v>24330</v>
      </c>
      <c r="I10277" t="s">
        <v>30540</v>
      </c>
    </row>
    <row r="10278" spans="1:9">
      <c r="A10278" s="1">
        <v>0.84316067541556461</v>
      </c>
      <c r="B10278" s="1"/>
      <c r="C10278">
        <v>19</v>
      </c>
      <c r="D10278" t="s">
        <v>24331</v>
      </c>
      <c r="E10278" t="s">
        <v>33856</v>
      </c>
      <c r="F10278">
        <v>4</v>
      </c>
      <c r="G10278" t="s">
        <v>14</v>
      </c>
      <c r="H10278" t="s">
        <v>24332</v>
      </c>
      <c r="I10278" t="s">
        <v>30540</v>
      </c>
    </row>
    <row r="10279" spans="1:9">
      <c r="A10279" s="1">
        <v>0.35261881993830824</v>
      </c>
      <c r="B10279" s="1"/>
      <c r="C10279">
        <v>5</v>
      </c>
      <c r="D10279" t="s">
        <v>24321</v>
      </c>
      <c r="E10279" t="s">
        <v>33856</v>
      </c>
      <c r="F10279">
        <v>4</v>
      </c>
      <c r="G10279" t="s">
        <v>14</v>
      </c>
      <c r="H10279" t="s">
        <v>24322</v>
      </c>
      <c r="I10279" t="s">
        <v>30540</v>
      </c>
    </row>
    <row r="10280" spans="1:9">
      <c r="A10280" s="1">
        <v>0.36001430592360395</v>
      </c>
      <c r="B10280" s="1"/>
      <c r="C10280">
        <v>14</v>
      </c>
      <c r="D10280" t="s">
        <v>24319</v>
      </c>
      <c r="E10280" t="s">
        <v>33857</v>
      </c>
      <c r="F10280">
        <v>5</v>
      </c>
      <c r="G10280" t="s">
        <v>14</v>
      </c>
      <c r="H10280" t="s">
        <v>24320</v>
      </c>
      <c r="I10280" t="s">
        <v>30540</v>
      </c>
    </row>
    <row r="10281" spans="1:9">
      <c r="A10281" s="1">
        <v>0.94975250668421662</v>
      </c>
      <c r="B10281" s="1"/>
      <c r="C10281">
        <v>13</v>
      </c>
      <c r="D10281" t="s">
        <v>24317</v>
      </c>
      <c r="E10281" t="s">
        <v>33857</v>
      </c>
      <c r="F10281">
        <v>4</v>
      </c>
      <c r="G10281" t="s">
        <v>14</v>
      </c>
      <c r="H10281" t="s">
        <v>24318</v>
      </c>
      <c r="I10281" t="s">
        <v>30540</v>
      </c>
    </row>
    <row r="10282" spans="1:9">
      <c r="A10282" s="1">
        <v>0.57763197463843297</v>
      </c>
      <c r="B10282" s="1"/>
      <c r="C10282">
        <v>12</v>
      </c>
      <c r="D10282" t="s">
        <v>24315</v>
      </c>
      <c r="E10282" t="s">
        <v>33857</v>
      </c>
      <c r="F10282">
        <v>3</v>
      </c>
      <c r="G10282" t="s">
        <v>14</v>
      </c>
      <c r="H10282" t="s">
        <v>24316</v>
      </c>
      <c r="I10282" t="s">
        <v>30540</v>
      </c>
    </row>
    <row r="10283" spans="1:9">
      <c r="A10283" s="1">
        <v>0.42241853744499047</v>
      </c>
      <c r="B10283" s="1"/>
      <c r="C10283">
        <v>13</v>
      </c>
      <c r="D10283" t="s">
        <v>24313</v>
      </c>
      <c r="E10283" t="s">
        <v>33858</v>
      </c>
      <c r="F10283">
        <v>5</v>
      </c>
      <c r="G10283" t="s">
        <v>14</v>
      </c>
      <c r="H10283" t="s">
        <v>24314</v>
      </c>
      <c r="I10283" t="s">
        <v>30540</v>
      </c>
    </row>
    <row r="10284" spans="1:9">
      <c r="A10284" s="1">
        <v>0.59583063755757171</v>
      </c>
      <c r="B10284" s="1"/>
      <c r="C10284">
        <v>5</v>
      </c>
      <c r="D10284" t="s">
        <v>24311</v>
      </c>
      <c r="E10284" t="s">
        <v>33858</v>
      </c>
      <c r="F10284">
        <v>4</v>
      </c>
      <c r="G10284" t="s">
        <v>14</v>
      </c>
      <c r="H10284" t="s">
        <v>24312</v>
      </c>
      <c r="I10284" t="s">
        <v>30540</v>
      </c>
    </row>
    <row r="10285" spans="1:9">
      <c r="A10285" s="1">
        <v>0.53579436380751422</v>
      </c>
      <c r="B10285" s="1"/>
      <c r="C10285">
        <v>20</v>
      </c>
      <c r="D10285" t="s">
        <v>24309</v>
      </c>
      <c r="E10285" t="s">
        <v>33859</v>
      </c>
      <c r="F10285">
        <v>5</v>
      </c>
      <c r="G10285" t="s">
        <v>14</v>
      </c>
      <c r="H10285" t="s">
        <v>24310</v>
      </c>
      <c r="I10285" t="s">
        <v>30540</v>
      </c>
    </row>
    <row r="10286" spans="1:9">
      <c r="A10286" s="1">
        <v>0.61976175410786316</v>
      </c>
      <c r="B10286" s="1"/>
      <c r="C10286">
        <v>1</v>
      </c>
      <c r="D10286" t="s">
        <v>24307</v>
      </c>
      <c r="E10286" t="s">
        <v>33859</v>
      </c>
      <c r="F10286">
        <v>5</v>
      </c>
      <c r="G10286" t="s">
        <v>10</v>
      </c>
      <c r="H10286" t="s">
        <v>24308</v>
      </c>
      <c r="I10286" t="s">
        <v>30540</v>
      </c>
    </row>
    <row r="10287" spans="1:9">
      <c r="A10287" s="1">
        <v>0.56413835868392337</v>
      </c>
      <c r="B10287" s="1"/>
      <c r="C10287">
        <v>4</v>
      </c>
      <c r="D10287" t="s">
        <v>24299</v>
      </c>
      <c r="E10287" t="s">
        <v>33860</v>
      </c>
      <c r="F10287">
        <v>5</v>
      </c>
      <c r="G10287" t="s">
        <v>14</v>
      </c>
      <c r="H10287" t="s">
        <v>24300</v>
      </c>
      <c r="I10287" t="s">
        <v>30540</v>
      </c>
    </row>
    <row r="10288" spans="1:9">
      <c r="A10288" s="1">
        <v>0.61714039121410236</v>
      </c>
      <c r="B10288" s="1"/>
      <c r="C10288">
        <v>6</v>
      </c>
      <c r="D10288" t="s">
        <v>24301</v>
      </c>
      <c r="E10288" t="s">
        <v>33860</v>
      </c>
      <c r="F10288">
        <v>4</v>
      </c>
      <c r="G10288" t="s">
        <v>15</v>
      </c>
      <c r="H10288" t="s">
        <v>24302</v>
      </c>
      <c r="I10288" t="s">
        <v>30540</v>
      </c>
    </row>
    <row r="10289" spans="1:9">
      <c r="A10289" s="1">
        <v>0.6579494173176621</v>
      </c>
      <c r="B10289" s="1"/>
      <c r="C10289">
        <v>12</v>
      </c>
      <c r="D10289" t="s">
        <v>24303</v>
      </c>
      <c r="E10289" t="s">
        <v>33860</v>
      </c>
      <c r="F10289">
        <v>4</v>
      </c>
      <c r="G10289" t="s">
        <v>14</v>
      </c>
      <c r="H10289" t="s">
        <v>24304</v>
      </c>
      <c r="I10289" t="s">
        <v>30540</v>
      </c>
    </row>
    <row r="10290" spans="1:9">
      <c r="A10290" s="1">
        <v>0.43056431441675569</v>
      </c>
      <c r="B10290" s="1"/>
      <c r="C10290">
        <v>1</v>
      </c>
      <c r="D10290" t="s">
        <v>24297</v>
      </c>
      <c r="E10290" t="s">
        <v>33860</v>
      </c>
      <c r="F10290">
        <v>4</v>
      </c>
      <c r="G10290" t="s">
        <v>0</v>
      </c>
      <c r="H10290" t="s">
        <v>24298</v>
      </c>
      <c r="I10290" t="s">
        <v>30540</v>
      </c>
    </row>
    <row r="10291" spans="1:9">
      <c r="A10291" s="1">
        <v>0.88325518669666259</v>
      </c>
      <c r="B10291" s="1"/>
      <c r="C10291">
        <v>15</v>
      </c>
      <c r="D10291" t="s">
        <v>24305</v>
      </c>
      <c r="E10291" t="s">
        <v>33860</v>
      </c>
      <c r="F10291">
        <v>4</v>
      </c>
      <c r="G10291" t="s">
        <v>1</v>
      </c>
      <c r="H10291" t="s">
        <v>24306</v>
      </c>
      <c r="I10291" t="s">
        <v>30540</v>
      </c>
    </row>
    <row r="10292" spans="1:9">
      <c r="A10292" s="1">
        <v>0.70054375082279274</v>
      </c>
      <c r="B10292" s="1"/>
      <c r="C10292">
        <v>12</v>
      </c>
      <c r="D10292" t="s">
        <v>24293</v>
      </c>
      <c r="E10292" t="s">
        <v>33861</v>
      </c>
      <c r="F10292">
        <v>4</v>
      </c>
      <c r="G10292" t="s">
        <v>0</v>
      </c>
      <c r="H10292" t="s">
        <v>24294</v>
      </c>
      <c r="I10292" t="s">
        <v>30540</v>
      </c>
    </row>
    <row r="10293" spans="1:9">
      <c r="A10293" s="1">
        <v>0.27957855507025187</v>
      </c>
      <c r="B10293" s="1"/>
      <c r="C10293">
        <v>16</v>
      </c>
      <c r="D10293" t="s">
        <v>24295</v>
      </c>
      <c r="E10293" t="s">
        <v>33861</v>
      </c>
      <c r="F10293">
        <v>4</v>
      </c>
      <c r="G10293" t="s">
        <v>14</v>
      </c>
      <c r="H10293" t="s">
        <v>24296</v>
      </c>
      <c r="I10293" t="s">
        <v>30540</v>
      </c>
    </row>
    <row r="10294" spans="1:9">
      <c r="A10294" s="1">
        <v>0.14001884925145114</v>
      </c>
      <c r="B10294" s="1"/>
      <c r="C10294">
        <v>9</v>
      </c>
      <c r="D10294" t="s">
        <v>24291</v>
      </c>
      <c r="E10294" t="s">
        <v>33861</v>
      </c>
      <c r="F10294">
        <v>4</v>
      </c>
      <c r="G10294" t="s">
        <v>14</v>
      </c>
      <c r="H10294" t="s">
        <v>24292</v>
      </c>
      <c r="I10294" t="s">
        <v>30540</v>
      </c>
    </row>
    <row r="10295" spans="1:9">
      <c r="A10295" s="1">
        <v>0.49351221489578345</v>
      </c>
      <c r="B10295" s="1"/>
      <c r="C10295">
        <v>6</v>
      </c>
      <c r="D10295" t="s">
        <v>24289</v>
      </c>
      <c r="E10295" t="s">
        <v>33861</v>
      </c>
      <c r="F10295">
        <v>3</v>
      </c>
      <c r="G10295" t="s">
        <v>10</v>
      </c>
      <c r="H10295" t="s">
        <v>24290</v>
      </c>
      <c r="I10295" t="s">
        <v>30540</v>
      </c>
    </row>
    <row r="10296" spans="1:9">
      <c r="A10296" s="1">
        <v>0.45410952139427663</v>
      </c>
      <c r="B10296" s="1"/>
      <c r="C10296">
        <v>5</v>
      </c>
      <c r="D10296" t="s">
        <v>24287</v>
      </c>
      <c r="E10296" t="s">
        <v>33861</v>
      </c>
      <c r="F10296">
        <v>3</v>
      </c>
      <c r="G10296" t="s">
        <v>14</v>
      </c>
      <c r="H10296" t="s">
        <v>24288</v>
      </c>
      <c r="I10296" t="s">
        <v>30540</v>
      </c>
    </row>
    <row r="10297" spans="1:9">
      <c r="A10297" s="1">
        <v>0.76127640592167145</v>
      </c>
      <c r="B10297" s="1"/>
      <c r="C10297">
        <v>10</v>
      </c>
      <c r="D10297" t="s">
        <v>24283</v>
      </c>
      <c r="E10297" t="s">
        <v>33862</v>
      </c>
      <c r="F10297">
        <v>5</v>
      </c>
      <c r="G10297" t="s">
        <v>14</v>
      </c>
      <c r="H10297" t="s">
        <v>24284</v>
      </c>
      <c r="I10297" t="s">
        <v>30540</v>
      </c>
    </row>
    <row r="10298" spans="1:9">
      <c r="A10298" s="1">
        <v>0.19255872549715447</v>
      </c>
      <c r="B10298" s="1"/>
      <c r="C10298">
        <v>17</v>
      </c>
      <c r="D10298" t="s">
        <v>24279</v>
      </c>
      <c r="E10298" t="s">
        <v>33863</v>
      </c>
      <c r="F10298">
        <v>4</v>
      </c>
      <c r="G10298" t="s">
        <v>14</v>
      </c>
      <c r="H10298" t="s">
        <v>24280</v>
      </c>
      <c r="I10298" t="s">
        <v>30540</v>
      </c>
    </row>
    <row r="10299" spans="1:9">
      <c r="A10299" s="1">
        <v>0.8036824847548667</v>
      </c>
      <c r="B10299" s="1"/>
      <c r="C10299">
        <v>9</v>
      </c>
      <c r="D10299" t="s">
        <v>24275</v>
      </c>
      <c r="E10299" t="s">
        <v>33863</v>
      </c>
      <c r="F10299">
        <v>4</v>
      </c>
      <c r="G10299" t="s">
        <v>0</v>
      </c>
      <c r="H10299" t="s">
        <v>24276</v>
      </c>
      <c r="I10299" t="s">
        <v>30540</v>
      </c>
    </row>
    <row r="10300" spans="1:9">
      <c r="A10300" s="1">
        <v>0.4063529074444463</v>
      </c>
      <c r="B10300" s="1"/>
      <c r="C10300">
        <v>4</v>
      </c>
      <c r="D10300" t="s">
        <v>24273</v>
      </c>
      <c r="E10300" t="s">
        <v>33863</v>
      </c>
      <c r="F10300">
        <v>3</v>
      </c>
      <c r="G10300" t="s">
        <v>14</v>
      </c>
      <c r="H10300" t="s">
        <v>24274</v>
      </c>
      <c r="I10300" t="s">
        <v>30540</v>
      </c>
    </row>
    <row r="10301" spans="1:9">
      <c r="A10301" s="1">
        <v>0.65384254004234243</v>
      </c>
      <c r="B10301" s="1"/>
      <c r="C10301">
        <v>10</v>
      </c>
      <c r="D10301" t="s">
        <v>24269</v>
      </c>
      <c r="E10301" t="s">
        <v>33864</v>
      </c>
      <c r="F10301">
        <v>5</v>
      </c>
      <c r="G10301" t="s">
        <v>14</v>
      </c>
      <c r="H10301" t="s">
        <v>24270</v>
      </c>
      <c r="I10301" t="s">
        <v>30540</v>
      </c>
    </row>
    <row r="10302" spans="1:9">
      <c r="A10302" s="1">
        <v>0.8647472522076044</v>
      </c>
      <c r="B10302" s="1"/>
      <c r="C10302">
        <v>11</v>
      </c>
      <c r="D10302" t="s">
        <v>24271</v>
      </c>
      <c r="E10302" t="s">
        <v>33864</v>
      </c>
      <c r="F10302">
        <v>4</v>
      </c>
      <c r="G10302" t="s">
        <v>14</v>
      </c>
      <c r="H10302" t="s">
        <v>24272</v>
      </c>
      <c r="I10302" t="s">
        <v>30540</v>
      </c>
    </row>
    <row r="10303" spans="1:9">
      <c r="A10303" s="1">
        <v>0.97512469839025451</v>
      </c>
      <c r="B10303" s="1"/>
      <c r="C10303">
        <v>10</v>
      </c>
      <c r="D10303" t="s">
        <v>24257</v>
      </c>
      <c r="E10303" t="s">
        <v>33865</v>
      </c>
      <c r="F10303">
        <v>5</v>
      </c>
      <c r="G10303" t="s">
        <v>14</v>
      </c>
      <c r="H10303" t="s">
        <v>24258</v>
      </c>
      <c r="I10303" t="s">
        <v>30540</v>
      </c>
    </row>
    <row r="10304" spans="1:9">
      <c r="A10304" s="1">
        <v>0.78361965988512572</v>
      </c>
      <c r="B10304" s="1"/>
      <c r="C10304">
        <v>16</v>
      </c>
      <c r="D10304" t="s">
        <v>24261</v>
      </c>
      <c r="E10304" t="s">
        <v>33865</v>
      </c>
      <c r="F10304">
        <v>4</v>
      </c>
      <c r="G10304" t="s">
        <v>14</v>
      </c>
      <c r="H10304" t="s">
        <v>24262</v>
      </c>
      <c r="I10304" t="s">
        <v>30540</v>
      </c>
    </row>
    <row r="10305" spans="1:9">
      <c r="A10305" s="1">
        <v>0.27283381664249462</v>
      </c>
      <c r="B10305" s="1"/>
      <c r="C10305">
        <v>13</v>
      </c>
      <c r="D10305" t="s">
        <v>24259</v>
      </c>
      <c r="E10305" t="s">
        <v>33865</v>
      </c>
      <c r="F10305">
        <v>4</v>
      </c>
      <c r="G10305" t="s">
        <v>14</v>
      </c>
      <c r="H10305" t="s">
        <v>24260</v>
      </c>
      <c r="I10305" t="s">
        <v>30540</v>
      </c>
    </row>
    <row r="10306" spans="1:9">
      <c r="A10306" s="1">
        <v>0.39812474182080237</v>
      </c>
      <c r="B10306" s="1"/>
      <c r="C10306">
        <v>19</v>
      </c>
      <c r="D10306" t="s">
        <v>24263</v>
      </c>
      <c r="E10306" t="s">
        <v>33865</v>
      </c>
      <c r="F10306">
        <v>4</v>
      </c>
      <c r="G10306" t="s">
        <v>14</v>
      </c>
      <c r="H10306" t="s">
        <v>24264</v>
      </c>
      <c r="I10306" t="s">
        <v>30540</v>
      </c>
    </row>
    <row r="10307" spans="1:9">
      <c r="A10307" s="1">
        <v>0.94530134332742499</v>
      </c>
      <c r="B10307" s="1"/>
      <c r="C10307">
        <v>1</v>
      </c>
      <c r="D10307" t="s">
        <v>24255</v>
      </c>
      <c r="E10307" t="s">
        <v>33865</v>
      </c>
      <c r="F10307">
        <v>3</v>
      </c>
      <c r="G10307" t="s">
        <v>2</v>
      </c>
      <c r="H10307" t="s">
        <v>24256</v>
      </c>
      <c r="I10307" t="s">
        <v>30540</v>
      </c>
    </row>
    <row r="10308" spans="1:9">
      <c r="A10308" s="1">
        <v>0.50331440069821753</v>
      </c>
      <c r="B10308" s="1"/>
      <c r="C10308">
        <v>17</v>
      </c>
      <c r="D10308" t="s">
        <v>24251</v>
      </c>
      <c r="E10308" t="s">
        <v>33866</v>
      </c>
      <c r="F10308">
        <v>4</v>
      </c>
      <c r="G10308" t="s">
        <v>14</v>
      </c>
      <c r="H10308" t="s">
        <v>24252</v>
      </c>
      <c r="I10308" t="s">
        <v>30540</v>
      </c>
    </row>
    <row r="10309" spans="1:9">
      <c r="A10309" s="1">
        <v>0.52708465007271543</v>
      </c>
      <c r="B10309" s="1"/>
      <c r="C10309">
        <v>7</v>
      </c>
      <c r="D10309" t="s">
        <v>24249</v>
      </c>
      <c r="E10309" t="s">
        <v>33866</v>
      </c>
      <c r="F10309">
        <v>4</v>
      </c>
      <c r="G10309" t="s">
        <v>14</v>
      </c>
      <c r="H10309" t="s">
        <v>24250</v>
      </c>
      <c r="I10309" t="s">
        <v>30540</v>
      </c>
    </row>
    <row r="10310" spans="1:9">
      <c r="A10310" s="1">
        <v>0.2410699045103154</v>
      </c>
      <c r="B10310" s="1"/>
      <c r="C10310">
        <v>18</v>
      </c>
      <c r="D10310" t="s">
        <v>24253</v>
      </c>
      <c r="E10310" t="s">
        <v>33866</v>
      </c>
      <c r="F10310">
        <v>4</v>
      </c>
      <c r="G10310" t="s">
        <v>14</v>
      </c>
      <c r="H10310" t="s">
        <v>24254</v>
      </c>
      <c r="I10310" t="s">
        <v>30540</v>
      </c>
    </row>
    <row r="10311" spans="1:9">
      <c r="A10311" s="1">
        <v>6.2152850918095748E-4</v>
      </c>
      <c r="B10311" s="1"/>
      <c r="C10311">
        <v>2</v>
      </c>
      <c r="D10311" t="s">
        <v>24247</v>
      </c>
      <c r="E10311" t="s">
        <v>33866</v>
      </c>
      <c r="F10311">
        <v>4</v>
      </c>
      <c r="G10311" t="s">
        <v>9</v>
      </c>
      <c r="H10311" t="s">
        <v>24248</v>
      </c>
      <c r="I10311" t="s">
        <v>30540</v>
      </c>
    </row>
    <row r="10312" spans="1:9">
      <c r="A10312" s="1">
        <v>4.7351536187047016E-2</v>
      </c>
      <c r="B10312" s="1"/>
      <c r="C10312">
        <v>14</v>
      </c>
      <c r="D10312" t="s">
        <v>24245</v>
      </c>
      <c r="E10312" t="s">
        <v>33867</v>
      </c>
      <c r="F10312">
        <v>4</v>
      </c>
      <c r="G10312" t="s">
        <v>14</v>
      </c>
      <c r="H10312" t="s">
        <v>24246</v>
      </c>
      <c r="I10312" t="s">
        <v>30540</v>
      </c>
    </row>
    <row r="10313" spans="1:9">
      <c r="A10313" s="1">
        <v>0.22831820190599095</v>
      </c>
      <c r="B10313" s="1"/>
      <c r="C10313">
        <v>6</v>
      </c>
      <c r="D10313" t="s">
        <v>24235</v>
      </c>
      <c r="E10313" t="s">
        <v>33867</v>
      </c>
      <c r="F10313">
        <v>4</v>
      </c>
      <c r="G10313" t="s">
        <v>14</v>
      </c>
      <c r="H10313" t="s">
        <v>24236</v>
      </c>
      <c r="I10313" t="s">
        <v>30540</v>
      </c>
    </row>
    <row r="10314" spans="1:9">
      <c r="A10314" s="1">
        <v>0.97368742236253714</v>
      </c>
      <c r="B10314" s="1"/>
      <c r="C10314">
        <v>10</v>
      </c>
      <c r="D10314" t="s">
        <v>24239</v>
      </c>
      <c r="E10314" t="s">
        <v>33867</v>
      </c>
      <c r="F10314">
        <v>4</v>
      </c>
      <c r="G10314" t="s">
        <v>1</v>
      </c>
      <c r="H10314" t="s">
        <v>24240</v>
      </c>
      <c r="I10314" t="s">
        <v>30540</v>
      </c>
    </row>
    <row r="10315" spans="1:9">
      <c r="A10315" s="1">
        <v>0.78343481616633259</v>
      </c>
      <c r="B10315" s="1"/>
      <c r="C10315">
        <v>11</v>
      </c>
      <c r="D10315" t="s">
        <v>24241</v>
      </c>
      <c r="E10315" t="s">
        <v>33867</v>
      </c>
      <c r="F10315">
        <v>4</v>
      </c>
      <c r="G10315" t="s">
        <v>0</v>
      </c>
      <c r="H10315" t="s">
        <v>24242</v>
      </c>
      <c r="I10315" t="s">
        <v>30540</v>
      </c>
    </row>
    <row r="10316" spans="1:9">
      <c r="A10316" s="1">
        <v>0.21265191558225671</v>
      </c>
      <c r="B10316" s="1"/>
      <c r="C10316">
        <v>13</v>
      </c>
      <c r="D10316" t="s">
        <v>24243</v>
      </c>
      <c r="E10316" t="s">
        <v>33867</v>
      </c>
      <c r="F10316">
        <v>3</v>
      </c>
      <c r="G10316" t="s">
        <v>14</v>
      </c>
      <c r="H10316" t="s">
        <v>24244</v>
      </c>
      <c r="I10316" t="s">
        <v>30540</v>
      </c>
    </row>
    <row r="10317" spans="1:9">
      <c r="A10317" s="1">
        <v>0.5392319206655205</v>
      </c>
      <c r="B10317" s="1"/>
      <c r="C10317">
        <v>7</v>
      </c>
      <c r="D10317" t="s">
        <v>24237</v>
      </c>
      <c r="E10317" t="s">
        <v>33867</v>
      </c>
      <c r="F10317">
        <v>3</v>
      </c>
      <c r="G10317" t="s">
        <v>14</v>
      </c>
      <c r="H10317" t="s">
        <v>24238</v>
      </c>
      <c r="I10317" t="s">
        <v>30540</v>
      </c>
    </row>
    <row r="10318" spans="1:9">
      <c r="A10318" s="1">
        <v>0.88320774990806228</v>
      </c>
      <c r="B10318" s="1"/>
      <c r="C10318">
        <v>9</v>
      </c>
      <c r="D10318" t="s">
        <v>24229</v>
      </c>
      <c r="E10318" t="s">
        <v>33868</v>
      </c>
      <c r="F10318">
        <v>4</v>
      </c>
      <c r="G10318" t="s">
        <v>14</v>
      </c>
      <c r="H10318" t="s">
        <v>24230</v>
      </c>
      <c r="I10318" t="s">
        <v>30540</v>
      </c>
    </row>
    <row r="10319" spans="1:9">
      <c r="A10319" s="1">
        <v>0.55450119039142809</v>
      </c>
      <c r="B10319" s="1"/>
      <c r="C10319">
        <v>11</v>
      </c>
      <c r="D10319" t="s">
        <v>24231</v>
      </c>
      <c r="E10319" t="s">
        <v>33868</v>
      </c>
      <c r="F10319">
        <v>4</v>
      </c>
      <c r="G10319" t="s">
        <v>10</v>
      </c>
      <c r="H10319" t="s">
        <v>24232</v>
      </c>
      <c r="I10319" t="s">
        <v>30540</v>
      </c>
    </row>
    <row r="10320" spans="1:9">
      <c r="A10320" s="1">
        <v>0.15066749357674081</v>
      </c>
      <c r="B10320" s="1"/>
      <c r="C10320">
        <v>1</v>
      </c>
      <c r="D10320" t="s">
        <v>24227</v>
      </c>
      <c r="E10320" t="s">
        <v>33868</v>
      </c>
      <c r="F10320">
        <v>4</v>
      </c>
      <c r="G10320" t="s">
        <v>10</v>
      </c>
      <c r="H10320" t="s">
        <v>24228</v>
      </c>
      <c r="I10320" t="s">
        <v>30540</v>
      </c>
    </row>
    <row r="10321" spans="1:9">
      <c r="A10321" s="1">
        <v>0.65023399535005799</v>
      </c>
      <c r="B10321" s="1"/>
      <c r="C10321">
        <v>7</v>
      </c>
      <c r="D10321" t="s">
        <v>24223</v>
      </c>
      <c r="E10321" t="s">
        <v>33869</v>
      </c>
      <c r="F10321">
        <v>5</v>
      </c>
      <c r="G10321" t="s">
        <v>14</v>
      </c>
      <c r="H10321" t="s">
        <v>24224</v>
      </c>
      <c r="I10321" t="s">
        <v>30540</v>
      </c>
    </row>
    <row r="10322" spans="1:9">
      <c r="A10322" s="1">
        <v>0.85860234734338736</v>
      </c>
      <c r="B10322" s="1"/>
      <c r="C10322">
        <v>13</v>
      </c>
      <c r="D10322" t="s">
        <v>24225</v>
      </c>
      <c r="E10322" t="s">
        <v>33869</v>
      </c>
      <c r="F10322">
        <v>5</v>
      </c>
      <c r="G10322" t="s">
        <v>9</v>
      </c>
      <c r="H10322" t="s">
        <v>24226</v>
      </c>
      <c r="I10322" t="s">
        <v>30540</v>
      </c>
    </row>
    <row r="10323" spans="1:9">
      <c r="A10323" s="1">
        <v>0.71453853223042596</v>
      </c>
      <c r="B10323" s="1"/>
      <c r="C10323">
        <v>4</v>
      </c>
      <c r="D10323" t="s">
        <v>24221</v>
      </c>
      <c r="E10323" t="s">
        <v>33869</v>
      </c>
      <c r="F10323">
        <v>4</v>
      </c>
      <c r="G10323" t="s">
        <v>14</v>
      </c>
      <c r="H10323" t="s">
        <v>24222</v>
      </c>
      <c r="I10323" t="s">
        <v>30540</v>
      </c>
    </row>
    <row r="10324" spans="1:9">
      <c r="A10324" s="1">
        <v>0.1774805490433381</v>
      </c>
      <c r="B10324" s="1"/>
      <c r="C10324">
        <v>1</v>
      </c>
      <c r="D10324" t="s">
        <v>24219</v>
      </c>
      <c r="E10324" t="s">
        <v>33869</v>
      </c>
      <c r="F10324">
        <v>4</v>
      </c>
      <c r="G10324" t="s">
        <v>2</v>
      </c>
      <c r="H10324" t="s">
        <v>24220</v>
      </c>
      <c r="I10324" t="s">
        <v>30540</v>
      </c>
    </row>
    <row r="10325" spans="1:9">
      <c r="A10325" s="1">
        <v>0.61591142925480447</v>
      </c>
      <c r="B10325" s="1"/>
      <c r="C10325">
        <v>7</v>
      </c>
      <c r="D10325" t="s">
        <v>24215</v>
      </c>
      <c r="E10325" t="s">
        <v>33870</v>
      </c>
      <c r="F10325">
        <v>4</v>
      </c>
      <c r="G10325" t="s">
        <v>14</v>
      </c>
      <c r="H10325" t="s">
        <v>24216</v>
      </c>
      <c r="I10325" t="s">
        <v>30540</v>
      </c>
    </row>
    <row r="10326" spans="1:9">
      <c r="A10326" s="1">
        <v>0.86142605060245403</v>
      </c>
      <c r="B10326" s="1"/>
      <c r="C10326">
        <v>6</v>
      </c>
      <c r="D10326" t="s">
        <v>24209</v>
      </c>
      <c r="E10326" t="s">
        <v>33872</v>
      </c>
      <c r="F10326">
        <v>4</v>
      </c>
      <c r="G10326" t="s">
        <v>14</v>
      </c>
      <c r="H10326" t="s">
        <v>24210</v>
      </c>
      <c r="I10326" t="s">
        <v>30540</v>
      </c>
    </row>
    <row r="10327" spans="1:9">
      <c r="A10327" s="1">
        <v>0.92637252234862677</v>
      </c>
      <c r="B10327" s="1"/>
      <c r="C10327">
        <v>20</v>
      </c>
      <c r="D10327" t="s">
        <v>24207</v>
      </c>
      <c r="E10327" t="s">
        <v>33873</v>
      </c>
      <c r="F10327">
        <v>5</v>
      </c>
      <c r="G10327" t="s">
        <v>14</v>
      </c>
      <c r="H10327" t="s">
        <v>24208</v>
      </c>
      <c r="I10327" t="s">
        <v>30540</v>
      </c>
    </row>
    <row r="10328" spans="1:9">
      <c r="A10328" s="1">
        <v>1.1399960799408637E-2</v>
      </c>
      <c r="B10328" s="1"/>
      <c r="C10328">
        <v>1</v>
      </c>
      <c r="D10328" t="s">
        <v>24199</v>
      </c>
      <c r="E10328" t="s">
        <v>33873</v>
      </c>
      <c r="F10328">
        <v>5</v>
      </c>
      <c r="G10328" t="s">
        <v>1431</v>
      </c>
      <c r="H10328" t="s">
        <v>24200</v>
      </c>
      <c r="I10328" t="s">
        <v>30540</v>
      </c>
    </row>
    <row r="10329" spans="1:9">
      <c r="A10329" s="1">
        <v>0.95740352225556757</v>
      </c>
      <c r="B10329" s="1"/>
      <c r="C10329">
        <v>12</v>
      </c>
      <c r="D10329" t="s">
        <v>24201</v>
      </c>
      <c r="E10329" t="s">
        <v>33873</v>
      </c>
      <c r="F10329">
        <v>5</v>
      </c>
      <c r="G10329" t="s">
        <v>14</v>
      </c>
      <c r="H10329" t="s">
        <v>24202</v>
      </c>
      <c r="I10329" t="s">
        <v>30540</v>
      </c>
    </row>
    <row r="10330" spans="1:9">
      <c r="A10330" s="1">
        <v>0.99794960453584292</v>
      </c>
      <c r="B10330" s="1"/>
      <c r="C10330">
        <v>14</v>
      </c>
      <c r="D10330" t="s">
        <v>24203</v>
      </c>
      <c r="E10330" t="s">
        <v>33873</v>
      </c>
      <c r="F10330">
        <v>4</v>
      </c>
      <c r="G10330" t="s">
        <v>762</v>
      </c>
      <c r="H10330" t="s">
        <v>24204</v>
      </c>
      <c r="I10330" t="s">
        <v>30540</v>
      </c>
    </row>
    <row r="10331" spans="1:9">
      <c r="A10331" s="1">
        <v>0.99436709519581834</v>
      </c>
      <c r="B10331" s="1"/>
      <c r="C10331">
        <v>18</v>
      </c>
      <c r="D10331" t="s">
        <v>24205</v>
      </c>
      <c r="E10331" t="s">
        <v>33873</v>
      </c>
      <c r="F10331">
        <v>4</v>
      </c>
      <c r="G10331" t="s">
        <v>771</v>
      </c>
      <c r="H10331" t="s">
        <v>24206</v>
      </c>
      <c r="I10331" t="s">
        <v>30540</v>
      </c>
    </row>
    <row r="10332" spans="1:9">
      <c r="A10332" s="1">
        <v>0.60789193618642257</v>
      </c>
      <c r="B10332" s="1"/>
      <c r="C10332">
        <v>13</v>
      </c>
      <c r="D10332" t="s">
        <v>24193</v>
      </c>
      <c r="E10332" t="s">
        <v>33874</v>
      </c>
      <c r="F10332">
        <v>5</v>
      </c>
      <c r="G10332" t="s">
        <v>14</v>
      </c>
      <c r="H10332" t="s">
        <v>24194</v>
      </c>
      <c r="I10332" t="s">
        <v>30540</v>
      </c>
    </row>
    <row r="10333" spans="1:9">
      <c r="A10333" s="1">
        <v>0.53836274790017824</v>
      </c>
      <c r="B10333" s="1"/>
      <c r="C10333">
        <v>17</v>
      </c>
      <c r="D10333" t="s">
        <v>24197</v>
      </c>
      <c r="E10333" t="s">
        <v>33874</v>
      </c>
      <c r="F10333">
        <v>4</v>
      </c>
      <c r="G10333" t="s">
        <v>14</v>
      </c>
      <c r="H10333" t="s">
        <v>24198</v>
      </c>
      <c r="I10333" t="s">
        <v>30540</v>
      </c>
    </row>
    <row r="10334" spans="1:9">
      <c r="A10334" s="1">
        <v>0.83764429871423696</v>
      </c>
      <c r="B10334" s="1"/>
      <c r="C10334">
        <v>8</v>
      </c>
      <c r="D10334" t="s">
        <v>24191</v>
      </c>
      <c r="E10334" t="s">
        <v>33874</v>
      </c>
      <c r="F10334">
        <v>4</v>
      </c>
      <c r="G10334" t="s">
        <v>14</v>
      </c>
      <c r="H10334" t="s">
        <v>24192</v>
      </c>
      <c r="I10334" t="s">
        <v>30540</v>
      </c>
    </row>
    <row r="10335" spans="1:9">
      <c r="A10335" s="1">
        <v>0.37634210331255569</v>
      </c>
      <c r="B10335" s="1"/>
      <c r="C10335">
        <v>7</v>
      </c>
      <c r="D10335" t="s">
        <v>24189</v>
      </c>
      <c r="E10335" t="s">
        <v>33874</v>
      </c>
      <c r="F10335">
        <v>4</v>
      </c>
      <c r="G10335" t="s">
        <v>14</v>
      </c>
      <c r="H10335" t="s">
        <v>24190</v>
      </c>
      <c r="I10335" t="s">
        <v>30540</v>
      </c>
    </row>
    <row r="10336" spans="1:9">
      <c r="A10336" s="1">
        <v>0.55255400095289919</v>
      </c>
      <c r="B10336" s="1"/>
      <c r="C10336">
        <v>3</v>
      </c>
      <c r="D10336" t="s">
        <v>24187</v>
      </c>
      <c r="E10336" t="s">
        <v>33874</v>
      </c>
      <c r="F10336">
        <v>4</v>
      </c>
      <c r="G10336" t="s">
        <v>14</v>
      </c>
      <c r="H10336" t="s">
        <v>24188</v>
      </c>
      <c r="I10336" t="s">
        <v>30540</v>
      </c>
    </row>
    <row r="10337" spans="1:9">
      <c r="A10337" s="1">
        <v>0.56721759758431556</v>
      </c>
      <c r="B10337" s="1"/>
      <c r="C10337">
        <v>16</v>
      </c>
      <c r="D10337" t="s">
        <v>24195</v>
      </c>
      <c r="E10337" t="s">
        <v>33874</v>
      </c>
      <c r="F10337">
        <v>3</v>
      </c>
      <c r="G10337" t="s">
        <v>0</v>
      </c>
      <c r="H10337" t="s">
        <v>24196</v>
      </c>
      <c r="I10337" t="s">
        <v>30540</v>
      </c>
    </row>
    <row r="10338" spans="1:9">
      <c r="A10338" s="1">
        <v>1.8280402565991838E-2</v>
      </c>
      <c r="B10338" s="1"/>
      <c r="C10338">
        <v>17</v>
      </c>
      <c r="D10338" t="s">
        <v>24183</v>
      </c>
      <c r="E10338" t="s">
        <v>33875</v>
      </c>
      <c r="F10338">
        <v>5</v>
      </c>
      <c r="G10338" t="s">
        <v>14</v>
      </c>
      <c r="H10338" t="s">
        <v>24184</v>
      </c>
      <c r="I10338" t="s">
        <v>30540</v>
      </c>
    </row>
    <row r="10339" spans="1:9">
      <c r="A10339" s="1">
        <v>0.40214645143397321</v>
      </c>
      <c r="B10339" s="1"/>
      <c r="C10339">
        <v>3</v>
      </c>
      <c r="D10339" t="s">
        <v>24179</v>
      </c>
      <c r="E10339" t="s">
        <v>33875</v>
      </c>
      <c r="F10339">
        <v>4</v>
      </c>
      <c r="G10339" t="s">
        <v>14</v>
      </c>
      <c r="H10339" t="s">
        <v>24180</v>
      </c>
      <c r="I10339" t="s">
        <v>30540</v>
      </c>
    </row>
    <row r="10340" spans="1:9">
      <c r="A10340" s="1">
        <v>0.20670931766170575</v>
      </c>
      <c r="B10340" s="1"/>
      <c r="C10340">
        <v>16</v>
      </c>
      <c r="D10340" t="s">
        <v>24181</v>
      </c>
      <c r="E10340" t="s">
        <v>33875</v>
      </c>
      <c r="F10340">
        <v>3</v>
      </c>
      <c r="G10340" t="s">
        <v>14</v>
      </c>
      <c r="H10340" t="s">
        <v>24182</v>
      </c>
      <c r="I10340" t="s">
        <v>30540</v>
      </c>
    </row>
    <row r="10341" spans="1:9">
      <c r="A10341" s="1">
        <v>0.17558834326493356</v>
      </c>
      <c r="B10341" s="1"/>
      <c r="C10341">
        <v>2</v>
      </c>
      <c r="D10341" t="s">
        <v>24171</v>
      </c>
      <c r="E10341" t="s">
        <v>33876</v>
      </c>
      <c r="F10341">
        <v>5</v>
      </c>
      <c r="G10341" t="s">
        <v>14</v>
      </c>
      <c r="H10341" t="s">
        <v>24172</v>
      </c>
      <c r="I10341" t="s">
        <v>30540</v>
      </c>
    </row>
    <row r="10342" spans="1:9">
      <c r="A10342" s="1">
        <v>7.9784459338322788E-2</v>
      </c>
      <c r="B10342" s="1"/>
      <c r="C10342">
        <v>6</v>
      </c>
      <c r="D10342" t="s">
        <v>24173</v>
      </c>
      <c r="E10342" t="s">
        <v>33876</v>
      </c>
      <c r="F10342">
        <v>4</v>
      </c>
      <c r="G10342" t="s">
        <v>14</v>
      </c>
      <c r="H10342" t="s">
        <v>24174</v>
      </c>
      <c r="I10342" t="s">
        <v>30540</v>
      </c>
    </row>
    <row r="10343" spans="1:9">
      <c r="A10343" s="1">
        <v>0.41512382370354173</v>
      </c>
      <c r="B10343" s="1"/>
      <c r="C10343">
        <v>14</v>
      </c>
      <c r="D10343" t="s">
        <v>24177</v>
      </c>
      <c r="E10343" t="s">
        <v>33876</v>
      </c>
      <c r="F10343">
        <v>4</v>
      </c>
      <c r="G10343" t="s">
        <v>14</v>
      </c>
      <c r="H10343" t="s">
        <v>24178</v>
      </c>
      <c r="I10343" t="s">
        <v>30540</v>
      </c>
    </row>
    <row r="10344" spans="1:9">
      <c r="A10344" s="1">
        <v>0.728437670095053</v>
      </c>
      <c r="B10344" s="1"/>
      <c r="C10344">
        <v>13</v>
      </c>
      <c r="D10344" t="s">
        <v>24175</v>
      </c>
      <c r="E10344" t="s">
        <v>33876</v>
      </c>
      <c r="F10344">
        <v>4</v>
      </c>
      <c r="G10344" t="s">
        <v>14</v>
      </c>
      <c r="H10344" t="s">
        <v>24176</v>
      </c>
      <c r="I10344" t="s">
        <v>30540</v>
      </c>
    </row>
    <row r="10345" spans="1:9">
      <c r="A10345" s="1">
        <v>0.83210925637951239</v>
      </c>
      <c r="B10345" s="1"/>
      <c r="C10345">
        <v>4</v>
      </c>
      <c r="D10345" t="s">
        <v>24165</v>
      </c>
      <c r="E10345" t="s">
        <v>33877</v>
      </c>
      <c r="F10345">
        <v>5</v>
      </c>
      <c r="G10345" t="s">
        <v>14</v>
      </c>
      <c r="H10345" t="s">
        <v>24166</v>
      </c>
      <c r="I10345" t="s">
        <v>30540</v>
      </c>
    </row>
    <row r="10346" spans="1:9">
      <c r="A10346" s="1">
        <v>0.74851907770640513</v>
      </c>
      <c r="B10346" s="1"/>
      <c r="C10346">
        <v>16</v>
      </c>
      <c r="D10346" t="s">
        <v>24169</v>
      </c>
      <c r="E10346" t="s">
        <v>33877</v>
      </c>
      <c r="F10346">
        <v>4</v>
      </c>
      <c r="G10346" t="s">
        <v>14</v>
      </c>
      <c r="H10346" t="s">
        <v>24170</v>
      </c>
      <c r="I10346" t="s">
        <v>30540</v>
      </c>
    </row>
    <row r="10347" spans="1:9">
      <c r="A10347" s="1">
        <v>0.72366628627745777</v>
      </c>
      <c r="B10347" s="1"/>
      <c r="C10347">
        <v>9</v>
      </c>
      <c r="D10347" t="s">
        <v>24167</v>
      </c>
      <c r="E10347" t="s">
        <v>33877</v>
      </c>
      <c r="F10347">
        <v>3</v>
      </c>
      <c r="G10347" t="s">
        <v>14</v>
      </c>
      <c r="H10347" t="s">
        <v>24168</v>
      </c>
      <c r="I10347" t="s">
        <v>30540</v>
      </c>
    </row>
    <row r="10348" spans="1:9">
      <c r="A10348" s="1">
        <v>0.97970744863511228</v>
      </c>
      <c r="B10348" s="1"/>
      <c r="C10348">
        <v>17</v>
      </c>
      <c r="D10348" t="s">
        <v>24163</v>
      </c>
      <c r="E10348" t="s">
        <v>33878</v>
      </c>
      <c r="F10348">
        <v>4</v>
      </c>
      <c r="G10348" t="s">
        <v>14</v>
      </c>
      <c r="H10348" t="s">
        <v>24164</v>
      </c>
      <c r="I10348" t="s">
        <v>30540</v>
      </c>
    </row>
    <row r="10349" spans="1:9">
      <c r="A10349" s="1">
        <v>0.28812074813231814</v>
      </c>
      <c r="B10349" s="1"/>
      <c r="C10349">
        <v>13</v>
      </c>
      <c r="D10349" t="s">
        <v>24161</v>
      </c>
      <c r="E10349" t="s">
        <v>33878</v>
      </c>
      <c r="F10349">
        <v>4</v>
      </c>
      <c r="G10349" t="s">
        <v>2738</v>
      </c>
      <c r="H10349" t="s">
        <v>24162</v>
      </c>
      <c r="I10349" t="s">
        <v>30540</v>
      </c>
    </row>
    <row r="10350" spans="1:9">
      <c r="A10350" s="1">
        <v>0.67658697209735885</v>
      </c>
      <c r="B10350" s="1"/>
      <c r="C10350">
        <v>6</v>
      </c>
      <c r="D10350" t="s">
        <v>24153</v>
      </c>
      <c r="E10350" t="s">
        <v>33879</v>
      </c>
      <c r="F10350">
        <v>4</v>
      </c>
      <c r="G10350" t="s">
        <v>9</v>
      </c>
      <c r="H10350" t="s">
        <v>24154</v>
      </c>
      <c r="I10350" t="s">
        <v>30540</v>
      </c>
    </row>
    <row r="10351" spans="1:9">
      <c r="A10351" s="1">
        <v>0.74563607195653758</v>
      </c>
      <c r="B10351" s="1"/>
      <c r="C10351">
        <v>8</v>
      </c>
      <c r="D10351" t="s">
        <v>24155</v>
      </c>
      <c r="E10351" t="s">
        <v>33879</v>
      </c>
      <c r="F10351">
        <v>3</v>
      </c>
      <c r="G10351" t="s">
        <v>10</v>
      </c>
      <c r="H10351" t="s">
        <v>24156</v>
      </c>
      <c r="I10351" t="s">
        <v>30540</v>
      </c>
    </row>
    <row r="10352" spans="1:9">
      <c r="A10352" s="1">
        <v>0.10405600969331086</v>
      </c>
      <c r="B10352" s="1"/>
      <c r="C10352">
        <v>14</v>
      </c>
      <c r="D10352" t="s">
        <v>24147</v>
      </c>
      <c r="E10352" t="s">
        <v>33880</v>
      </c>
      <c r="F10352">
        <v>5</v>
      </c>
      <c r="G10352" t="s">
        <v>14</v>
      </c>
      <c r="H10352" t="s">
        <v>24148</v>
      </c>
      <c r="I10352" t="s">
        <v>30540</v>
      </c>
    </row>
    <row r="10353" spans="1:9">
      <c r="A10353" s="1">
        <v>0.26485929921221785</v>
      </c>
      <c r="B10353" s="1"/>
      <c r="C10353">
        <v>18</v>
      </c>
      <c r="D10353" t="s">
        <v>24151</v>
      </c>
      <c r="E10353" t="s">
        <v>33880</v>
      </c>
      <c r="F10353">
        <v>4</v>
      </c>
      <c r="G10353" t="s">
        <v>14</v>
      </c>
      <c r="H10353" t="s">
        <v>24152</v>
      </c>
      <c r="I10353" t="s">
        <v>30540</v>
      </c>
    </row>
    <row r="10354" spans="1:9">
      <c r="A10354" s="1">
        <v>0.57689585322010184</v>
      </c>
      <c r="B10354" s="1"/>
      <c r="C10354">
        <v>3</v>
      </c>
      <c r="D10354" t="s">
        <v>24143</v>
      </c>
      <c r="E10354" t="s">
        <v>33880</v>
      </c>
      <c r="F10354">
        <v>4</v>
      </c>
      <c r="G10354" t="s">
        <v>9</v>
      </c>
      <c r="H10354" t="s">
        <v>24144</v>
      </c>
      <c r="I10354" t="s">
        <v>30540</v>
      </c>
    </row>
    <row r="10355" spans="1:9">
      <c r="A10355" s="1">
        <v>0.34501888790827639</v>
      </c>
      <c r="B10355" s="1"/>
      <c r="C10355">
        <v>12</v>
      </c>
      <c r="D10355" t="s">
        <v>24145</v>
      </c>
      <c r="E10355" t="s">
        <v>33880</v>
      </c>
      <c r="F10355">
        <v>4</v>
      </c>
      <c r="G10355" t="s">
        <v>14</v>
      </c>
      <c r="H10355" t="s">
        <v>24146</v>
      </c>
      <c r="I10355" t="s">
        <v>30540</v>
      </c>
    </row>
    <row r="10356" spans="1:9">
      <c r="A10356" s="1">
        <v>4.3569504261206093E-2</v>
      </c>
      <c r="B10356" s="1"/>
      <c r="C10356">
        <v>14</v>
      </c>
      <c r="D10356" t="s">
        <v>24141</v>
      </c>
      <c r="E10356" t="s">
        <v>33881</v>
      </c>
      <c r="F10356">
        <v>5</v>
      </c>
      <c r="G10356" t="s">
        <v>13</v>
      </c>
      <c r="H10356" t="s">
        <v>24142</v>
      </c>
      <c r="I10356" t="s">
        <v>30540</v>
      </c>
    </row>
    <row r="10357" spans="1:9">
      <c r="A10357" s="1">
        <v>0.92579805933243187</v>
      </c>
      <c r="B10357" s="1"/>
      <c r="C10357">
        <v>11</v>
      </c>
      <c r="D10357" t="s">
        <v>24137</v>
      </c>
      <c r="E10357" t="s">
        <v>33881</v>
      </c>
      <c r="F10357">
        <v>4</v>
      </c>
      <c r="G10357" t="s">
        <v>14</v>
      </c>
      <c r="H10357" t="s">
        <v>24138</v>
      </c>
      <c r="I10357" t="s">
        <v>30540</v>
      </c>
    </row>
    <row r="10358" spans="1:9">
      <c r="A10358" s="1">
        <v>7.6349882079260412E-2</v>
      </c>
      <c r="B10358" s="1"/>
      <c r="C10358">
        <v>13</v>
      </c>
      <c r="D10358" t="s">
        <v>24139</v>
      </c>
      <c r="E10358" t="s">
        <v>33881</v>
      </c>
      <c r="F10358">
        <v>4</v>
      </c>
      <c r="G10358" t="s">
        <v>2</v>
      </c>
      <c r="H10358" t="s">
        <v>24140</v>
      </c>
      <c r="I10358" t="s">
        <v>30540</v>
      </c>
    </row>
    <row r="10359" spans="1:9">
      <c r="A10359" s="1">
        <v>0.25847847377924116</v>
      </c>
      <c r="B10359" s="1"/>
      <c r="C10359">
        <v>10</v>
      </c>
      <c r="D10359" t="s">
        <v>24135</v>
      </c>
      <c r="E10359" t="s">
        <v>33881</v>
      </c>
      <c r="F10359">
        <v>4</v>
      </c>
      <c r="G10359" t="s">
        <v>14</v>
      </c>
      <c r="H10359" t="s">
        <v>24136</v>
      </c>
      <c r="I10359" t="s">
        <v>30540</v>
      </c>
    </row>
    <row r="10360" spans="1:9">
      <c r="A10360" s="1">
        <v>0.87023133362437932</v>
      </c>
      <c r="B10360" s="1"/>
      <c r="C10360">
        <v>7</v>
      </c>
      <c r="D10360" t="s">
        <v>24129</v>
      </c>
      <c r="E10360" t="s">
        <v>33882</v>
      </c>
      <c r="F10360">
        <v>4</v>
      </c>
      <c r="G10360" t="s">
        <v>14</v>
      </c>
      <c r="H10360" t="s">
        <v>24130</v>
      </c>
      <c r="I10360" t="s">
        <v>30540</v>
      </c>
    </row>
    <row r="10361" spans="1:9">
      <c r="A10361" s="1">
        <v>0.36993580416222094</v>
      </c>
      <c r="B10361" s="1"/>
      <c r="C10361">
        <v>15</v>
      </c>
      <c r="D10361" t="s">
        <v>24133</v>
      </c>
      <c r="E10361" t="s">
        <v>33882</v>
      </c>
      <c r="F10361">
        <v>4</v>
      </c>
      <c r="G10361" t="s">
        <v>14</v>
      </c>
      <c r="H10361" t="s">
        <v>24134</v>
      </c>
      <c r="I10361" t="s">
        <v>30540</v>
      </c>
    </row>
    <row r="10362" spans="1:9">
      <c r="A10362" s="1">
        <v>0.67432703613239187</v>
      </c>
      <c r="B10362" s="1"/>
      <c r="C10362">
        <v>8</v>
      </c>
      <c r="D10362" t="s">
        <v>24123</v>
      </c>
      <c r="E10362" t="s">
        <v>33883</v>
      </c>
      <c r="F10362">
        <v>5</v>
      </c>
      <c r="G10362" t="s">
        <v>10</v>
      </c>
      <c r="H10362" t="s">
        <v>24124</v>
      </c>
      <c r="I10362" t="s">
        <v>30540</v>
      </c>
    </row>
    <row r="10363" spans="1:9">
      <c r="A10363" s="1">
        <v>0.76554084213015905</v>
      </c>
      <c r="B10363" s="1"/>
      <c r="C10363">
        <v>16</v>
      </c>
      <c r="D10363" t="s">
        <v>24125</v>
      </c>
      <c r="E10363" t="s">
        <v>33883</v>
      </c>
      <c r="F10363">
        <v>4</v>
      </c>
      <c r="G10363" t="s">
        <v>14</v>
      </c>
      <c r="H10363" t="s">
        <v>24126</v>
      </c>
      <c r="I10363" t="s">
        <v>30540</v>
      </c>
    </row>
    <row r="10364" spans="1:9">
      <c r="A10364" s="1">
        <v>0.24092938381023044</v>
      </c>
      <c r="B10364" s="1"/>
      <c r="C10364">
        <v>18</v>
      </c>
      <c r="D10364" t="s">
        <v>24127</v>
      </c>
      <c r="E10364" t="s">
        <v>33883</v>
      </c>
      <c r="F10364">
        <v>4</v>
      </c>
      <c r="G10364" t="s">
        <v>769</v>
      </c>
      <c r="H10364" t="s">
        <v>24128</v>
      </c>
      <c r="I10364" t="s">
        <v>30540</v>
      </c>
    </row>
    <row r="10365" spans="1:9">
      <c r="A10365" s="1">
        <v>0.54372001923169577</v>
      </c>
      <c r="B10365" s="1"/>
      <c r="C10365">
        <v>6</v>
      </c>
      <c r="D10365" t="s">
        <v>24113</v>
      </c>
      <c r="E10365" t="s">
        <v>33884</v>
      </c>
      <c r="F10365">
        <v>5</v>
      </c>
      <c r="G10365" t="s">
        <v>14</v>
      </c>
      <c r="H10365" t="s">
        <v>24114</v>
      </c>
      <c r="I10365" t="s">
        <v>30540</v>
      </c>
    </row>
    <row r="10366" spans="1:9">
      <c r="A10366" s="1">
        <v>0.80422502276453323</v>
      </c>
      <c r="B10366" s="1"/>
      <c r="C10366">
        <v>12</v>
      </c>
      <c r="D10366" t="s">
        <v>24115</v>
      </c>
      <c r="E10366" t="s">
        <v>33884</v>
      </c>
      <c r="F10366">
        <v>5</v>
      </c>
      <c r="G10366" t="s">
        <v>14</v>
      </c>
      <c r="H10366" t="s">
        <v>24116</v>
      </c>
      <c r="I10366" t="s">
        <v>30540</v>
      </c>
    </row>
    <row r="10367" spans="1:9">
      <c r="A10367" s="1">
        <v>0.90822619711120145</v>
      </c>
      <c r="B10367" s="1"/>
      <c r="C10367">
        <v>16</v>
      </c>
      <c r="D10367" t="s">
        <v>24121</v>
      </c>
      <c r="E10367" t="s">
        <v>33884</v>
      </c>
      <c r="F10367">
        <v>5</v>
      </c>
      <c r="G10367" t="s">
        <v>0</v>
      </c>
      <c r="H10367" t="s">
        <v>24122</v>
      </c>
      <c r="I10367" t="s">
        <v>30540</v>
      </c>
    </row>
    <row r="10368" spans="1:9">
      <c r="A10368" s="1">
        <v>0.10482626901963776</v>
      </c>
      <c r="B10368" s="1"/>
      <c r="C10368">
        <v>14</v>
      </c>
      <c r="D10368" t="s">
        <v>24119</v>
      </c>
      <c r="E10368" t="s">
        <v>33884</v>
      </c>
      <c r="F10368">
        <v>4</v>
      </c>
      <c r="G10368" t="s">
        <v>1</v>
      </c>
      <c r="H10368" t="s">
        <v>24120</v>
      </c>
      <c r="I10368" t="s">
        <v>30540</v>
      </c>
    </row>
    <row r="10369" spans="1:9">
      <c r="A10369" s="1">
        <v>0.68067933102120282</v>
      </c>
      <c r="B10369" s="1"/>
      <c r="C10369">
        <v>13</v>
      </c>
      <c r="D10369" t="s">
        <v>24117</v>
      </c>
      <c r="E10369" t="s">
        <v>33884</v>
      </c>
      <c r="F10369">
        <v>4</v>
      </c>
      <c r="G10369" t="s">
        <v>14</v>
      </c>
      <c r="H10369" t="s">
        <v>24118</v>
      </c>
      <c r="I10369" t="s">
        <v>30540</v>
      </c>
    </row>
    <row r="10370" spans="1:9">
      <c r="A10370" s="1">
        <v>0.6125262282415046</v>
      </c>
      <c r="B10370" s="1"/>
      <c r="C10370">
        <v>4</v>
      </c>
      <c r="D10370" t="s">
        <v>24105</v>
      </c>
      <c r="E10370" t="s">
        <v>33885</v>
      </c>
      <c r="F10370">
        <v>4</v>
      </c>
      <c r="G10370" t="s">
        <v>14</v>
      </c>
      <c r="H10370" t="s">
        <v>24106</v>
      </c>
      <c r="I10370" t="s">
        <v>30540</v>
      </c>
    </row>
    <row r="10371" spans="1:9">
      <c r="A10371" s="1">
        <v>0.40383537119868074</v>
      </c>
      <c r="B10371" s="1"/>
      <c r="C10371">
        <v>10</v>
      </c>
      <c r="D10371" t="s">
        <v>24107</v>
      </c>
      <c r="E10371" t="s">
        <v>33885</v>
      </c>
      <c r="F10371">
        <v>4</v>
      </c>
      <c r="G10371" t="s">
        <v>14</v>
      </c>
      <c r="H10371" t="s">
        <v>24108</v>
      </c>
      <c r="I10371" t="s">
        <v>30540</v>
      </c>
    </row>
    <row r="10372" spans="1:9">
      <c r="A10372" s="1">
        <v>0.57150729923754495</v>
      </c>
      <c r="B10372" s="1"/>
      <c r="C10372">
        <v>12</v>
      </c>
      <c r="D10372" t="s">
        <v>24109</v>
      </c>
      <c r="E10372" t="s">
        <v>33885</v>
      </c>
      <c r="F10372">
        <v>4</v>
      </c>
      <c r="G10372" t="s">
        <v>14</v>
      </c>
      <c r="H10372" t="s">
        <v>24110</v>
      </c>
      <c r="I10372" t="s">
        <v>30540</v>
      </c>
    </row>
    <row r="10373" spans="1:9">
      <c r="A10373" s="1">
        <v>0.53096824770248019</v>
      </c>
      <c r="B10373" s="1"/>
      <c r="C10373">
        <v>20</v>
      </c>
      <c r="D10373" t="s">
        <v>24111</v>
      </c>
      <c r="E10373" t="s">
        <v>33885</v>
      </c>
      <c r="F10373">
        <v>4</v>
      </c>
      <c r="G10373" t="s">
        <v>1</v>
      </c>
      <c r="H10373" t="s">
        <v>24112</v>
      </c>
      <c r="I10373" t="s">
        <v>30540</v>
      </c>
    </row>
    <row r="10374" spans="1:9">
      <c r="A10374" s="1">
        <v>0.98923165559508419</v>
      </c>
      <c r="B10374" s="1"/>
      <c r="C10374">
        <v>14</v>
      </c>
      <c r="D10374" t="s">
        <v>24103</v>
      </c>
      <c r="E10374" t="s">
        <v>33886</v>
      </c>
      <c r="F10374">
        <v>4</v>
      </c>
      <c r="G10374" t="s">
        <v>14</v>
      </c>
      <c r="H10374" t="s">
        <v>24104</v>
      </c>
      <c r="I10374" t="s">
        <v>30540</v>
      </c>
    </row>
    <row r="10375" spans="1:9">
      <c r="A10375" s="1">
        <v>1.6251655067689996E-2</v>
      </c>
      <c r="B10375" s="1"/>
      <c r="C10375">
        <v>10</v>
      </c>
      <c r="D10375" t="s">
        <v>24101</v>
      </c>
      <c r="E10375" t="s">
        <v>33886</v>
      </c>
      <c r="F10375">
        <v>4</v>
      </c>
      <c r="G10375" t="s">
        <v>14</v>
      </c>
      <c r="H10375" t="s">
        <v>24102</v>
      </c>
      <c r="I10375" t="s">
        <v>30540</v>
      </c>
    </row>
    <row r="10376" spans="1:9">
      <c r="A10376" s="1">
        <v>0.34243625928127608</v>
      </c>
      <c r="B10376" s="1"/>
      <c r="C10376">
        <v>7</v>
      </c>
      <c r="D10376" t="s">
        <v>24099</v>
      </c>
      <c r="E10376" t="s">
        <v>33886</v>
      </c>
      <c r="F10376">
        <v>4</v>
      </c>
      <c r="G10376" t="s">
        <v>15</v>
      </c>
      <c r="H10376" t="s">
        <v>24100</v>
      </c>
      <c r="I10376" t="s">
        <v>30540</v>
      </c>
    </row>
    <row r="10377" spans="1:9">
      <c r="A10377" s="1">
        <v>0.86799711678936209</v>
      </c>
      <c r="B10377" s="1"/>
      <c r="C10377">
        <v>9</v>
      </c>
      <c r="D10377" t="s">
        <v>24089</v>
      </c>
      <c r="E10377" t="s">
        <v>33887</v>
      </c>
      <c r="F10377">
        <v>5</v>
      </c>
      <c r="G10377" t="s">
        <v>9</v>
      </c>
      <c r="H10377" t="s">
        <v>24090</v>
      </c>
      <c r="I10377" t="s">
        <v>30540</v>
      </c>
    </row>
    <row r="10378" spans="1:9">
      <c r="A10378" s="1">
        <v>0.72872608032582498</v>
      </c>
      <c r="B10378" s="1"/>
      <c r="C10378">
        <v>17</v>
      </c>
      <c r="D10378" t="s">
        <v>24095</v>
      </c>
      <c r="E10378" t="s">
        <v>33887</v>
      </c>
      <c r="F10378">
        <v>4</v>
      </c>
      <c r="G10378" t="s">
        <v>0</v>
      </c>
      <c r="H10378" t="s">
        <v>24096</v>
      </c>
      <c r="I10378" t="s">
        <v>30540</v>
      </c>
    </row>
    <row r="10379" spans="1:9">
      <c r="A10379" s="1">
        <v>0.71957312164077802</v>
      </c>
      <c r="B10379" s="1"/>
      <c r="C10379">
        <v>2</v>
      </c>
      <c r="D10379" t="s">
        <v>24085</v>
      </c>
      <c r="E10379" t="s">
        <v>33887</v>
      </c>
      <c r="F10379">
        <v>4</v>
      </c>
      <c r="G10379" t="s">
        <v>9</v>
      </c>
      <c r="H10379" t="s">
        <v>24086</v>
      </c>
      <c r="I10379" t="s">
        <v>30540</v>
      </c>
    </row>
    <row r="10380" spans="1:9">
      <c r="A10380" s="1">
        <v>0.41794979164569879</v>
      </c>
      <c r="B10380" s="1"/>
      <c r="C10380">
        <v>1</v>
      </c>
      <c r="D10380" t="s">
        <v>24083</v>
      </c>
      <c r="E10380" t="s">
        <v>33887</v>
      </c>
      <c r="F10380">
        <v>4</v>
      </c>
      <c r="G10380" t="s">
        <v>2</v>
      </c>
      <c r="H10380" t="s">
        <v>24084</v>
      </c>
      <c r="I10380" t="s">
        <v>30540</v>
      </c>
    </row>
    <row r="10381" spans="1:9">
      <c r="A10381" s="1">
        <v>0.94975963944719444</v>
      </c>
      <c r="B10381" s="1"/>
      <c r="C10381">
        <v>10</v>
      </c>
      <c r="D10381" t="s">
        <v>24091</v>
      </c>
      <c r="E10381" t="s">
        <v>33887</v>
      </c>
      <c r="F10381">
        <v>4</v>
      </c>
      <c r="G10381" t="s">
        <v>14</v>
      </c>
      <c r="H10381" t="s">
        <v>24092</v>
      </c>
      <c r="I10381" t="s">
        <v>30540</v>
      </c>
    </row>
    <row r="10382" spans="1:9">
      <c r="A10382" s="1">
        <v>0.53911973657967505</v>
      </c>
      <c r="B10382" s="1"/>
      <c r="C10382">
        <v>13</v>
      </c>
      <c r="D10382" t="s">
        <v>24093</v>
      </c>
      <c r="E10382" t="s">
        <v>33887</v>
      </c>
      <c r="F10382">
        <v>4</v>
      </c>
      <c r="G10382" t="s">
        <v>14</v>
      </c>
      <c r="H10382" t="s">
        <v>24094</v>
      </c>
      <c r="I10382" t="s">
        <v>30540</v>
      </c>
    </row>
    <row r="10383" spans="1:9">
      <c r="A10383" s="1">
        <v>8.5082843368339156E-2</v>
      </c>
      <c r="B10383" s="1"/>
      <c r="C10383">
        <v>5</v>
      </c>
      <c r="D10383" t="s">
        <v>24087</v>
      </c>
      <c r="E10383" t="s">
        <v>33887</v>
      </c>
      <c r="F10383">
        <v>4</v>
      </c>
      <c r="G10383" t="s">
        <v>14</v>
      </c>
      <c r="H10383" t="s">
        <v>24088</v>
      </c>
      <c r="I10383" t="s">
        <v>30540</v>
      </c>
    </row>
    <row r="10384" spans="1:9">
      <c r="A10384" s="1">
        <v>0.62339286820645445</v>
      </c>
      <c r="B10384" s="1"/>
      <c r="C10384">
        <v>18</v>
      </c>
      <c r="D10384" t="s">
        <v>24081</v>
      </c>
      <c r="E10384" t="s">
        <v>33888</v>
      </c>
      <c r="F10384">
        <v>5</v>
      </c>
      <c r="G10384" t="s">
        <v>10</v>
      </c>
      <c r="H10384" t="s">
        <v>24082</v>
      </c>
      <c r="I10384" t="s">
        <v>30540</v>
      </c>
    </row>
    <row r="10385" spans="1:9">
      <c r="A10385" s="1">
        <v>0.21055055074516482</v>
      </c>
      <c r="B10385" s="1"/>
      <c r="C10385">
        <v>5</v>
      </c>
      <c r="D10385" t="s">
        <v>24077</v>
      </c>
      <c r="E10385" t="s">
        <v>33888</v>
      </c>
      <c r="F10385">
        <v>4</v>
      </c>
      <c r="G10385" t="s">
        <v>2</v>
      </c>
      <c r="H10385" t="s">
        <v>24078</v>
      </c>
      <c r="I10385" t="s">
        <v>30540</v>
      </c>
    </row>
    <row r="10386" spans="1:9">
      <c r="A10386" s="1">
        <v>0.2860685287340744</v>
      </c>
      <c r="B10386" s="1"/>
      <c r="C10386">
        <v>17</v>
      </c>
      <c r="D10386" t="s">
        <v>24079</v>
      </c>
      <c r="E10386" t="s">
        <v>33888</v>
      </c>
      <c r="F10386">
        <v>4</v>
      </c>
      <c r="G10386" t="s">
        <v>14</v>
      </c>
      <c r="H10386" t="s">
        <v>24080</v>
      </c>
      <c r="I10386" t="s">
        <v>30540</v>
      </c>
    </row>
    <row r="10387" spans="1:9">
      <c r="A10387" s="1">
        <v>0.25819317878904757</v>
      </c>
      <c r="B10387" s="1"/>
      <c r="C10387">
        <v>1</v>
      </c>
      <c r="D10387" t="s">
        <v>24075</v>
      </c>
      <c r="E10387" t="s">
        <v>33888</v>
      </c>
      <c r="F10387">
        <v>4</v>
      </c>
      <c r="G10387" t="s">
        <v>10</v>
      </c>
      <c r="H10387" t="s">
        <v>24076</v>
      </c>
      <c r="I10387" t="s">
        <v>30540</v>
      </c>
    </row>
    <row r="10388" spans="1:9">
      <c r="A10388" s="1">
        <v>0.90929597656265015</v>
      </c>
      <c r="B10388" s="1"/>
      <c r="C10388">
        <v>18</v>
      </c>
      <c r="D10388" t="s">
        <v>24071</v>
      </c>
      <c r="E10388" t="s">
        <v>33889</v>
      </c>
      <c r="F10388">
        <v>5</v>
      </c>
      <c r="G10388" t="s">
        <v>14</v>
      </c>
      <c r="H10388" t="s">
        <v>24072</v>
      </c>
      <c r="I10388" t="s">
        <v>30540</v>
      </c>
    </row>
    <row r="10389" spans="1:9">
      <c r="A10389" s="1">
        <v>0.84383601760083649</v>
      </c>
      <c r="B10389" s="1"/>
      <c r="C10389">
        <v>6</v>
      </c>
      <c r="D10389" t="s">
        <v>24067</v>
      </c>
      <c r="E10389" t="s">
        <v>33889</v>
      </c>
      <c r="F10389">
        <v>4</v>
      </c>
      <c r="G10389" t="s">
        <v>14</v>
      </c>
      <c r="H10389" t="s">
        <v>24068</v>
      </c>
      <c r="I10389" t="s">
        <v>30540</v>
      </c>
    </row>
    <row r="10390" spans="1:9">
      <c r="A10390" s="1">
        <v>0.59160677681271667</v>
      </c>
      <c r="B10390" s="1"/>
      <c r="C10390">
        <v>20</v>
      </c>
      <c r="D10390" t="s">
        <v>24073</v>
      </c>
      <c r="E10390" t="s">
        <v>33889</v>
      </c>
      <c r="F10390">
        <v>4</v>
      </c>
      <c r="G10390" t="s">
        <v>14</v>
      </c>
      <c r="H10390" t="s">
        <v>24074</v>
      </c>
      <c r="I10390" t="s">
        <v>30540</v>
      </c>
    </row>
    <row r="10391" spans="1:9">
      <c r="A10391" s="1">
        <v>0.38536432641778484</v>
      </c>
      <c r="B10391" s="1"/>
      <c r="C10391">
        <v>15</v>
      </c>
      <c r="D10391" t="s">
        <v>24069</v>
      </c>
      <c r="E10391" t="s">
        <v>33889</v>
      </c>
      <c r="F10391">
        <v>3</v>
      </c>
      <c r="G10391" t="s">
        <v>14</v>
      </c>
      <c r="H10391" t="s">
        <v>24070</v>
      </c>
      <c r="I10391" t="s">
        <v>30540</v>
      </c>
    </row>
    <row r="10392" spans="1:9">
      <c r="A10392" s="1">
        <v>0.36742300640780012</v>
      </c>
      <c r="B10392" s="1"/>
      <c r="C10392">
        <v>13</v>
      </c>
      <c r="D10392" t="s">
        <v>24059</v>
      </c>
      <c r="E10392" t="s">
        <v>33890</v>
      </c>
      <c r="F10392">
        <v>5</v>
      </c>
      <c r="G10392" t="s">
        <v>14</v>
      </c>
      <c r="H10392" t="s">
        <v>24060</v>
      </c>
      <c r="I10392" t="s">
        <v>30540</v>
      </c>
    </row>
    <row r="10393" spans="1:9">
      <c r="A10393" s="1">
        <v>6.1571702518649074E-3</v>
      </c>
      <c r="B10393" s="1"/>
      <c r="C10393">
        <v>8</v>
      </c>
      <c r="D10393" t="s">
        <v>24057</v>
      </c>
      <c r="E10393" t="s">
        <v>33890</v>
      </c>
      <c r="F10393">
        <v>4</v>
      </c>
      <c r="G10393" t="s">
        <v>0</v>
      </c>
      <c r="H10393" t="s">
        <v>24058</v>
      </c>
      <c r="I10393" t="s">
        <v>30540</v>
      </c>
    </row>
    <row r="10394" spans="1:9">
      <c r="A10394" s="1">
        <v>0.6224643502656384</v>
      </c>
      <c r="B10394" s="1"/>
      <c r="C10394">
        <v>17</v>
      </c>
      <c r="D10394" t="s">
        <v>24063</v>
      </c>
      <c r="E10394" t="s">
        <v>33890</v>
      </c>
      <c r="F10394">
        <v>4</v>
      </c>
      <c r="G10394" t="s">
        <v>14</v>
      </c>
      <c r="H10394" t="s">
        <v>24064</v>
      </c>
      <c r="I10394" t="s">
        <v>30540</v>
      </c>
    </row>
    <row r="10395" spans="1:9">
      <c r="A10395" s="1">
        <v>0.41338005212676976</v>
      </c>
      <c r="B10395" s="1"/>
      <c r="C10395">
        <v>18</v>
      </c>
      <c r="D10395" t="s">
        <v>24065</v>
      </c>
      <c r="E10395" t="s">
        <v>33890</v>
      </c>
      <c r="F10395">
        <v>3</v>
      </c>
      <c r="G10395" t="s">
        <v>14</v>
      </c>
      <c r="H10395" t="s">
        <v>24066</v>
      </c>
      <c r="I10395" t="s">
        <v>30540</v>
      </c>
    </row>
    <row r="10396" spans="1:9">
      <c r="A10396" s="1">
        <v>0.12303502649917852</v>
      </c>
      <c r="B10396" s="1"/>
      <c r="C10396">
        <v>4</v>
      </c>
      <c r="D10396" t="s">
        <v>24047</v>
      </c>
      <c r="E10396" t="s">
        <v>33891</v>
      </c>
      <c r="F10396">
        <v>4</v>
      </c>
      <c r="G10396" t="s">
        <v>9</v>
      </c>
      <c r="H10396" t="s">
        <v>24048</v>
      </c>
      <c r="I10396" t="s">
        <v>30540</v>
      </c>
    </row>
    <row r="10397" spans="1:9">
      <c r="A10397" s="1">
        <v>0.61050029176351805</v>
      </c>
      <c r="B10397" s="1"/>
      <c r="C10397">
        <v>14</v>
      </c>
      <c r="D10397" t="s">
        <v>24053</v>
      </c>
      <c r="E10397" t="s">
        <v>33891</v>
      </c>
      <c r="F10397">
        <v>4</v>
      </c>
      <c r="G10397" t="s">
        <v>14</v>
      </c>
      <c r="H10397" t="s">
        <v>24054</v>
      </c>
      <c r="I10397" t="s">
        <v>30540</v>
      </c>
    </row>
    <row r="10398" spans="1:9">
      <c r="A10398" s="1">
        <v>0.44961615205987326</v>
      </c>
      <c r="B10398" s="1"/>
      <c r="C10398">
        <v>10</v>
      </c>
      <c r="D10398" t="s">
        <v>24051</v>
      </c>
      <c r="E10398" t="s">
        <v>33891</v>
      </c>
      <c r="F10398">
        <v>4</v>
      </c>
      <c r="G10398" t="s">
        <v>2</v>
      </c>
      <c r="H10398" t="s">
        <v>24052</v>
      </c>
      <c r="I10398" t="s">
        <v>30540</v>
      </c>
    </row>
    <row r="10399" spans="1:9">
      <c r="A10399" s="1">
        <v>0.77820451123844281</v>
      </c>
      <c r="B10399" s="1"/>
      <c r="C10399">
        <v>6</v>
      </c>
      <c r="D10399" t="s">
        <v>24049</v>
      </c>
      <c r="E10399" t="s">
        <v>33891</v>
      </c>
      <c r="F10399">
        <v>3</v>
      </c>
      <c r="G10399" t="s">
        <v>14</v>
      </c>
      <c r="H10399" t="s">
        <v>24050</v>
      </c>
      <c r="I10399" t="s">
        <v>30540</v>
      </c>
    </row>
    <row r="10400" spans="1:9">
      <c r="A10400" s="1">
        <v>0.28667595374704025</v>
      </c>
      <c r="B10400" s="1"/>
      <c r="C10400">
        <v>1</v>
      </c>
      <c r="D10400" t="s">
        <v>24035</v>
      </c>
      <c r="E10400" t="s">
        <v>33892</v>
      </c>
      <c r="F10400">
        <v>5</v>
      </c>
      <c r="G10400" t="s">
        <v>9</v>
      </c>
      <c r="H10400" t="s">
        <v>24036</v>
      </c>
      <c r="I10400" t="s">
        <v>30540</v>
      </c>
    </row>
    <row r="10401" spans="1:9">
      <c r="A10401" s="1">
        <v>0.90750327831770561</v>
      </c>
      <c r="B10401" s="1"/>
      <c r="C10401">
        <v>17</v>
      </c>
      <c r="D10401" t="s">
        <v>24043</v>
      </c>
      <c r="E10401" t="s">
        <v>33892</v>
      </c>
      <c r="F10401">
        <v>5</v>
      </c>
      <c r="G10401" t="s">
        <v>10</v>
      </c>
      <c r="H10401" t="s">
        <v>24044</v>
      </c>
      <c r="I10401" t="s">
        <v>30540</v>
      </c>
    </row>
    <row r="10402" spans="1:9">
      <c r="A10402" s="1">
        <v>2.2486531160899603E-2</v>
      </c>
      <c r="B10402" s="1"/>
      <c r="C10402">
        <v>18</v>
      </c>
      <c r="D10402" t="s">
        <v>24045</v>
      </c>
      <c r="E10402" t="s">
        <v>33892</v>
      </c>
      <c r="F10402">
        <v>5</v>
      </c>
      <c r="G10402" t="s">
        <v>10</v>
      </c>
      <c r="H10402" t="s">
        <v>24046</v>
      </c>
      <c r="I10402" t="s">
        <v>30540</v>
      </c>
    </row>
    <row r="10403" spans="1:9">
      <c r="A10403" s="1">
        <v>0.12009460393958071</v>
      </c>
      <c r="B10403" s="1"/>
      <c r="C10403">
        <v>3</v>
      </c>
      <c r="D10403" t="s">
        <v>24037</v>
      </c>
      <c r="E10403" t="s">
        <v>33892</v>
      </c>
      <c r="F10403">
        <v>4</v>
      </c>
      <c r="G10403" t="s">
        <v>10</v>
      </c>
      <c r="H10403" t="s">
        <v>24038</v>
      </c>
      <c r="I10403" t="s">
        <v>30540</v>
      </c>
    </row>
    <row r="10404" spans="1:9">
      <c r="A10404" s="1">
        <v>0.23747338348991553</v>
      </c>
      <c r="B10404" s="1"/>
      <c r="C10404">
        <v>11</v>
      </c>
      <c r="D10404" t="s">
        <v>24041</v>
      </c>
      <c r="E10404" t="s">
        <v>33892</v>
      </c>
      <c r="F10404">
        <v>4</v>
      </c>
      <c r="G10404" t="s">
        <v>14</v>
      </c>
      <c r="H10404" t="s">
        <v>24042</v>
      </c>
      <c r="I10404" t="s">
        <v>30540</v>
      </c>
    </row>
    <row r="10405" spans="1:9">
      <c r="A10405" s="1">
        <v>0.41271567755332794</v>
      </c>
      <c r="B10405" s="1"/>
      <c r="C10405">
        <v>4</v>
      </c>
      <c r="D10405" t="s">
        <v>24039</v>
      </c>
      <c r="E10405" t="s">
        <v>33892</v>
      </c>
      <c r="F10405">
        <v>3</v>
      </c>
      <c r="G10405" t="s">
        <v>2</v>
      </c>
      <c r="H10405" t="s">
        <v>24040</v>
      </c>
      <c r="I10405" t="s">
        <v>30540</v>
      </c>
    </row>
    <row r="10406" spans="1:9">
      <c r="A10406" s="1">
        <v>0.40428821404487247</v>
      </c>
      <c r="B10406" s="1"/>
      <c r="C10406">
        <v>9</v>
      </c>
      <c r="D10406" t="s">
        <v>24031</v>
      </c>
      <c r="E10406" t="s">
        <v>33893</v>
      </c>
      <c r="F10406">
        <v>4</v>
      </c>
      <c r="G10406" t="s">
        <v>14</v>
      </c>
      <c r="H10406" t="s">
        <v>24032</v>
      </c>
      <c r="I10406" t="s">
        <v>30540</v>
      </c>
    </row>
    <row r="10407" spans="1:9">
      <c r="A10407" s="1">
        <v>6.8462788555426757E-3</v>
      </c>
      <c r="B10407" s="1"/>
      <c r="C10407">
        <v>12</v>
      </c>
      <c r="D10407" t="s">
        <v>24025</v>
      </c>
      <c r="E10407" t="s">
        <v>33894</v>
      </c>
      <c r="F10407">
        <v>5</v>
      </c>
      <c r="G10407" t="s">
        <v>14</v>
      </c>
      <c r="H10407" t="s">
        <v>24026</v>
      </c>
      <c r="I10407" t="s">
        <v>30540</v>
      </c>
    </row>
    <row r="10408" spans="1:9">
      <c r="A10408" s="1">
        <v>0.44945652838313355</v>
      </c>
      <c r="B10408" s="1"/>
      <c r="C10408">
        <v>3</v>
      </c>
      <c r="D10408" t="s">
        <v>24021</v>
      </c>
      <c r="E10408" t="s">
        <v>33894</v>
      </c>
      <c r="F10408">
        <v>5</v>
      </c>
      <c r="G10408" t="s">
        <v>10</v>
      </c>
      <c r="H10408" t="s">
        <v>24022</v>
      </c>
      <c r="I10408" t="s">
        <v>30540</v>
      </c>
    </row>
    <row r="10409" spans="1:9">
      <c r="A10409" s="1">
        <v>0.11719851065782727</v>
      </c>
      <c r="B10409" s="1"/>
      <c r="C10409">
        <v>16</v>
      </c>
      <c r="D10409" t="s">
        <v>24029</v>
      </c>
      <c r="E10409" t="s">
        <v>33894</v>
      </c>
      <c r="F10409">
        <v>4</v>
      </c>
      <c r="G10409" t="s">
        <v>14</v>
      </c>
      <c r="H10409" t="s">
        <v>24030</v>
      </c>
      <c r="I10409" t="s">
        <v>30540</v>
      </c>
    </row>
    <row r="10410" spans="1:9">
      <c r="A10410" s="1">
        <v>0.83280026520442463</v>
      </c>
      <c r="B10410" s="1"/>
      <c r="C10410">
        <v>14</v>
      </c>
      <c r="D10410" t="s">
        <v>24027</v>
      </c>
      <c r="E10410" t="s">
        <v>33894</v>
      </c>
      <c r="F10410">
        <v>4</v>
      </c>
      <c r="G10410" t="s">
        <v>9</v>
      </c>
      <c r="H10410" t="s">
        <v>24028</v>
      </c>
      <c r="I10410" t="s">
        <v>30540</v>
      </c>
    </row>
    <row r="10411" spans="1:9">
      <c r="A10411" s="1">
        <v>0.56926337780714054</v>
      </c>
      <c r="B10411" s="1"/>
      <c r="C10411">
        <v>5</v>
      </c>
      <c r="D10411" t="s">
        <v>24023</v>
      </c>
      <c r="E10411" t="s">
        <v>33894</v>
      </c>
      <c r="F10411">
        <v>3</v>
      </c>
      <c r="G10411" t="s">
        <v>14</v>
      </c>
      <c r="H10411" t="s">
        <v>24024</v>
      </c>
      <c r="I10411" t="s">
        <v>30540</v>
      </c>
    </row>
    <row r="10412" spans="1:9">
      <c r="A10412" s="1">
        <v>0.76826234554859774</v>
      </c>
      <c r="B10412" s="1"/>
      <c r="C10412">
        <v>2</v>
      </c>
      <c r="D10412" t="s">
        <v>24011</v>
      </c>
      <c r="E10412" t="s">
        <v>33895</v>
      </c>
      <c r="F10412">
        <v>4</v>
      </c>
      <c r="G10412" t="s">
        <v>10</v>
      </c>
      <c r="H10412" t="s">
        <v>24012</v>
      </c>
      <c r="I10412" t="s">
        <v>30540</v>
      </c>
    </row>
    <row r="10413" spans="1:9">
      <c r="A10413" s="1">
        <v>0.22785400071038953</v>
      </c>
      <c r="B10413" s="1"/>
      <c r="C10413">
        <v>6</v>
      </c>
      <c r="D10413" t="s">
        <v>24013</v>
      </c>
      <c r="E10413" t="s">
        <v>33895</v>
      </c>
      <c r="F10413">
        <v>4</v>
      </c>
      <c r="G10413" t="s">
        <v>14</v>
      </c>
      <c r="H10413" t="s">
        <v>24014</v>
      </c>
      <c r="I10413" t="s">
        <v>30540</v>
      </c>
    </row>
    <row r="10414" spans="1:9">
      <c r="A10414" s="1">
        <v>0.77932422795678558</v>
      </c>
      <c r="B10414" s="1"/>
      <c r="C10414">
        <v>8</v>
      </c>
      <c r="D10414" t="s">
        <v>24015</v>
      </c>
      <c r="E10414" t="s">
        <v>33895</v>
      </c>
      <c r="F10414">
        <v>4</v>
      </c>
      <c r="G10414" t="s">
        <v>14</v>
      </c>
      <c r="H10414" t="s">
        <v>24016</v>
      </c>
      <c r="I10414" t="s">
        <v>30540</v>
      </c>
    </row>
    <row r="10415" spans="1:9">
      <c r="A10415" s="1">
        <v>0.75675173943049567</v>
      </c>
      <c r="B10415" s="1"/>
      <c r="C10415">
        <v>16</v>
      </c>
      <c r="D10415" t="s">
        <v>24019</v>
      </c>
      <c r="E10415" t="s">
        <v>33895</v>
      </c>
      <c r="F10415">
        <v>4</v>
      </c>
      <c r="G10415" t="s">
        <v>14</v>
      </c>
      <c r="H10415" t="s">
        <v>24020</v>
      </c>
      <c r="I10415" t="s">
        <v>30540</v>
      </c>
    </row>
    <row r="10416" spans="1:9">
      <c r="A10416" s="1">
        <v>0.34757774113871698</v>
      </c>
      <c r="B10416" s="1"/>
      <c r="C10416">
        <v>15</v>
      </c>
      <c r="D10416" t="s">
        <v>24017</v>
      </c>
      <c r="E10416" t="s">
        <v>33895</v>
      </c>
      <c r="F10416">
        <v>4</v>
      </c>
      <c r="G10416" t="s">
        <v>14</v>
      </c>
      <c r="H10416" t="s">
        <v>24018</v>
      </c>
      <c r="I10416" t="s">
        <v>30540</v>
      </c>
    </row>
    <row r="10417" spans="1:9">
      <c r="A10417" s="1">
        <v>0.95845606889013379</v>
      </c>
      <c r="B10417" s="1"/>
      <c r="C10417">
        <v>12</v>
      </c>
      <c r="D10417" t="s">
        <v>24009</v>
      </c>
      <c r="E10417" t="s">
        <v>33896</v>
      </c>
      <c r="F10417">
        <v>5</v>
      </c>
      <c r="G10417" t="s">
        <v>14</v>
      </c>
      <c r="H10417" t="s">
        <v>24010</v>
      </c>
      <c r="I10417" t="s">
        <v>30540</v>
      </c>
    </row>
    <row r="10418" spans="1:9">
      <c r="A10418" s="1">
        <v>0.43440184916724922</v>
      </c>
      <c r="B10418" s="1"/>
      <c r="C10418">
        <v>8</v>
      </c>
      <c r="D10418" t="s">
        <v>24005</v>
      </c>
      <c r="E10418" t="s">
        <v>33896</v>
      </c>
      <c r="F10418">
        <v>4</v>
      </c>
      <c r="G10418" t="s">
        <v>14</v>
      </c>
      <c r="H10418" t="s">
        <v>24006</v>
      </c>
      <c r="I10418" t="s">
        <v>30540</v>
      </c>
    </row>
    <row r="10419" spans="1:9">
      <c r="A10419" s="1">
        <v>0.9577320639640885</v>
      </c>
      <c r="B10419" s="1"/>
      <c r="C10419">
        <v>11</v>
      </c>
      <c r="D10419" t="s">
        <v>24007</v>
      </c>
      <c r="E10419" t="s">
        <v>33896</v>
      </c>
      <c r="F10419">
        <v>4</v>
      </c>
      <c r="G10419" t="s">
        <v>15</v>
      </c>
      <c r="H10419" t="s">
        <v>24008</v>
      </c>
      <c r="I10419" t="s">
        <v>30540</v>
      </c>
    </row>
    <row r="10420" spans="1:9">
      <c r="A10420" s="1">
        <v>0.52435500961640413</v>
      </c>
      <c r="B10420" s="1"/>
      <c r="C10420">
        <v>2</v>
      </c>
      <c r="D10420" t="s">
        <v>24001</v>
      </c>
      <c r="E10420" t="s">
        <v>33897</v>
      </c>
      <c r="F10420">
        <v>3</v>
      </c>
      <c r="G10420" t="s">
        <v>10</v>
      </c>
      <c r="H10420" t="s">
        <v>24002</v>
      </c>
      <c r="I10420" t="s">
        <v>30540</v>
      </c>
    </row>
    <row r="10421" spans="1:9">
      <c r="A10421" s="1">
        <v>0.4504950833487299</v>
      </c>
      <c r="B10421" s="1"/>
      <c r="C10421">
        <v>2</v>
      </c>
      <c r="D10421" t="s">
        <v>23993</v>
      </c>
      <c r="E10421" t="s">
        <v>33898</v>
      </c>
      <c r="F10421">
        <v>4</v>
      </c>
      <c r="G10421" t="s">
        <v>2</v>
      </c>
      <c r="H10421" t="s">
        <v>23994</v>
      </c>
      <c r="I10421" t="s">
        <v>30540</v>
      </c>
    </row>
    <row r="10422" spans="1:9">
      <c r="A10422" s="1">
        <v>0.56546236660911786</v>
      </c>
      <c r="B10422" s="1"/>
      <c r="C10422">
        <v>8</v>
      </c>
      <c r="D10422" t="s">
        <v>23997</v>
      </c>
      <c r="E10422" t="s">
        <v>33898</v>
      </c>
      <c r="F10422">
        <v>4</v>
      </c>
      <c r="G10422" t="s">
        <v>14</v>
      </c>
      <c r="H10422" t="s">
        <v>23998</v>
      </c>
      <c r="I10422" t="s">
        <v>30540</v>
      </c>
    </row>
    <row r="10423" spans="1:9">
      <c r="A10423" s="1">
        <v>0.74562515384685435</v>
      </c>
      <c r="B10423" s="1"/>
      <c r="C10423">
        <v>6</v>
      </c>
      <c r="D10423" t="s">
        <v>23995</v>
      </c>
      <c r="E10423" t="s">
        <v>33898</v>
      </c>
      <c r="F10423">
        <v>3</v>
      </c>
      <c r="G10423" t="s">
        <v>14</v>
      </c>
      <c r="H10423" t="s">
        <v>23996</v>
      </c>
      <c r="I10423" t="s">
        <v>30540</v>
      </c>
    </row>
    <row r="10424" spans="1:9">
      <c r="A10424" s="1">
        <v>0.43606366624694959</v>
      </c>
      <c r="B10424" s="1"/>
      <c r="C10424">
        <v>14</v>
      </c>
      <c r="D10424" t="s">
        <v>23999</v>
      </c>
      <c r="E10424" t="s">
        <v>33898</v>
      </c>
      <c r="F10424">
        <v>3</v>
      </c>
      <c r="G10424" t="s">
        <v>0</v>
      </c>
      <c r="H10424" t="s">
        <v>24000</v>
      </c>
      <c r="I10424" t="s">
        <v>30540</v>
      </c>
    </row>
    <row r="10425" spans="1:9">
      <c r="A10425" s="1">
        <v>0.44449949367567865</v>
      </c>
      <c r="B10425" s="1"/>
      <c r="C10425">
        <v>2</v>
      </c>
      <c r="D10425" t="s">
        <v>23987</v>
      </c>
      <c r="E10425" t="s">
        <v>33899</v>
      </c>
      <c r="F10425">
        <v>4</v>
      </c>
      <c r="G10425" t="s">
        <v>15</v>
      </c>
      <c r="H10425" t="s">
        <v>23988</v>
      </c>
      <c r="I10425" t="s">
        <v>30540</v>
      </c>
    </row>
    <row r="10426" spans="1:9">
      <c r="A10426" s="1">
        <v>6.0713254203909606E-2</v>
      </c>
      <c r="B10426" s="1"/>
      <c r="C10426">
        <v>10</v>
      </c>
      <c r="D10426" t="s">
        <v>23989</v>
      </c>
      <c r="E10426" t="s">
        <v>33899</v>
      </c>
      <c r="F10426">
        <v>4</v>
      </c>
      <c r="G10426" t="s">
        <v>0</v>
      </c>
      <c r="H10426" t="s">
        <v>23990</v>
      </c>
      <c r="I10426" t="s">
        <v>30540</v>
      </c>
    </row>
    <row r="10427" spans="1:9">
      <c r="A10427" s="1">
        <v>0.11218536708128934</v>
      </c>
      <c r="B10427" s="1"/>
      <c r="C10427">
        <v>13</v>
      </c>
      <c r="D10427" t="s">
        <v>23983</v>
      </c>
      <c r="E10427" t="s">
        <v>33900</v>
      </c>
      <c r="F10427">
        <v>4</v>
      </c>
      <c r="G10427" t="s">
        <v>14</v>
      </c>
      <c r="H10427" t="s">
        <v>23984</v>
      </c>
      <c r="I10427" t="s">
        <v>30540</v>
      </c>
    </row>
    <row r="10428" spans="1:9">
      <c r="A10428" s="1">
        <v>0.61917323097347265</v>
      </c>
      <c r="B10428" s="1"/>
      <c r="C10428">
        <v>8</v>
      </c>
      <c r="D10428" t="s">
        <v>23977</v>
      </c>
      <c r="E10428" t="s">
        <v>33900</v>
      </c>
      <c r="F10428">
        <v>4</v>
      </c>
      <c r="G10428" t="s">
        <v>10</v>
      </c>
      <c r="H10428" t="s">
        <v>23978</v>
      </c>
      <c r="I10428" t="s">
        <v>30540</v>
      </c>
    </row>
    <row r="10429" spans="1:9">
      <c r="A10429" s="1">
        <v>7.5927337780148485E-2</v>
      </c>
      <c r="B10429" s="1"/>
      <c r="C10429">
        <v>12</v>
      </c>
      <c r="D10429" t="s">
        <v>23981</v>
      </c>
      <c r="E10429" t="s">
        <v>33900</v>
      </c>
      <c r="F10429">
        <v>4</v>
      </c>
      <c r="G10429" t="s">
        <v>14</v>
      </c>
      <c r="H10429" t="s">
        <v>23982</v>
      </c>
      <c r="I10429" t="s">
        <v>30540</v>
      </c>
    </row>
    <row r="10430" spans="1:9">
      <c r="A10430" s="1">
        <v>0.44874545921057618</v>
      </c>
      <c r="B10430" s="1"/>
      <c r="C10430">
        <v>15</v>
      </c>
      <c r="D10430" t="s">
        <v>23985</v>
      </c>
      <c r="E10430" t="s">
        <v>33900</v>
      </c>
      <c r="F10430">
        <v>4</v>
      </c>
      <c r="G10430" t="s">
        <v>2</v>
      </c>
      <c r="H10430" t="s">
        <v>23986</v>
      </c>
      <c r="I10430" t="s">
        <v>30540</v>
      </c>
    </row>
    <row r="10431" spans="1:9">
      <c r="A10431" s="1">
        <v>0.30682191815349347</v>
      </c>
      <c r="B10431" s="1"/>
      <c r="C10431">
        <v>11</v>
      </c>
      <c r="D10431" t="s">
        <v>23979</v>
      </c>
      <c r="E10431" t="s">
        <v>33900</v>
      </c>
      <c r="F10431">
        <v>3</v>
      </c>
      <c r="G10431" t="s">
        <v>14</v>
      </c>
      <c r="H10431" t="s">
        <v>23980</v>
      </c>
      <c r="I10431" t="s">
        <v>30540</v>
      </c>
    </row>
    <row r="10432" spans="1:9">
      <c r="A10432" s="1">
        <v>0.67808264880885116</v>
      </c>
      <c r="B10432" s="1"/>
      <c r="C10432">
        <v>12</v>
      </c>
      <c r="D10432" t="s">
        <v>23971</v>
      </c>
      <c r="E10432" t="s">
        <v>33901</v>
      </c>
      <c r="F10432">
        <v>4</v>
      </c>
      <c r="G10432" t="s">
        <v>14</v>
      </c>
      <c r="H10432" t="s">
        <v>23972</v>
      </c>
      <c r="I10432" t="s">
        <v>30540</v>
      </c>
    </row>
    <row r="10433" spans="1:9">
      <c r="A10433" s="1">
        <v>0.13123346647467504</v>
      </c>
      <c r="B10433" s="1"/>
      <c r="C10433">
        <v>2</v>
      </c>
      <c r="D10433" t="s">
        <v>23965</v>
      </c>
      <c r="E10433" t="s">
        <v>33901</v>
      </c>
      <c r="F10433">
        <v>4</v>
      </c>
      <c r="G10433" t="s">
        <v>9</v>
      </c>
      <c r="H10433" t="s">
        <v>23966</v>
      </c>
      <c r="I10433" t="s">
        <v>30540</v>
      </c>
    </row>
    <row r="10434" spans="1:9">
      <c r="A10434" s="1">
        <v>0.80137243715735684</v>
      </c>
      <c r="B10434" s="1"/>
      <c r="C10434">
        <v>19</v>
      </c>
      <c r="D10434" t="s">
        <v>23975</v>
      </c>
      <c r="E10434" t="s">
        <v>33901</v>
      </c>
      <c r="F10434">
        <v>4</v>
      </c>
      <c r="G10434" t="s">
        <v>14</v>
      </c>
      <c r="H10434" t="s">
        <v>23976</v>
      </c>
      <c r="I10434" t="s">
        <v>30540</v>
      </c>
    </row>
    <row r="10435" spans="1:9">
      <c r="A10435" s="1">
        <v>0.53623836447269069</v>
      </c>
      <c r="B10435" s="1"/>
      <c r="C10435">
        <v>15</v>
      </c>
      <c r="D10435" t="s">
        <v>23973</v>
      </c>
      <c r="E10435" t="s">
        <v>33901</v>
      </c>
      <c r="F10435">
        <v>3</v>
      </c>
      <c r="G10435" t="s">
        <v>14</v>
      </c>
      <c r="H10435" t="s">
        <v>23974</v>
      </c>
      <c r="I10435" t="s">
        <v>30540</v>
      </c>
    </row>
    <row r="10436" spans="1:9">
      <c r="A10436" s="1">
        <v>0.87965277775268846</v>
      </c>
      <c r="B10436" s="1"/>
      <c r="C10436">
        <v>10</v>
      </c>
      <c r="D10436" t="s">
        <v>23969</v>
      </c>
      <c r="E10436" t="s">
        <v>33901</v>
      </c>
      <c r="F10436">
        <v>3</v>
      </c>
      <c r="G10436" t="s">
        <v>9</v>
      </c>
      <c r="H10436" t="s">
        <v>23970</v>
      </c>
      <c r="I10436" t="s">
        <v>30540</v>
      </c>
    </row>
    <row r="10437" spans="1:9">
      <c r="A10437" s="1">
        <v>0.14954911354165012</v>
      </c>
      <c r="B10437" s="1"/>
      <c r="C10437">
        <v>7</v>
      </c>
      <c r="D10437" t="s">
        <v>23961</v>
      </c>
      <c r="E10437" t="s">
        <v>33902</v>
      </c>
      <c r="F10437">
        <v>5</v>
      </c>
      <c r="G10437" t="s">
        <v>770</v>
      </c>
      <c r="H10437" t="s">
        <v>23962</v>
      </c>
      <c r="I10437" t="s">
        <v>30540</v>
      </c>
    </row>
    <row r="10438" spans="1:9">
      <c r="A10438" s="1">
        <v>0.46668519209990311</v>
      </c>
      <c r="B10438" s="1"/>
      <c r="C10438">
        <v>2</v>
      </c>
      <c r="D10438" t="s">
        <v>23959</v>
      </c>
      <c r="E10438" t="s">
        <v>33902</v>
      </c>
      <c r="F10438">
        <v>4</v>
      </c>
      <c r="G10438" t="s">
        <v>10</v>
      </c>
      <c r="H10438" t="s">
        <v>23960</v>
      </c>
      <c r="I10438" t="s">
        <v>30540</v>
      </c>
    </row>
    <row r="10439" spans="1:9">
      <c r="A10439" s="1">
        <v>0.20937736339118251</v>
      </c>
      <c r="B10439" s="1"/>
      <c r="C10439">
        <v>18</v>
      </c>
      <c r="D10439" t="s">
        <v>23955</v>
      </c>
      <c r="E10439" t="s">
        <v>33903</v>
      </c>
      <c r="F10439">
        <v>5</v>
      </c>
      <c r="G10439" t="s">
        <v>14</v>
      </c>
      <c r="H10439" t="s">
        <v>23956</v>
      </c>
      <c r="I10439" t="s">
        <v>30540</v>
      </c>
    </row>
    <row r="10440" spans="1:9">
      <c r="A10440" s="1">
        <v>0.83231448021973309</v>
      </c>
      <c r="B10440" s="1"/>
      <c r="C10440">
        <v>4</v>
      </c>
      <c r="D10440" t="s">
        <v>23953</v>
      </c>
      <c r="E10440" t="s">
        <v>33903</v>
      </c>
      <c r="F10440">
        <v>5</v>
      </c>
      <c r="G10440" t="s">
        <v>14</v>
      </c>
      <c r="H10440" t="s">
        <v>23954</v>
      </c>
      <c r="I10440" t="s">
        <v>30540</v>
      </c>
    </row>
    <row r="10441" spans="1:9">
      <c r="A10441" s="1">
        <v>0.94301226900953994</v>
      </c>
      <c r="B10441" s="1"/>
      <c r="C10441">
        <v>19</v>
      </c>
      <c r="D10441" t="s">
        <v>23957</v>
      </c>
      <c r="E10441" t="s">
        <v>33903</v>
      </c>
      <c r="F10441">
        <v>4</v>
      </c>
      <c r="G10441" t="s">
        <v>14</v>
      </c>
      <c r="H10441" t="s">
        <v>23958</v>
      </c>
      <c r="I10441" t="s">
        <v>30540</v>
      </c>
    </row>
    <row r="10442" spans="1:9">
      <c r="A10442" s="1">
        <v>7.499216337441561E-2</v>
      </c>
      <c r="B10442" s="1"/>
      <c r="C10442">
        <v>7</v>
      </c>
      <c r="D10442" t="s">
        <v>23949</v>
      </c>
      <c r="E10442" t="s">
        <v>33904</v>
      </c>
      <c r="F10442">
        <v>4</v>
      </c>
      <c r="G10442" t="s">
        <v>14</v>
      </c>
      <c r="H10442" t="s">
        <v>23950</v>
      </c>
      <c r="I10442" t="s">
        <v>30540</v>
      </c>
    </row>
    <row r="10443" spans="1:9">
      <c r="A10443" s="1">
        <v>0.37217965470695724</v>
      </c>
      <c r="B10443" s="1"/>
      <c r="C10443">
        <v>14</v>
      </c>
      <c r="D10443" t="s">
        <v>23951</v>
      </c>
      <c r="E10443" t="s">
        <v>33904</v>
      </c>
      <c r="F10443">
        <v>4</v>
      </c>
      <c r="G10443" t="s">
        <v>14</v>
      </c>
      <c r="H10443" t="s">
        <v>23952</v>
      </c>
      <c r="I10443" t="s">
        <v>30540</v>
      </c>
    </row>
    <row r="10444" spans="1:9">
      <c r="A10444" s="1">
        <v>0.11605759292653439</v>
      </c>
      <c r="B10444" s="1"/>
      <c r="C10444">
        <v>16</v>
      </c>
      <c r="D10444" t="s">
        <v>23943</v>
      </c>
      <c r="E10444" t="s">
        <v>33905</v>
      </c>
      <c r="F10444">
        <v>5</v>
      </c>
      <c r="G10444" t="s">
        <v>14</v>
      </c>
      <c r="H10444" t="s">
        <v>23944</v>
      </c>
      <c r="I10444" t="s">
        <v>30540</v>
      </c>
    </row>
    <row r="10445" spans="1:9">
      <c r="A10445" s="1">
        <v>9.7098354980575396E-2</v>
      </c>
      <c r="B10445" s="1"/>
      <c r="C10445">
        <v>15</v>
      </c>
      <c r="D10445" t="s">
        <v>23941</v>
      </c>
      <c r="E10445" t="s">
        <v>33905</v>
      </c>
      <c r="F10445">
        <v>4</v>
      </c>
      <c r="G10445" t="s">
        <v>1</v>
      </c>
      <c r="H10445" t="s">
        <v>23942</v>
      </c>
      <c r="I10445" t="s">
        <v>30540</v>
      </c>
    </row>
    <row r="10446" spans="1:9">
      <c r="A10446" s="1">
        <v>0.82878890781334902</v>
      </c>
      <c r="B10446" s="1"/>
      <c r="C10446">
        <v>18</v>
      </c>
      <c r="D10446" t="s">
        <v>23945</v>
      </c>
      <c r="E10446" t="s">
        <v>33905</v>
      </c>
      <c r="F10446">
        <v>4</v>
      </c>
      <c r="G10446" t="s">
        <v>14</v>
      </c>
      <c r="H10446" t="s">
        <v>23946</v>
      </c>
      <c r="I10446" t="s">
        <v>30540</v>
      </c>
    </row>
    <row r="10447" spans="1:9">
      <c r="A10447" s="1">
        <v>0.47394961465262486</v>
      </c>
      <c r="B10447" s="1"/>
      <c r="C10447">
        <v>14</v>
      </c>
      <c r="D10447" t="s">
        <v>23935</v>
      </c>
      <c r="E10447" t="s">
        <v>33906</v>
      </c>
      <c r="F10447">
        <v>5</v>
      </c>
      <c r="G10447" t="s">
        <v>2</v>
      </c>
      <c r="H10447" t="s">
        <v>23936</v>
      </c>
      <c r="I10447" t="s">
        <v>30540</v>
      </c>
    </row>
    <row r="10448" spans="1:9">
      <c r="A10448" s="1">
        <v>0.37911342360422562</v>
      </c>
      <c r="B10448" s="1"/>
      <c r="C10448">
        <v>3</v>
      </c>
      <c r="D10448" t="s">
        <v>23929</v>
      </c>
      <c r="E10448" t="s">
        <v>33906</v>
      </c>
      <c r="F10448">
        <v>4</v>
      </c>
      <c r="G10448" t="s">
        <v>1431</v>
      </c>
      <c r="H10448" t="s">
        <v>23930</v>
      </c>
      <c r="I10448" t="s">
        <v>30540</v>
      </c>
    </row>
    <row r="10449" spans="1:9">
      <c r="A10449" s="1">
        <v>0.51773396832590535</v>
      </c>
      <c r="B10449" s="1"/>
      <c r="C10449">
        <v>1</v>
      </c>
      <c r="D10449" t="s">
        <v>23927</v>
      </c>
      <c r="E10449" t="s">
        <v>33906</v>
      </c>
      <c r="F10449">
        <v>4</v>
      </c>
      <c r="G10449" t="s">
        <v>15</v>
      </c>
      <c r="H10449" t="s">
        <v>23928</v>
      </c>
      <c r="I10449" t="s">
        <v>30540</v>
      </c>
    </row>
    <row r="10450" spans="1:9">
      <c r="A10450" s="1">
        <v>4.8172071252304161E-2</v>
      </c>
      <c r="B10450" s="1"/>
      <c r="C10450">
        <v>7</v>
      </c>
      <c r="D10450" t="s">
        <v>23931</v>
      </c>
      <c r="E10450" t="s">
        <v>33906</v>
      </c>
      <c r="F10450">
        <v>3</v>
      </c>
      <c r="G10450" t="s">
        <v>10</v>
      </c>
      <c r="H10450" t="s">
        <v>23932</v>
      </c>
      <c r="I10450" t="s">
        <v>30540</v>
      </c>
    </row>
    <row r="10451" spans="1:9">
      <c r="A10451" s="1">
        <v>0.57363572821725417</v>
      </c>
      <c r="B10451" s="1"/>
      <c r="C10451">
        <v>17</v>
      </c>
      <c r="D10451" t="s">
        <v>23925</v>
      </c>
      <c r="E10451" t="s">
        <v>33907</v>
      </c>
      <c r="F10451">
        <v>4</v>
      </c>
      <c r="G10451" t="s">
        <v>14</v>
      </c>
      <c r="H10451" t="s">
        <v>23926</v>
      </c>
      <c r="I10451" t="s">
        <v>30540</v>
      </c>
    </row>
    <row r="10452" spans="1:9">
      <c r="A10452" s="1">
        <v>0.9513016025181924</v>
      </c>
      <c r="B10452" s="1"/>
      <c r="C10452">
        <v>5</v>
      </c>
      <c r="D10452" t="s">
        <v>23917</v>
      </c>
      <c r="E10452" t="s">
        <v>33907</v>
      </c>
      <c r="F10452">
        <v>4</v>
      </c>
      <c r="G10452" t="s">
        <v>14</v>
      </c>
      <c r="H10452" t="s">
        <v>23918</v>
      </c>
      <c r="I10452" t="s">
        <v>30540</v>
      </c>
    </row>
    <row r="10453" spans="1:9">
      <c r="A10453" s="1">
        <v>0.87625628384752585</v>
      </c>
      <c r="B10453" s="1"/>
      <c r="C10453">
        <v>18</v>
      </c>
      <c r="D10453" t="s">
        <v>23915</v>
      </c>
      <c r="E10453" t="s">
        <v>33908</v>
      </c>
      <c r="F10453">
        <v>5</v>
      </c>
      <c r="G10453" t="s">
        <v>14</v>
      </c>
      <c r="H10453" t="s">
        <v>23916</v>
      </c>
      <c r="I10453" t="s">
        <v>30540</v>
      </c>
    </row>
    <row r="10454" spans="1:9">
      <c r="A10454" s="1">
        <v>0.36528432397908384</v>
      </c>
      <c r="B10454" s="1"/>
      <c r="C10454">
        <v>14</v>
      </c>
      <c r="D10454" t="s">
        <v>23913</v>
      </c>
      <c r="E10454" t="s">
        <v>33908</v>
      </c>
      <c r="F10454">
        <v>5</v>
      </c>
      <c r="G10454" t="s">
        <v>14</v>
      </c>
      <c r="H10454" t="s">
        <v>23914</v>
      </c>
      <c r="I10454" t="s">
        <v>30540</v>
      </c>
    </row>
    <row r="10455" spans="1:9">
      <c r="A10455" s="1">
        <v>0.51215567944201001</v>
      </c>
      <c r="B10455" s="1"/>
      <c r="C10455">
        <v>10</v>
      </c>
      <c r="D10455" t="s">
        <v>23909</v>
      </c>
      <c r="E10455" t="s">
        <v>33908</v>
      </c>
      <c r="F10455">
        <v>4</v>
      </c>
      <c r="G10455" t="s">
        <v>9</v>
      </c>
      <c r="H10455" t="s">
        <v>23910</v>
      </c>
      <c r="I10455" t="s">
        <v>30540</v>
      </c>
    </row>
    <row r="10456" spans="1:9">
      <c r="A10456" s="1">
        <v>0.87396548322332335</v>
      </c>
      <c r="B10456" s="1"/>
      <c r="C10456">
        <v>9</v>
      </c>
      <c r="D10456" t="s">
        <v>23907</v>
      </c>
      <c r="E10456" t="s">
        <v>33908</v>
      </c>
      <c r="F10456">
        <v>4</v>
      </c>
      <c r="G10456" t="s">
        <v>0</v>
      </c>
      <c r="H10456" t="s">
        <v>23908</v>
      </c>
      <c r="I10456" t="s">
        <v>30540</v>
      </c>
    </row>
    <row r="10457" spans="1:9">
      <c r="A10457" s="1">
        <v>3.0820085946204889E-3</v>
      </c>
      <c r="B10457" s="1"/>
      <c r="C10457">
        <v>1</v>
      </c>
      <c r="D10457" t="s">
        <v>23903</v>
      </c>
      <c r="E10457" t="s">
        <v>33908</v>
      </c>
      <c r="F10457">
        <v>4</v>
      </c>
      <c r="G10457" t="s">
        <v>1</v>
      </c>
      <c r="H10457" t="s">
        <v>23904</v>
      </c>
      <c r="I10457" t="s">
        <v>30540</v>
      </c>
    </row>
    <row r="10458" spans="1:9">
      <c r="A10458" s="1">
        <v>0.43698377267466026</v>
      </c>
      <c r="B10458" s="1"/>
      <c r="C10458">
        <v>3</v>
      </c>
      <c r="D10458" t="s">
        <v>23905</v>
      </c>
      <c r="E10458" t="s">
        <v>33908</v>
      </c>
      <c r="F10458">
        <v>4</v>
      </c>
      <c r="G10458" t="s">
        <v>14</v>
      </c>
      <c r="H10458" t="s">
        <v>23906</v>
      </c>
      <c r="I10458" t="s">
        <v>30540</v>
      </c>
    </row>
    <row r="10459" spans="1:9">
      <c r="A10459" s="1">
        <v>0.27559337490188029</v>
      </c>
      <c r="B10459" s="1"/>
      <c r="C10459">
        <v>19</v>
      </c>
      <c r="D10459" t="s">
        <v>23901</v>
      </c>
      <c r="E10459" t="s">
        <v>33909</v>
      </c>
      <c r="F10459">
        <v>5</v>
      </c>
      <c r="G10459" t="s">
        <v>14</v>
      </c>
      <c r="H10459" t="s">
        <v>23902</v>
      </c>
      <c r="I10459" t="s">
        <v>30540</v>
      </c>
    </row>
    <row r="10460" spans="1:9">
      <c r="A10460" s="1">
        <v>0.92022593960527932</v>
      </c>
      <c r="B10460" s="1"/>
      <c r="C10460">
        <v>13</v>
      </c>
      <c r="D10460" t="s">
        <v>23897</v>
      </c>
      <c r="E10460" t="s">
        <v>33909</v>
      </c>
      <c r="F10460">
        <v>5</v>
      </c>
      <c r="G10460" t="s">
        <v>14</v>
      </c>
      <c r="H10460" t="s">
        <v>23898</v>
      </c>
      <c r="I10460" t="s">
        <v>30540</v>
      </c>
    </row>
    <row r="10461" spans="1:9">
      <c r="A10461" s="1">
        <v>0.1484388898600485</v>
      </c>
      <c r="B10461" s="1"/>
      <c r="C10461">
        <v>8</v>
      </c>
      <c r="D10461" t="s">
        <v>23893</v>
      </c>
      <c r="E10461" t="s">
        <v>33909</v>
      </c>
      <c r="F10461">
        <v>4</v>
      </c>
      <c r="G10461" t="s">
        <v>14</v>
      </c>
      <c r="H10461" t="s">
        <v>23894</v>
      </c>
      <c r="I10461" t="s">
        <v>30540</v>
      </c>
    </row>
    <row r="10462" spans="1:9">
      <c r="A10462" s="1">
        <v>0.35487096888693126</v>
      </c>
      <c r="B10462" s="1"/>
      <c r="C10462">
        <v>18</v>
      </c>
      <c r="D10462" t="s">
        <v>23899</v>
      </c>
      <c r="E10462" t="s">
        <v>33909</v>
      </c>
      <c r="F10462">
        <v>4</v>
      </c>
      <c r="G10462" t="s">
        <v>2</v>
      </c>
      <c r="H10462" t="s">
        <v>23900</v>
      </c>
      <c r="I10462" t="s">
        <v>30540</v>
      </c>
    </row>
    <row r="10463" spans="1:9">
      <c r="A10463" s="1">
        <v>8.2238363504270717E-2</v>
      </c>
      <c r="B10463" s="1"/>
      <c r="C10463">
        <v>11</v>
      </c>
      <c r="D10463" t="s">
        <v>23895</v>
      </c>
      <c r="E10463" t="s">
        <v>33909</v>
      </c>
      <c r="F10463">
        <v>4</v>
      </c>
      <c r="G10463" t="s">
        <v>2</v>
      </c>
      <c r="H10463" t="s">
        <v>23896</v>
      </c>
      <c r="I10463" t="s">
        <v>30540</v>
      </c>
    </row>
    <row r="10464" spans="1:9">
      <c r="A10464" s="1">
        <v>0.89089188647756123</v>
      </c>
      <c r="B10464" s="1"/>
      <c r="C10464">
        <v>14</v>
      </c>
      <c r="D10464" t="s">
        <v>23889</v>
      </c>
      <c r="E10464" t="s">
        <v>33910</v>
      </c>
      <c r="F10464">
        <v>4</v>
      </c>
      <c r="G10464" t="s">
        <v>9</v>
      </c>
      <c r="H10464" t="s">
        <v>23890</v>
      </c>
      <c r="I10464" t="s">
        <v>30540</v>
      </c>
    </row>
    <row r="10465" spans="1:9">
      <c r="A10465" s="1">
        <v>0.15705930820217395</v>
      </c>
      <c r="B10465" s="1"/>
      <c r="C10465">
        <v>11</v>
      </c>
      <c r="D10465" t="s">
        <v>23887</v>
      </c>
      <c r="E10465" t="s">
        <v>33910</v>
      </c>
      <c r="F10465">
        <v>4</v>
      </c>
      <c r="G10465" t="s">
        <v>14</v>
      </c>
      <c r="H10465" t="s">
        <v>23888</v>
      </c>
      <c r="I10465" t="s">
        <v>30540</v>
      </c>
    </row>
    <row r="10466" spans="1:9">
      <c r="A10466" s="1">
        <v>0.4915353521794491</v>
      </c>
      <c r="B10466" s="1"/>
      <c r="C10466">
        <v>20</v>
      </c>
      <c r="D10466" t="s">
        <v>23885</v>
      </c>
      <c r="E10466" t="s">
        <v>33911</v>
      </c>
      <c r="F10466">
        <v>4</v>
      </c>
      <c r="G10466" t="s">
        <v>14</v>
      </c>
      <c r="H10466" t="s">
        <v>23886</v>
      </c>
      <c r="I10466" t="s">
        <v>30540</v>
      </c>
    </row>
    <row r="10467" spans="1:9">
      <c r="A10467" s="1">
        <v>0.1428387667385782</v>
      </c>
      <c r="B10467" s="1"/>
      <c r="C10467">
        <v>3</v>
      </c>
      <c r="D10467" t="s">
        <v>23877</v>
      </c>
      <c r="E10467" t="s">
        <v>33911</v>
      </c>
      <c r="F10467">
        <v>4</v>
      </c>
      <c r="G10467" t="s">
        <v>3732</v>
      </c>
      <c r="H10467" t="s">
        <v>23878</v>
      </c>
      <c r="I10467" t="s">
        <v>30540</v>
      </c>
    </row>
    <row r="10468" spans="1:9">
      <c r="A10468" s="1">
        <v>0.67608772409055784</v>
      </c>
      <c r="B10468" s="1"/>
      <c r="C10468">
        <v>19</v>
      </c>
      <c r="D10468" t="s">
        <v>23883</v>
      </c>
      <c r="E10468" t="s">
        <v>33911</v>
      </c>
      <c r="F10468">
        <v>4</v>
      </c>
      <c r="G10468" t="s">
        <v>0</v>
      </c>
      <c r="H10468" t="s">
        <v>23884</v>
      </c>
      <c r="I10468" t="s">
        <v>30540</v>
      </c>
    </row>
    <row r="10469" spans="1:9">
      <c r="A10469" s="1">
        <v>0.67372284117558046</v>
      </c>
      <c r="B10469" s="1"/>
      <c r="C10469">
        <v>5</v>
      </c>
      <c r="D10469" t="s">
        <v>23879</v>
      </c>
      <c r="E10469" t="s">
        <v>33911</v>
      </c>
      <c r="F10469">
        <v>4</v>
      </c>
      <c r="G10469" t="s">
        <v>762</v>
      </c>
      <c r="H10469" t="s">
        <v>23880</v>
      </c>
      <c r="I10469" t="s">
        <v>30540</v>
      </c>
    </row>
    <row r="10470" spans="1:9">
      <c r="A10470" s="1">
        <v>0.47993592366171478</v>
      </c>
      <c r="B10470" s="1"/>
      <c r="C10470">
        <v>10</v>
      </c>
      <c r="D10470" t="s">
        <v>23881</v>
      </c>
      <c r="E10470" t="s">
        <v>33911</v>
      </c>
      <c r="F10470">
        <v>3</v>
      </c>
      <c r="G10470" t="s">
        <v>10</v>
      </c>
      <c r="H10470" t="s">
        <v>23882</v>
      </c>
      <c r="I10470" t="s">
        <v>30540</v>
      </c>
    </row>
    <row r="10471" spans="1:9">
      <c r="A10471" s="1">
        <v>0.83386157638539626</v>
      </c>
      <c r="B10471" s="1"/>
      <c r="C10471">
        <v>1</v>
      </c>
      <c r="D10471" t="s">
        <v>23875</v>
      </c>
      <c r="E10471" t="s">
        <v>33911</v>
      </c>
      <c r="F10471">
        <v>3</v>
      </c>
      <c r="G10471" t="s">
        <v>775</v>
      </c>
      <c r="H10471" t="s">
        <v>23876</v>
      </c>
      <c r="I10471" t="s">
        <v>30540</v>
      </c>
    </row>
    <row r="10472" spans="1:9">
      <c r="A10472" s="1">
        <v>0.14636825853816748</v>
      </c>
      <c r="B10472" s="1"/>
      <c r="C10472">
        <v>12</v>
      </c>
      <c r="D10472" t="s">
        <v>23873</v>
      </c>
      <c r="E10472" t="s">
        <v>33912</v>
      </c>
      <c r="F10472">
        <v>4</v>
      </c>
      <c r="G10472" t="s">
        <v>0</v>
      </c>
      <c r="H10472" t="s">
        <v>23874</v>
      </c>
      <c r="I10472" t="s">
        <v>30540</v>
      </c>
    </row>
    <row r="10473" spans="1:9">
      <c r="A10473" s="1">
        <v>0.6218701763345279</v>
      </c>
      <c r="B10473" s="1"/>
      <c r="C10473">
        <v>10</v>
      </c>
      <c r="D10473" t="s">
        <v>23871</v>
      </c>
      <c r="E10473" t="s">
        <v>33912</v>
      </c>
      <c r="F10473">
        <v>4</v>
      </c>
      <c r="G10473" t="s">
        <v>14</v>
      </c>
      <c r="H10473" t="s">
        <v>23872</v>
      </c>
      <c r="I10473" t="s">
        <v>30540</v>
      </c>
    </row>
    <row r="10474" spans="1:9">
      <c r="A10474" s="1">
        <v>7.99406410005713E-2</v>
      </c>
      <c r="B10474" s="1"/>
      <c r="C10474">
        <v>7</v>
      </c>
      <c r="D10474" t="s">
        <v>23869</v>
      </c>
      <c r="E10474" t="s">
        <v>33912</v>
      </c>
      <c r="F10474">
        <v>4</v>
      </c>
      <c r="G10474" t="s">
        <v>14</v>
      </c>
      <c r="H10474" t="s">
        <v>23870</v>
      </c>
      <c r="I10474" t="s">
        <v>30540</v>
      </c>
    </row>
    <row r="10475" spans="1:9">
      <c r="A10475" s="1">
        <v>0.42398285100762167</v>
      </c>
      <c r="B10475" s="1"/>
      <c r="C10475">
        <v>5</v>
      </c>
      <c r="D10475" t="s">
        <v>23867</v>
      </c>
      <c r="E10475" t="s">
        <v>33912</v>
      </c>
      <c r="F10475">
        <v>4</v>
      </c>
      <c r="G10475" t="s">
        <v>9</v>
      </c>
      <c r="H10475" t="s">
        <v>23868</v>
      </c>
      <c r="I10475" t="s">
        <v>30540</v>
      </c>
    </row>
    <row r="10476" spans="1:9">
      <c r="A10476" s="1">
        <v>0.35550485268473919</v>
      </c>
      <c r="B10476" s="1"/>
      <c r="C10476">
        <v>8</v>
      </c>
      <c r="D10476" t="s">
        <v>23857</v>
      </c>
      <c r="E10476" t="s">
        <v>33913</v>
      </c>
      <c r="F10476">
        <v>5</v>
      </c>
      <c r="G10476" t="s">
        <v>14</v>
      </c>
      <c r="H10476" t="s">
        <v>23858</v>
      </c>
      <c r="I10476" t="s">
        <v>30540</v>
      </c>
    </row>
    <row r="10477" spans="1:9">
      <c r="A10477" s="1">
        <v>0.29855230524034748</v>
      </c>
      <c r="B10477" s="1"/>
      <c r="C10477">
        <v>14</v>
      </c>
      <c r="D10477" t="s">
        <v>23861</v>
      </c>
      <c r="E10477" t="s">
        <v>33913</v>
      </c>
      <c r="F10477">
        <v>5</v>
      </c>
      <c r="G10477" t="s">
        <v>14</v>
      </c>
      <c r="H10477" t="s">
        <v>23862</v>
      </c>
      <c r="I10477" t="s">
        <v>30540</v>
      </c>
    </row>
    <row r="10478" spans="1:9">
      <c r="A10478" s="1">
        <v>0.73099349666997948</v>
      </c>
      <c r="B10478" s="1"/>
      <c r="C10478">
        <v>16</v>
      </c>
      <c r="D10478" t="s">
        <v>23863</v>
      </c>
      <c r="E10478" t="s">
        <v>33913</v>
      </c>
      <c r="F10478">
        <v>4</v>
      </c>
      <c r="G10478" t="s">
        <v>0</v>
      </c>
      <c r="H10478" t="s">
        <v>23864</v>
      </c>
      <c r="I10478" t="s">
        <v>30540</v>
      </c>
    </row>
    <row r="10479" spans="1:9">
      <c r="A10479" s="1">
        <v>0.90627062791958535</v>
      </c>
      <c r="B10479" s="1"/>
      <c r="C10479">
        <v>17</v>
      </c>
      <c r="D10479" t="s">
        <v>23865</v>
      </c>
      <c r="E10479" t="s">
        <v>33913</v>
      </c>
      <c r="F10479">
        <v>3</v>
      </c>
      <c r="G10479" t="s">
        <v>14</v>
      </c>
      <c r="H10479" t="s">
        <v>23866</v>
      </c>
      <c r="I10479" t="s">
        <v>30540</v>
      </c>
    </row>
    <row r="10480" spans="1:9">
      <c r="A10480" s="1">
        <v>0.21333807010188144</v>
      </c>
      <c r="B10480" s="1"/>
      <c r="C10480">
        <v>8</v>
      </c>
      <c r="D10480" t="s">
        <v>23851</v>
      </c>
      <c r="E10480" t="s">
        <v>33914</v>
      </c>
      <c r="F10480">
        <v>5</v>
      </c>
      <c r="G10480" t="s">
        <v>1</v>
      </c>
      <c r="H10480" t="s">
        <v>23852</v>
      </c>
      <c r="I10480" t="s">
        <v>30540</v>
      </c>
    </row>
    <row r="10481" spans="1:9">
      <c r="A10481" s="1">
        <v>0.44717399416850345</v>
      </c>
      <c r="B10481" s="1"/>
      <c r="C10481">
        <v>14</v>
      </c>
      <c r="D10481" t="s">
        <v>23855</v>
      </c>
      <c r="E10481" t="s">
        <v>33914</v>
      </c>
      <c r="F10481">
        <v>5</v>
      </c>
      <c r="G10481" t="s">
        <v>14</v>
      </c>
      <c r="H10481" t="s">
        <v>23856</v>
      </c>
      <c r="I10481" t="s">
        <v>30540</v>
      </c>
    </row>
    <row r="10482" spans="1:9">
      <c r="A10482" s="1">
        <v>0.49790150336771777</v>
      </c>
      <c r="B10482" s="1"/>
      <c r="C10482">
        <v>13</v>
      </c>
      <c r="D10482" t="s">
        <v>23853</v>
      </c>
      <c r="E10482" t="s">
        <v>33914</v>
      </c>
      <c r="F10482">
        <v>4</v>
      </c>
      <c r="G10482" t="s">
        <v>14</v>
      </c>
      <c r="H10482" t="s">
        <v>23854</v>
      </c>
      <c r="I10482" t="s">
        <v>30540</v>
      </c>
    </row>
    <row r="10483" spans="1:9">
      <c r="A10483" s="1">
        <v>2.5680996920993904E-2</v>
      </c>
      <c r="B10483" s="1"/>
      <c r="C10483">
        <v>18</v>
      </c>
      <c r="D10483" t="s">
        <v>23847</v>
      </c>
      <c r="E10483" t="s">
        <v>33915</v>
      </c>
      <c r="F10483">
        <v>5</v>
      </c>
      <c r="G10483" t="s">
        <v>14</v>
      </c>
      <c r="H10483" t="s">
        <v>23848</v>
      </c>
      <c r="I10483" t="s">
        <v>30540</v>
      </c>
    </row>
    <row r="10484" spans="1:9">
      <c r="A10484" s="1">
        <v>0.5189818633899651</v>
      </c>
      <c r="B10484" s="1"/>
      <c r="C10484">
        <v>19</v>
      </c>
      <c r="D10484" t="s">
        <v>23849</v>
      </c>
      <c r="E10484" t="s">
        <v>33915</v>
      </c>
      <c r="F10484">
        <v>5</v>
      </c>
      <c r="G10484" t="s">
        <v>14</v>
      </c>
      <c r="H10484" t="s">
        <v>23850</v>
      </c>
      <c r="I10484" t="s">
        <v>30540</v>
      </c>
    </row>
    <row r="10485" spans="1:9">
      <c r="A10485" s="1">
        <v>4.5955460090638556E-2</v>
      </c>
      <c r="B10485" s="1"/>
      <c r="C10485">
        <v>12</v>
      </c>
      <c r="D10485" t="s">
        <v>23845</v>
      </c>
      <c r="E10485" t="s">
        <v>33915</v>
      </c>
      <c r="F10485">
        <v>4</v>
      </c>
      <c r="G10485" t="s">
        <v>9</v>
      </c>
      <c r="H10485" t="s">
        <v>23846</v>
      </c>
      <c r="I10485" t="s">
        <v>30540</v>
      </c>
    </row>
    <row r="10486" spans="1:9">
      <c r="A10486" s="1">
        <v>0.11644439674608309</v>
      </c>
      <c r="B10486" s="1"/>
      <c r="C10486">
        <v>6</v>
      </c>
      <c r="D10486" t="s">
        <v>23843</v>
      </c>
      <c r="E10486" t="s">
        <v>33915</v>
      </c>
      <c r="F10486">
        <v>4</v>
      </c>
      <c r="G10486" t="s">
        <v>14</v>
      </c>
      <c r="H10486" t="s">
        <v>23844</v>
      </c>
      <c r="I10486" t="s">
        <v>30540</v>
      </c>
    </row>
    <row r="10487" spans="1:9">
      <c r="A10487" s="1">
        <v>2.241927912684849E-3</v>
      </c>
      <c r="B10487" s="1"/>
      <c r="C10487">
        <v>10</v>
      </c>
      <c r="D10487" t="s">
        <v>23839</v>
      </c>
      <c r="E10487" t="s">
        <v>33916</v>
      </c>
      <c r="F10487">
        <v>5</v>
      </c>
      <c r="G10487" t="s">
        <v>14</v>
      </c>
      <c r="H10487" t="s">
        <v>23840</v>
      </c>
      <c r="I10487" t="s">
        <v>30540</v>
      </c>
    </row>
    <row r="10488" spans="1:9">
      <c r="A10488" s="1">
        <v>0.52387008650527622</v>
      </c>
      <c r="B10488" s="1"/>
      <c r="C10488">
        <v>8</v>
      </c>
      <c r="D10488" t="s">
        <v>23837</v>
      </c>
      <c r="E10488" t="s">
        <v>33916</v>
      </c>
      <c r="F10488">
        <v>4</v>
      </c>
      <c r="G10488" t="s">
        <v>14</v>
      </c>
      <c r="H10488" t="s">
        <v>23838</v>
      </c>
      <c r="I10488" t="s">
        <v>30540</v>
      </c>
    </row>
    <row r="10489" spans="1:9">
      <c r="A10489" s="1">
        <v>0.24276274780687934</v>
      </c>
      <c r="B10489" s="1"/>
      <c r="C10489">
        <v>18</v>
      </c>
      <c r="D10489" t="s">
        <v>23841</v>
      </c>
      <c r="E10489" t="s">
        <v>33916</v>
      </c>
      <c r="F10489">
        <v>4</v>
      </c>
      <c r="G10489" t="s">
        <v>14</v>
      </c>
      <c r="H10489" t="s">
        <v>23842</v>
      </c>
      <c r="I10489" t="s">
        <v>30540</v>
      </c>
    </row>
    <row r="10490" spans="1:9">
      <c r="A10490" s="1">
        <v>0.74790612214924279</v>
      </c>
      <c r="B10490" s="1"/>
      <c r="C10490">
        <v>12</v>
      </c>
      <c r="D10490" t="s">
        <v>23833</v>
      </c>
      <c r="E10490" t="s">
        <v>33917</v>
      </c>
      <c r="F10490">
        <v>5</v>
      </c>
      <c r="G10490" t="s">
        <v>1</v>
      </c>
      <c r="H10490" t="s">
        <v>23834</v>
      </c>
      <c r="I10490" t="s">
        <v>30540</v>
      </c>
    </row>
    <row r="10491" spans="1:9">
      <c r="A10491" s="1">
        <v>0.62655720822994199</v>
      </c>
      <c r="B10491" s="1"/>
      <c r="C10491">
        <v>3</v>
      </c>
      <c r="D10491" t="s">
        <v>23829</v>
      </c>
      <c r="E10491" t="s">
        <v>33917</v>
      </c>
      <c r="F10491">
        <v>4</v>
      </c>
      <c r="G10491" t="s">
        <v>14</v>
      </c>
      <c r="H10491" t="s">
        <v>23830</v>
      </c>
      <c r="I10491" t="s">
        <v>30540</v>
      </c>
    </row>
    <row r="10492" spans="1:9">
      <c r="A10492" s="1">
        <v>0.44710159691651719</v>
      </c>
      <c r="B10492" s="1"/>
      <c r="C10492">
        <v>10</v>
      </c>
      <c r="D10492" t="s">
        <v>23831</v>
      </c>
      <c r="E10492" t="s">
        <v>33917</v>
      </c>
      <c r="F10492">
        <v>3</v>
      </c>
      <c r="G10492" t="s">
        <v>14</v>
      </c>
      <c r="H10492" t="s">
        <v>23832</v>
      </c>
      <c r="I10492" t="s">
        <v>30540</v>
      </c>
    </row>
    <row r="10493" spans="1:9">
      <c r="A10493" s="1">
        <v>0.98526696735004915</v>
      </c>
      <c r="B10493" s="1"/>
      <c r="C10493">
        <v>8</v>
      </c>
      <c r="D10493" t="s">
        <v>23825</v>
      </c>
      <c r="E10493" t="s">
        <v>33918</v>
      </c>
      <c r="F10493">
        <v>4</v>
      </c>
      <c r="G10493" t="s">
        <v>14</v>
      </c>
      <c r="H10493" t="s">
        <v>23826</v>
      </c>
      <c r="I10493" t="s">
        <v>30540</v>
      </c>
    </row>
    <row r="10494" spans="1:9">
      <c r="A10494" s="1">
        <v>0.25528372435787372</v>
      </c>
      <c r="B10494" s="1"/>
      <c r="C10494">
        <v>10</v>
      </c>
      <c r="D10494" t="s">
        <v>23827</v>
      </c>
      <c r="E10494" t="s">
        <v>33918</v>
      </c>
      <c r="F10494">
        <v>4</v>
      </c>
      <c r="G10494" t="s">
        <v>14</v>
      </c>
      <c r="H10494" t="s">
        <v>23828</v>
      </c>
      <c r="I10494" t="s">
        <v>30540</v>
      </c>
    </row>
    <row r="10495" spans="1:9">
      <c r="A10495" s="1">
        <v>0.73220955506069607</v>
      </c>
      <c r="B10495" s="1"/>
      <c r="C10495">
        <v>12</v>
      </c>
      <c r="D10495" t="s">
        <v>23821</v>
      </c>
      <c r="E10495" t="s">
        <v>33919</v>
      </c>
      <c r="F10495">
        <v>4</v>
      </c>
      <c r="G10495" t="s">
        <v>14</v>
      </c>
      <c r="H10495" t="s">
        <v>23822</v>
      </c>
      <c r="I10495" t="s">
        <v>30540</v>
      </c>
    </row>
    <row r="10496" spans="1:9">
      <c r="A10496" s="1">
        <v>0.99298405034683446</v>
      </c>
      <c r="B10496" s="1"/>
      <c r="C10496">
        <v>5</v>
      </c>
      <c r="D10496" t="s">
        <v>23819</v>
      </c>
      <c r="E10496" t="s">
        <v>33919</v>
      </c>
      <c r="F10496">
        <v>4</v>
      </c>
      <c r="G10496" t="s">
        <v>14</v>
      </c>
      <c r="H10496" t="s">
        <v>23820</v>
      </c>
      <c r="I10496" t="s">
        <v>30540</v>
      </c>
    </row>
    <row r="10497" spans="1:9">
      <c r="A10497" s="1">
        <v>0.71080605696094479</v>
      </c>
      <c r="B10497" s="1"/>
      <c r="C10497">
        <v>20</v>
      </c>
      <c r="D10497" t="s">
        <v>23817</v>
      </c>
      <c r="E10497" t="s">
        <v>33920</v>
      </c>
      <c r="F10497">
        <v>5</v>
      </c>
      <c r="G10497" t="s">
        <v>2229</v>
      </c>
      <c r="H10497" t="s">
        <v>23818</v>
      </c>
      <c r="I10497" t="s">
        <v>30540</v>
      </c>
    </row>
    <row r="10498" spans="1:9">
      <c r="A10498" s="1">
        <v>0.11963437782502584</v>
      </c>
      <c r="B10498" s="1"/>
      <c r="C10498">
        <v>17</v>
      </c>
      <c r="D10498" t="s">
        <v>23815</v>
      </c>
      <c r="E10498" t="s">
        <v>33920</v>
      </c>
      <c r="F10498">
        <v>5</v>
      </c>
      <c r="G10498" t="s">
        <v>762</v>
      </c>
      <c r="H10498" t="s">
        <v>23816</v>
      </c>
      <c r="I10498" t="s">
        <v>30540</v>
      </c>
    </row>
    <row r="10499" spans="1:9">
      <c r="A10499" s="1">
        <v>0.43632994396077363</v>
      </c>
      <c r="B10499" s="1"/>
      <c r="C10499">
        <v>1</v>
      </c>
      <c r="D10499" t="s">
        <v>23805</v>
      </c>
      <c r="E10499" t="s">
        <v>33920</v>
      </c>
      <c r="F10499">
        <v>5</v>
      </c>
      <c r="G10499" t="s">
        <v>14</v>
      </c>
      <c r="H10499" t="s">
        <v>23806</v>
      </c>
      <c r="I10499" t="s">
        <v>30540</v>
      </c>
    </row>
    <row r="10500" spans="1:9">
      <c r="A10500" s="1">
        <v>0.63621491479496317</v>
      </c>
      <c r="B10500" s="1"/>
      <c r="C10500">
        <v>7</v>
      </c>
      <c r="D10500" t="s">
        <v>23811</v>
      </c>
      <c r="E10500" t="s">
        <v>33920</v>
      </c>
      <c r="F10500">
        <v>4</v>
      </c>
      <c r="G10500" t="s">
        <v>2</v>
      </c>
      <c r="H10500" t="s">
        <v>23812</v>
      </c>
      <c r="I10500" t="s">
        <v>30540</v>
      </c>
    </row>
    <row r="10501" spans="1:9">
      <c r="A10501" s="1">
        <v>0.14095012786687167</v>
      </c>
      <c r="B10501" s="1"/>
      <c r="C10501">
        <v>6</v>
      </c>
      <c r="D10501" t="s">
        <v>23809</v>
      </c>
      <c r="E10501" t="s">
        <v>33920</v>
      </c>
      <c r="F10501">
        <v>4</v>
      </c>
      <c r="G10501" t="s">
        <v>1</v>
      </c>
      <c r="H10501" t="s">
        <v>23810</v>
      </c>
      <c r="I10501" t="s">
        <v>30540</v>
      </c>
    </row>
    <row r="10502" spans="1:9">
      <c r="A10502" s="1">
        <v>0.2108772744142392</v>
      </c>
      <c r="B10502" s="1"/>
      <c r="C10502">
        <v>10</v>
      </c>
      <c r="D10502" t="s">
        <v>23813</v>
      </c>
      <c r="E10502" t="s">
        <v>33920</v>
      </c>
      <c r="F10502">
        <v>4</v>
      </c>
      <c r="G10502" t="s">
        <v>766</v>
      </c>
      <c r="H10502" t="s">
        <v>23814</v>
      </c>
      <c r="I10502" t="s">
        <v>30540</v>
      </c>
    </row>
    <row r="10503" spans="1:9">
      <c r="A10503" s="1">
        <v>0.59831710569834573</v>
      </c>
      <c r="B10503" s="1"/>
      <c r="C10503">
        <v>3</v>
      </c>
      <c r="D10503" t="s">
        <v>23807</v>
      </c>
      <c r="E10503" t="s">
        <v>33920</v>
      </c>
      <c r="F10503">
        <v>3</v>
      </c>
      <c r="G10503" t="s">
        <v>762</v>
      </c>
      <c r="H10503" t="s">
        <v>23808</v>
      </c>
      <c r="I10503" t="s">
        <v>30540</v>
      </c>
    </row>
    <row r="10504" spans="1:9">
      <c r="A10504" s="1">
        <v>0.39290308195816237</v>
      </c>
      <c r="B10504" s="1"/>
      <c r="C10504">
        <v>9</v>
      </c>
      <c r="D10504" t="s">
        <v>23801</v>
      </c>
      <c r="E10504" t="s">
        <v>33921</v>
      </c>
      <c r="F10504">
        <v>5</v>
      </c>
      <c r="G10504" t="s">
        <v>14</v>
      </c>
      <c r="H10504" t="s">
        <v>23802</v>
      </c>
      <c r="I10504" t="s">
        <v>30540</v>
      </c>
    </row>
    <row r="10505" spans="1:9">
      <c r="A10505" s="1">
        <v>0.90866202849843802</v>
      </c>
      <c r="B10505" s="1"/>
      <c r="C10505">
        <v>2</v>
      </c>
      <c r="D10505" t="s">
        <v>23795</v>
      </c>
      <c r="E10505" t="s">
        <v>33922</v>
      </c>
      <c r="F10505">
        <v>5</v>
      </c>
      <c r="G10505" t="s">
        <v>14</v>
      </c>
      <c r="H10505" t="s">
        <v>23796</v>
      </c>
      <c r="I10505" t="s">
        <v>30540</v>
      </c>
    </row>
    <row r="10506" spans="1:9">
      <c r="A10506" s="1">
        <v>0.13412947688425192</v>
      </c>
      <c r="B10506" s="1"/>
      <c r="C10506">
        <v>5</v>
      </c>
      <c r="D10506" t="s">
        <v>23797</v>
      </c>
      <c r="E10506" t="s">
        <v>33922</v>
      </c>
      <c r="F10506">
        <v>4</v>
      </c>
      <c r="G10506" t="s">
        <v>14</v>
      </c>
      <c r="H10506" t="s">
        <v>23798</v>
      </c>
      <c r="I10506" t="s">
        <v>30540</v>
      </c>
    </row>
    <row r="10507" spans="1:9">
      <c r="A10507" s="1">
        <v>0.85463110423644684</v>
      </c>
      <c r="B10507" s="1"/>
      <c r="C10507">
        <v>9</v>
      </c>
      <c r="D10507" t="s">
        <v>23799</v>
      </c>
      <c r="E10507" t="s">
        <v>33922</v>
      </c>
      <c r="F10507">
        <v>4</v>
      </c>
      <c r="G10507" t="s">
        <v>2</v>
      </c>
      <c r="H10507" t="s">
        <v>23800</v>
      </c>
      <c r="I10507" t="s">
        <v>30540</v>
      </c>
    </row>
    <row r="10508" spans="1:9">
      <c r="A10508" s="1">
        <v>0.61239354710899818</v>
      </c>
      <c r="B10508" s="1"/>
      <c r="C10508">
        <v>17</v>
      </c>
      <c r="D10508" t="s">
        <v>23793</v>
      </c>
      <c r="E10508" t="s">
        <v>33923</v>
      </c>
      <c r="F10508">
        <v>4</v>
      </c>
      <c r="G10508" t="s">
        <v>14</v>
      </c>
      <c r="H10508" t="s">
        <v>23794</v>
      </c>
      <c r="I10508" t="s">
        <v>30540</v>
      </c>
    </row>
    <row r="10509" spans="1:9">
      <c r="A10509" s="1">
        <v>0.83814404725535341</v>
      </c>
      <c r="B10509" s="1"/>
      <c r="C10509">
        <v>2</v>
      </c>
      <c r="D10509" t="s">
        <v>23787</v>
      </c>
      <c r="E10509" t="s">
        <v>33923</v>
      </c>
      <c r="F10509">
        <v>4</v>
      </c>
      <c r="G10509" t="s">
        <v>15</v>
      </c>
      <c r="H10509" t="s">
        <v>23788</v>
      </c>
      <c r="I10509" t="s">
        <v>30540</v>
      </c>
    </row>
    <row r="10510" spans="1:9">
      <c r="A10510" s="1">
        <v>0.31320935120550708</v>
      </c>
      <c r="B10510" s="1"/>
      <c r="C10510">
        <v>13</v>
      </c>
      <c r="D10510" t="s">
        <v>23791</v>
      </c>
      <c r="E10510" t="s">
        <v>33923</v>
      </c>
      <c r="F10510">
        <v>4</v>
      </c>
      <c r="G10510" t="s">
        <v>14</v>
      </c>
      <c r="H10510" t="s">
        <v>23792</v>
      </c>
      <c r="I10510" t="s">
        <v>30540</v>
      </c>
    </row>
    <row r="10511" spans="1:9">
      <c r="A10511" s="1">
        <v>0.51938412452205385</v>
      </c>
      <c r="B10511" s="1"/>
      <c r="C10511">
        <v>4</v>
      </c>
      <c r="D10511" t="s">
        <v>23789</v>
      </c>
      <c r="E10511" t="s">
        <v>33923</v>
      </c>
      <c r="F10511">
        <v>3</v>
      </c>
      <c r="G10511" t="s">
        <v>14</v>
      </c>
      <c r="H10511" t="s">
        <v>23790</v>
      </c>
      <c r="I10511" t="s">
        <v>30540</v>
      </c>
    </row>
    <row r="10512" spans="1:9">
      <c r="A10512" s="1">
        <v>0.34616402751095521</v>
      </c>
      <c r="B10512" s="1"/>
      <c r="C10512">
        <v>17</v>
      </c>
      <c r="D10512" t="s">
        <v>23785</v>
      </c>
      <c r="E10512" t="s">
        <v>33924</v>
      </c>
      <c r="F10512">
        <v>5</v>
      </c>
      <c r="G10512" t="s">
        <v>14</v>
      </c>
      <c r="H10512" t="s">
        <v>23786</v>
      </c>
      <c r="I10512" t="s">
        <v>30540</v>
      </c>
    </row>
    <row r="10513" spans="1:9">
      <c r="A10513" s="1">
        <v>0.91709683964170108</v>
      </c>
      <c r="B10513" s="1"/>
      <c r="C10513">
        <v>8</v>
      </c>
      <c r="D10513" t="s">
        <v>23777</v>
      </c>
      <c r="E10513" t="s">
        <v>33924</v>
      </c>
      <c r="F10513">
        <v>5</v>
      </c>
      <c r="G10513" t="s">
        <v>14</v>
      </c>
      <c r="H10513" t="s">
        <v>23778</v>
      </c>
      <c r="I10513" t="s">
        <v>30540</v>
      </c>
    </row>
    <row r="10514" spans="1:9">
      <c r="A10514" s="1">
        <v>0.59129360920652185</v>
      </c>
      <c r="B10514" s="1"/>
      <c r="C10514">
        <v>13</v>
      </c>
      <c r="D10514" t="s">
        <v>23781</v>
      </c>
      <c r="E10514" t="s">
        <v>33924</v>
      </c>
      <c r="F10514">
        <v>4</v>
      </c>
      <c r="G10514" t="s">
        <v>9</v>
      </c>
      <c r="H10514" t="s">
        <v>23782</v>
      </c>
      <c r="I10514" t="s">
        <v>30540</v>
      </c>
    </row>
    <row r="10515" spans="1:9">
      <c r="A10515" s="1">
        <v>0.26824600040645474</v>
      </c>
      <c r="B10515" s="1"/>
      <c r="C10515">
        <v>16</v>
      </c>
      <c r="D10515" t="s">
        <v>23783</v>
      </c>
      <c r="E10515" t="s">
        <v>33924</v>
      </c>
      <c r="F10515">
        <v>4</v>
      </c>
      <c r="G10515" t="s">
        <v>14</v>
      </c>
      <c r="H10515" t="s">
        <v>23784</v>
      </c>
      <c r="I10515" t="s">
        <v>30540</v>
      </c>
    </row>
    <row r="10516" spans="1:9">
      <c r="A10516" s="1">
        <v>0.58850303737491449</v>
      </c>
      <c r="B10516" s="1"/>
      <c r="C10516">
        <v>10</v>
      </c>
      <c r="D10516" t="s">
        <v>23779</v>
      </c>
      <c r="E10516" t="s">
        <v>33924</v>
      </c>
      <c r="F10516">
        <v>4</v>
      </c>
      <c r="G10516" t="s">
        <v>0</v>
      </c>
      <c r="H10516" t="s">
        <v>23780</v>
      </c>
      <c r="I10516" t="s">
        <v>30540</v>
      </c>
    </row>
    <row r="10517" spans="1:9">
      <c r="A10517" s="1">
        <v>0.10223198997857375</v>
      </c>
      <c r="B10517" s="1"/>
      <c r="C10517">
        <v>8</v>
      </c>
      <c r="D10517" t="s">
        <v>23771</v>
      </c>
      <c r="E10517" t="s">
        <v>33925</v>
      </c>
      <c r="F10517">
        <v>4</v>
      </c>
      <c r="G10517" t="s">
        <v>762</v>
      </c>
      <c r="H10517" t="s">
        <v>23772</v>
      </c>
      <c r="I10517" t="s">
        <v>30540</v>
      </c>
    </row>
    <row r="10518" spans="1:9">
      <c r="A10518" s="1">
        <v>0.89488633463927081</v>
      </c>
      <c r="B10518" s="1"/>
      <c r="C10518">
        <v>4</v>
      </c>
      <c r="D10518" t="s">
        <v>23769</v>
      </c>
      <c r="E10518" t="s">
        <v>33925</v>
      </c>
      <c r="F10518">
        <v>4</v>
      </c>
      <c r="G10518" t="s">
        <v>10</v>
      </c>
      <c r="H10518" t="s">
        <v>23770</v>
      </c>
      <c r="I10518" t="s">
        <v>30540</v>
      </c>
    </row>
    <row r="10519" spans="1:9">
      <c r="A10519" s="1">
        <v>0.32287421428602314</v>
      </c>
      <c r="B10519" s="1"/>
      <c r="C10519">
        <v>18</v>
      </c>
      <c r="D10519" t="s">
        <v>23773</v>
      </c>
      <c r="E10519" t="s">
        <v>33925</v>
      </c>
      <c r="F10519">
        <v>4</v>
      </c>
      <c r="G10519" t="s">
        <v>2738</v>
      </c>
      <c r="H10519" t="s">
        <v>23774</v>
      </c>
      <c r="I10519" t="s">
        <v>30540</v>
      </c>
    </row>
    <row r="10520" spans="1:9">
      <c r="A10520" s="1">
        <v>0.89146699958160402</v>
      </c>
      <c r="B10520" s="1"/>
      <c r="C10520">
        <v>1</v>
      </c>
      <c r="D10520" t="s">
        <v>23767</v>
      </c>
      <c r="E10520" t="s">
        <v>33925</v>
      </c>
      <c r="F10520">
        <v>3</v>
      </c>
      <c r="G10520" t="s">
        <v>1431</v>
      </c>
      <c r="H10520" t="s">
        <v>23768</v>
      </c>
      <c r="I10520" t="s">
        <v>30540</v>
      </c>
    </row>
    <row r="10521" spans="1:9">
      <c r="A10521" s="1">
        <v>0.27334957266629356</v>
      </c>
      <c r="B10521" s="1"/>
      <c r="C10521">
        <v>20</v>
      </c>
      <c r="D10521" t="s">
        <v>23775</v>
      </c>
      <c r="E10521" t="s">
        <v>33925</v>
      </c>
      <c r="F10521">
        <v>3</v>
      </c>
      <c r="G10521" t="s">
        <v>2</v>
      </c>
      <c r="H10521" t="s">
        <v>23776</v>
      </c>
      <c r="I10521" t="s">
        <v>30540</v>
      </c>
    </row>
    <row r="10522" spans="1:9">
      <c r="A10522" s="1">
        <v>0.72745163655063905</v>
      </c>
      <c r="B10522" s="1"/>
      <c r="C10522">
        <v>6</v>
      </c>
      <c r="D10522" t="s">
        <v>23763</v>
      </c>
      <c r="E10522" t="s">
        <v>33926</v>
      </c>
      <c r="F10522">
        <v>4</v>
      </c>
      <c r="G10522" t="s">
        <v>13</v>
      </c>
      <c r="H10522" t="s">
        <v>23764</v>
      </c>
      <c r="I10522" t="s">
        <v>30540</v>
      </c>
    </row>
    <row r="10523" spans="1:9">
      <c r="A10523" s="1">
        <v>0.15559221704524384</v>
      </c>
      <c r="B10523" s="1"/>
      <c r="C10523">
        <v>15</v>
      </c>
      <c r="D10523" t="s">
        <v>23765</v>
      </c>
      <c r="E10523" t="s">
        <v>33926</v>
      </c>
      <c r="F10523">
        <v>3</v>
      </c>
      <c r="G10523" t="s">
        <v>14</v>
      </c>
      <c r="H10523" t="s">
        <v>23766</v>
      </c>
      <c r="I10523" t="s">
        <v>30540</v>
      </c>
    </row>
    <row r="10524" spans="1:9">
      <c r="A10524" s="1">
        <v>0.63434365407579585</v>
      </c>
      <c r="B10524" s="1"/>
      <c r="C10524">
        <v>12</v>
      </c>
      <c r="D10524" t="s">
        <v>23761</v>
      </c>
      <c r="E10524" t="s">
        <v>33927</v>
      </c>
      <c r="F10524">
        <v>4</v>
      </c>
      <c r="G10524" t="s">
        <v>14</v>
      </c>
      <c r="H10524" t="s">
        <v>23762</v>
      </c>
      <c r="I10524" t="s">
        <v>30540</v>
      </c>
    </row>
    <row r="10525" spans="1:9">
      <c r="A10525" s="1">
        <v>0.28446778950532026</v>
      </c>
      <c r="B10525" s="1"/>
      <c r="C10525">
        <v>15</v>
      </c>
      <c r="D10525" t="s">
        <v>23755</v>
      </c>
      <c r="E10525" t="s">
        <v>33928</v>
      </c>
      <c r="F10525">
        <v>5</v>
      </c>
      <c r="G10525" t="s">
        <v>14</v>
      </c>
      <c r="H10525" t="s">
        <v>23756</v>
      </c>
      <c r="I10525" t="s">
        <v>30540</v>
      </c>
    </row>
    <row r="10526" spans="1:9">
      <c r="A10526" s="1">
        <v>0.99846914688373378</v>
      </c>
      <c r="B10526" s="1"/>
      <c r="C10526">
        <v>11</v>
      </c>
      <c r="D10526" t="s">
        <v>23753</v>
      </c>
      <c r="E10526" t="s">
        <v>33928</v>
      </c>
      <c r="F10526">
        <v>4</v>
      </c>
      <c r="G10526" t="s">
        <v>2</v>
      </c>
      <c r="H10526" t="s">
        <v>23754</v>
      </c>
      <c r="I10526" t="s">
        <v>30540</v>
      </c>
    </row>
    <row r="10527" spans="1:9">
      <c r="A10527" s="1">
        <v>0.87744712941581826</v>
      </c>
      <c r="B10527" s="1"/>
      <c r="C10527">
        <v>16</v>
      </c>
      <c r="D10527" t="s">
        <v>23757</v>
      </c>
      <c r="E10527" t="s">
        <v>33928</v>
      </c>
      <c r="F10527">
        <v>4</v>
      </c>
      <c r="G10527" t="s">
        <v>14</v>
      </c>
      <c r="H10527" t="s">
        <v>23758</v>
      </c>
      <c r="I10527" t="s">
        <v>30540</v>
      </c>
    </row>
    <row r="10528" spans="1:9">
      <c r="A10528" s="1">
        <v>0.84660190678725056</v>
      </c>
      <c r="B10528" s="1"/>
      <c r="C10528">
        <v>9</v>
      </c>
      <c r="D10528" t="s">
        <v>23747</v>
      </c>
      <c r="E10528" t="s">
        <v>33929</v>
      </c>
      <c r="F10528">
        <v>4</v>
      </c>
      <c r="G10528" t="s">
        <v>14</v>
      </c>
      <c r="H10528" t="s">
        <v>23748</v>
      </c>
      <c r="I10528" t="s">
        <v>30540</v>
      </c>
    </row>
    <row r="10529" spans="1:9">
      <c r="A10529" s="1">
        <v>0.52223702243712788</v>
      </c>
      <c r="B10529" s="1"/>
      <c r="C10529">
        <v>19</v>
      </c>
      <c r="D10529" t="s">
        <v>23751</v>
      </c>
      <c r="E10529" t="s">
        <v>33929</v>
      </c>
      <c r="F10529">
        <v>4</v>
      </c>
      <c r="G10529" t="s">
        <v>14</v>
      </c>
      <c r="H10529" t="s">
        <v>23752</v>
      </c>
      <c r="I10529" t="s">
        <v>30540</v>
      </c>
    </row>
    <row r="10530" spans="1:9">
      <c r="A10530" s="1">
        <v>0.40697067106921214</v>
      </c>
      <c r="B10530" s="1"/>
      <c r="C10530">
        <v>15</v>
      </c>
      <c r="D10530" t="s">
        <v>23749</v>
      </c>
      <c r="E10530" t="s">
        <v>33929</v>
      </c>
      <c r="F10530">
        <v>4</v>
      </c>
      <c r="G10530" t="s">
        <v>14</v>
      </c>
      <c r="H10530" t="s">
        <v>23750</v>
      </c>
      <c r="I10530" t="s">
        <v>30540</v>
      </c>
    </row>
    <row r="10531" spans="1:9">
      <c r="A10531" s="1">
        <v>0.64552157770942109</v>
      </c>
      <c r="B10531" s="1"/>
      <c r="C10531">
        <v>18</v>
      </c>
      <c r="D10531" t="s">
        <v>23745</v>
      </c>
      <c r="E10531" t="s">
        <v>33930</v>
      </c>
      <c r="F10531">
        <v>5</v>
      </c>
      <c r="G10531" t="s">
        <v>14</v>
      </c>
      <c r="H10531" t="s">
        <v>23746</v>
      </c>
      <c r="I10531" t="s">
        <v>30540</v>
      </c>
    </row>
    <row r="10532" spans="1:9">
      <c r="A10532" s="1">
        <v>0.98066785000454371</v>
      </c>
      <c r="B10532" s="1"/>
      <c r="C10532">
        <v>3</v>
      </c>
      <c r="D10532" t="s">
        <v>23741</v>
      </c>
      <c r="E10532" t="s">
        <v>33930</v>
      </c>
      <c r="F10532">
        <v>5</v>
      </c>
      <c r="G10532" t="s">
        <v>10</v>
      </c>
      <c r="H10532" t="s">
        <v>23742</v>
      </c>
      <c r="I10532" t="s">
        <v>30540</v>
      </c>
    </row>
    <row r="10533" spans="1:9">
      <c r="A10533" s="1">
        <v>0.75189471979966949</v>
      </c>
      <c r="B10533" s="1"/>
      <c r="C10533">
        <v>11</v>
      </c>
      <c r="D10533" t="s">
        <v>23743</v>
      </c>
      <c r="E10533" t="s">
        <v>33930</v>
      </c>
      <c r="F10533">
        <v>3</v>
      </c>
      <c r="G10533" t="s">
        <v>3732</v>
      </c>
      <c r="H10533" t="s">
        <v>23744</v>
      </c>
      <c r="I10533" t="s">
        <v>30540</v>
      </c>
    </row>
    <row r="10534" spans="1:9">
      <c r="A10534" s="1">
        <v>0.90979059361157733</v>
      </c>
      <c r="B10534" s="1"/>
      <c r="C10534">
        <v>4</v>
      </c>
      <c r="D10534" t="s">
        <v>23735</v>
      </c>
      <c r="E10534" t="s">
        <v>33931</v>
      </c>
      <c r="F10534">
        <v>5</v>
      </c>
      <c r="G10534" t="s">
        <v>14</v>
      </c>
      <c r="H10534" t="s">
        <v>23736</v>
      </c>
      <c r="I10534" t="s">
        <v>30540</v>
      </c>
    </row>
    <row r="10535" spans="1:9">
      <c r="A10535" s="1">
        <v>0.38990468610957107</v>
      </c>
      <c r="B10535" s="1"/>
      <c r="C10535">
        <v>2</v>
      </c>
      <c r="D10535" t="s">
        <v>23729</v>
      </c>
      <c r="E10535" t="s">
        <v>33932</v>
      </c>
      <c r="F10535">
        <v>4</v>
      </c>
      <c r="G10535" t="s">
        <v>9</v>
      </c>
      <c r="H10535" t="s">
        <v>23730</v>
      </c>
      <c r="I10535" t="s">
        <v>30540</v>
      </c>
    </row>
    <row r="10536" spans="1:9">
      <c r="A10536" s="1">
        <v>0.98452282792941015</v>
      </c>
      <c r="B10536" s="1"/>
      <c r="C10536">
        <v>15</v>
      </c>
      <c r="D10536" t="s">
        <v>23733</v>
      </c>
      <c r="E10536" t="s">
        <v>33932</v>
      </c>
      <c r="F10536">
        <v>4</v>
      </c>
      <c r="G10536" t="s">
        <v>14</v>
      </c>
      <c r="H10536" t="s">
        <v>23734</v>
      </c>
      <c r="I10536" t="s">
        <v>30540</v>
      </c>
    </row>
    <row r="10537" spans="1:9">
      <c r="A10537" s="1">
        <v>0.8507759443516838</v>
      </c>
      <c r="B10537" s="1"/>
      <c r="C10537">
        <v>10</v>
      </c>
      <c r="D10537" t="s">
        <v>23731</v>
      </c>
      <c r="E10537" t="s">
        <v>33932</v>
      </c>
      <c r="F10537">
        <v>3</v>
      </c>
      <c r="G10537" t="s">
        <v>14</v>
      </c>
      <c r="H10537" t="s">
        <v>23732</v>
      </c>
      <c r="I10537" t="s">
        <v>30540</v>
      </c>
    </row>
    <row r="10538" spans="1:9">
      <c r="A10538" s="1">
        <v>5.2871296789402056E-2</v>
      </c>
      <c r="B10538" s="1"/>
      <c r="C10538">
        <v>9</v>
      </c>
      <c r="D10538" t="s">
        <v>23725</v>
      </c>
      <c r="E10538" t="s">
        <v>33933</v>
      </c>
      <c r="F10538">
        <v>4</v>
      </c>
      <c r="G10538" t="s">
        <v>10</v>
      </c>
      <c r="H10538" t="s">
        <v>23726</v>
      </c>
      <c r="I10538" t="s">
        <v>30540</v>
      </c>
    </row>
    <row r="10539" spans="1:9">
      <c r="A10539" s="1">
        <v>0.53273872125430521</v>
      </c>
      <c r="B10539" s="1"/>
      <c r="C10539">
        <v>8</v>
      </c>
      <c r="D10539" t="s">
        <v>23723</v>
      </c>
      <c r="E10539" t="s">
        <v>33933</v>
      </c>
      <c r="F10539">
        <v>4</v>
      </c>
      <c r="G10539" t="s">
        <v>10</v>
      </c>
      <c r="H10539" t="s">
        <v>23724</v>
      </c>
      <c r="I10539" t="s">
        <v>30540</v>
      </c>
    </row>
    <row r="10540" spans="1:9">
      <c r="A10540" s="1">
        <v>0.20229438338549</v>
      </c>
      <c r="B10540" s="1"/>
      <c r="C10540">
        <v>14</v>
      </c>
      <c r="D10540" t="s">
        <v>23727</v>
      </c>
      <c r="E10540" t="s">
        <v>33933</v>
      </c>
      <c r="F10540">
        <v>4</v>
      </c>
      <c r="G10540" t="s">
        <v>10</v>
      </c>
      <c r="H10540" t="s">
        <v>23728</v>
      </c>
      <c r="I10540" t="s">
        <v>30540</v>
      </c>
    </row>
    <row r="10541" spans="1:9">
      <c r="A10541" s="1">
        <v>9.7937484070873215E-2</v>
      </c>
      <c r="B10541" s="1"/>
      <c r="C10541">
        <v>18</v>
      </c>
      <c r="D10541" t="s">
        <v>23721</v>
      </c>
      <c r="E10541" t="s">
        <v>33934</v>
      </c>
      <c r="F10541">
        <v>5</v>
      </c>
      <c r="G10541" t="s">
        <v>14</v>
      </c>
      <c r="H10541" t="s">
        <v>23722</v>
      </c>
      <c r="I10541" t="s">
        <v>30540</v>
      </c>
    </row>
    <row r="10542" spans="1:9">
      <c r="A10542" s="1">
        <v>0.2996436170568747</v>
      </c>
      <c r="B10542" s="1"/>
      <c r="C10542">
        <v>8</v>
      </c>
      <c r="D10542" t="s">
        <v>23717</v>
      </c>
      <c r="E10542" t="s">
        <v>33934</v>
      </c>
      <c r="F10542">
        <v>4</v>
      </c>
      <c r="G10542" t="s">
        <v>9</v>
      </c>
      <c r="H10542" t="s">
        <v>23718</v>
      </c>
      <c r="I10542" t="s">
        <v>30540</v>
      </c>
    </row>
    <row r="10543" spans="1:9">
      <c r="A10543" s="1">
        <v>0.14894387102787787</v>
      </c>
      <c r="B10543" s="1"/>
      <c r="C10543">
        <v>3</v>
      </c>
      <c r="D10543" t="s">
        <v>23711</v>
      </c>
      <c r="E10543" t="s">
        <v>33934</v>
      </c>
      <c r="F10543">
        <v>4</v>
      </c>
      <c r="G10543" t="s">
        <v>9</v>
      </c>
      <c r="H10543" t="s">
        <v>23712</v>
      </c>
      <c r="I10543" t="s">
        <v>30540</v>
      </c>
    </row>
    <row r="10544" spans="1:9">
      <c r="A10544" s="1">
        <v>0.9664456210532083</v>
      </c>
      <c r="B10544" s="1"/>
      <c r="C10544">
        <v>7</v>
      </c>
      <c r="D10544" t="s">
        <v>23715</v>
      </c>
      <c r="E10544" t="s">
        <v>33934</v>
      </c>
      <c r="F10544">
        <v>4</v>
      </c>
      <c r="G10544" t="s">
        <v>14</v>
      </c>
      <c r="H10544" t="s">
        <v>23716</v>
      </c>
      <c r="I10544" t="s">
        <v>30540</v>
      </c>
    </row>
    <row r="10545" spans="1:9">
      <c r="A10545" s="1">
        <v>0.71336931316275976</v>
      </c>
      <c r="B10545" s="1"/>
      <c r="C10545">
        <v>4</v>
      </c>
      <c r="D10545" t="s">
        <v>23713</v>
      </c>
      <c r="E10545" t="s">
        <v>33934</v>
      </c>
      <c r="F10545">
        <v>4</v>
      </c>
      <c r="G10545" t="s">
        <v>0</v>
      </c>
      <c r="H10545" t="s">
        <v>23714</v>
      </c>
      <c r="I10545" t="s">
        <v>30540</v>
      </c>
    </row>
    <row r="10546" spans="1:9">
      <c r="A10546" s="1">
        <v>0.54145226697410198</v>
      </c>
      <c r="B10546" s="1"/>
      <c r="C10546">
        <v>2</v>
      </c>
      <c r="D10546" t="s">
        <v>23703</v>
      </c>
      <c r="E10546" t="s">
        <v>33935</v>
      </c>
      <c r="F10546">
        <v>4</v>
      </c>
      <c r="G10546" t="s">
        <v>14</v>
      </c>
      <c r="H10546" t="s">
        <v>23704</v>
      </c>
      <c r="I10546" t="s">
        <v>30540</v>
      </c>
    </row>
    <row r="10547" spans="1:9">
      <c r="A10547" s="1">
        <v>0.96921340764495623</v>
      </c>
      <c r="B10547" s="1"/>
      <c r="C10547">
        <v>13</v>
      </c>
      <c r="D10547" t="s">
        <v>23709</v>
      </c>
      <c r="E10547" t="s">
        <v>33935</v>
      </c>
      <c r="F10547">
        <v>4</v>
      </c>
      <c r="G10547" t="s">
        <v>15</v>
      </c>
      <c r="H10547" t="s">
        <v>23710</v>
      </c>
      <c r="I10547" t="s">
        <v>30540</v>
      </c>
    </row>
    <row r="10548" spans="1:9">
      <c r="A10548" s="1">
        <v>0.36696876500298181</v>
      </c>
      <c r="B10548" s="1"/>
      <c r="C10548">
        <v>11</v>
      </c>
      <c r="D10548" t="s">
        <v>23707</v>
      </c>
      <c r="E10548" t="s">
        <v>33935</v>
      </c>
      <c r="F10548">
        <v>4</v>
      </c>
      <c r="G10548" t="s">
        <v>14</v>
      </c>
      <c r="H10548" t="s">
        <v>23708</v>
      </c>
      <c r="I10548" t="s">
        <v>30540</v>
      </c>
    </row>
    <row r="10549" spans="1:9">
      <c r="A10549" s="1">
        <v>2.5404733737505847E-2</v>
      </c>
      <c r="B10549" s="1"/>
      <c r="C10549">
        <v>3</v>
      </c>
      <c r="D10549" t="s">
        <v>23705</v>
      </c>
      <c r="E10549" t="s">
        <v>33935</v>
      </c>
      <c r="F10549">
        <v>4</v>
      </c>
      <c r="G10549" t="s">
        <v>14</v>
      </c>
      <c r="H10549" t="s">
        <v>23706</v>
      </c>
      <c r="I10549" t="s">
        <v>30540</v>
      </c>
    </row>
    <row r="10550" spans="1:9">
      <c r="A10550" s="1">
        <v>0.49225536553150051</v>
      </c>
      <c r="B10550" s="1"/>
      <c r="C10550">
        <v>16</v>
      </c>
      <c r="D10550" t="s">
        <v>23700</v>
      </c>
      <c r="E10550" t="s">
        <v>33936</v>
      </c>
      <c r="F10550">
        <v>5</v>
      </c>
      <c r="G10550" t="s">
        <v>14</v>
      </c>
      <c r="H10550" t="s">
        <v>23701</v>
      </c>
      <c r="I10550" t="s">
        <v>30540</v>
      </c>
    </row>
    <row r="10551" spans="1:9">
      <c r="A10551" s="1">
        <v>0.9765965655551091</v>
      </c>
      <c r="B10551" s="1"/>
      <c r="C10551">
        <v>19</v>
      </c>
      <c r="D10551" t="s">
        <v>20222</v>
      </c>
      <c r="E10551" t="s">
        <v>33936</v>
      </c>
      <c r="F10551">
        <v>5</v>
      </c>
      <c r="G10551" t="s">
        <v>14</v>
      </c>
      <c r="H10551" t="s">
        <v>23702</v>
      </c>
      <c r="I10551" t="s">
        <v>30540</v>
      </c>
    </row>
    <row r="10552" spans="1:9">
      <c r="A10552" s="1">
        <v>0.46013815328682783</v>
      </c>
      <c r="B10552" s="1"/>
      <c r="C10552">
        <v>14</v>
      </c>
      <c r="D10552" t="s">
        <v>23698</v>
      </c>
      <c r="E10552" t="s">
        <v>33936</v>
      </c>
      <c r="F10552">
        <v>4</v>
      </c>
      <c r="G10552" t="s">
        <v>14</v>
      </c>
      <c r="H10552" t="s">
        <v>23699</v>
      </c>
      <c r="I10552" t="s">
        <v>30540</v>
      </c>
    </row>
    <row r="10553" spans="1:9">
      <c r="A10553" s="1">
        <v>0.65635434510466284</v>
      </c>
      <c r="B10553" s="1"/>
      <c r="C10553">
        <v>4</v>
      </c>
      <c r="D10553" t="s">
        <v>23694</v>
      </c>
      <c r="E10553" t="s">
        <v>33937</v>
      </c>
      <c r="F10553">
        <v>4</v>
      </c>
      <c r="G10553" t="s">
        <v>10</v>
      </c>
      <c r="H10553" t="s">
        <v>23695</v>
      </c>
      <c r="I10553" t="s">
        <v>30540</v>
      </c>
    </row>
    <row r="10554" spans="1:9">
      <c r="A10554" s="1">
        <v>0.52384794278940561</v>
      </c>
      <c r="B10554" s="1"/>
      <c r="C10554">
        <v>14</v>
      </c>
      <c r="D10554" t="s">
        <v>23696</v>
      </c>
      <c r="E10554" t="s">
        <v>33937</v>
      </c>
      <c r="F10554">
        <v>4</v>
      </c>
      <c r="G10554" t="s">
        <v>14</v>
      </c>
      <c r="H10554" t="s">
        <v>23697</v>
      </c>
      <c r="I10554" t="s">
        <v>30540</v>
      </c>
    </row>
    <row r="10555" spans="1:9">
      <c r="A10555" s="1">
        <v>0.81370792631842348</v>
      </c>
      <c r="B10555" s="1"/>
      <c r="C10555">
        <v>5</v>
      </c>
      <c r="D10555" t="s">
        <v>23684</v>
      </c>
      <c r="E10555" t="s">
        <v>33938</v>
      </c>
      <c r="F10555">
        <v>5</v>
      </c>
      <c r="G10555" t="s">
        <v>14</v>
      </c>
      <c r="H10555" t="s">
        <v>23685</v>
      </c>
      <c r="I10555" t="s">
        <v>30540</v>
      </c>
    </row>
    <row r="10556" spans="1:9">
      <c r="A10556" s="1">
        <v>0.24979184286849265</v>
      </c>
      <c r="B10556" s="1"/>
      <c r="C10556">
        <v>9</v>
      </c>
      <c r="D10556" t="s">
        <v>23686</v>
      </c>
      <c r="E10556" t="s">
        <v>33938</v>
      </c>
      <c r="F10556">
        <v>5</v>
      </c>
      <c r="G10556" t="s">
        <v>14</v>
      </c>
      <c r="H10556" t="s">
        <v>23687</v>
      </c>
      <c r="I10556" t="s">
        <v>30540</v>
      </c>
    </row>
    <row r="10557" spans="1:9">
      <c r="A10557" s="1">
        <v>0.89421406662309166</v>
      </c>
      <c r="B10557" s="1"/>
      <c r="C10557">
        <v>13</v>
      </c>
      <c r="D10557" t="s">
        <v>23688</v>
      </c>
      <c r="E10557" t="s">
        <v>33938</v>
      </c>
      <c r="F10557">
        <v>4</v>
      </c>
      <c r="G10557" t="s">
        <v>9</v>
      </c>
      <c r="H10557" t="s">
        <v>23689</v>
      </c>
      <c r="I10557" t="s">
        <v>30540</v>
      </c>
    </row>
    <row r="10558" spans="1:9">
      <c r="A10558" s="1">
        <v>0.27477576180152086</v>
      </c>
      <c r="B10558" s="1"/>
      <c r="C10558">
        <v>17</v>
      </c>
      <c r="D10558" t="s">
        <v>23690</v>
      </c>
      <c r="E10558" t="s">
        <v>33938</v>
      </c>
      <c r="F10558">
        <v>4</v>
      </c>
      <c r="G10558" t="s">
        <v>9</v>
      </c>
      <c r="H10558" t="s">
        <v>23691</v>
      </c>
      <c r="I10558" t="s">
        <v>30540</v>
      </c>
    </row>
    <row r="10559" spans="1:9">
      <c r="A10559" s="1">
        <v>0.57761609655125801</v>
      </c>
      <c r="B10559" s="1"/>
      <c r="C10559">
        <v>19</v>
      </c>
      <c r="D10559" t="s">
        <v>23692</v>
      </c>
      <c r="E10559" t="s">
        <v>33938</v>
      </c>
      <c r="F10559">
        <v>4</v>
      </c>
      <c r="G10559" t="s">
        <v>14</v>
      </c>
      <c r="H10559" t="s">
        <v>23693</v>
      </c>
      <c r="I10559" t="s">
        <v>30540</v>
      </c>
    </row>
    <row r="10560" spans="1:9">
      <c r="A10560" s="1">
        <v>0.26034162033540365</v>
      </c>
      <c r="B10560" s="1"/>
      <c r="C10560">
        <v>8</v>
      </c>
      <c r="D10560" t="s">
        <v>23676</v>
      </c>
      <c r="E10560" t="s">
        <v>33939</v>
      </c>
      <c r="F10560">
        <v>4</v>
      </c>
      <c r="G10560" t="s">
        <v>9</v>
      </c>
      <c r="H10560" t="s">
        <v>23677</v>
      </c>
      <c r="I10560" t="s">
        <v>30540</v>
      </c>
    </row>
    <row r="10561" spans="1:9">
      <c r="A10561" s="1">
        <v>0.93261750235254559</v>
      </c>
      <c r="B10561" s="1"/>
      <c r="C10561">
        <v>14</v>
      </c>
      <c r="D10561" t="s">
        <v>23678</v>
      </c>
      <c r="E10561" t="s">
        <v>33939</v>
      </c>
      <c r="F10561">
        <v>4</v>
      </c>
      <c r="G10561" t="s">
        <v>14</v>
      </c>
      <c r="H10561" t="s">
        <v>23679</v>
      </c>
      <c r="I10561" t="s">
        <v>30540</v>
      </c>
    </row>
    <row r="10562" spans="1:9">
      <c r="A10562" s="1">
        <v>0.16742796545292771</v>
      </c>
      <c r="B10562" s="1"/>
      <c r="C10562">
        <v>17</v>
      </c>
      <c r="D10562" t="s">
        <v>23682</v>
      </c>
      <c r="E10562" t="s">
        <v>33939</v>
      </c>
      <c r="F10562">
        <v>4</v>
      </c>
      <c r="G10562" t="s">
        <v>1</v>
      </c>
      <c r="H10562" t="s">
        <v>23683</v>
      </c>
      <c r="I10562" t="s">
        <v>30540</v>
      </c>
    </row>
    <row r="10563" spans="1:9">
      <c r="A10563" s="1">
        <v>0.62495786292373401</v>
      </c>
      <c r="B10563" s="1"/>
      <c r="C10563">
        <v>15</v>
      </c>
      <c r="D10563" t="s">
        <v>23680</v>
      </c>
      <c r="E10563" t="s">
        <v>33939</v>
      </c>
      <c r="F10563">
        <v>3</v>
      </c>
      <c r="G10563" t="s">
        <v>2738</v>
      </c>
      <c r="H10563" t="s">
        <v>23681</v>
      </c>
      <c r="I10563" t="s">
        <v>30540</v>
      </c>
    </row>
    <row r="10564" spans="1:9">
      <c r="A10564" s="1">
        <v>0.50775964538484242</v>
      </c>
      <c r="B10564" s="1"/>
      <c r="C10564">
        <v>9</v>
      </c>
      <c r="D10564" t="s">
        <v>23672</v>
      </c>
      <c r="E10564" t="s">
        <v>33940</v>
      </c>
      <c r="F10564">
        <v>4</v>
      </c>
      <c r="G10564" t="s">
        <v>10</v>
      </c>
      <c r="H10564" t="s">
        <v>23673</v>
      </c>
      <c r="I10564" t="s">
        <v>30540</v>
      </c>
    </row>
    <row r="10565" spans="1:9">
      <c r="A10565" s="1">
        <v>0.22233567976369606</v>
      </c>
      <c r="B10565" s="1"/>
      <c r="C10565">
        <v>14</v>
      </c>
      <c r="D10565" t="s">
        <v>23670</v>
      </c>
      <c r="E10565" t="s">
        <v>33941</v>
      </c>
      <c r="F10565">
        <v>5</v>
      </c>
      <c r="G10565" t="s">
        <v>10</v>
      </c>
      <c r="H10565" t="s">
        <v>23671</v>
      </c>
      <c r="I10565" t="s">
        <v>30540</v>
      </c>
    </row>
    <row r="10566" spans="1:9">
      <c r="A10566" s="1">
        <v>0.21239093270738119</v>
      </c>
      <c r="B10566" s="1"/>
      <c r="C10566">
        <v>6</v>
      </c>
      <c r="D10566" t="s">
        <v>23664</v>
      </c>
      <c r="E10566" t="s">
        <v>33941</v>
      </c>
      <c r="F10566">
        <v>4</v>
      </c>
      <c r="G10566" t="s">
        <v>10</v>
      </c>
      <c r="H10566" t="s">
        <v>23665</v>
      </c>
      <c r="I10566" t="s">
        <v>30540</v>
      </c>
    </row>
    <row r="10567" spans="1:9">
      <c r="A10567" s="1">
        <v>0.88558263147687388</v>
      </c>
      <c r="B10567" s="1"/>
      <c r="C10567">
        <v>1</v>
      </c>
      <c r="D10567" t="s">
        <v>23662</v>
      </c>
      <c r="E10567" t="s">
        <v>33941</v>
      </c>
      <c r="F10567">
        <v>4</v>
      </c>
      <c r="G10567" t="s">
        <v>0</v>
      </c>
      <c r="H10567" t="s">
        <v>23663</v>
      </c>
      <c r="I10567" t="s">
        <v>30540</v>
      </c>
    </row>
    <row r="10568" spans="1:9">
      <c r="A10568" s="1">
        <v>0.16550182355710275</v>
      </c>
      <c r="B10568" s="1"/>
      <c r="C10568">
        <v>13</v>
      </c>
      <c r="D10568" t="s">
        <v>23668</v>
      </c>
      <c r="E10568" t="s">
        <v>33941</v>
      </c>
      <c r="F10568">
        <v>4</v>
      </c>
      <c r="G10568" t="s">
        <v>10</v>
      </c>
      <c r="H10568" t="s">
        <v>23669</v>
      </c>
      <c r="I10568" t="s">
        <v>30540</v>
      </c>
    </row>
    <row r="10569" spans="1:9">
      <c r="A10569" s="1">
        <v>0.17460766847311215</v>
      </c>
      <c r="B10569" s="1"/>
      <c r="C10569">
        <v>18</v>
      </c>
      <c r="D10569" t="s">
        <v>23660</v>
      </c>
      <c r="E10569" t="s">
        <v>33942</v>
      </c>
      <c r="F10569">
        <v>5</v>
      </c>
      <c r="G10569" t="s">
        <v>14</v>
      </c>
      <c r="H10569" t="s">
        <v>23661</v>
      </c>
      <c r="I10569" t="s">
        <v>30540</v>
      </c>
    </row>
    <row r="10570" spans="1:9">
      <c r="A10570" s="1">
        <v>0.7126069201785582</v>
      </c>
      <c r="B10570" s="1"/>
      <c r="C10570">
        <v>15</v>
      </c>
      <c r="D10570" t="s">
        <v>23656</v>
      </c>
      <c r="E10570" t="s">
        <v>33942</v>
      </c>
      <c r="F10570">
        <v>4</v>
      </c>
      <c r="G10570" t="s">
        <v>14</v>
      </c>
      <c r="H10570" t="s">
        <v>23657</v>
      </c>
      <c r="I10570" t="s">
        <v>30540</v>
      </c>
    </row>
    <row r="10571" spans="1:9">
      <c r="A10571" s="1">
        <v>0.15670851936803121</v>
      </c>
      <c r="B10571" s="1"/>
      <c r="C10571">
        <v>7</v>
      </c>
      <c r="D10571" t="s">
        <v>23650</v>
      </c>
      <c r="E10571" t="s">
        <v>33942</v>
      </c>
      <c r="F10571">
        <v>4</v>
      </c>
      <c r="G10571" t="s">
        <v>14</v>
      </c>
      <c r="H10571" t="s">
        <v>23651</v>
      </c>
      <c r="I10571" t="s">
        <v>30540</v>
      </c>
    </row>
    <row r="10572" spans="1:9">
      <c r="A10572" s="1">
        <v>0.81809292925478883</v>
      </c>
      <c r="B10572" s="1"/>
      <c r="C10572">
        <v>10</v>
      </c>
      <c r="D10572" t="s">
        <v>23652</v>
      </c>
      <c r="E10572" t="s">
        <v>33942</v>
      </c>
      <c r="F10572">
        <v>4</v>
      </c>
      <c r="G10572" t="s">
        <v>15</v>
      </c>
      <c r="H10572" t="s">
        <v>23653</v>
      </c>
      <c r="I10572" t="s">
        <v>30540</v>
      </c>
    </row>
    <row r="10573" spans="1:9">
      <c r="A10573" s="1">
        <v>0.42495062495281966</v>
      </c>
      <c r="B10573" s="1"/>
      <c r="C10573">
        <v>10</v>
      </c>
      <c r="D10573" t="s">
        <v>23648</v>
      </c>
      <c r="E10573" t="s">
        <v>33943</v>
      </c>
      <c r="F10573">
        <v>4</v>
      </c>
      <c r="G10573" t="s">
        <v>14</v>
      </c>
      <c r="H10573" t="s">
        <v>23649</v>
      </c>
      <c r="I10573" t="s">
        <v>30540</v>
      </c>
    </row>
    <row r="10574" spans="1:9">
      <c r="A10574" s="1">
        <v>0.67152091528202307</v>
      </c>
      <c r="B10574" s="1"/>
      <c r="C10574">
        <v>7</v>
      </c>
      <c r="D10574" t="s">
        <v>23646</v>
      </c>
      <c r="E10574" t="s">
        <v>33943</v>
      </c>
      <c r="F10574">
        <v>3</v>
      </c>
      <c r="G10574" t="s">
        <v>14</v>
      </c>
      <c r="H10574" t="s">
        <v>23647</v>
      </c>
      <c r="I10574" t="s">
        <v>30540</v>
      </c>
    </row>
    <row r="10575" spans="1:9">
      <c r="A10575" s="1">
        <v>0.30660503479009293</v>
      </c>
      <c r="B10575" s="1"/>
      <c r="C10575">
        <v>19</v>
      </c>
      <c r="D10575" t="s">
        <v>23644</v>
      </c>
      <c r="E10575" t="s">
        <v>33944</v>
      </c>
      <c r="F10575">
        <v>5</v>
      </c>
      <c r="G10575" t="s">
        <v>2738</v>
      </c>
      <c r="H10575" t="s">
        <v>23645</v>
      </c>
      <c r="I10575" t="s">
        <v>30540</v>
      </c>
    </row>
    <row r="10576" spans="1:9">
      <c r="A10576" s="1">
        <v>0.8731106673443727</v>
      </c>
      <c r="B10576" s="1"/>
      <c r="C10576">
        <v>12</v>
      </c>
      <c r="D10576" t="s">
        <v>23640</v>
      </c>
      <c r="E10576" t="s">
        <v>33945</v>
      </c>
      <c r="F10576">
        <v>4</v>
      </c>
      <c r="G10576" t="s">
        <v>13</v>
      </c>
      <c r="H10576" t="s">
        <v>23641</v>
      </c>
      <c r="I10576" t="s">
        <v>30540</v>
      </c>
    </row>
    <row r="10577" spans="1:9">
      <c r="A10577" s="1">
        <v>0.77937196021499477</v>
      </c>
      <c r="B10577" s="1"/>
      <c r="C10577">
        <v>13</v>
      </c>
      <c r="D10577" t="s">
        <v>23642</v>
      </c>
      <c r="E10577" t="s">
        <v>33945</v>
      </c>
      <c r="F10577">
        <v>4</v>
      </c>
      <c r="G10577" t="s">
        <v>0</v>
      </c>
      <c r="H10577" t="s">
        <v>23643</v>
      </c>
      <c r="I10577" t="s">
        <v>30540</v>
      </c>
    </row>
    <row r="10578" spans="1:9">
      <c r="A10578" s="1">
        <v>0.40483011747664921</v>
      </c>
      <c r="B10578" s="1"/>
      <c r="C10578">
        <v>3</v>
      </c>
      <c r="D10578" t="s">
        <v>23636</v>
      </c>
      <c r="E10578" t="s">
        <v>33945</v>
      </c>
      <c r="F10578">
        <v>4</v>
      </c>
      <c r="G10578" t="s">
        <v>9</v>
      </c>
      <c r="H10578" t="s">
        <v>23637</v>
      </c>
      <c r="I10578" t="s">
        <v>30540</v>
      </c>
    </row>
    <row r="10579" spans="1:9">
      <c r="A10579" s="1">
        <v>0.81395067734294746</v>
      </c>
      <c r="B10579" s="1"/>
      <c r="C10579">
        <v>6</v>
      </c>
      <c r="D10579" t="s">
        <v>23638</v>
      </c>
      <c r="E10579" t="s">
        <v>33945</v>
      </c>
      <c r="F10579">
        <v>4</v>
      </c>
      <c r="G10579" t="s">
        <v>14</v>
      </c>
      <c r="H10579" t="s">
        <v>23639</v>
      </c>
      <c r="I10579" t="s">
        <v>30540</v>
      </c>
    </row>
    <row r="10580" spans="1:9">
      <c r="A10580" s="1">
        <v>0.3410344651892846</v>
      </c>
      <c r="B10580" s="1"/>
      <c r="C10580">
        <v>6</v>
      </c>
      <c r="D10580" t="s">
        <v>23626</v>
      </c>
      <c r="E10580" t="s">
        <v>33946</v>
      </c>
      <c r="F10580">
        <v>5</v>
      </c>
      <c r="G10580" t="s">
        <v>14</v>
      </c>
      <c r="H10580" t="s">
        <v>23627</v>
      </c>
      <c r="I10580" t="s">
        <v>30540</v>
      </c>
    </row>
    <row r="10581" spans="1:9">
      <c r="A10581" s="1">
        <v>0.13239006042194246</v>
      </c>
      <c r="B10581" s="1"/>
      <c r="C10581">
        <v>11</v>
      </c>
      <c r="D10581" t="s">
        <v>23632</v>
      </c>
      <c r="E10581" t="s">
        <v>33946</v>
      </c>
      <c r="F10581">
        <v>4</v>
      </c>
      <c r="G10581" t="s">
        <v>14</v>
      </c>
      <c r="H10581" t="s">
        <v>23633</v>
      </c>
      <c r="I10581" t="s">
        <v>30540</v>
      </c>
    </row>
    <row r="10582" spans="1:9">
      <c r="A10582" s="1">
        <v>0.38495789652417089</v>
      </c>
      <c r="B10582" s="1"/>
      <c r="C10582">
        <v>7</v>
      </c>
      <c r="D10582" t="s">
        <v>23628</v>
      </c>
      <c r="E10582" t="s">
        <v>33946</v>
      </c>
      <c r="F10582">
        <v>4</v>
      </c>
      <c r="G10582" t="s">
        <v>14</v>
      </c>
      <c r="H10582" t="s">
        <v>23629</v>
      </c>
      <c r="I10582" t="s">
        <v>30540</v>
      </c>
    </row>
    <row r="10583" spans="1:9">
      <c r="A10583" s="1">
        <v>0.14782665037299703</v>
      </c>
      <c r="B10583" s="1"/>
      <c r="C10583">
        <v>9</v>
      </c>
      <c r="D10583" t="s">
        <v>23630</v>
      </c>
      <c r="E10583" t="s">
        <v>33946</v>
      </c>
      <c r="F10583">
        <v>4</v>
      </c>
      <c r="G10583" t="s">
        <v>1</v>
      </c>
      <c r="H10583" t="s">
        <v>23631</v>
      </c>
      <c r="I10583" t="s">
        <v>30540</v>
      </c>
    </row>
    <row r="10584" spans="1:9">
      <c r="A10584" s="1">
        <v>0.86228052403973909</v>
      </c>
      <c r="B10584" s="1"/>
      <c r="C10584">
        <v>12</v>
      </c>
      <c r="D10584" t="s">
        <v>23634</v>
      </c>
      <c r="E10584" t="s">
        <v>33946</v>
      </c>
      <c r="F10584">
        <v>3</v>
      </c>
      <c r="G10584" t="s">
        <v>14</v>
      </c>
      <c r="H10584" t="s">
        <v>23635</v>
      </c>
      <c r="I10584" t="s">
        <v>30540</v>
      </c>
    </row>
    <row r="10585" spans="1:9">
      <c r="A10585" s="1">
        <v>0.69053454354207533</v>
      </c>
      <c r="B10585" s="1"/>
      <c r="C10585">
        <v>11</v>
      </c>
      <c r="D10585" t="s">
        <v>23620</v>
      </c>
      <c r="E10585" t="s">
        <v>33947</v>
      </c>
      <c r="F10585">
        <v>5</v>
      </c>
      <c r="G10585" t="s">
        <v>14</v>
      </c>
      <c r="H10585" t="s">
        <v>23621</v>
      </c>
      <c r="I10585" t="s">
        <v>30540</v>
      </c>
    </row>
    <row r="10586" spans="1:9">
      <c r="A10586" s="1">
        <v>0.93843709862498126</v>
      </c>
      <c r="B10586" s="1"/>
      <c r="C10586">
        <v>8</v>
      </c>
      <c r="D10586" t="s">
        <v>23618</v>
      </c>
      <c r="E10586" t="s">
        <v>33947</v>
      </c>
      <c r="F10586">
        <v>5</v>
      </c>
      <c r="G10586" t="s">
        <v>14</v>
      </c>
      <c r="H10586" t="s">
        <v>23619</v>
      </c>
      <c r="I10586" t="s">
        <v>30540</v>
      </c>
    </row>
    <row r="10587" spans="1:9">
      <c r="A10587" s="1">
        <v>0.14522606931294146</v>
      </c>
      <c r="B10587" s="1"/>
      <c r="C10587">
        <v>15</v>
      </c>
      <c r="D10587" t="s">
        <v>23624</v>
      </c>
      <c r="E10587" t="s">
        <v>33947</v>
      </c>
      <c r="F10587">
        <v>4</v>
      </c>
      <c r="G10587" t="s">
        <v>13</v>
      </c>
      <c r="H10587" t="s">
        <v>23625</v>
      </c>
      <c r="I10587" t="s">
        <v>30540</v>
      </c>
    </row>
    <row r="10588" spans="1:9">
      <c r="A10588" s="1">
        <v>0.57086553084052027</v>
      </c>
      <c r="B10588" s="1"/>
      <c r="C10588">
        <v>11</v>
      </c>
      <c r="D10588" t="s">
        <v>23614</v>
      </c>
      <c r="E10588" t="s">
        <v>33948</v>
      </c>
      <c r="F10588">
        <v>4</v>
      </c>
      <c r="G10588" t="s">
        <v>14</v>
      </c>
      <c r="H10588" t="s">
        <v>23615</v>
      </c>
      <c r="I10588" t="s">
        <v>30540</v>
      </c>
    </row>
    <row r="10589" spans="1:9">
      <c r="A10589" s="1">
        <v>0.80907322879918442</v>
      </c>
      <c r="B10589" s="1"/>
      <c r="C10589">
        <v>16</v>
      </c>
      <c r="D10589" t="s">
        <v>23616</v>
      </c>
      <c r="E10589" t="s">
        <v>33948</v>
      </c>
      <c r="F10589">
        <v>4</v>
      </c>
      <c r="G10589" t="s">
        <v>10</v>
      </c>
      <c r="H10589" t="s">
        <v>23617</v>
      </c>
      <c r="I10589" t="s">
        <v>30540</v>
      </c>
    </row>
    <row r="10590" spans="1:9">
      <c r="A10590" s="1">
        <v>0.81710215937669894</v>
      </c>
      <c r="B10590" s="1"/>
      <c r="C10590">
        <v>7</v>
      </c>
      <c r="D10590" t="s">
        <v>23612</v>
      </c>
      <c r="E10590" t="s">
        <v>33948</v>
      </c>
      <c r="F10590">
        <v>4</v>
      </c>
      <c r="G10590" t="s">
        <v>14</v>
      </c>
      <c r="H10590" t="s">
        <v>23613</v>
      </c>
      <c r="I10590" t="s">
        <v>30540</v>
      </c>
    </row>
    <row r="10591" spans="1:9">
      <c r="A10591" s="1">
        <v>0.88574524204370364</v>
      </c>
      <c r="B10591" s="1"/>
      <c r="C10591">
        <v>12</v>
      </c>
      <c r="D10591" t="s">
        <v>23606</v>
      </c>
      <c r="E10591" t="s">
        <v>33949</v>
      </c>
      <c r="F10591">
        <v>4</v>
      </c>
      <c r="G10591" t="s">
        <v>14</v>
      </c>
      <c r="H10591" t="s">
        <v>23607</v>
      </c>
      <c r="I10591" t="s">
        <v>30540</v>
      </c>
    </row>
    <row r="10592" spans="1:9">
      <c r="A10592" s="1">
        <v>0.18225603663072254</v>
      </c>
      <c r="B10592" s="1"/>
      <c r="C10592">
        <v>19</v>
      </c>
      <c r="D10592" t="s">
        <v>23610</v>
      </c>
      <c r="E10592" t="s">
        <v>33949</v>
      </c>
      <c r="F10592">
        <v>4</v>
      </c>
      <c r="G10592" t="s">
        <v>14</v>
      </c>
      <c r="H10592" t="s">
        <v>23611</v>
      </c>
      <c r="I10592" t="s">
        <v>30540</v>
      </c>
    </row>
    <row r="10593" spans="1:9">
      <c r="A10593" s="1">
        <v>0.59787616107585573</v>
      </c>
      <c r="B10593" s="1"/>
      <c r="C10593">
        <v>4</v>
      </c>
      <c r="D10593" t="s">
        <v>23602</v>
      </c>
      <c r="E10593" t="s">
        <v>33950</v>
      </c>
      <c r="F10593">
        <v>4</v>
      </c>
      <c r="G10593" t="s">
        <v>14</v>
      </c>
      <c r="H10593" t="s">
        <v>23603</v>
      </c>
      <c r="I10593" t="s">
        <v>30540</v>
      </c>
    </row>
    <row r="10594" spans="1:9">
      <c r="A10594" s="1">
        <v>0.73840386992638773</v>
      </c>
      <c r="B10594" s="1"/>
      <c r="C10594">
        <v>6</v>
      </c>
      <c r="D10594" t="s">
        <v>23596</v>
      </c>
      <c r="E10594" t="s">
        <v>33951</v>
      </c>
      <c r="F10594">
        <v>5</v>
      </c>
      <c r="G10594" t="s">
        <v>14</v>
      </c>
      <c r="H10594" t="s">
        <v>23597</v>
      </c>
      <c r="I10594" t="s">
        <v>30540</v>
      </c>
    </row>
    <row r="10595" spans="1:9">
      <c r="A10595" s="1">
        <v>0.71771969961567073</v>
      </c>
      <c r="B10595" s="1"/>
      <c r="C10595">
        <v>11</v>
      </c>
      <c r="D10595" t="s">
        <v>23598</v>
      </c>
      <c r="E10595" t="s">
        <v>33951</v>
      </c>
      <c r="F10595">
        <v>4</v>
      </c>
      <c r="G10595" t="s">
        <v>14</v>
      </c>
      <c r="H10595" t="s">
        <v>23599</v>
      </c>
      <c r="I10595" t="s">
        <v>30540</v>
      </c>
    </row>
    <row r="10596" spans="1:9">
      <c r="A10596" s="1">
        <v>0.12088521593361834</v>
      </c>
      <c r="B10596" s="1"/>
      <c r="C10596">
        <v>3</v>
      </c>
      <c r="D10596" t="s">
        <v>23592</v>
      </c>
      <c r="E10596" t="s">
        <v>33952</v>
      </c>
      <c r="F10596">
        <v>4</v>
      </c>
      <c r="G10596" t="s">
        <v>14</v>
      </c>
      <c r="H10596" t="s">
        <v>23593</v>
      </c>
      <c r="I10596" t="s">
        <v>30540</v>
      </c>
    </row>
    <row r="10597" spans="1:9">
      <c r="A10597" s="1">
        <v>0.15020841118088446</v>
      </c>
      <c r="B10597" s="1"/>
      <c r="C10597">
        <v>7</v>
      </c>
      <c r="D10597" t="s">
        <v>23584</v>
      </c>
      <c r="E10597" t="s">
        <v>33953</v>
      </c>
      <c r="F10597">
        <v>5</v>
      </c>
      <c r="G10597" t="s">
        <v>14</v>
      </c>
      <c r="H10597" t="s">
        <v>23585</v>
      </c>
      <c r="I10597" t="s">
        <v>30540</v>
      </c>
    </row>
    <row r="10598" spans="1:9">
      <c r="A10598" s="1">
        <v>0.19798134798990741</v>
      </c>
      <c r="B10598" s="1"/>
      <c r="C10598">
        <v>6</v>
      </c>
      <c r="D10598" t="s">
        <v>23582</v>
      </c>
      <c r="E10598" t="s">
        <v>33953</v>
      </c>
      <c r="F10598">
        <v>5</v>
      </c>
      <c r="G10598" t="s">
        <v>14</v>
      </c>
      <c r="H10598" t="s">
        <v>23583</v>
      </c>
      <c r="I10598" t="s">
        <v>30540</v>
      </c>
    </row>
    <row r="10599" spans="1:9">
      <c r="A10599" s="1">
        <v>0.5414756570558259</v>
      </c>
      <c r="B10599" s="1"/>
      <c r="C10599">
        <v>8</v>
      </c>
      <c r="D10599" t="s">
        <v>23586</v>
      </c>
      <c r="E10599" t="s">
        <v>33953</v>
      </c>
      <c r="F10599">
        <v>5</v>
      </c>
      <c r="G10599" t="s">
        <v>1</v>
      </c>
      <c r="H10599" t="s">
        <v>23587</v>
      </c>
      <c r="I10599" t="s">
        <v>30540</v>
      </c>
    </row>
    <row r="10600" spans="1:9">
      <c r="A10600" s="1">
        <v>0.15035368615247924</v>
      </c>
      <c r="B10600" s="1"/>
      <c r="C10600">
        <v>17</v>
      </c>
      <c r="D10600" t="s">
        <v>23590</v>
      </c>
      <c r="E10600" t="s">
        <v>33953</v>
      </c>
      <c r="F10600">
        <v>4</v>
      </c>
      <c r="G10600" t="s">
        <v>14</v>
      </c>
      <c r="H10600" t="s">
        <v>23591</v>
      </c>
      <c r="I10600" t="s">
        <v>30540</v>
      </c>
    </row>
    <row r="10601" spans="1:9">
      <c r="A10601" s="1">
        <v>0.14588011746243079</v>
      </c>
      <c r="B10601" s="1"/>
      <c r="C10601">
        <v>5</v>
      </c>
      <c r="D10601" t="s">
        <v>23580</v>
      </c>
      <c r="E10601" t="s">
        <v>33953</v>
      </c>
      <c r="F10601">
        <v>4</v>
      </c>
      <c r="G10601" t="s">
        <v>14</v>
      </c>
      <c r="H10601" t="s">
        <v>23581</v>
      </c>
      <c r="I10601" t="s">
        <v>30540</v>
      </c>
    </row>
    <row r="10602" spans="1:9">
      <c r="A10602" s="1">
        <v>0.53946973338261928</v>
      </c>
      <c r="B10602" s="1"/>
      <c r="C10602">
        <v>7</v>
      </c>
      <c r="D10602" t="s">
        <v>23574</v>
      </c>
      <c r="E10602" t="s">
        <v>33954</v>
      </c>
      <c r="F10602">
        <v>4</v>
      </c>
      <c r="G10602" t="s">
        <v>14</v>
      </c>
      <c r="H10602" t="s">
        <v>23575</v>
      </c>
      <c r="I10602" t="s">
        <v>30540</v>
      </c>
    </row>
    <row r="10603" spans="1:9">
      <c r="A10603" s="1">
        <v>0.27800030260710362</v>
      </c>
      <c r="B10603" s="1"/>
      <c r="C10603">
        <v>5</v>
      </c>
      <c r="D10603" t="s">
        <v>23572</v>
      </c>
      <c r="E10603" t="s">
        <v>33954</v>
      </c>
      <c r="F10603">
        <v>4</v>
      </c>
      <c r="G10603" t="s">
        <v>14</v>
      </c>
      <c r="H10603" t="s">
        <v>23573</v>
      </c>
      <c r="I10603" t="s">
        <v>30540</v>
      </c>
    </row>
    <row r="10604" spans="1:9">
      <c r="A10604" s="1">
        <v>5.1003099174815048E-2</v>
      </c>
      <c r="B10604" s="1"/>
      <c r="C10604">
        <v>19</v>
      </c>
      <c r="D10604" t="s">
        <v>23578</v>
      </c>
      <c r="E10604" t="s">
        <v>33954</v>
      </c>
      <c r="F10604">
        <v>4</v>
      </c>
      <c r="G10604" t="s">
        <v>14</v>
      </c>
      <c r="H10604" t="s">
        <v>23579</v>
      </c>
      <c r="I10604" t="s">
        <v>30540</v>
      </c>
    </row>
    <row r="10605" spans="1:9">
      <c r="A10605" s="1">
        <v>0.53725228796187907</v>
      </c>
      <c r="B10605" s="1"/>
      <c r="C10605">
        <v>13</v>
      </c>
      <c r="D10605" t="s">
        <v>23576</v>
      </c>
      <c r="E10605" t="s">
        <v>33954</v>
      </c>
      <c r="F10605">
        <v>4</v>
      </c>
      <c r="G10605" t="s">
        <v>14</v>
      </c>
      <c r="H10605" t="s">
        <v>23577</v>
      </c>
      <c r="I10605" t="s">
        <v>30540</v>
      </c>
    </row>
    <row r="10606" spans="1:9">
      <c r="A10606" s="1">
        <v>0.42168685554100238</v>
      </c>
      <c r="B10606" s="1"/>
      <c r="C10606">
        <v>1</v>
      </c>
      <c r="D10606" t="s">
        <v>23564</v>
      </c>
      <c r="E10606" t="s">
        <v>33955</v>
      </c>
      <c r="F10606">
        <v>5</v>
      </c>
      <c r="G10606" t="s">
        <v>13</v>
      </c>
      <c r="H10606" t="s">
        <v>23565</v>
      </c>
      <c r="I10606" t="s">
        <v>30540</v>
      </c>
    </row>
    <row r="10607" spans="1:9">
      <c r="A10607" s="1">
        <v>5.4164249195887915E-2</v>
      </c>
      <c r="B10607" s="1"/>
      <c r="C10607">
        <v>3</v>
      </c>
      <c r="D10607" t="s">
        <v>23566</v>
      </c>
      <c r="E10607" t="s">
        <v>33955</v>
      </c>
      <c r="F10607">
        <v>4</v>
      </c>
      <c r="G10607" t="s">
        <v>2</v>
      </c>
      <c r="H10607" t="s">
        <v>23567</v>
      </c>
      <c r="I10607" t="s">
        <v>30540</v>
      </c>
    </row>
    <row r="10608" spans="1:9">
      <c r="A10608" s="1">
        <v>0.60397724734831393</v>
      </c>
      <c r="B10608" s="1"/>
      <c r="C10608">
        <v>16</v>
      </c>
      <c r="D10608" t="s">
        <v>23570</v>
      </c>
      <c r="E10608" t="s">
        <v>33955</v>
      </c>
      <c r="F10608">
        <v>3</v>
      </c>
      <c r="G10608" t="s">
        <v>14</v>
      </c>
      <c r="H10608" t="s">
        <v>23571</v>
      </c>
      <c r="I10608" t="s">
        <v>30540</v>
      </c>
    </row>
    <row r="10609" spans="1:9">
      <c r="A10609" s="1">
        <v>0.44404059514290983</v>
      </c>
      <c r="B10609" s="1"/>
      <c r="C10609">
        <v>6</v>
      </c>
      <c r="D10609" t="s">
        <v>23560</v>
      </c>
      <c r="E10609" t="s">
        <v>33956</v>
      </c>
      <c r="F10609">
        <v>4</v>
      </c>
      <c r="G10609" t="s">
        <v>2</v>
      </c>
      <c r="H10609" t="s">
        <v>23561</v>
      </c>
      <c r="I10609" t="s">
        <v>30540</v>
      </c>
    </row>
    <row r="10610" spans="1:9">
      <c r="A10610" s="1">
        <v>3.1286341182041322E-2</v>
      </c>
      <c r="B10610" s="1"/>
      <c r="C10610">
        <v>16</v>
      </c>
      <c r="D10610" t="s">
        <v>23562</v>
      </c>
      <c r="E10610" t="s">
        <v>33956</v>
      </c>
      <c r="F10610">
        <v>4</v>
      </c>
      <c r="G10610" t="s">
        <v>14</v>
      </c>
      <c r="H10610" t="s">
        <v>23563</v>
      </c>
      <c r="I10610" t="s">
        <v>30540</v>
      </c>
    </row>
    <row r="10611" spans="1:9">
      <c r="A10611" s="1">
        <v>0.99965008593773863</v>
      </c>
      <c r="B10611" s="1"/>
      <c r="C10611">
        <v>18</v>
      </c>
      <c r="D10611" t="s">
        <v>23558</v>
      </c>
      <c r="E10611" t="s">
        <v>33957</v>
      </c>
      <c r="F10611">
        <v>4</v>
      </c>
      <c r="G10611" t="s">
        <v>14</v>
      </c>
      <c r="H10611" t="s">
        <v>23559</v>
      </c>
      <c r="I10611" t="s">
        <v>30540</v>
      </c>
    </row>
    <row r="10612" spans="1:9">
      <c r="A10612" s="1">
        <v>0.89032438881701914</v>
      </c>
      <c r="B10612" s="1"/>
      <c r="C10612">
        <v>4</v>
      </c>
      <c r="D10612" t="s">
        <v>23554</v>
      </c>
      <c r="E10612" t="s">
        <v>33957</v>
      </c>
      <c r="F10612">
        <v>4</v>
      </c>
      <c r="G10612" t="s">
        <v>14</v>
      </c>
      <c r="H10612" t="s">
        <v>23555</v>
      </c>
      <c r="I10612" t="s">
        <v>30540</v>
      </c>
    </row>
    <row r="10613" spans="1:9">
      <c r="A10613" s="1">
        <v>0.40291089274814162</v>
      </c>
      <c r="B10613" s="1"/>
      <c r="C10613">
        <v>17</v>
      </c>
      <c r="D10613" t="s">
        <v>23556</v>
      </c>
      <c r="E10613" t="s">
        <v>33957</v>
      </c>
      <c r="F10613">
        <v>3</v>
      </c>
      <c r="G10613" t="s">
        <v>10</v>
      </c>
      <c r="H10613" t="s">
        <v>23557</v>
      </c>
      <c r="I10613" t="s">
        <v>30540</v>
      </c>
    </row>
    <row r="10614" spans="1:9">
      <c r="A10614" s="1">
        <v>0.71801836739965885</v>
      </c>
      <c r="B10614" s="1"/>
      <c r="C10614">
        <v>10</v>
      </c>
      <c r="D10614" t="s">
        <v>23552</v>
      </c>
      <c r="E10614" t="s">
        <v>33958</v>
      </c>
      <c r="F10614">
        <v>5</v>
      </c>
      <c r="G10614" t="s">
        <v>0</v>
      </c>
      <c r="H10614" t="s">
        <v>23553</v>
      </c>
      <c r="I10614" t="s">
        <v>30540</v>
      </c>
    </row>
    <row r="10615" spans="1:9">
      <c r="A10615" s="1">
        <v>0.79199278548218821</v>
      </c>
      <c r="B10615" s="1"/>
      <c r="C10615">
        <v>7</v>
      </c>
      <c r="D10615" t="s">
        <v>23550</v>
      </c>
      <c r="E10615" t="s">
        <v>33958</v>
      </c>
      <c r="F10615">
        <v>4</v>
      </c>
      <c r="G10615" t="s">
        <v>0</v>
      </c>
      <c r="H10615" t="s">
        <v>23551</v>
      </c>
      <c r="I10615" t="s">
        <v>30540</v>
      </c>
    </row>
    <row r="10616" spans="1:9">
      <c r="A10616" s="1">
        <v>0.59732949549012526</v>
      </c>
      <c r="B10616" s="1"/>
      <c r="C10616">
        <v>16</v>
      </c>
      <c r="D10616" t="s">
        <v>23548</v>
      </c>
      <c r="E10616" t="s">
        <v>33959</v>
      </c>
      <c r="F10616">
        <v>4</v>
      </c>
      <c r="G10616" t="s">
        <v>14</v>
      </c>
      <c r="H10616" t="s">
        <v>23549</v>
      </c>
      <c r="I10616" t="s">
        <v>30540</v>
      </c>
    </row>
    <row r="10617" spans="1:9">
      <c r="A10617" s="1">
        <v>0.74770160555001564</v>
      </c>
      <c r="B10617" s="1"/>
      <c r="C10617">
        <v>6</v>
      </c>
      <c r="D10617" t="s">
        <v>23542</v>
      </c>
      <c r="E10617" t="s">
        <v>33960</v>
      </c>
      <c r="F10617">
        <v>5</v>
      </c>
      <c r="G10617" t="s">
        <v>14</v>
      </c>
      <c r="H10617" t="s">
        <v>23543</v>
      </c>
      <c r="I10617" t="s">
        <v>30540</v>
      </c>
    </row>
    <row r="10618" spans="1:9">
      <c r="A10618" s="1">
        <v>0.45471488463553111</v>
      </c>
      <c r="B10618" s="1"/>
      <c r="C10618">
        <v>4</v>
      </c>
      <c r="D10618" t="s">
        <v>23540</v>
      </c>
      <c r="E10618" t="s">
        <v>33960</v>
      </c>
      <c r="F10618">
        <v>4</v>
      </c>
      <c r="G10618" t="s">
        <v>15</v>
      </c>
      <c r="H10618" t="s">
        <v>23541</v>
      </c>
      <c r="I10618" t="s">
        <v>30540</v>
      </c>
    </row>
    <row r="10619" spans="1:9">
      <c r="A10619" s="1">
        <v>0.43783031187944654</v>
      </c>
      <c r="B10619" s="1"/>
      <c r="C10619">
        <v>10</v>
      </c>
      <c r="D10619" t="s">
        <v>23544</v>
      </c>
      <c r="E10619" t="s">
        <v>33960</v>
      </c>
      <c r="F10619">
        <v>4</v>
      </c>
      <c r="G10619" t="s">
        <v>14</v>
      </c>
      <c r="H10619" t="s">
        <v>23545</v>
      </c>
      <c r="I10619" t="s">
        <v>30540</v>
      </c>
    </row>
    <row r="10620" spans="1:9">
      <c r="A10620" s="1">
        <v>0.15742668208924404</v>
      </c>
      <c r="B10620" s="1"/>
      <c r="C10620">
        <v>12</v>
      </c>
      <c r="D10620" t="s">
        <v>23534</v>
      </c>
      <c r="E10620" t="s">
        <v>33961</v>
      </c>
      <c r="F10620">
        <v>5</v>
      </c>
      <c r="G10620" t="s">
        <v>14</v>
      </c>
      <c r="H10620" t="s">
        <v>23535</v>
      </c>
      <c r="I10620" t="s">
        <v>30540</v>
      </c>
    </row>
    <row r="10621" spans="1:9">
      <c r="A10621" s="1">
        <v>0.4113004298329801</v>
      </c>
      <c r="B10621" s="1"/>
      <c r="C10621">
        <v>7</v>
      </c>
      <c r="D10621" t="s">
        <v>23532</v>
      </c>
      <c r="E10621" t="s">
        <v>33961</v>
      </c>
      <c r="F10621">
        <v>4</v>
      </c>
      <c r="G10621" t="s">
        <v>14</v>
      </c>
      <c r="H10621" t="s">
        <v>23533</v>
      </c>
      <c r="I10621" t="s">
        <v>30540</v>
      </c>
    </row>
    <row r="10622" spans="1:9">
      <c r="A10622" s="1">
        <v>0.55632394175207711</v>
      </c>
      <c r="B10622" s="1"/>
      <c r="C10622">
        <v>19</v>
      </c>
      <c r="D10622" t="s">
        <v>23538</v>
      </c>
      <c r="E10622" t="s">
        <v>33961</v>
      </c>
      <c r="F10622">
        <v>4</v>
      </c>
      <c r="G10622" t="s">
        <v>14</v>
      </c>
      <c r="H10622" t="s">
        <v>23539</v>
      </c>
      <c r="I10622" t="s">
        <v>30540</v>
      </c>
    </row>
    <row r="10623" spans="1:9">
      <c r="A10623" s="1">
        <v>0.39092245962279326</v>
      </c>
      <c r="B10623" s="1"/>
      <c r="C10623">
        <v>17</v>
      </c>
      <c r="D10623" t="s">
        <v>23536</v>
      </c>
      <c r="E10623" t="s">
        <v>33961</v>
      </c>
      <c r="F10623">
        <v>3</v>
      </c>
      <c r="G10623" t="s">
        <v>14</v>
      </c>
      <c r="H10623" t="s">
        <v>23537</v>
      </c>
      <c r="I10623" t="s">
        <v>30540</v>
      </c>
    </row>
    <row r="10624" spans="1:9">
      <c r="A10624" s="1">
        <v>0.77761156558051681</v>
      </c>
      <c r="B10624" s="1"/>
      <c r="C10624">
        <v>4</v>
      </c>
      <c r="D10624" t="s">
        <v>23522</v>
      </c>
      <c r="E10624" t="s">
        <v>33962</v>
      </c>
      <c r="F10624">
        <v>5</v>
      </c>
      <c r="G10624" t="s">
        <v>2738</v>
      </c>
      <c r="H10624" t="s">
        <v>23523</v>
      </c>
      <c r="I10624" t="s">
        <v>30540</v>
      </c>
    </row>
    <row r="10625" spans="1:9">
      <c r="A10625" s="1">
        <v>0.59015169410029666</v>
      </c>
      <c r="B10625" s="1"/>
      <c r="C10625">
        <v>19</v>
      </c>
      <c r="D10625" t="s">
        <v>23530</v>
      </c>
      <c r="E10625" t="s">
        <v>33962</v>
      </c>
      <c r="F10625">
        <v>5</v>
      </c>
      <c r="G10625" t="s">
        <v>15</v>
      </c>
      <c r="H10625" t="s">
        <v>23531</v>
      </c>
      <c r="I10625" t="s">
        <v>30540</v>
      </c>
    </row>
    <row r="10626" spans="1:9">
      <c r="A10626" s="1">
        <v>0.48412672023414571</v>
      </c>
      <c r="B10626" s="1"/>
      <c r="C10626">
        <v>5</v>
      </c>
      <c r="D10626" t="s">
        <v>23524</v>
      </c>
      <c r="E10626" t="s">
        <v>33962</v>
      </c>
      <c r="F10626">
        <v>4</v>
      </c>
      <c r="G10626" t="s">
        <v>2229</v>
      </c>
      <c r="H10626" t="s">
        <v>23525</v>
      </c>
      <c r="I10626" t="s">
        <v>30540</v>
      </c>
    </row>
    <row r="10627" spans="1:9">
      <c r="A10627" s="1">
        <v>0.79845494602968414</v>
      </c>
      <c r="B10627" s="1"/>
      <c r="C10627">
        <v>18</v>
      </c>
      <c r="D10627" t="s">
        <v>23528</v>
      </c>
      <c r="E10627" t="s">
        <v>33962</v>
      </c>
      <c r="F10627">
        <v>4</v>
      </c>
      <c r="G10627" t="s">
        <v>2229</v>
      </c>
      <c r="H10627" t="s">
        <v>23529</v>
      </c>
      <c r="I10627" t="s">
        <v>30540</v>
      </c>
    </row>
    <row r="10628" spans="1:9">
      <c r="A10628" s="1">
        <v>9.6674949548775868E-2</v>
      </c>
      <c r="B10628" s="1"/>
      <c r="C10628">
        <v>10</v>
      </c>
      <c r="D10628" t="s">
        <v>23526</v>
      </c>
      <c r="E10628" t="s">
        <v>33962</v>
      </c>
      <c r="F10628">
        <v>4</v>
      </c>
      <c r="G10628" t="s">
        <v>1431</v>
      </c>
      <c r="H10628" t="s">
        <v>23527</v>
      </c>
      <c r="I10628" t="s">
        <v>30540</v>
      </c>
    </row>
    <row r="10629" spans="1:9">
      <c r="A10629" s="1">
        <v>0.37057558000885116</v>
      </c>
      <c r="B10629" s="1"/>
      <c r="C10629">
        <v>15</v>
      </c>
      <c r="D10629" t="s">
        <v>23514</v>
      </c>
      <c r="E10629" t="s">
        <v>33963</v>
      </c>
      <c r="F10629">
        <v>5</v>
      </c>
      <c r="G10629" t="s">
        <v>0</v>
      </c>
      <c r="H10629" t="s">
        <v>23515</v>
      </c>
      <c r="I10629" t="s">
        <v>30540</v>
      </c>
    </row>
    <row r="10630" spans="1:9">
      <c r="A10630" s="1">
        <v>4.3154938081421568E-2</v>
      </c>
      <c r="B10630" s="1"/>
      <c r="C10630">
        <v>6</v>
      </c>
      <c r="D10630" t="s">
        <v>23506</v>
      </c>
      <c r="E10630" t="s">
        <v>33963</v>
      </c>
      <c r="F10630">
        <v>4</v>
      </c>
      <c r="G10630" t="s">
        <v>15</v>
      </c>
      <c r="H10630" t="s">
        <v>23507</v>
      </c>
      <c r="I10630" t="s">
        <v>30540</v>
      </c>
    </row>
    <row r="10631" spans="1:9">
      <c r="A10631" s="1">
        <v>0.2877421360179464</v>
      </c>
      <c r="B10631" s="1"/>
      <c r="C10631">
        <v>3</v>
      </c>
      <c r="D10631" t="s">
        <v>23504</v>
      </c>
      <c r="E10631" t="s">
        <v>33963</v>
      </c>
      <c r="F10631">
        <v>4</v>
      </c>
      <c r="G10631" t="s">
        <v>10</v>
      </c>
      <c r="H10631" t="s">
        <v>23505</v>
      </c>
      <c r="I10631" t="s">
        <v>30540</v>
      </c>
    </row>
    <row r="10632" spans="1:9">
      <c r="A10632" s="1">
        <v>9.5008693116844789E-2</v>
      </c>
      <c r="B10632" s="1"/>
      <c r="C10632">
        <v>18</v>
      </c>
      <c r="D10632" t="s">
        <v>23516</v>
      </c>
      <c r="E10632" t="s">
        <v>33963</v>
      </c>
      <c r="F10632">
        <v>4</v>
      </c>
      <c r="G10632" t="s">
        <v>14</v>
      </c>
      <c r="H10632" t="s">
        <v>23517</v>
      </c>
      <c r="I10632" t="s">
        <v>30540</v>
      </c>
    </row>
    <row r="10633" spans="1:9">
      <c r="A10633" s="1">
        <v>3.4296568745014966E-2</v>
      </c>
      <c r="B10633" s="1"/>
      <c r="C10633">
        <v>19</v>
      </c>
      <c r="D10633" t="s">
        <v>23518</v>
      </c>
      <c r="E10633" t="s">
        <v>33963</v>
      </c>
      <c r="F10633">
        <v>4</v>
      </c>
      <c r="G10633" t="s">
        <v>10</v>
      </c>
      <c r="H10633" t="s">
        <v>23519</v>
      </c>
      <c r="I10633" t="s">
        <v>30540</v>
      </c>
    </row>
    <row r="10634" spans="1:9">
      <c r="A10634" s="1">
        <v>0.82642674657680881</v>
      </c>
      <c r="B10634" s="1"/>
      <c r="C10634">
        <v>8</v>
      </c>
      <c r="D10634" t="s">
        <v>23508</v>
      </c>
      <c r="E10634" t="s">
        <v>33963</v>
      </c>
      <c r="F10634">
        <v>4</v>
      </c>
      <c r="G10634" t="s">
        <v>0</v>
      </c>
      <c r="H10634" t="s">
        <v>23509</v>
      </c>
      <c r="I10634" t="s">
        <v>30540</v>
      </c>
    </row>
    <row r="10635" spans="1:9">
      <c r="A10635" s="1">
        <v>0.42045752395698688</v>
      </c>
      <c r="B10635" s="1"/>
      <c r="C10635">
        <v>9</v>
      </c>
      <c r="D10635" t="s">
        <v>23510</v>
      </c>
      <c r="E10635" t="s">
        <v>33963</v>
      </c>
      <c r="F10635">
        <v>4</v>
      </c>
      <c r="G10635" t="s">
        <v>14</v>
      </c>
      <c r="H10635" t="s">
        <v>23511</v>
      </c>
      <c r="I10635" t="s">
        <v>30540</v>
      </c>
    </row>
    <row r="10636" spans="1:9">
      <c r="A10636" s="1">
        <v>0.87642918773827627</v>
      </c>
      <c r="B10636" s="1"/>
      <c r="C10636">
        <v>11</v>
      </c>
      <c r="D10636" t="s">
        <v>23512</v>
      </c>
      <c r="E10636" t="s">
        <v>33963</v>
      </c>
      <c r="F10636">
        <v>3</v>
      </c>
      <c r="G10636" t="s">
        <v>15</v>
      </c>
      <c r="H10636" t="s">
        <v>23513</v>
      </c>
      <c r="I10636" t="s">
        <v>30540</v>
      </c>
    </row>
    <row r="10637" spans="1:9">
      <c r="A10637" s="1">
        <v>0.5246781393294746</v>
      </c>
      <c r="B10637" s="1"/>
      <c r="C10637">
        <v>18</v>
      </c>
      <c r="D10637" t="s">
        <v>23502</v>
      </c>
      <c r="E10637" t="s">
        <v>33964</v>
      </c>
      <c r="F10637">
        <v>4</v>
      </c>
      <c r="G10637" t="s">
        <v>14</v>
      </c>
      <c r="H10637" t="s">
        <v>23503</v>
      </c>
      <c r="I10637" t="s">
        <v>30540</v>
      </c>
    </row>
    <row r="10638" spans="1:9">
      <c r="A10638" s="1">
        <v>0.29144518642860373</v>
      </c>
      <c r="B10638" s="1"/>
      <c r="C10638">
        <v>13</v>
      </c>
      <c r="D10638" t="s">
        <v>23500</v>
      </c>
      <c r="E10638" t="s">
        <v>33964</v>
      </c>
      <c r="F10638">
        <v>4</v>
      </c>
      <c r="G10638" t="s">
        <v>14</v>
      </c>
      <c r="H10638" t="s">
        <v>23501</v>
      </c>
      <c r="I10638" t="s">
        <v>30540</v>
      </c>
    </row>
    <row r="10639" spans="1:9">
      <c r="A10639" s="1">
        <v>0.25788971573432617</v>
      </c>
      <c r="B10639" s="1"/>
      <c r="C10639">
        <v>11</v>
      </c>
      <c r="D10639" t="s">
        <v>23498</v>
      </c>
      <c r="E10639" t="s">
        <v>33964</v>
      </c>
      <c r="F10639">
        <v>4</v>
      </c>
      <c r="G10639" t="s">
        <v>14</v>
      </c>
      <c r="H10639" t="s">
        <v>23499</v>
      </c>
      <c r="I10639" t="s">
        <v>30540</v>
      </c>
    </row>
    <row r="10640" spans="1:9">
      <c r="A10640" s="1">
        <v>0.57996946972564356</v>
      </c>
      <c r="B10640" s="1"/>
      <c r="C10640">
        <v>10</v>
      </c>
      <c r="D10640" t="s">
        <v>23492</v>
      </c>
      <c r="E10640" t="s">
        <v>33965</v>
      </c>
      <c r="F10640">
        <v>5</v>
      </c>
      <c r="G10640" t="s">
        <v>14</v>
      </c>
      <c r="H10640" t="s">
        <v>23493</v>
      </c>
      <c r="I10640" t="s">
        <v>30540</v>
      </c>
    </row>
    <row r="10641" spans="1:9">
      <c r="A10641" s="1">
        <v>0.59653096362412839</v>
      </c>
      <c r="B10641" s="1"/>
      <c r="C10641">
        <v>11</v>
      </c>
      <c r="D10641" t="s">
        <v>23494</v>
      </c>
      <c r="E10641" t="s">
        <v>33965</v>
      </c>
      <c r="F10641">
        <v>4</v>
      </c>
      <c r="G10641" t="s">
        <v>14</v>
      </c>
      <c r="H10641" t="s">
        <v>23495</v>
      </c>
      <c r="I10641" t="s">
        <v>30540</v>
      </c>
    </row>
    <row r="10642" spans="1:9">
      <c r="A10642" s="1">
        <v>0.25537720853932733</v>
      </c>
      <c r="B10642" s="1"/>
      <c r="C10642">
        <v>1</v>
      </c>
      <c r="D10642" t="s">
        <v>23490</v>
      </c>
      <c r="E10642" t="s">
        <v>33965</v>
      </c>
      <c r="F10642">
        <v>4</v>
      </c>
      <c r="G10642" t="s">
        <v>2</v>
      </c>
      <c r="H10642" t="s">
        <v>23491</v>
      </c>
      <c r="I10642" t="s">
        <v>30540</v>
      </c>
    </row>
    <row r="10643" spans="1:9">
      <c r="A10643" s="1">
        <v>5.0725653462992626E-2</v>
      </c>
      <c r="B10643" s="1"/>
      <c r="C10643">
        <v>15</v>
      </c>
      <c r="D10643" t="s">
        <v>23488</v>
      </c>
      <c r="E10643" t="s">
        <v>33966</v>
      </c>
      <c r="F10643">
        <v>4</v>
      </c>
      <c r="G10643" t="s">
        <v>14</v>
      </c>
      <c r="H10643" t="s">
        <v>23489</v>
      </c>
      <c r="I10643" t="s">
        <v>30540</v>
      </c>
    </row>
    <row r="10644" spans="1:9">
      <c r="A10644" s="1">
        <v>0.76135856174041572</v>
      </c>
      <c r="B10644" s="1"/>
      <c r="C10644">
        <v>8</v>
      </c>
      <c r="D10644" t="s">
        <v>23482</v>
      </c>
      <c r="E10644" t="s">
        <v>33966</v>
      </c>
      <c r="F10644">
        <v>4</v>
      </c>
      <c r="G10644" t="s">
        <v>10</v>
      </c>
      <c r="H10644" t="s">
        <v>23483</v>
      </c>
      <c r="I10644" t="s">
        <v>30540</v>
      </c>
    </row>
    <row r="10645" spans="1:9">
      <c r="A10645" s="1">
        <v>0.63200569408855989</v>
      </c>
      <c r="B10645" s="1"/>
      <c r="C10645">
        <v>11</v>
      </c>
      <c r="D10645" t="s">
        <v>23484</v>
      </c>
      <c r="E10645" t="s">
        <v>33966</v>
      </c>
      <c r="F10645">
        <v>4</v>
      </c>
      <c r="G10645" t="s">
        <v>1</v>
      </c>
      <c r="H10645" t="s">
        <v>23485</v>
      </c>
      <c r="I10645" t="s">
        <v>30540</v>
      </c>
    </row>
    <row r="10646" spans="1:9">
      <c r="A10646" s="1">
        <v>5.6627935619930514E-2</v>
      </c>
      <c r="B10646" s="1"/>
      <c r="C10646">
        <v>13</v>
      </c>
      <c r="D10646" t="s">
        <v>23486</v>
      </c>
      <c r="E10646" t="s">
        <v>33966</v>
      </c>
      <c r="F10646">
        <v>3</v>
      </c>
      <c r="G10646" t="s">
        <v>14</v>
      </c>
      <c r="H10646" t="s">
        <v>23487</v>
      </c>
      <c r="I10646" t="s">
        <v>30540</v>
      </c>
    </row>
    <row r="10647" spans="1:9">
      <c r="A10647" s="1">
        <v>0.65207675107404039</v>
      </c>
      <c r="B10647" s="1"/>
      <c r="C10647">
        <v>8</v>
      </c>
      <c r="D10647" t="s">
        <v>23478</v>
      </c>
      <c r="E10647" t="s">
        <v>33967</v>
      </c>
      <c r="F10647">
        <v>4</v>
      </c>
      <c r="G10647" t="s">
        <v>1295</v>
      </c>
      <c r="H10647" t="s">
        <v>23479</v>
      </c>
      <c r="I10647" t="s">
        <v>30540</v>
      </c>
    </row>
    <row r="10648" spans="1:9">
      <c r="A10648" s="1">
        <v>0.33774365256117578</v>
      </c>
      <c r="B10648" s="1"/>
      <c r="C10648">
        <v>7</v>
      </c>
      <c r="D10648" t="s">
        <v>23476</v>
      </c>
      <c r="E10648" t="s">
        <v>33967</v>
      </c>
      <c r="F10648">
        <v>4</v>
      </c>
      <c r="G10648" t="s">
        <v>769</v>
      </c>
      <c r="H10648" t="s">
        <v>23477</v>
      </c>
      <c r="I10648" t="s">
        <v>30540</v>
      </c>
    </row>
    <row r="10649" spans="1:9">
      <c r="A10649" s="1">
        <v>0.72451635206959164</v>
      </c>
      <c r="B10649" s="1"/>
      <c r="C10649">
        <v>6</v>
      </c>
      <c r="D10649" t="s">
        <v>23468</v>
      </c>
      <c r="E10649" t="s">
        <v>33968</v>
      </c>
      <c r="F10649">
        <v>5</v>
      </c>
      <c r="G10649" t="s">
        <v>14</v>
      </c>
      <c r="H10649" t="s">
        <v>23469</v>
      </c>
      <c r="I10649" t="s">
        <v>30540</v>
      </c>
    </row>
    <row r="10650" spans="1:9">
      <c r="A10650" s="1">
        <v>0.79414208548048881</v>
      </c>
      <c r="B10650" s="1"/>
      <c r="C10650">
        <v>1</v>
      </c>
      <c r="D10650" t="s">
        <v>23464</v>
      </c>
      <c r="E10650" t="s">
        <v>33968</v>
      </c>
      <c r="F10650">
        <v>4</v>
      </c>
      <c r="G10650" t="s">
        <v>10</v>
      </c>
      <c r="H10650" t="s">
        <v>23465</v>
      </c>
      <c r="I10650" t="s">
        <v>30540</v>
      </c>
    </row>
    <row r="10651" spans="1:9">
      <c r="A10651" s="1">
        <v>0.50980974549511793</v>
      </c>
      <c r="B10651" s="1"/>
      <c r="C10651">
        <v>17</v>
      </c>
      <c r="D10651" t="s">
        <v>23474</v>
      </c>
      <c r="E10651" t="s">
        <v>33968</v>
      </c>
      <c r="F10651">
        <v>4</v>
      </c>
      <c r="G10651" t="s">
        <v>14</v>
      </c>
      <c r="H10651" t="s">
        <v>23475</v>
      </c>
      <c r="I10651" t="s">
        <v>30540</v>
      </c>
    </row>
    <row r="10652" spans="1:9">
      <c r="A10652" s="1">
        <v>4.2394732097523424E-2</v>
      </c>
      <c r="B10652" s="1"/>
      <c r="C10652">
        <v>9</v>
      </c>
      <c r="D10652" t="s">
        <v>23470</v>
      </c>
      <c r="E10652" t="s">
        <v>33968</v>
      </c>
      <c r="F10652">
        <v>4</v>
      </c>
      <c r="G10652" t="s">
        <v>10</v>
      </c>
      <c r="H10652" t="s">
        <v>23471</v>
      </c>
      <c r="I10652" t="s">
        <v>30540</v>
      </c>
    </row>
    <row r="10653" spans="1:9">
      <c r="A10653" s="1">
        <v>0.32984043688617992</v>
      </c>
      <c r="B10653" s="1"/>
      <c r="C10653">
        <v>3</v>
      </c>
      <c r="D10653" t="s">
        <v>23460</v>
      </c>
      <c r="E10653" t="s">
        <v>33969</v>
      </c>
      <c r="F10653">
        <v>4</v>
      </c>
      <c r="G10653" t="s">
        <v>14</v>
      </c>
      <c r="H10653" t="s">
        <v>23461</v>
      </c>
      <c r="I10653" t="s">
        <v>30540</v>
      </c>
    </row>
    <row r="10654" spans="1:9">
      <c r="A10654" s="1">
        <v>0.70551790757481014</v>
      </c>
      <c r="B10654" s="1"/>
      <c r="C10654">
        <v>9</v>
      </c>
      <c r="D10654" t="s">
        <v>23462</v>
      </c>
      <c r="E10654" t="s">
        <v>33969</v>
      </c>
      <c r="F10654">
        <v>4</v>
      </c>
      <c r="G10654" t="s">
        <v>14</v>
      </c>
      <c r="H10654" t="s">
        <v>23463</v>
      </c>
      <c r="I10654" t="s">
        <v>30540</v>
      </c>
    </row>
    <row r="10655" spans="1:9">
      <c r="A10655" s="1">
        <v>0.21699180508953542</v>
      </c>
      <c r="B10655" s="1"/>
      <c r="C10655">
        <v>2</v>
      </c>
      <c r="D10655" t="s">
        <v>23458</v>
      </c>
      <c r="E10655" t="s">
        <v>33969</v>
      </c>
      <c r="F10655">
        <v>4</v>
      </c>
      <c r="G10655" t="s">
        <v>14</v>
      </c>
      <c r="H10655" t="s">
        <v>23459</v>
      </c>
      <c r="I10655" t="s">
        <v>30540</v>
      </c>
    </row>
    <row r="10656" spans="1:9">
      <c r="A10656" s="1">
        <v>0.55100080570562404</v>
      </c>
      <c r="B10656" s="1"/>
      <c r="C10656">
        <v>4</v>
      </c>
      <c r="D10656" t="s">
        <v>23452</v>
      </c>
      <c r="E10656" t="s">
        <v>33970</v>
      </c>
      <c r="F10656">
        <v>5</v>
      </c>
      <c r="G10656" t="s">
        <v>14</v>
      </c>
      <c r="H10656" t="s">
        <v>23453</v>
      </c>
      <c r="I10656" t="s">
        <v>30540</v>
      </c>
    </row>
    <row r="10657" spans="1:9">
      <c r="A10657" s="1">
        <v>0.78174588789545973</v>
      </c>
      <c r="B10657" s="1"/>
      <c r="C10657">
        <v>9</v>
      </c>
      <c r="D10657" t="s">
        <v>23456</v>
      </c>
      <c r="E10657" t="s">
        <v>33970</v>
      </c>
      <c r="F10657">
        <v>4</v>
      </c>
      <c r="G10657" t="s">
        <v>13</v>
      </c>
      <c r="H10657" t="s">
        <v>23457</v>
      </c>
      <c r="I10657" t="s">
        <v>30540</v>
      </c>
    </row>
    <row r="10658" spans="1:9">
      <c r="A10658" s="1">
        <v>0.2496025999508853</v>
      </c>
      <c r="B10658" s="1"/>
      <c r="C10658">
        <v>3</v>
      </c>
      <c r="D10658" t="s">
        <v>23450</v>
      </c>
      <c r="E10658" t="s">
        <v>33970</v>
      </c>
      <c r="F10658">
        <v>4</v>
      </c>
      <c r="G10658" t="s">
        <v>2</v>
      </c>
      <c r="H10658" t="s">
        <v>23451</v>
      </c>
      <c r="I10658" t="s">
        <v>30540</v>
      </c>
    </row>
    <row r="10659" spans="1:9">
      <c r="A10659" s="1">
        <v>0.24267212454734222</v>
      </c>
      <c r="B10659" s="1"/>
      <c r="C10659">
        <v>8</v>
      </c>
      <c r="D10659" t="s">
        <v>23454</v>
      </c>
      <c r="E10659" t="s">
        <v>33970</v>
      </c>
      <c r="F10659">
        <v>3</v>
      </c>
      <c r="G10659" t="s">
        <v>14</v>
      </c>
      <c r="H10659" t="s">
        <v>23455</v>
      </c>
      <c r="I10659" t="s">
        <v>30540</v>
      </c>
    </row>
    <row r="10660" spans="1:9">
      <c r="A10660" s="1">
        <v>0.68342354001972583</v>
      </c>
      <c r="B10660" s="1"/>
      <c r="C10660">
        <v>13</v>
      </c>
      <c r="D10660" t="s">
        <v>23448</v>
      </c>
      <c r="E10660" t="s">
        <v>33971</v>
      </c>
      <c r="F10660">
        <v>5</v>
      </c>
      <c r="G10660" t="s">
        <v>9</v>
      </c>
      <c r="H10660" t="s">
        <v>23449</v>
      </c>
      <c r="I10660" t="s">
        <v>30540</v>
      </c>
    </row>
    <row r="10661" spans="1:9">
      <c r="A10661" s="1">
        <v>0.45703019132061562</v>
      </c>
      <c r="B10661" s="1"/>
      <c r="C10661">
        <v>3</v>
      </c>
      <c r="D10661" t="s">
        <v>23436</v>
      </c>
      <c r="E10661" t="s">
        <v>33971</v>
      </c>
      <c r="F10661">
        <v>5</v>
      </c>
      <c r="G10661" t="s">
        <v>14</v>
      </c>
      <c r="H10661" t="s">
        <v>23437</v>
      </c>
      <c r="I10661" t="s">
        <v>30540</v>
      </c>
    </row>
    <row r="10662" spans="1:9">
      <c r="A10662" s="1">
        <v>0.80214996539002037</v>
      </c>
      <c r="B10662" s="1"/>
      <c r="C10662">
        <v>7</v>
      </c>
      <c r="D10662" t="s">
        <v>23440</v>
      </c>
      <c r="E10662" t="s">
        <v>33971</v>
      </c>
      <c r="F10662">
        <v>4</v>
      </c>
      <c r="G10662" t="s">
        <v>15</v>
      </c>
      <c r="H10662" t="s">
        <v>23441</v>
      </c>
      <c r="I10662" t="s">
        <v>30540</v>
      </c>
    </row>
    <row r="10663" spans="1:9">
      <c r="A10663" s="1">
        <v>0.99176964396296086</v>
      </c>
      <c r="B10663" s="1"/>
      <c r="C10663">
        <v>5</v>
      </c>
      <c r="D10663" t="s">
        <v>23438</v>
      </c>
      <c r="E10663" t="s">
        <v>33971</v>
      </c>
      <c r="F10663">
        <v>4</v>
      </c>
      <c r="G10663" t="s">
        <v>9</v>
      </c>
      <c r="H10663" t="s">
        <v>23439</v>
      </c>
      <c r="I10663" t="s">
        <v>30540</v>
      </c>
    </row>
    <row r="10664" spans="1:9">
      <c r="A10664" s="1">
        <v>0.14697214958204119</v>
      </c>
      <c r="B10664" s="1"/>
      <c r="C10664">
        <v>9</v>
      </c>
      <c r="D10664" t="s">
        <v>23442</v>
      </c>
      <c r="E10664" t="s">
        <v>33971</v>
      </c>
      <c r="F10664">
        <v>4</v>
      </c>
      <c r="G10664" t="s">
        <v>1</v>
      </c>
      <c r="H10664" t="s">
        <v>23443</v>
      </c>
      <c r="I10664" t="s">
        <v>30540</v>
      </c>
    </row>
    <row r="10665" spans="1:9">
      <c r="A10665" s="1">
        <v>0.97120704213854447</v>
      </c>
      <c r="B10665" s="1"/>
      <c r="C10665">
        <v>2</v>
      </c>
      <c r="D10665" t="s">
        <v>23434</v>
      </c>
      <c r="E10665" t="s">
        <v>33971</v>
      </c>
      <c r="F10665">
        <v>3</v>
      </c>
      <c r="G10665" t="s">
        <v>13</v>
      </c>
      <c r="H10665" t="s">
        <v>23435</v>
      </c>
      <c r="I10665" t="s">
        <v>30540</v>
      </c>
    </row>
    <row r="10666" spans="1:9">
      <c r="A10666" s="1">
        <v>0.64844775039136704</v>
      </c>
      <c r="B10666" s="1"/>
      <c r="C10666">
        <v>17</v>
      </c>
      <c r="D10666" t="s">
        <v>23428</v>
      </c>
      <c r="E10666" t="s">
        <v>33972</v>
      </c>
      <c r="F10666">
        <v>5</v>
      </c>
      <c r="G10666" t="s">
        <v>2738</v>
      </c>
      <c r="H10666" t="s">
        <v>23429</v>
      </c>
      <c r="I10666" t="s">
        <v>30540</v>
      </c>
    </row>
    <row r="10667" spans="1:9">
      <c r="A10667" s="1">
        <v>0.80523265268507638</v>
      </c>
      <c r="B10667" s="1"/>
      <c r="C10667">
        <v>11</v>
      </c>
      <c r="D10667" t="s">
        <v>23426</v>
      </c>
      <c r="E10667" t="s">
        <v>33972</v>
      </c>
      <c r="F10667">
        <v>4</v>
      </c>
      <c r="G10667" t="s">
        <v>15</v>
      </c>
      <c r="H10667" t="s">
        <v>23427</v>
      </c>
      <c r="I10667" t="s">
        <v>30540</v>
      </c>
    </row>
    <row r="10668" spans="1:9">
      <c r="A10668" s="1">
        <v>0.28619764635892542</v>
      </c>
      <c r="B10668" s="1"/>
      <c r="C10668">
        <v>19</v>
      </c>
      <c r="D10668" t="s">
        <v>23432</v>
      </c>
      <c r="E10668" t="s">
        <v>33972</v>
      </c>
      <c r="F10668">
        <v>4</v>
      </c>
      <c r="G10668" t="s">
        <v>10</v>
      </c>
      <c r="H10668" t="s">
        <v>23433</v>
      </c>
      <c r="I10668" t="s">
        <v>30540</v>
      </c>
    </row>
    <row r="10669" spans="1:9">
      <c r="A10669" s="1">
        <v>8.3018299756903002E-2</v>
      </c>
      <c r="B10669" s="1"/>
      <c r="C10669">
        <v>10</v>
      </c>
      <c r="D10669" t="s">
        <v>23424</v>
      </c>
      <c r="E10669" t="s">
        <v>33972</v>
      </c>
      <c r="F10669">
        <v>4</v>
      </c>
      <c r="G10669" t="s">
        <v>15</v>
      </c>
      <c r="H10669" t="s">
        <v>23425</v>
      </c>
      <c r="I10669" t="s">
        <v>30540</v>
      </c>
    </row>
    <row r="10670" spans="1:9">
      <c r="A10670" s="1">
        <v>0.43803193393672168</v>
      </c>
      <c r="B10670" s="1"/>
      <c r="C10670">
        <v>9</v>
      </c>
      <c r="D10670" t="s">
        <v>23422</v>
      </c>
      <c r="E10670" t="s">
        <v>33972</v>
      </c>
      <c r="F10670">
        <v>4</v>
      </c>
      <c r="G10670" t="s">
        <v>2</v>
      </c>
      <c r="H10670" t="s">
        <v>23423</v>
      </c>
      <c r="I10670" t="s">
        <v>30540</v>
      </c>
    </row>
    <row r="10671" spans="1:9">
      <c r="A10671" s="1">
        <v>0.8716638332482991</v>
      </c>
      <c r="B10671" s="1"/>
      <c r="C10671">
        <v>18</v>
      </c>
      <c r="D10671" t="s">
        <v>23430</v>
      </c>
      <c r="E10671" t="s">
        <v>33972</v>
      </c>
      <c r="F10671">
        <v>3</v>
      </c>
      <c r="G10671" t="s">
        <v>15</v>
      </c>
      <c r="H10671" t="s">
        <v>23431</v>
      </c>
      <c r="I10671" t="s">
        <v>30540</v>
      </c>
    </row>
    <row r="10672" spans="1:9">
      <c r="A10672" s="1">
        <v>0.45834840160496937</v>
      </c>
      <c r="B10672" s="1"/>
      <c r="C10672">
        <v>19</v>
      </c>
      <c r="D10672" t="s">
        <v>23420</v>
      </c>
      <c r="E10672" t="s">
        <v>33973</v>
      </c>
      <c r="F10672">
        <v>4</v>
      </c>
      <c r="G10672" t="s">
        <v>15</v>
      </c>
      <c r="H10672" t="s">
        <v>23421</v>
      </c>
      <c r="I10672" t="s">
        <v>30540</v>
      </c>
    </row>
    <row r="10673" spans="1:9">
      <c r="A10673" s="1">
        <v>0.31638647034104483</v>
      </c>
      <c r="B10673" s="1"/>
      <c r="C10673">
        <v>11</v>
      </c>
      <c r="D10673" t="s">
        <v>23416</v>
      </c>
      <c r="E10673" t="s">
        <v>33973</v>
      </c>
      <c r="F10673">
        <v>3</v>
      </c>
      <c r="G10673" t="s">
        <v>14</v>
      </c>
      <c r="H10673" t="s">
        <v>23417</v>
      </c>
      <c r="I10673" t="s">
        <v>30540</v>
      </c>
    </row>
    <row r="10674" spans="1:9">
      <c r="A10674" s="1">
        <v>0.54206966916974586</v>
      </c>
      <c r="B10674" s="1"/>
      <c r="C10674">
        <v>17</v>
      </c>
      <c r="D10674" t="s">
        <v>23418</v>
      </c>
      <c r="E10674" t="s">
        <v>33973</v>
      </c>
      <c r="F10674">
        <v>3</v>
      </c>
      <c r="G10674" t="s">
        <v>14</v>
      </c>
      <c r="H10674" t="s">
        <v>23419</v>
      </c>
      <c r="I10674" t="s">
        <v>30540</v>
      </c>
    </row>
    <row r="10675" spans="1:9">
      <c r="A10675" s="1">
        <v>0.92292498744226625</v>
      </c>
      <c r="B10675" s="1"/>
      <c r="C10675">
        <v>9</v>
      </c>
      <c r="D10675" t="s">
        <v>23408</v>
      </c>
      <c r="E10675" t="s">
        <v>33974</v>
      </c>
      <c r="F10675">
        <v>5</v>
      </c>
      <c r="G10675" t="s">
        <v>14</v>
      </c>
      <c r="H10675" t="s">
        <v>23409</v>
      </c>
      <c r="I10675" t="s">
        <v>30540</v>
      </c>
    </row>
    <row r="10676" spans="1:9">
      <c r="A10676" s="1">
        <v>0.82251309733974032</v>
      </c>
      <c r="B10676" s="1"/>
      <c r="C10676">
        <v>16</v>
      </c>
      <c r="D10676" t="s">
        <v>23412</v>
      </c>
      <c r="E10676" t="s">
        <v>33974</v>
      </c>
      <c r="F10676">
        <v>5</v>
      </c>
      <c r="G10676" t="s">
        <v>14</v>
      </c>
      <c r="H10676" t="s">
        <v>23413</v>
      </c>
      <c r="I10676" t="s">
        <v>30540</v>
      </c>
    </row>
    <row r="10677" spans="1:9">
      <c r="A10677" s="1">
        <v>0.46897696999102978</v>
      </c>
      <c r="B10677" s="1"/>
      <c r="C10677">
        <v>6</v>
      </c>
      <c r="D10677" t="s">
        <v>23406</v>
      </c>
      <c r="E10677" t="s">
        <v>33974</v>
      </c>
      <c r="F10677">
        <v>4</v>
      </c>
      <c r="G10677" t="s">
        <v>14</v>
      </c>
      <c r="H10677" t="s">
        <v>23407</v>
      </c>
      <c r="I10677" t="s">
        <v>30540</v>
      </c>
    </row>
    <row r="10678" spans="1:9">
      <c r="A10678" s="1">
        <v>0.87190272952263503</v>
      </c>
      <c r="B10678" s="1"/>
      <c r="C10678">
        <v>10</v>
      </c>
      <c r="D10678" t="s">
        <v>23410</v>
      </c>
      <c r="E10678" t="s">
        <v>33974</v>
      </c>
      <c r="F10678">
        <v>4</v>
      </c>
      <c r="G10678" t="s">
        <v>13</v>
      </c>
      <c r="H10678" t="s">
        <v>23411</v>
      </c>
      <c r="I10678" t="s">
        <v>30540</v>
      </c>
    </row>
    <row r="10679" spans="1:9">
      <c r="A10679" s="1">
        <v>0.13815021528790072</v>
      </c>
      <c r="B10679" s="1"/>
      <c r="C10679">
        <v>4</v>
      </c>
      <c r="D10679" t="s">
        <v>23396</v>
      </c>
      <c r="E10679" t="s">
        <v>33976</v>
      </c>
      <c r="F10679">
        <v>4</v>
      </c>
      <c r="G10679" t="s">
        <v>13</v>
      </c>
      <c r="H10679" t="s">
        <v>23397</v>
      </c>
      <c r="I10679" t="s">
        <v>30540</v>
      </c>
    </row>
    <row r="10680" spans="1:9">
      <c r="A10680" s="1">
        <v>0.96872341805042839</v>
      </c>
      <c r="B10680" s="1"/>
      <c r="C10680">
        <v>14</v>
      </c>
      <c r="D10680" t="s">
        <v>23400</v>
      </c>
      <c r="E10680" t="s">
        <v>33976</v>
      </c>
      <c r="F10680">
        <v>4</v>
      </c>
      <c r="G10680" t="s">
        <v>14</v>
      </c>
      <c r="H10680" t="s">
        <v>23401</v>
      </c>
      <c r="I10680" t="s">
        <v>30540</v>
      </c>
    </row>
    <row r="10681" spans="1:9">
      <c r="A10681" s="1">
        <v>0.55680635820849755</v>
      </c>
      <c r="B10681" s="1"/>
      <c r="C10681">
        <v>3</v>
      </c>
      <c r="D10681" t="s">
        <v>23390</v>
      </c>
      <c r="E10681" t="s">
        <v>33977</v>
      </c>
      <c r="F10681">
        <v>4</v>
      </c>
      <c r="G10681" t="s">
        <v>10</v>
      </c>
      <c r="H10681" t="s">
        <v>23391</v>
      </c>
      <c r="I10681" t="s">
        <v>30540</v>
      </c>
    </row>
    <row r="10682" spans="1:9">
      <c r="A10682" s="1">
        <v>0.78796581454930248</v>
      </c>
      <c r="B10682" s="1"/>
      <c r="C10682">
        <v>20</v>
      </c>
      <c r="D10682" t="s">
        <v>23394</v>
      </c>
      <c r="E10682" t="s">
        <v>33977</v>
      </c>
      <c r="F10682">
        <v>4</v>
      </c>
      <c r="G10682" t="s">
        <v>1</v>
      </c>
      <c r="H10682" t="s">
        <v>23395</v>
      </c>
      <c r="I10682" t="s">
        <v>30540</v>
      </c>
    </row>
    <row r="10683" spans="1:9">
      <c r="A10683" s="1">
        <v>0.71225422745999178</v>
      </c>
      <c r="B10683" s="1"/>
      <c r="C10683">
        <v>16</v>
      </c>
      <c r="D10683" t="s">
        <v>23392</v>
      </c>
      <c r="E10683" t="s">
        <v>33977</v>
      </c>
      <c r="F10683">
        <v>3</v>
      </c>
      <c r="G10683" t="s">
        <v>14</v>
      </c>
      <c r="H10683" t="s">
        <v>23393</v>
      </c>
      <c r="I10683" t="s">
        <v>30540</v>
      </c>
    </row>
    <row r="10684" spans="1:9">
      <c r="A10684" s="1">
        <v>0.56933166185896045</v>
      </c>
      <c r="B10684" s="1"/>
      <c r="C10684">
        <v>12</v>
      </c>
      <c r="D10684" t="s">
        <v>23388</v>
      </c>
      <c r="E10684" t="s">
        <v>33978</v>
      </c>
      <c r="F10684">
        <v>4</v>
      </c>
      <c r="G10684" t="s">
        <v>14</v>
      </c>
      <c r="H10684" t="s">
        <v>23389</v>
      </c>
      <c r="I10684" t="s">
        <v>30540</v>
      </c>
    </row>
    <row r="10685" spans="1:9">
      <c r="A10685" s="1">
        <v>0.6237978029669482</v>
      </c>
      <c r="B10685" s="1"/>
      <c r="C10685">
        <v>1</v>
      </c>
      <c r="D10685" t="s">
        <v>23384</v>
      </c>
      <c r="E10685" t="s">
        <v>33978</v>
      </c>
      <c r="F10685">
        <v>4</v>
      </c>
      <c r="G10685" t="s">
        <v>2</v>
      </c>
      <c r="H10685" t="s">
        <v>23385</v>
      </c>
      <c r="I10685" t="s">
        <v>30540</v>
      </c>
    </row>
    <row r="10686" spans="1:9">
      <c r="A10686" s="1">
        <v>0.57905701500960627</v>
      </c>
      <c r="B10686" s="1"/>
      <c r="C10686">
        <v>9</v>
      </c>
      <c r="D10686" t="s">
        <v>23386</v>
      </c>
      <c r="E10686" t="s">
        <v>33978</v>
      </c>
      <c r="F10686">
        <v>4</v>
      </c>
      <c r="G10686" t="s">
        <v>2</v>
      </c>
      <c r="H10686" t="s">
        <v>23387</v>
      </c>
      <c r="I10686" t="s">
        <v>30540</v>
      </c>
    </row>
    <row r="10687" spans="1:9">
      <c r="A10687" s="1">
        <v>0.78586383032174023</v>
      </c>
      <c r="B10687" s="1"/>
      <c r="C10687">
        <v>4</v>
      </c>
      <c r="D10687" t="s">
        <v>23378</v>
      </c>
      <c r="E10687" t="s">
        <v>33979</v>
      </c>
      <c r="F10687">
        <v>4</v>
      </c>
      <c r="G10687" t="s">
        <v>15</v>
      </c>
      <c r="H10687" t="s">
        <v>23379</v>
      </c>
      <c r="I10687" t="s">
        <v>30540</v>
      </c>
    </row>
    <row r="10688" spans="1:9">
      <c r="A10688" s="1">
        <v>7.129552060845612E-2</v>
      </c>
      <c r="B10688" s="1"/>
      <c r="C10688">
        <v>14</v>
      </c>
      <c r="D10688" t="s">
        <v>23382</v>
      </c>
      <c r="E10688" t="s">
        <v>33979</v>
      </c>
      <c r="F10688">
        <v>4</v>
      </c>
      <c r="G10688" t="s">
        <v>14</v>
      </c>
      <c r="H10688" t="s">
        <v>23383</v>
      </c>
      <c r="I10688" t="s">
        <v>30540</v>
      </c>
    </row>
    <row r="10689" spans="1:9">
      <c r="A10689" s="1">
        <v>0.94735734867845534</v>
      </c>
      <c r="B10689" s="1"/>
      <c r="C10689">
        <v>9</v>
      </c>
      <c r="D10689" t="s">
        <v>23380</v>
      </c>
      <c r="E10689" t="s">
        <v>33979</v>
      </c>
      <c r="F10689">
        <v>4</v>
      </c>
      <c r="G10689" t="s">
        <v>14</v>
      </c>
      <c r="H10689" t="s">
        <v>23381</v>
      </c>
      <c r="I10689" t="s">
        <v>30540</v>
      </c>
    </row>
    <row r="10690" spans="1:9">
      <c r="A10690" s="1">
        <v>0.98508679587456638</v>
      </c>
      <c r="B10690" s="1"/>
      <c r="C10690">
        <v>13</v>
      </c>
      <c r="D10690" t="s">
        <v>23374</v>
      </c>
      <c r="E10690" t="s">
        <v>33980</v>
      </c>
      <c r="F10690">
        <v>4</v>
      </c>
      <c r="G10690" t="s">
        <v>0</v>
      </c>
      <c r="H10690" t="s">
        <v>23375</v>
      </c>
      <c r="I10690" t="s">
        <v>30540</v>
      </c>
    </row>
    <row r="10691" spans="1:9">
      <c r="A10691" s="1">
        <v>3.8209404038433981E-2</v>
      </c>
      <c r="B10691" s="1"/>
      <c r="C10691">
        <v>6</v>
      </c>
      <c r="D10691" t="s">
        <v>23370</v>
      </c>
      <c r="E10691" t="s">
        <v>33980</v>
      </c>
      <c r="F10691">
        <v>3</v>
      </c>
      <c r="G10691" t="s">
        <v>14</v>
      </c>
      <c r="H10691" t="s">
        <v>23371</v>
      </c>
      <c r="I10691" t="s">
        <v>30540</v>
      </c>
    </row>
    <row r="10692" spans="1:9">
      <c r="A10692" s="1">
        <v>0.76478565298743295</v>
      </c>
      <c r="B10692" s="1"/>
      <c r="C10692">
        <v>15</v>
      </c>
      <c r="D10692" t="s">
        <v>23368</v>
      </c>
      <c r="E10692" t="s">
        <v>33981</v>
      </c>
      <c r="F10692">
        <v>5</v>
      </c>
      <c r="G10692" t="s">
        <v>14</v>
      </c>
      <c r="H10692" t="s">
        <v>23369</v>
      </c>
      <c r="I10692" t="s">
        <v>30540</v>
      </c>
    </row>
    <row r="10693" spans="1:9">
      <c r="A10693" s="1">
        <v>0.46198256467638399</v>
      </c>
      <c r="B10693" s="1"/>
      <c r="C10693">
        <v>9</v>
      </c>
      <c r="D10693" t="s">
        <v>23364</v>
      </c>
      <c r="E10693" t="s">
        <v>33981</v>
      </c>
      <c r="F10693">
        <v>4</v>
      </c>
      <c r="G10693" t="s">
        <v>14</v>
      </c>
      <c r="H10693" t="s">
        <v>23365</v>
      </c>
      <c r="I10693" t="s">
        <v>30540</v>
      </c>
    </row>
    <row r="10694" spans="1:9">
      <c r="A10694" s="1">
        <v>3.9193942132413562E-2</v>
      </c>
      <c r="B10694" s="1"/>
      <c r="C10694">
        <v>11</v>
      </c>
      <c r="D10694" t="s">
        <v>23366</v>
      </c>
      <c r="E10694" t="s">
        <v>33981</v>
      </c>
      <c r="F10694">
        <v>4</v>
      </c>
      <c r="G10694" t="s">
        <v>14</v>
      </c>
      <c r="H10694" t="s">
        <v>23367</v>
      </c>
      <c r="I10694" t="s">
        <v>30540</v>
      </c>
    </row>
    <row r="10695" spans="1:9">
      <c r="A10695" s="1">
        <v>0.70433735676627496</v>
      </c>
      <c r="B10695" s="1"/>
      <c r="C10695">
        <v>14</v>
      </c>
      <c r="D10695" t="s">
        <v>23358</v>
      </c>
      <c r="E10695" t="s">
        <v>33982</v>
      </c>
      <c r="F10695">
        <v>5</v>
      </c>
      <c r="G10695" t="s">
        <v>1426</v>
      </c>
      <c r="H10695" t="s">
        <v>23359</v>
      </c>
      <c r="I10695" t="s">
        <v>30540</v>
      </c>
    </row>
    <row r="10696" spans="1:9">
      <c r="A10696" s="1">
        <v>0.54648369662035468</v>
      </c>
      <c r="B10696" s="1"/>
      <c r="C10696">
        <v>6</v>
      </c>
      <c r="D10696" t="s">
        <v>23350</v>
      </c>
      <c r="E10696" t="s">
        <v>33982</v>
      </c>
      <c r="F10696">
        <v>4</v>
      </c>
      <c r="G10696" t="s">
        <v>9</v>
      </c>
      <c r="H10696" t="s">
        <v>23351</v>
      </c>
      <c r="I10696" t="s">
        <v>30540</v>
      </c>
    </row>
    <row r="10697" spans="1:9">
      <c r="A10697" s="1">
        <v>0.96244631342961584</v>
      </c>
      <c r="B10697" s="1"/>
      <c r="C10697">
        <v>9</v>
      </c>
      <c r="D10697" t="s">
        <v>23352</v>
      </c>
      <c r="E10697" t="s">
        <v>33982</v>
      </c>
      <c r="F10697">
        <v>4</v>
      </c>
      <c r="G10697" t="s">
        <v>2</v>
      </c>
      <c r="H10697" t="s">
        <v>23353</v>
      </c>
      <c r="I10697" t="s">
        <v>30540</v>
      </c>
    </row>
    <row r="10698" spans="1:9">
      <c r="A10698" s="1">
        <v>0.240924891173528</v>
      </c>
      <c r="B10698" s="1"/>
      <c r="C10698">
        <v>17</v>
      </c>
      <c r="D10698" t="s">
        <v>23360</v>
      </c>
      <c r="E10698" t="s">
        <v>33982</v>
      </c>
      <c r="F10698">
        <v>4</v>
      </c>
      <c r="G10698" t="s">
        <v>1295</v>
      </c>
      <c r="H10698" t="s">
        <v>23361</v>
      </c>
      <c r="I10698" t="s">
        <v>30540</v>
      </c>
    </row>
    <row r="10699" spans="1:9">
      <c r="A10699" s="1">
        <v>0.2966906819295152</v>
      </c>
      <c r="B10699" s="1"/>
      <c r="C10699">
        <v>19</v>
      </c>
      <c r="D10699" t="s">
        <v>23362</v>
      </c>
      <c r="E10699" t="s">
        <v>33982</v>
      </c>
      <c r="F10699">
        <v>4</v>
      </c>
      <c r="G10699" t="s">
        <v>14</v>
      </c>
      <c r="H10699" t="s">
        <v>23363</v>
      </c>
      <c r="I10699" t="s">
        <v>30540</v>
      </c>
    </row>
    <row r="10700" spans="1:9">
      <c r="A10700" s="1">
        <v>6.7792744671859473E-2</v>
      </c>
      <c r="B10700" s="1"/>
      <c r="C10700">
        <v>15</v>
      </c>
      <c r="D10700" t="s">
        <v>23344</v>
      </c>
      <c r="E10700" t="s">
        <v>33983</v>
      </c>
      <c r="F10700">
        <v>4</v>
      </c>
      <c r="G10700" t="s">
        <v>2</v>
      </c>
      <c r="H10700" t="s">
        <v>23345</v>
      </c>
      <c r="I10700" t="s">
        <v>30540</v>
      </c>
    </row>
    <row r="10701" spans="1:9">
      <c r="A10701" s="1">
        <v>0.20303373756343179</v>
      </c>
      <c r="B10701" s="1"/>
      <c r="C10701">
        <v>11</v>
      </c>
      <c r="D10701" t="s">
        <v>23342</v>
      </c>
      <c r="E10701" t="s">
        <v>33983</v>
      </c>
      <c r="F10701">
        <v>4</v>
      </c>
      <c r="G10701" t="s">
        <v>9</v>
      </c>
      <c r="H10701" t="s">
        <v>23343</v>
      </c>
      <c r="I10701" t="s">
        <v>30540</v>
      </c>
    </row>
    <row r="10702" spans="1:9">
      <c r="A10702" s="1">
        <v>0.97786496130804279</v>
      </c>
      <c r="B10702" s="1"/>
      <c r="C10702">
        <v>16</v>
      </c>
      <c r="D10702" t="s">
        <v>23346</v>
      </c>
      <c r="E10702" t="s">
        <v>33983</v>
      </c>
      <c r="F10702">
        <v>4</v>
      </c>
      <c r="G10702" t="s">
        <v>14</v>
      </c>
      <c r="H10702" t="s">
        <v>23347</v>
      </c>
      <c r="I10702" t="s">
        <v>30540</v>
      </c>
    </row>
    <row r="10703" spans="1:9">
      <c r="A10703" s="1">
        <v>0.18565402370683426</v>
      </c>
      <c r="B10703" s="1"/>
      <c r="C10703">
        <v>4</v>
      </c>
      <c r="D10703" t="s">
        <v>23328</v>
      </c>
      <c r="E10703" t="s">
        <v>33984</v>
      </c>
      <c r="F10703">
        <v>5</v>
      </c>
      <c r="G10703" t="s">
        <v>14</v>
      </c>
      <c r="H10703" t="s">
        <v>23329</v>
      </c>
      <c r="I10703" t="s">
        <v>30540</v>
      </c>
    </row>
    <row r="10704" spans="1:9">
      <c r="A10704" s="1">
        <v>0.85614013878568518</v>
      </c>
      <c r="B10704" s="1"/>
      <c r="C10704">
        <v>14</v>
      </c>
      <c r="D10704" t="s">
        <v>23334</v>
      </c>
      <c r="E10704" t="s">
        <v>33984</v>
      </c>
      <c r="F10704">
        <v>4</v>
      </c>
      <c r="G10704" t="s">
        <v>14</v>
      </c>
      <c r="H10704" t="s">
        <v>23335</v>
      </c>
      <c r="I10704" t="s">
        <v>30540</v>
      </c>
    </row>
    <row r="10705" spans="1:9">
      <c r="A10705" s="1">
        <v>5.1960959232968174E-2</v>
      </c>
      <c r="B10705" s="1"/>
      <c r="C10705">
        <v>15</v>
      </c>
      <c r="D10705" t="s">
        <v>23336</v>
      </c>
      <c r="E10705" t="s">
        <v>33984</v>
      </c>
      <c r="F10705">
        <v>4</v>
      </c>
      <c r="G10705" t="s">
        <v>14</v>
      </c>
      <c r="H10705" t="s">
        <v>23337</v>
      </c>
      <c r="I10705" t="s">
        <v>30540</v>
      </c>
    </row>
    <row r="10706" spans="1:9">
      <c r="A10706" s="1">
        <v>7.1275282804324269E-2</v>
      </c>
      <c r="B10706" s="1"/>
      <c r="C10706">
        <v>17</v>
      </c>
      <c r="D10706" t="s">
        <v>23338</v>
      </c>
      <c r="E10706" t="s">
        <v>33984</v>
      </c>
      <c r="F10706">
        <v>4</v>
      </c>
      <c r="G10706" t="s">
        <v>14</v>
      </c>
      <c r="H10706" t="s">
        <v>23339</v>
      </c>
      <c r="I10706" t="s">
        <v>30540</v>
      </c>
    </row>
    <row r="10707" spans="1:9">
      <c r="A10707" s="1">
        <v>0.90922474428200706</v>
      </c>
      <c r="B10707" s="1"/>
      <c r="C10707">
        <v>12</v>
      </c>
      <c r="D10707" t="s">
        <v>23332</v>
      </c>
      <c r="E10707" t="s">
        <v>33984</v>
      </c>
      <c r="F10707">
        <v>4</v>
      </c>
      <c r="G10707" t="s">
        <v>14</v>
      </c>
      <c r="H10707" t="s">
        <v>23333</v>
      </c>
      <c r="I10707" t="s">
        <v>30540</v>
      </c>
    </row>
    <row r="10708" spans="1:9">
      <c r="A10708" s="1">
        <v>0.64057863419768502</v>
      </c>
      <c r="B10708" s="1"/>
      <c r="C10708">
        <v>9</v>
      </c>
      <c r="D10708" t="s">
        <v>23330</v>
      </c>
      <c r="E10708" t="s">
        <v>33984</v>
      </c>
      <c r="F10708">
        <v>4</v>
      </c>
      <c r="G10708" t="s">
        <v>2</v>
      </c>
      <c r="H10708" t="s">
        <v>23331</v>
      </c>
      <c r="I10708" t="s">
        <v>30540</v>
      </c>
    </row>
    <row r="10709" spans="1:9">
      <c r="A10709" s="1">
        <v>0.48860412961092681</v>
      </c>
      <c r="B10709" s="1"/>
      <c r="C10709">
        <v>1</v>
      </c>
      <c r="D10709" t="s">
        <v>23322</v>
      </c>
      <c r="E10709" t="s">
        <v>33985</v>
      </c>
      <c r="F10709">
        <v>4</v>
      </c>
      <c r="G10709" t="s">
        <v>14</v>
      </c>
      <c r="H10709" t="s">
        <v>23323</v>
      </c>
      <c r="I10709" t="s">
        <v>30540</v>
      </c>
    </row>
    <row r="10710" spans="1:9">
      <c r="A10710" s="1">
        <v>0.64632452307154775</v>
      </c>
      <c r="B10710" s="1"/>
      <c r="C10710">
        <v>4</v>
      </c>
      <c r="D10710" t="s">
        <v>23324</v>
      </c>
      <c r="E10710" t="s">
        <v>33985</v>
      </c>
      <c r="F10710">
        <v>4</v>
      </c>
      <c r="G10710" t="s">
        <v>14</v>
      </c>
      <c r="H10710" t="s">
        <v>23325</v>
      </c>
      <c r="I10710" t="s">
        <v>30540</v>
      </c>
    </row>
    <row r="10711" spans="1:9">
      <c r="A10711" s="1">
        <v>0.52328124658965902</v>
      </c>
      <c r="B10711" s="1"/>
      <c r="C10711">
        <v>12</v>
      </c>
      <c r="D10711" t="s">
        <v>23326</v>
      </c>
      <c r="E10711" t="s">
        <v>33985</v>
      </c>
      <c r="F10711">
        <v>3</v>
      </c>
      <c r="G10711" t="s">
        <v>14</v>
      </c>
      <c r="H10711" t="s">
        <v>23327</v>
      </c>
      <c r="I10711" t="s">
        <v>30540</v>
      </c>
    </row>
    <row r="10712" spans="1:9">
      <c r="A10712" s="1">
        <v>7.8092916990091243E-3</v>
      </c>
      <c r="B10712" s="1"/>
      <c r="C10712">
        <v>16</v>
      </c>
      <c r="D10712" t="s">
        <v>23316</v>
      </c>
      <c r="E10712" t="s">
        <v>33986</v>
      </c>
      <c r="F10712">
        <v>5</v>
      </c>
      <c r="G10712" t="s">
        <v>14</v>
      </c>
      <c r="H10712" t="s">
        <v>23317</v>
      </c>
      <c r="I10712" t="s">
        <v>30540</v>
      </c>
    </row>
    <row r="10713" spans="1:9">
      <c r="A10713" s="1">
        <v>0.21536965804479502</v>
      </c>
      <c r="B10713" s="1"/>
      <c r="C10713">
        <v>5</v>
      </c>
      <c r="D10713" t="s">
        <v>23308</v>
      </c>
      <c r="E10713" t="s">
        <v>33986</v>
      </c>
      <c r="F10713">
        <v>5</v>
      </c>
      <c r="G10713" t="s">
        <v>14</v>
      </c>
      <c r="H10713" t="s">
        <v>23309</v>
      </c>
      <c r="I10713" t="s">
        <v>30540</v>
      </c>
    </row>
    <row r="10714" spans="1:9">
      <c r="A10714" s="1">
        <v>0.62938367019116082</v>
      </c>
      <c r="B10714" s="1"/>
      <c r="C10714">
        <v>15</v>
      </c>
      <c r="D10714" t="s">
        <v>23314</v>
      </c>
      <c r="E10714" t="s">
        <v>33986</v>
      </c>
      <c r="F10714">
        <v>4</v>
      </c>
      <c r="G10714" t="s">
        <v>0</v>
      </c>
      <c r="H10714" t="s">
        <v>23315</v>
      </c>
      <c r="I10714" t="s">
        <v>30540</v>
      </c>
    </row>
    <row r="10715" spans="1:9">
      <c r="A10715" s="1">
        <v>0.27711125573971684</v>
      </c>
      <c r="B10715" s="1"/>
      <c r="C10715">
        <v>14</v>
      </c>
      <c r="D10715" t="s">
        <v>23312</v>
      </c>
      <c r="E10715" t="s">
        <v>33986</v>
      </c>
      <c r="F10715">
        <v>4</v>
      </c>
      <c r="G10715" t="s">
        <v>14</v>
      </c>
      <c r="H10715" t="s">
        <v>23313</v>
      </c>
      <c r="I10715" t="s">
        <v>30540</v>
      </c>
    </row>
    <row r="10716" spans="1:9">
      <c r="A10716" s="1">
        <v>0.73318089819990251</v>
      </c>
      <c r="B10716" s="1"/>
      <c r="C10716">
        <v>6</v>
      </c>
      <c r="D10716" t="s">
        <v>23310</v>
      </c>
      <c r="E10716" t="s">
        <v>33986</v>
      </c>
      <c r="F10716">
        <v>4</v>
      </c>
      <c r="G10716" t="s">
        <v>14</v>
      </c>
      <c r="H10716" t="s">
        <v>23311</v>
      </c>
      <c r="I10716" t="s">
        <v>30540</v>
      </c>
    </row>
    <row r="10717" spans="1:9">
      <c r="A10717" s="1">
        <v>0.53559550456243243</v>
      </c>
      <c r="B10717" s="1"/>
      <c r="C10717">
        <v>19</v>
      </c>
      <c r="D10717" t="s">
        <v>23320</v>
      </c>
      <c r="E10717" t="s">
        <v>33986</v>
      </c>
      <c r="F10717">
        <v>4</v>
      </c>
      <c r="G10717" t="s">
        <v>9</v>
      </c>
      <c r="H10717" t="s">
        <v>23321</v>
      </c>
      <c r="I10717" t="s">
        <v>30540</v>
      </c>
    </row>
    <row r="10718" spans="1:9">
      <c r="A10718" s="1">
        <v>0.27115394143647309</v>
      </c>
      <c r="B10718" s="1"/>
      <c r="C10718">
        <v>18</v>
      </c>
      <c r="D10718" t="s">
        <v>23318</v>
      </c>
      <c r="E10718" t="s">
        <v>33986</v>
      </c>
      <c r="F10718">
        <v>4</v>
      </c>
      <c r="G10718" t="s">
        <v>1</v>
      </c>
      <c r="H10718" t="s">
        <v>23319</v>
      </c>
      <c r="I10718" t="s">
        <v>30540</v>
      </c>
    </row>
    <row r="10719" spans="1:9">
      <c r="A10719" s="1">
        <v>0.60327889621729147</v>
      </c>
      <c r="B10719" s="1"/>
      <c r="C10719">
        <v>2</v>
      </c>
      <c r="D10719" t="s">
        <v>23300</v>
      </c>
      <c r="E10719" t="s">
        <v>33987</v>
      </c>
      <c r="F10719">
        <v>3</v>
      </c>
      <c r="G10719" t="s">
        <v>10</v>
      </c>
      <c r="H10719" t="s">
        <v>23301</v>
      </c>
      <c r="I10719" t="s">
        <v>30540</v>
      </c>
    </row>
    <row r="10720" spans="1:9">
      <c r="A10720" s="1">
        <v>0.31752824790956313</v>
      </c>
      <c r="B10720" s="1"/>
      <c r="C10720">
        <v>7</v>
      </c>
      <c r="D10720" t="s">
        <v>23296</v>
      </c>
      <c r="E10720" t="s">
        <v>33988</v>
      </c>
      <c r="F10720">
        <v>5</v>
      </c>
      <c r="G10720" t="s">
        <v>9</v>
      </c>
      <c r="H10720" t="s">
        <v>23297</v>
      </c>
      <c r="I10720" t="s">
        <v>30540</v>
      </c>
    </row>
    <row r="10721" spans="1:9">
      <c r="A10721" s="1">
        <v>0.74779856008780066</v>
      </c>
      <c r="B10721" s="1"/>
      <c r="C10721">
        <v>5</v>
      </c>
      <c r="D10721" t="s">
        <v>23294</v>
      </c>
      <c r="E10721" t="s">
        <v>33988</v>
      </c>
      <c r="F10721">
        <v>5</v>
      </c>
      <c r="G10721" t="s">
        <v>14</v>
      </c>
      <c r="H10721" t="s">
        <v>23295</v>
      </c>
      <c r="I10721" t="s">
        <v>30540</v>
      </c>
    </row>
    <row r="10722" spans="1:9">
      <c r="A10722" s="1">
        <v>0.97568225832014577</v>
      </c>
      <c r="B10722" s="1"/>
      <c r="C10722">
        <v>17</v>
      </c>
      <c r="D10722" t="s">
        <v>23298</v>
      </c>
      <c r="E10722" t="s">
        <v>33988</v>
      </c>
      <c r="F10722">
        <v>4</v>
      </c>
      <c r="G10722" t="s">
        <v>14</v>
      </c>
      <c r="H10722" t="s">
        <v>23299</v>
      </c>
      <c r="I10722" t="s">
        <v>30540</v>
      </c>
    </row>
    <row r="10723" spans="1:9">
      <c r="A10723" s="1">
        <v>0.23642995543853984</v>
      </c>
      <c r="B10723" s="1"/>
      <c r="C10723">
        <v>3</v>
      </c>
      <c r="D10723" t="s">
        <v>23292</v>
      </c>
      <c r="E10723" t="s">
        <v>33988</v>
      </c>
      <c r="F10723">
        <v>3</v>
      </c>
      <c r="G10723" t="s">
        <v>2</v>
      </c>
      <c r="H10723" t="s">
        <v>23293</v>
      </c>
      <c r="I10723" t="s">
        <v>30540</v>
      </c>
    </row>
    <row r="10724" spans="1:9">
      <c r="A10724" s="1">
        <v>0.83568604976855332</v>
      </c>
      <c r="B10724" s="1"/>
      <c r="C10724">
        <v>12</v>
      </c>
      <c r="D10724" t="s">
        <v>23289</v>
      </c>
      <c r="E10724" t="s">
        <v>33989</v>
      </c>
      <c r="F10724">
        <v>5</v>
      </c>
      <c r="G10724" t="s">
        <v>14</v>
      </c>
      <c r="H10724" t="s">
        <v>23290</v>
      </c>
      <c r="I10724" t="s">
        <v>30540</v>
      </c>
    </row>
    <row r="10725" spans="1:9">
      <c r="A10725" s="1">
        <v>0.46792674589006489</v>
      </c>
      <c r="B10725" s="1"/>
      <c r="C10725">
        <v>8</v>
      </c>
      <c r="D10725" t="s">
        <v>23283</v>
      </c>
      <c r="E10725" t="s">
        <v>33989</v>
      </c>
      <c r="F10725">
        <v>5</v>
      </c>
      <c r="G10725" t="s">
        <v>2</v>
      </c>
      <c r="H10725" t="s">
        <v>23284</v>
      </c>
      <c r="I10725" t="s">
        <v>30540</v>
      </c>
    </row>
    <row r="10726" spans="1:9">
      <c r="A10726" s="1">
        <v>0.10130666416350309</v>
      </c>
      <c r="B10726" s="1"/>
      <c r="C10726">
        <v>10</v>
      </c>
      <c r="D10726" t="s">
        <v>23285</v>
      </c>
      <c r="E10726" t="s">
        <v>33989</v>
      </c>
      <c r="F10726">
        <v>4</v>
      </c>
      <c r="G10726" t="s">
        <v>14</v>
      </c>
      <c r="H10726" t="s">
        <v>23286</v>
      </c>
      <c r="I10726" t="s">
        <v>30540</v>
      </c>
    </row>
    <row r="10727" spans="1:9">
      <c r="A10727" s="1">
        <v>0.12420308926335244</v>
      </c>
      <c r="B10727" s="1"/>
      <c r="C10727">
        <v>11</v>
      </c>
      <c r="D10727" t="s">
        <v>23287</v>
      </c>
      <c r="E10727" t="s">
        <v>33989</v>
      </c>
      <c r="F10727">
        <v>4</v>
      </c>
      <c r="G10727" t="s">
        <v>10</v>
      </c>
      <c r="H10727" t="s">
        <v>23288</v>
      </c>
      <c r="I10727" t="s">
        <v>30540</v>
      </c>
    </row>
    <row r="10728" spans="1:9">
      <c r="A10728" s="1">
        <v>5.374951008235751E-2</v>
      </c>
      <c r="B10728" s="1"/>
      <c r="C10728">
        <v>17</v>
      </c>
      <c r="D10728" t="s">
        <v>21891</v>
      </c>
      <c r="E10728" t="s">
        <v>33989</v>
      </c>
      <c r="F10728">
        <v>4</v>
      </c>
      <c r="G10728" t="s">
        <v>14</v>
      </c>
      <c r="H10728" t="s">
        <v>23291</v>
      </c>
      <c r="I10728" t="s">
        <v>30540</v>
      </c>
    </row>
    <row r="10729" spans="1:9">
      <c r="A10729" s="1">
        <v>0.29890676194048327</v>
      </c>
      <c r="B10729" s="1"/>
      <c r="C10729">
        <v>7</v>
      </c>
      <c r="D10729" t="s">
        <v>23281</v>
      </c>
      <c r="E10729" t="s">
        <v>33989</v>
      </c>
      <c r="F10729">
        <v>3</v>
      </c>
      <c r="G10729" t="s">
        <v>14</v>
      </c>
      <c r="H10729" t="s">
        <v>23282</v>
      </c>
      <c r="I10729" t="s">
        <v>30540</v>
      </c>
    </row>
    <row r="10730" spans="1:9">
      <c r="A10730" s="1">
        <v>0.25511558205260443</v>
      </c>
      <c r="B10730" s="1"/>
      <c r="C10730">
        <v>4</v>
      </c>
      <c r="D10730" t="s">
        <v>23269</v>
      </c>
      <c r="E10730" t="s">
        <v>33990</v>
      </c>
      <c r="F10730">
        <v>5</v>
      </c>
      <c r="G10730" t="s">
        <v>14</v>
      </c>
      <c r="H10730" t="s">
        <v>23270</v>
      </c>
      <c r="I10730" t="s">
        <v>30540</v>
      </c>
    </row>
    <row r="10731" spans="1:9">
      <c r="A10731" s="1">
        <v>0.43595896608853391</v>
      </c>
      <c r="B10731" s="1"/>
      <c r="C10731">
        <v>5</v>
      </c>
      <c r="D10731" t="s">
        <v>23271</v>
      </c>
      <c r="E10731" t="s">
        <v>33990</v>
      </c>
      <c r="F10731">
        <v>5</v>
      </c>
      <c r="G10731" t="s">
        <v>14</v>
      </c>
      <c r="H10731" t="s">
        <v>23272</v>
      </c>
      <c r="I10731" t="s">
        <v>30540</v>
      </c>
    </row>
    <row r="10732" spans="1:9">
      <c r="A10732" s="1">
        <v>0.15546681144344532</v>
      </c>
      <c r="B10732" s="1"/>
      <c r="C10732">
        <v>14</v>
      </c>
      <c r="D10732" t="s">
        <v>23279</v>
      </c>
      <c r="E10732" t="s">
        <v>33990</v>
      </c>
      <c r="F10732">
        <v>5</v>
      </c>
      <c r="G10732" t="s">
        <v>15</v>
      </c>
      <c r="H10732" t="s">
        <v>23280</v>
      </c>
      <c r="I10732" t="s">
        <v>30540</v>
      </c>
    </row>
    <row r="10733" spans="1:9">
      <c r="A10733" s="1">
        <v>0.21340382695416227</v>
      </c>
      <c r="B10733" s="1"/>
      <c r="C10733">
        <v>12</v>
      </c>
      <c r="D10733" t="s">
        <v>23275</v>
      </c>
      <c r="E10733" t="s">
        <v>33990</v>
      </c>
      <c r="F10733">
        <v>4</v>
      </c>
      <c r="G10733" t="s">
        <v>13</v>
      </c>
      <c r="H10733" t="s">
        <v>23276</v>
      </c>
      <c r="I10733" t="s">
        <v>30540</v>
      </c>
    </row>
    <row r="10734" spans="1:9">
      <c r="A10734" s="1">
        <v>0.20194720937698651</v>
      </c>
      <c r="B10734" s="1"/>
      <c r="C10734">
        <v>12</v>
      </c>
      <c r="D10734" t="s">
        <v>23265</v>
      </c>
      <c r="E10734" t="s">
        <v>33991</v>
      </c>
      <c r="F10734">
        <v>4</v>
      </c>
      <c r="G10734" t="s">
        <v>2</v>
      </c>
      <c r="H10734" t="s">
        <v>23266</v>
      </c>
      <c r="I10734" t="s">
        <v>30540</v>
      </c>
    </row>
    <row r="10735" spans="1:9">
      <c r="A10735" s="1">
        <v>0.79195684588990001</v>
      </c>
      <c r="B10735" s="1"/>
      <c r="C10735">
        <v>7</v>
      </c>
      <c r="D10735" t="s">
        <v>23261</v>
      </c>
      <c r="E10735" t="s">
        <v>33991</v>
      </c>
      <c r="F10735">
        <v>4</v>
      </c>
      <c r="G10735" t="s">
        <v>14</v>
      </c>
      <c r="H10735" t="s">
        <v>23262</v>
      </c>
      <c r="I10735" t="s">
        <v>30540</v>
      </c>
    </row>
    <row r="10736" spans="1:9">
      <c r="A10736" s="1">
        <v>0.44516980606263756</v>
      </c>
      <c r="B10736" s="1"/>
      <c r="C10736">
        <v>20</v>
      </c>
      <c r="D10736" t="s">
        <v>23267</v>
      </c>
      <c r="E10736" t="s">
        <v>33991</v>
      </c>
      <c r="F10736">
        <v>4</v>
      </c>
      <c r="G10736" t="s">
        <v>14</v>
      </c>
      <c r="H10736" t="s">
        <v>23268</v>
      </c>
      <c r="I10736" t="s">
        <v>30540</v>
      </c>
    </row>
    <row r="10737" spans="1:9">
      <c r="A10737" s="1">
        <v>4.0689974324131684E-2</v>
      </c>
      <c r="B10737" s="1"/>
      <c r="C10737">
        <v>10</v>
      </c>
      <c r="D10737" t="s">
        <v>23263</v>
      </c>
      <c r="E10737" t="s">
        <v>33991</v>
      </c>
      <c r="F10737">
        <v>4</v>
      </c>
      <c r="G10737" t="s">
        <v>9</v>
      </c>
      <c r="H10737" t="s">
        <v>23264</v>
      </c>
      <c r="I10737" t="s">
        <v>30540</v>
      </c>
    </row>
    <row r="10738" spans="1:9">
      <c r="A10738" s="1">
        <v>0.86975306781369921</v>
      </c>
      <c r="B10738" s="1"/>
      <c r="C10738">
        <v>2</v>
      </c>
      <c r="D10738" t="s">
        <v>23259</v>
      </c>
      <c r="E10738" t="s">
        <v>33991</v>
      </c>
      <c r="F10738">
        <v>3</v>
      </c>
      <c r="G10738" t="s">
        <v>10</v>
      </c>
      <c r="H10738" t="s">
        <v>23260</v>
      </c>
      <c r="I10738" t="s">
        <v>30540</v>
      </c>
    </row>
    <row r="10739" spans="1:9">
      <c r="A10739" s="1">
        <v>0.21171911725871617</v>
      </c>
      <c r="B10739" s="1"/>
      <c r="C10739">
        <v>6</v>
      </c>
      <c r="D10739" t="s">
        <v>23255</v>
      </c>
      <c r="E10739" t="s">
        <v>33992</v>
      </c>
      <c r="F10739">
        <v>4</v>
      </c>
      <c r="G10739" t="s">
        <v>1431</v>
      </c>
      <c r="H10739" t="s">
        <v>23256</v>
      </c>
      <c r="I10739" t="s">
        <v>30540</v>
      </c>
    </row>
    <row r="10740" spans="1:9">
      <c r="A10740" s="1">
        <v>5.4973722212639076E-2</v>
      </c>
      <c r="B10740" s="1"/>
      <c r="C10740">
        <v>17</v>
      </c>
      <c r="D10740" t="s">
        <v>23257</v>
      </c>
      <c r="E10740" t="s">
        <v>33992</v>
      </c>
      <c r="F10740">
        <v>3</v>
      </c>
      <c r="G10740" t="s">
        <v>14</v>
      </c>
      <c r="H10740" t="s">
        <v>23258</v>
      </c>
      <c r="I10740" t="s">
        <v>30540</v>
      </c>
    </row>
    <row r="10741" spans="1:9">
      <c r="A10741" s="1">
        <v>0.6392156564684579</v>
      </c>
      <c r="B10741" s="1"/>
      <c r="C10741">
        <v>6</v>
      </c>
      <c r="D10741" t="s">
        <v>23249</v>
      </c>
      <c r="E10741" t="s">
        <v>33993</v>
      </c>
      <c r="F10741">
        <v>5</v>
      </c>
      <c r="G10741" t="s">
        <v>14</v>
      </c>
      <c r="H10741" t="s">
        <v>23250</v>
      </c>
      <c r="I10741" t="s">
        <v>30540</v>
      </c>
    </row>
    <row r="10742" spans="1:9">
      <c r="A10742" s="1">
        <v>0.34577803547309283</v>
      </c>
      <c r="B10742" s="1"/>
      <c r="C10742">
        <v>15</v>
      </c>
      <c r="D10742" t="s">
        <v>23253</v>
      </c>
      <c r="E10742" t="s">
        <v>33993</v>
      </c>
      <c r="F10742">
        <v>4</v>
      </c>
      <c r="G10742" t="s">
        <v>14</v>
      </c>
      <c r="H10742" t="s">
        <v>23254</v>
      </c>
      <c r="I10742" t="s">
        <v>30540</v>
      </c>
    </row>
    <row r="10743" spans="1:9">
      <c r="A10743" s="1">
        <v>0.11832665488276595</v>
      </c>
      <c r="B10743" s="1"/>
      <c r="C10743">
        <v>14</v>
      </c>
      <c r="D10743" t="s">
        <v>23251</v>
      </c>
      <c r="E10743" t="s">
        <v>33993</v>
      </c>
      <c r="F10743">
        <v>4</v>
      </c>
      <c r="G10743" t="s">
        <v>9</v>
      </c>
      <c r="H10743" t="s">
        <v>23252</v>
      </c>
      <c r="I10743" t="s">
        <v>30540</v>
      </c>
    </row>
    <row r="10744" spans="1:9">
      <c r="A10744" s="1">
        <v>0.93303231220361249</v>
      </c>
      <c r="B10744" s="1"/>
      <c r="C10744">
        <v>13</v>
      </c>
      <c r="D10744" t="s">
        <v>23245</v>
      </c>
      <c r="E10744" t="s">
        <v>33994</v>
      </c>
      <c r="F10744">
        <v>3</v>
      </c>
      <c r="G10744" t="s">
        <v>14</v>
      </c>
      <c r="H10744" t="s">
        <v>23246</v>
      </c>
      <c r="I10744" t="s">
        <v>30540</v>
      </c>
    </row>
    <row r="10745" spans="1:9">
      <c r="A10745" s="1">
        <v>0.73863055432912939</v>
      </c>
      <c r="B10745" s="1"/>
      <c r="C10745">
        <v>7</v>
      </c>
      <c r="D10745" t="s">
        <v>23241</v>
      </c>
      <c r="E10745" t="s">
        <v>33995</v>
      </c>
      <c r="F10745">
        <v>4</v>
      </c>
      <c r="G10745" t="s">
        <v>14</v>
      </c>
      <c r="H10745" t="s">
        <v>23242</v>
      </c>
      <c r="I10745" t="s">
        <v>30540</v>
      </c>
    </row>
    <row r="10746" spans="1:9">
      <c r="A10746" s="1">
        <v>0.41912252400598071</v>
      </c>
      <c r="B10746" s="1"/>
      <c r="C10746">
        <v>10</v>
      </c>
      <c r="D10746" t="s">
        <v>23243</v>
      </c>
      <c r="E10746" t="s">
        <v>33995</v>
      </c>
      <c r="F10746">
        <v>4</v>
      </c>
      <c r="G10746" t="s">
        <v>14</v>
      </c>
      <c r="H10746" t="s">
        <v>23244</v>
      </c>
      <c r="I10746" t="s">
        <v>30540</v>
      </c>
    </row>
    <row r="10747" spans="1:9">
      <c r="A10747" s="1">
        <v>7.1571457510163139E-2</v>
      </c>
      <c r="B10747" s="1"/>
      <c r="C10747">
        <v>3</v>
      </c>
      <c r="D10747" t="s">
        <v>23229</v>
      </c>
      <c r="E10747" t="s">
        <v>33996</v>
      </c>
      <c r="F10747">
        <v>5</v>
      </c>
      <c r="G10747" t="s">
        <v>14</v>
      </c>
      <c r="H10747" t="s">
        <v>23230</v>
      </c>
      <c r="I10747" t="s">
        <v>30540</v>
      </c>
    </row>
    <row r="10748" spans="1:9">
      <c r="A10748" s="1">
        <v>0.32288604603791593</v>
      </c>
      <c r="B10748" s="1"/>
      <c r="C10748">
        <v>9</v>
      </c>
      <c r="D10748" t="s">
        <v>23231</v>
      </c>
      <c r="E10748" t="s">
        <v>33996</v>
      </c>
      <c r="F10748">
        <v>4</v>
      </c>
      <c r="G10748" t="s">
        <v>14</v>
      </c>
      <c r="H10748" t="s">
        <v>23232</v>
      </c>
      <c r="I10748" t="s">
        <v>30540</v>
      </c>
    </row>
    <row r="10749" spans="1:9">
      <c r="A10749" s="1">
        <v>0.7935294012392311</v>
      </c>
      <c r="B10749" s="1"/>
      <c r="C10749">
        <v>17</v>
      </c>
      <c r="D10749" t="s">
        <v>23239</v>
      </c>
      <c r="E10749" t="s">
        <v>33996</v>
      </c>
      <c r="F10749">
        <v>4</v>
      </c>
      <c r="G10749" t="s">
        <v>9</v>
      </c>
      <c r="H10749" t="s">
        <v>23240</v>
      </c>
      <c r="I10749" t="s">
        <v>30540</v>
      </c>
    </row>
    <row r="10750" spans="1:9">
      <c r="A10750" s="1">
        <v>0.99834663837468962</v>
      </c>
      <c r="B10750" s="1"/>
      <c r="C10750">
        <v>13</v>
      </c>
      <c r="D10750" t="s">
        <v>23235</v>
      </c>
      <c r="E10750" t="s">
        <v>33996</v>
      </c>
      <c r="F10750">
        <v>4</v>
      </c>
      <c r="G10750" t="s">
        <v>9</v>
      </c>
      <c r="H10750" t="s">
        <v>23236</v>
      </c>
      <c r="I10750" t="s">
        <v>30540</v>
      </c>
    </row>
    <row r="10751" spans="1:9">
      <c r="A10751" s="1">
        <v>0.30765640300529262</v>
      </c>
      <c r="B10751" s="1"/>
      <c r="C10751">
        <v>15</v>
      </c>
      <c r="D10751" t="s">
        <v>23237</v>
      </c>
      <c r="E10751" t="s">
        <v>33996</v>
      </c>
      <c r="F10751">
        <v>4</v>
      </c>
      <c r="G10751" t="s">
        <v>14</v>
      </c>
      <c r="H10751" t="s">
        <v>23238</v>
      </c>
      <c r="I10751" t="s">
        <v>30540</v>
      </c>
    </row>
    <row r="10752" spans="1:9">
      <c r="A10752" s="1">
        <v>9.7305062064169667E-2</v>
      </c>
      <c r="B10752" s="1"/>
      <c r="C10752">
        <v>12</v>
      </c>
      <c r="D10752" t="s">
        <v>23233</v>
      </c>
      <c r="E10752" t="s">
        <v>33996</v>
      </c>
      <c r="F10752">
        <v>4</v>
      </c>
      <c r="G10752" t="s">
        <v>14</v>
      </c>
      <c r="H10752" t="s">
        <v>23234</v>
      </c>
      <c r="I10752" t="s">
        <v>30540</v>
      </c>
    </row>
    <row r="10753" spans="1:9">
      <c r="A10753" s="1">
        <v>0.62470799123207399</v>
      </c>
      <c r="B10753" s="1"/>
      <c r="C10753">
        <v>19</v>
      </c>
      <c r="D10753" t="s">
        <v>23227</v>
      </c>
      <c r="E10753" t="s">
        <v>33997</v>
      </c>
      <c r="F10753">
        <v>4</v>
      </c>
      <c r="G10753" t="s">
        <v>14</v>
      </c>
      <c r="H10753" t="s">
        <v>23228</v>
      </c>
      <c r="I10753" t="s">
        <v>30540</v>
      </c>
    </row>
    <row r="10754" spans="1:9">
      <c r="A10754" s="1">
        <v>0.30988744249493172</v>
      </c>
      <c r="B10754" s="1"/>
      <c r="C10754">
        <v>16</v>
      </c>
      <c r="D10754" t="s">
        <v>23225</v>
      </c>
      <c r="E10754" t="s">
        <v>33997</v>
      </c>
      <c r="F10754">
        <v>4</v>
      </c>
      <c r="G10754" t="s">
        <v>2</v>
      </c>
      <c r="H10754" t="s">
        <v>23226</v>
      </c>
      <c r="I10754" t="s">
        <v>30540</v>
      </c>
    </row>
    <row r="10755" spans="1:9">
      <c r="A10755" s="1">
        <v>0.49779457919473447</v>
      </c>
      <c r="B10755" s="1"/>
      <c r="C10755">
        <v>14</v>
      </c>
      <c r="D10755" t="s">
        <v>23223</v>
      </c>
      <c r="E10755" t="s">
        <v>33997</v>
      </c>
      <c r="F10755">
        <v>4</v>
      </c>
      <c r="G10755" t="s">
        <v>9</v>
      </c>
      <c r="H10755" t="s">
        <v>23224</v>
      </c>
      <c r="I10755" t="s">
        <v>30540</v>
      </c>
    </row>
    <row r="10756" spans="1:9">
      <c r="A10756" s="1">
        <v>0.33713448389514988</v>
      </c>
      <c r="B10756" s="1"/>
      <c r="C10756">
        <v>4</v>
      </c>
      <c r="D10756" t="s">
        <v>23221</v>
      </c>
      <c r="E10756" t="s">
        <v>33997</v>
      </c>
      <c r="F10756">
        <v>4</v>
      </c>
      <c r="G10756" t="s">
        <v>10</v>
      </c>
      <c r="H10756" t="s">
        <v>23222</v>
      </c>
      <c r="I10756" t="s">
        <v>30540</v>
      </c>
    </row>
    <row r="10757" spans="1:9">
      <c r="A10757" s="1">
        <v>0.46829027460657513</v>
      </c>
      <c r="B10757" s="1"/>
      <c r="C10757">
        <v>5</v>
      </c>
      <c r="D10757" t="s">
        <v>23213</v>
      </c>
      <c r="E10757" t="s">
        <v>33998</v>
      </c>
      <c r="F10757">
        <v>4</v>
      </c>
      <c r="G10757" t="s">
        <v>2</v>
      </c>
      <c r="H10757" t="s">
        <v>23214</v>
      </c>
      <c r="I10757" t="s">
        <v>30540</v>
      </c>
    </row>
    <row r="10758" spans="1:9">
      <c r="A10758" s="1">
        <v>0.51175914080050822</v>
      </c>
      <c r="B10758" s="1"/>
      <c r="C10758">
        <v>14</v>
      </c>
      <c r="D10758" t="s">
        <v>23219</v>
      </c>
      <c r="E10758" t="s">
        <v>33998</v>
      </c>
      <c r="F10758">
        <v>4</v>
      </c>
      <c r="G10758" t="s">
        <v>14</v>
      </c>
      <c r="H10758" t="s">
        <v>23220</v>
      </c>
      <c r="I10758" t="s">
        <v>30540</v>
      </c>
    </row>
    <row r="10759" spans="1:9">
      <c r="A10759" s="1">
        <v>0.44914425979655603</v>
      </c>
      <c r="B10759" s="1"/>
      <c r="C10759">
        <v>3</v>
      </c>
      <c r="D10759" t="s">
        <v>23209</v>
      </c>
      <c r="E10759" t="s">
        <v>33998</v>
      </c>
      <c r="F10759">
        <v>4</v>
      </c>
      <c r="G10759" t="s">
        <v>2</v>
      </c>
      <c r="H10759" t="s">
        <v>23210</v>
      </c>
      <c r="I10759" t="s">
        <v>30540</v>
      </c>
    </row>
    <row r="10760" spans="1:9">
      <c r="A10760" s="1">
        <v>0.64221597081418358</v>
      </c>
      <c r="B10760" s="1"/>
      <c r="C10760">
        <v>4</v>
      </c>
      <c r="D10760" t="s">
        <v>23199</v>
      </c>
      <c r="E10760" t="s">
        <v>33999</v>
      </c>
      <c r="F10760">
        <v>5</v>
      </c>
      <c r="G10760" t="s">
        <v>14</v>
      </c>
      <c r="H10760" t="s">
        <v>23200</v>
      </c>
      <c r="I10760" t="s">
        <v>30540</v>
      </c>
    </row>
    <row r="10761" spans="1:9">
      <c r="A10761" s="1">
        <v>0.15916928294966393</v>
      </c>
      <c r="B10761" s="1"/>
      <c r="C10761">
        <v>20</v>
      </c>
      <c r="D10761" t="s">
        <v>23205</v>
      </c>
      <c r="E10761" t="s">
        <v>33999</v>
      </c>
      <c r="F10761">
        <v>4</v>
      </c>
      <c r="G10761" t="s">
        <v>0</v>
      </c>
      <c r="H10761" t="s">
        <v>23206</v>
      </c>
      <c r="I10761" t="s">
        <v>30540</v>
      </c>
    </row>
    <row r="10762" spans="1:9">
      <c r="A10762" s="1">
        <v>0.42026371465871726</v>
      </c>
      <c r="B10762" s="1"/>
      <c r="C10762">
        <v>14</v>
      </c>
      <c r="D10762" t="s">
        <v>23197</v>
      </c>
      <c r="E10762" t="s">
        <v>34000</v>
      </c>
      <c r="F10762">
        <v>5</v>
      </c>
      <c r="G10762" t="s">
        <v>14</v>
      </c>
      <c r="H10762" t="s">
        <v>23198</v>
      </c>
      <c r="I10762" t="s">
        <v>30540</v>
      </c>
    </row>
    <row r="10763" spans="1:9">
      <c r="A10763" s="1">
        <v>2.8126880945989363E-2</v>
      </c>
      <c r="B10763" s="1"/>
      <c r="C10763">
        <v>5</v>
      </c>
      <c r="D10763" t="s">
        <v>23189</v>
      </c>
      <c r="E10763" t="s">
        <v>34000</v>
      </c>
      <c r="F10763">
        <v>5</v>
      </c>
      <c r="G10763" t="s">
        <v>13</v>
      </c>
      <c r="H10763" t="s">
        <v>23190</v>
      </c>
      <c r="I10763" t="s">
        <v>30540</v>
      </c>
    </row>
    <row r="10764" spans="1:9">
      <c r="A10764" s="1">
        <v>0.34951753503159733</v>
      </c>
      <c r="B10764" s="1"/>
      <c r="C10764">
        <v>11</v>
      </c>
      <c r="D10764" t="s">
        <v>23193</v>
      </c>
      <c r="E10764" t="s">
        <v>34000</v>
      </c>
      <c r="F10764">
        <v>4</v>
      </c>
      <c r="G10764" t="s">
        <v>14</v>
      </c>
      <c r="H10764" t="s">
        <v>23194</v>
      </c>
      <c r="I10764" t="s">
        <v>30540</v>
      </c>
    </row>
    <row r="10765" spans="1:9">
      <c r="A10765" s="1">
        <v>0.29379336226398445</v>
      </c>
      <c r="B10765" s="1"/>
      <c r="C10765">
        <v>10</v>
      </c>
      <c r="D10765" t="s">
        <v>23191</v>
      </c>
      <c r="E10765" t="s">
        <v>34000</v>
      </c>
      <c r="F10765">
        <v>4</v>
      </c>
      <c r="G10765" t="s">
        <v>15</v>
      </c>
      <c r="H10765" t="s">
        <v>23192</v>
      </c>
      <c r="I10765" t="s">
        <v>30540</v>
      </c>
    </row>
    <row r="10766" spans="1:9">
      <c r="A10766" s="1">
        <v>0.79849029527271076</v>
      </c>
      <c r="B10766" s="1"/>
      <c r="C10766">
        <v>2</v>
      </c>
      <c r="D10766" t="s">
        <v>23183</v>
      </c>
      <c r="E10766" t="s">
        <v>34001</v>
      </c>
      <c r="F10766">
        <v>5</v>
      </c>
      <c r="G10766" t="s">
        <v>13</v>
      </c>
      <c r="H10766" t="s">
        <v>23184</v>
      </c>
      <c r="I10766" t="s">
        <v>30540</v>
      </c>
    </row>
    <row r="10767" spans="1:9">
      <c r="A10767" s="1">
        <v>0.57932256176420904</v>
      </c>
      <c r="B10767" s="1"/>
      <c r="C10767">
        <v>5</v>
      </c>
      <c r="D10767" t="s">
        <v>23185</v>
      </c>
      <c r="E10767" t="s">
        <v>34001</v>
      </c>
      <c r="F10767">
        <v>4</v>
      </c>
      <c r="G10767" t="s">
        <v>9</v>
      </c>
      <c r="H10767" t="s">
        <v>23186</v>
      </c>
      <c r="I10767" t="s">
        <v>30540</v>
      </c>
    </row>
    <row r="10768" spans="1:9">
      <c r="A10768" s="1">
        <v>0.60785513374301559</v>
      </c>
      <c r="B10768" s="1"/>
      <c r="C10768">
        <v>16</v>
      </c>
      <c r="D10768" t="s">
        <v>23187</v>
      </c>
      <c r="E10768" t="s">
        <v>34001</v>
      </c>
      <c r="F10768">
        <v>4</v>
      </c>
      <c r="G10768" t="s">
        <v>0</v>
      </c>
      <c r="H10768" t="s">
        <v>23188</v>
      </c>
      <c r="I10768" t="s">
        <v>30540</v>
      </c>
    </row>
    <row r="10769" spans="1:9">
      <c r="A10769" s="1">
        <v>0.16133488397641127</v>
      </c>
      <c r="B10769" s="1"/>
      <c r="C10769">
        <v>7</v>
      </c>
      <c r="D10769" t="s">
        <v>23173</v>
      </c>
      <c r="E10769" t="s">
        <v>34002</v>
      </c>
      <c r="F10769">
        <v>4</v>
      </c>
      <c r="G10769" t="s">
        <v>1431</v>
      </c>
      <c r="H10769" t="s">
        <v>23174</v>
      </c>
      <c r="I10769" t="s">
        <v>30540</v>
      </c>
    </row>
    <row r="10770" spans="1:9">
      <c r="A10770" s="1">
        <v>0.63518971402593172</v>
      </c>
      <c r="B10770" s="1"/>
      <c r="C10770">
        <v>12</v>
      </c>
      <c r="D10770" t="s">
        <v>23175</v>
      </c>
      <c r="E10770" t="s">
        <v>34002</v>
      </c>
      <c r="F10770">
        <v>4</v>
      </c>
      <c r="G10770" t="s">
        <v>14</v>
      </c>
      <c r="H10770" t="s">
        <v>23176</v>
      </c>
      <c r="I10770" t="s">
        <v>30540</v>
      </c>
    </row>
    <row r="10771" spans="1:9">
      <c r="A10771" s="1">
        <v>0.74243428564423442</v>
      </c>
      <c r="B10771" s="1"/>
      <c r="C10771">
        <v>19</v>
      </c>
      <c r="D10771" t="s">
        <v>23177</v>
      </c>
      <c r="E10771" t="s">
        <v>34002</v>
      </c>
      <c r="F10771">
        <v>4</v>
      </c>
      <c r="G10771" t="s">
        <v>2738</v>
      </c>
      <c r="H10771" t="s">
        <v>23178</v>
      </c>
      <c r="I10771" t="s">
        <v>30540</v>
      </c>
    </row>
    <row r="10772" spans="1:9">
      <c r="A10772" s="1">
        <v>0.12374981661928364</v>
      </c>
      <c r="B10772" s="1"/>
      <c r="C10772">
        <v>20</v>
      </c>
      <c r="D10772" t="s">
        <v>23179</v>
      </c>
      <c r="E10772" t="s">
        <v>34002</v>
      </c>
      <c r="F10772">
        <v>4</v>
      </c>
      <c r="G10772" t="s">
        <v>14</v>
      </c>
      <c r="H10772" t="s">
        <v>23180</v>
      </c>
      <c r="I10772" t="s">
        <v>30540</v>
      </c>
    </row>
    <row r="10773" spans="1:9">
      <c r="A10773" s="1">
        <v>0.35954531221705122</v>
      </c>
      <c r="B10773" s="1"/>
      <c r="C10773">
        <v>17</v>
      </c>
      <c r="D10773" t="s">
        <v>23171</v>
      </c>
      <c r="E10773" t="s">
        <v>34003</v>
      </c>
      <c r="F10773">
        <v>5</v>
      </c>
      <c r="G10773" t="s">
        <v>14</v>
      </c>
      <c r="H10773" t="s">
        <v>23172</v>
      </c>
      <c r="I10773" t="s">
        <v>30540</v>
      </c>
    </row>
    <row r="10774" spans="1:9">
      <c r="A10774" s="1">
        <v>0.29005243635388034</v>
      </c>
      <c r="B10774" s="1"/>
      <c r="C10774">
        <v>3</v>
      </c>
      <c r="D10774" t="s">
        <v>23165</v>
      </c>
      <c r="E10774" t="s">
        <v>34003</v>
      </c>
      <c r="F10774">
        <v>4</v>
      </c>
      <c r="G10774" t="s">
        <v>14</v>
      </c>
      <c r="H10774" t="s">
        <v>23166</v>
      </c>
      <c r="I10774" t="s">
        <v>30540</v>
      </c>
    </row>
    <row r="10775" spans="1:9">
      <c r="A10775" s="1">
        <v>0.91380818527949337</v>
      </c>
      <c r="B10775" s="1"/>
      <c r="C10775">
        <v>7</v>
      </c>
      <c r="D10775" t="s">
        <v>23167</v>
      </c>
      <c r="E10775" t="s">
        <v>34003</v>
      </c>
      <c r="F10775">
        <v>4</v>
      </c>
      <c r="G10775" t="s">
        <v>14</v>
      </c>
      <c r="H10775" t="s">
        <v>23168</v>
      </c>
      <c r="I10775" t="s">
        <v>30540</v>
      </c>
    </row>
    <row r="10776" spans="1:9">
      <c r="A10776" s="1">
        <v>0.84662649917952215</v>
      </c>
      <c r="B10776" s="1"/>
      <c r="C10776">
        <v>13</v>
      </c>
      <c r="D10776" t="s">
        <v>23169</v>
      </c>
      <c r="E10776" t="s">
        <v>34003</v>
      </c>
      <c r="F10776">
        <v>4</v>
      </c>
      <c r="G10776" t="s">
        <v>0</v>
      </c>
      <c r="H10776" t="s">
        <v>23170</v>
      </c>
      <c r="I10776" t="s">
        <v>30540</v>
      </c>
    </row>
    <row r="10777" spans="1:9">
      <c r="A10777" s="1">
        <v>0.88981733974413035</v>
      </c>
      <c r="B10777" s="1"/>
      <c r="C10777">
        <v>16</v>
      </c>
      <c r="D10777" t="s">
        <v>23163</v>
      </c>
      <c r="E10777" t="s">
        <v>34004</v>
      </c>
      <c r="F10777">
        <v>4</v>
      </c>
      <c r="G10777" t="s">
        <v>14</v>
      </c>
      <c r="H10777" t="s">
        <v>23164</v>
      </c>
      <c r="I10777" t="s">
        <v>30540</v>
      </c>
    </row>
    <row r="10778" spans="1:9">
      <c r="A10778" s="1">
        <v>0.9975909628599926</v>
      </c>
      <c r="B10778" s="1"/>
      <c r="C10778">
        <v>4</v>
      </c>
      <c r="D10778" t="s">
        <v>23155</v>
      </c>
      <c r="E10778" t="s">
        <v>34004</v>
      </c>
      <c r="F10778">
        <v>4</v>
      </c>
      <c r="G10778" t="s">
        <v>14</v>
      </c>
      <c r="H10778" t="s">
        <v>23156</v>
      </c>
      <c r="I10778" t="s">
        <v>30540</v>
      </c>
    </row>
    <row r="10779" spans="1:9">
      <c r="A10779" s="1">
        <v>0.63011544782973195</v>
      </c>
      <c r="B10779" s="1"/>
      <c r="C10779">
        <v>14</v>
      </c>
      <c r="D10779" t="s">
        <v>23161</v>
      </c>
      <c r="E10779" t="s">
        <v>34004</v>
      </c>
      <c r="F10779">
        <v>4</v>
      </c>
      <c r="G10779" t="s">
        <v>14</v>
      </c>
      <c r="H10779" t="s">
        <v>23162</v>
      </c>
      <c r="I10779" t="s">
        <v>30540</v>
      </c>
    </row>
    <row r="10780" spans="1:9">
      <c r="A10780" s="1">
        <v>0.7207463330768995</v>
      </c>
      <c r="B10780" s="1"/>
      <c r="C10780">
        <v>12</v>
      </c>
      <c r="D10780" t="s">
        <v>23159</v>
      </c>
      <c r="E10780" t="s">
        <v>34004</v>
      </c>
      <c r="F10780">
        <v>4</v>
      </c>
      <c r="G10780" t="s">
        <v>15</v>
      </c>
      <c r="H10780" t="s">
        <v>23160</v>
      </c>
      <c r="I10780" t="s">
        <v>30540</v>
      </c>
    </row>
    <row r="10781" spans="1:9">
      <c r="A10781" s="1">
        <v>0.33006951735132162</v>
      </c>
      <c r="B10781" s="1"/>
      <c r="C10781">
        <v>3</v>
      </c>
      <c r="D10781" t="s">
        <v>23153</v>
      </c>
      <c r="E10781" t="s">
        <v>34004</v>
      </c>
      <c r="F10781">
        <v>3</v>
      </c>
      <c r="G10781" t="s">
        <v>9</v>
      </c>
      <c r="H10781" t="s">
        <v>23154</v>
      </c>
      <c r="I10781" t="s">
        <v>30540</v>
      </c>
    </row>
    <row r="10782" spans="1:9">
      <c r="A10782" s="1">
        <v>0.73532292211167916</v>
      </c>
      <c r="B10782" s="1"/>
      <c r="C10782">
        <v>6</v>
      </c>
      <c r="D10782" t="s">
        <v>23147</v>
      </c>
      <c r="E10782" t="s">
        <v>34005</v>
      </c>
      <c r="F10782">
        <v>4</v>
      </c>
      <c r="G10782" t="s">
        <v>14</v>
      </c>
      <c r="H10782" t="s">
        <v>23148</v>
      </c>
      <c r="I10782" t="s">
        <v>30540</v>
      </c>
    </row>
    <row r="10783" spans="1:9">
      <c r="A10783" s="1">
        <v>0.94123177254195112</v>
      </c>
      <c r="B10783" s="1"/>
      <c r="C10783">
        <v>1</v>
      </c>
      <c r="D10783" t="s">
        <v>23145</v>
      </c>
      <c r="E10783" t="s">
        <v>34005</v>
      </c>
      <c r="F10783">
        <v>4</v>
      </c>
      <c r="G10783" t="s">
        <v>14</v>
      </c>
      <c r="H10783" t="s">
        <v>23146</v>
      </c>
      <c r="I10783" t="s">
        <v>30540</v>
      </c>
    </row>
    <row r="10784" spans="1:9">
      <c r="A10784" s="1">
        <v>0.11693513048954274</v>
      </c>
      <c r="B10784" s="1"/>
      <c r="C10784">
        <v>17</v>
      </c>
      <c r="D10784" t="s">
        <v>23151</v>
      </c>
      <c r="E10784" t="s">
        <v>34005</v>
      </c>
      <c r="F10784">
        <v>4</v>
      </c>
      <c r="G10784" t="s">
        <v>14</v>
      </c>
      <c r="H10784" t="s">
        <v>23152</v>
      </c>
      <c r="I10784" t="s">
        <v>30540</v>
      </c>
    </row>
    <row r="10785" spans="1:9">
      <c r="A10785" s="1">
        <v>0.68311758518423094</v>
      </c>
      <c r="B10785" s="1"/>
      <c r="C10785">
        <v>16</v>
      </c>
      <c r="D10785" t="s">
        <v>23149</v>
      </c>
      <c r="E10785" t="s">
        <v>34005</v>
      </c>
      <c r="F10785">
        <v>4</v>
      </c>
      <c r="G10785" t="s">
        <v>0</v>
      </c>
      <c r="H10785" t="s">
        <v>23150</v>
      </c>
      <c r="I10785" t="s">
        <v>30540</v>
      </c>
    </row>
    <row r="10786" spans="1:9">
      <c r="A10786" s="1">
        <v>0.30044739110025653</v>
      </c>
      <c r="B10786" s="1"/>
      <c r="C10786">
        <v>16</v>
      </c>
      <c r="D10786" t="s">
        <v>23143</v>
      </c>
      <c r="E10786" t="s">
        <v>34006</v>
      </c>
      <c r="F10786">
        <v>5</v>
      </c>
      <c r="G10786" t="s">
        <v>14</v>
      </c>
      <c r="H10786" t="s">
        <v>23144</v>
      </c>
      <c r="I10786" t="s">
        <v>30540</v>
      </c>
    </row>
    <row r="10787" spans="1:9">
      <c r="A10787" s="1">
        <v>0.92609123219750633</v>
      </c>
      <c r="B10787" s="1"/>
      <c r="C10787">
        <v>13</v>
      </c>
      <c r="D10787" t="s">
        <v>23141</v>
      </c>
      <c r="E10787" t="s">
        <v>34006</v>
      </c>
      <c r="F10787">
        <v>5</v>
      </c>
      <c r="G10787" t="s">
        <v>0</v>
      </c>
      <c r="H10787" t="s">
        <v>23142</v>
      </c>
      <c r="I10787" t="s">
        <v>30540</v>
      </c>
    </row>
    <row r="10788" spans="1:9">
      <c r="A10788" s="1">
        <v>0.70792813961368783</v>
      </c>
      <c r="B10788" s="1"/>
      <c r="C10788">
        <v>12</v>
      </c>
      <c r="D10788" t="s">
        <v>23139</v>
      </c>
      <c r="E10788" t="s">
        <v>34006</v>
      </c>
      <c r="F10788">
        <v>4</v>
      </c>
      <c r="G10788" t="s">
        <v>14</v>
      </c>
      <c r="H10788" t="s">
        <v>23140</v>
      </c>
      <c r="I10788" t="s">
        <v>30540</v>
      </c>
    </row>
    <row r="10789" spans="1:9">
      <c r="A10789" s="1">
        <v>0.19018836615555124</v>
      </c>
      <c r="B10789" s="1"/>
      <c r="C10789">
        <v>10</v>
      </c>
      <c r="D10789" t="s">
        <v>23137</v>
      </c>
      <c r="E10789" t="s">
        <v>34006</v>
      </c>
      <c r="F10789">
        <v>4</v>
      </c>
      <c r="G10789" t="s">
        <v>14</v>
      </c>
      <c r="H10789" t="s">
        <v>23138</v>
      </c>
      <c r="I10789" t="s">
        <v>30540</v>
      </c>
    </row>
    <row r="10790" spans="1:9">
      <c r="A10790" s="1">
        <v>0.54906305588815452</v>
      </c>
      <c r="B10790" s="1"/>
      <c r="C10790">
        <v>7</v>
      </c>
      <c r="D10790" t="s">
        <v>23135</v>
      </c>
      <c r="E10790" t="s">
        <v>34006</v>
      </c>
      <c r="F10790">
        <v>4</v>
      </c>
      <c r="G10790" t="s">
        <v>14</v>
      </c>
      <c r="H10790" t="s">
        <v>23136</v>
      </c>
      <c r="I10790" t="s">
        <v>30540</v>
      </c>
    </row>
    <row r="10791" spans="1:9">
      <c r="A10791" s="1">
        <v>0.77146139425209992</v>
      </c>
      <c r="B10791" s="1"/>
      <c r="C10791">
        <v>9</v>
      </c>
      <c r="D10791" t="s">
        <v>23131</v>
      </c>
      <c r="E10791" t="s">
        <v>34007</v>
      </c>
      <c r="F10791">
        <v>4</v>
      </c>
      <c r="G10791" t="s">
        <v>14</v>
      </c>
      <c r="H10791" t="s">
        <v>23132</v>
      </c>
      <c r="I10791" t="s">
        <v>30540</v>
      </c>
    </row>
    <row r="10792" spans="1:9">
      <c r="A10792" s="1">
        <v>0.29254732599149058</v>
      </c>
      <c r="B10792" s="1"/>
      <c r="C10792">
        <v>20</v>
      </c>
      <c r="D10792" t="s">
        <v>23133</v>
      </c>
      <c r="E10792" t="s">
        <v>34007</v>
      </c>
      <c r="F10792">
        <v>3</v>
      </c>
      <c r="G10792" t="s">
        <v>766</v>
      </c>
      <c r="H10792" t="s">
        <v>23134</v>
      </c>
      <c r="I10792" t="s">
        <v>30540</v>
      </c>
    </row>
    <row r="10793" spans="1:9">
      <c r="A10793" s="1">
        <v>0.84284604909839889</v>
      </c>
      <c r="B10793" s="1"/>
      <c r="C10793">
        <v>18</v>
      </c>
      <c r="D10793" t="s">
        <v>23129</v>
      </c>
      <c r="E10793" t="s">
        <v>34008</v>
      </c>
      <c r="F10793">
        <v>4</v>
      </c>
      <c r="G10793" t="s">
        <v>14</v>
      </c>
      <c r="H10793" t="s">
        <v>23130</v>
      </c>
      <c r="I10793" t="s">
        <v>30540</v>
      </c>
    </row>
    <row r="10794" spans="1:9">
      <c r="A10794" s="1">
        <v>0.97238316112940537</v>
      </c>
      <c r="B10794" s="1"/>
      <c r="C10794">
        <v>15</v>
      </c>
      <c r="D10794" t="s">
        <v>23127</v>
      </c>
      <c r="E10794" t="s">
        <v>34009</v>
      </c>
      <c r="F10794">
        <v>4</v>
      </c>
      <c r="G10794" t="s">
        <v>0</v>
      </c>
      <c r="H10794" t="s">
        <v>23128</v>
      </c>
      <c r="I10794" t="s">
        <v>30540</v>
      </c>
    </row>
    <row r="10795" spans="1:9">
      <c r="A10795" s="1">
        <v>0.54863030613497277</v>
      </c>
      <c r="B10795" s="1"/>
      <c r="C10795">
        <v>9</v>
      </c>
      <c r="D10795" t="s">
        <v>23123</v>
      </c>
      <c r="E10795" t="s">
        <v>34009</v>
      </c>
      <c r="F10795">
        <v>4</v>
      </c>
      <c r="G10795" t="s">
        <v>14</v>
      </c>
      <c r="H10795" t="s">
        <v>23124</v>
      </c>
      <c r="I10795" t="s">
        <v>30540</v>
      </c>
    </row>
    <row r="10796" spans="1:9">
      <c r="A10796" s="1">
        <v>0.88135282268584858</v>
      </c>
      <c r="B10796" s="1"/>
      <c r="C10796">
        <v>1</v>
      </c>
      <c r="D10796" t="s">
        <v>23121</v>
      </c>
      <c r="E10796" t="s">
        <v>34009</v>
      </c>
      <c r="F10796">
        <v>3</v>
      </c>
      <c r="G10796" t="s">
        <v>2</v>
      </c>
      <c r="H10796" t="s">
        <v>23122</v>
      </c>
      <c r="I10796" t="s">
        <v>30540</v>
      </c>
    </row>
    <row r="10797" spans="1:9">
      <c r="A10797" s="1">
        <v>0.48862808433874716</v>
      </c>
      <c r="B10797" s="1"/>
      <c r="C10797">
        <v>6</v>
      </c>
      <c r="D10797" t="s">
        <v>23113</v>
      </c>
      <c r="E10797" t="s">
        <v>34010</v>
      </c>
      <c r="F10797">
        <v>4</v>
      </c>
      <c r="G10797" t="s">
        <v>1</v>
      </c>
      <c r="H10797" t="s">
        <v>23114</v>
      </c>
      <c r="I10797" t="s">
        <v>30540</v>
      </c>
    </row>
    <row r="10798" spans="1:9">
      <c r="A10798" s="1">
        <v>0.33254335176235406</v>
      </c>
      <c r="B10798" s="1"/>
      <c r="C10798">
        <v>5</v>
      </c>
      <c r="D10798" t="s">
        <v>23111</v>
      </c>
      <c r="E10798" t="s">
        <v>34010</v>
      </c>
      <c r="F10798">
        <v>4</v>
      </c>
      <c r="G10798" t="s">
        <v>2</v>
      </c>
      <c r="H10798" t="s">
        <v>23112</v>
      </c>
      <c r="I10798" t="s">
        <v>30540</v>
      </c>
    </row>
    <row r="10799" spans="1:9">
      <c r="A10799" s="1">
        <v>0.51569453639479312</v>
      </c>
      <c r="B10799" s="1"/>
      <c r="C10799">
        <v>3</v>
      </c>
      <c r="D10799" t="s">
        <v>23109</v>
      </c>
      <c r="E10799" t="s">
        <v>34010</v>
      </c>
      <c r="F10799">
        <v>4</v>
      </c>
      <c r="G10799" t="s">
        <v>14</v>
      </c>
      <c r="H10799" t="s">
        <v>23110</v>
      </c>
      <c r="I10799" t="s">
        <v>30540</v>
      </c>
    </row>
    <row r="10800" spans="1:9">
      <c r="A10800" s="1">
        <v>0.79021990073067694</v>
      </c>
      <c r="B10800" s="1"/>
      <c r="C10800">
        <v>18</v>
      </c>
      <c r="D10800" t="s">
        <v>23119</v>
      </c>
      <c r="E10800" t="s">
        <v>34010</v>
      </c>
      <c r="F10800">
        <v>4</v>
      </c>
      <c r="G10800" t="s">
        <v>14</v>
      </c>
      <c r="H10800" t="s">
        <v>23120</v>
      </c>
      <c r="I10800" t="s">
        <v>30540</v>
      </c>
    </row>
    <row r="10801" spans="1:9">
      <c r="A10801" s="1">
        <v>0.1083247639311089</v>
      </c>
      <c r="B10801" s="1"/>
      <c r="C10801">
        <v>16</v>
      </c>
      <c r="D10801" t="s">
        <v>23117</v>
      </c>
      <c r="E10801" t="s">
        <v>34010</v>
      </c>
      <c r="F10801">
        <v>3</v>
      </c>
      <c r="G10801" t="s">
        <v>13</v>
      </c>
      <c r="H10801" t="s">
        <v>23118</v>
      </c>
      <c r="I10801" t="s">
        <v>30540</v>
      </c>
    </row>
    <row r="10802" spans="1:9">
      <c r="A10802" s="1">
        <v>0.51746729842346928</v>
      </c>
      <c r="B10802" s="1"/>
      <c r="C10802">
        <v>4</v>
      </c>
      <c r="D10802" t="s">
        <v>23103</v>
      </c>
      <c r="E10802" t="s">
        <v>34011</v>
      </c>
      <c r="F10802">
        <v>5</v>
      </c>
      <c r="G10802" t="s">
        <v>14</v>
      </c>
      <c r="H10802" t="s">
        <v>23104</v>
      </c>
      <c r="I10802" t="s">
        <v>30540</v>
      </c>
    </row>
    <row r="10803" spans="1:9">
      <c r="A10803" s="1">
        <v>0.46533939379085076</v>
      </c>
      <c r="B10803" s="1"/>
      <c r="C10803">
        <v>5</v>
      </c>
      <c r="D10803" t="s">
        <v>23105</v>
      </c>
      <c r="E10803" t="s">
        <v>34011</v>
      </c>
      <c r="F10803">
        <v>5</v>
      </c>
      <c r="G10803" t="s">
        <v>14</v>
      </c>
      <c r="H10803" t="s">
        <v>23106</v>
      </c>
      <c r="I10803" t="s">
        <v>30540</v>
      </c>
    </row>
    <row r="10804" spans="1:9">
      <c r="A10804" s="1">
        <v>0.97963519544170219</v>
      </c>
      <c r="B10804" s="1"/>
      <c r="C10804">
        <v>14</v>
      </c>
      <c r="D10804" t="s">
        <v>23107</v>
      </c>
      <c r="E10804" t="s">
        <v>34011</v>
      </c>
      <c r="F10804">
        <v>4</v>
      </c>
      <c r="G10804" t="s">
        <v>9</v>
      </c>
      <c r="H10804" t="s">
        <v>23108</v>
      </c>
      <c r="I10804" t="s">
        <v>30540</v>
      </c>
    </row>
    <row r="10805" spans="1:9">
      <c r="A10805" s="1">
        <v>0.97514935500381617</v>
      </c>
      <c r="B10805" s="1"/>
      <c r="C10805">
        <v>7</v>
      </c>
      <c r="D10805" t="s">
        <v>23099</v>
      </c>
      <c r="E10805" t="s">
        <v>34012</v>
      </c>
      <c r="F10805">
        <v>4</v>
      </c>
      <c r="G10805" t="s">
        <v>14</v>
      </c>
      <c r="H10805" t="s">
        <v>23100</v>
      </c>
      <c r="I10805" t="s">
        <v>30540</v>
      </c>
    </row>
    <row r="10806" spans="1:9">
      <c r="A10806" s="1">
        <v>0.31023635884261247</v>
      </c>
      <c r="B10806" s="1"/>
      <c r="C10806">
        <v>20</v>
      </c>
      <c r="D10806" t="s">
        <v>23101</v>
      </c>
      <c r="E10806" t="s">
        <v>34012</v>
      </c>
      <c r="F10806">
        <v>3</v>
      </c>
      <c r="G10806" t="s">
        <v>14</v>
      </c>
      <c r="H10806" t="s">
        <v>23102</v>
      </c>
      <c r="I10806" t="s">
        <v>30540</v>
      </c>
    </row>
    <row r="10807" spans="1:9">
      <c r="A10807" s="1">
        <v>0.4462834759138824</v>
      </c>
      <c r="B10807" s="1"/>
      <c r="C10807">
        <v>4</v>
      </c>
      <c r="D10807" t="s">
        <v>23097</v>
      </c>
      <c r="E10807" t="s">
        <v>34013</v>
      </c>
      <c r="F10807">
        <v>5</v>
      </c>
      <c r="G10807" t="s">
        <v>14</v>
      </c>
      <c r="H10807" t="s">
        <v>23098</v>
      </c>
      <c r="I10807" t="s">
        <v>30540</v>
      </c>
    </row>
    <row r="10808" spans="1:9">
      <c r="A10808" s="1">
        <v>0.419483999037779</v>
      </c>
      <c r="B10808" s="1"/>
      <c r="C10808">
        <v>17</v>
      </c>
      <c r="D10808" t="s">
        <v>23093</v>
      </c>
      <c r="E10808" t="s">
        <v>34014</v>
      </c>
      <c r="F10808">
        <v>5</v>
      </c>
      <c r="G10808" t="s">
        <v>14</v>
      </c>
      <c r="H10808" t="s">
        <v>23094</v>
      </c>
      <c r="I10808" t="s">
        <v>30540</v>
      </c>
    </row>
    <row r="10809" spans="1:9">
      <c r="A10809" s="1">
        <v>0.25907077149000712</v>
      </c>
      <c r="B10809" s="1"/>
      <c r="C10809">
        <v>8</v>
      </c>
      <c r="D10809" t="s">
        <v>23087</v>
      </c>
      <c r="E10809" t="s">
        <v>34014</v>
      </c>
      <c r="F10809">
        <v>5</v>
      </c>
      <c r="G10809" t="s">
        <v>9</v>
      </c>
      <c r="H10809" t="s">
        <v>23088</v>
      </c>
      <c r="I10809" t="s">
        <v>30540</v>
      </c>
    </row>
    <row r="10810" spans="1:9">
      <c r="A10810" s="1">
        <v>0.2880349796053514</v>
      </c>
      <c r="B10810" s="1"/>
      <c r="C10810">
        <v>15</v>
      </c>
      <c r="D10810" t="s">
        <v>23091</v>
      </c>
      <c r="E10810" t="s">
        <v>34014</v>
      </c>
      <c r="F10810">
        <v>4</v>
      </c>
      <c r="G10810" t="s">
        <v>14</v>
      </c>
      <c r="H10810" t="s">
        <v>23092</v>
      </c>
      <c r="I10810" t="s">
        <v>30540</v>
      </c>
    </row>
    <row r="10811" spans="1:9">
      <c r="A10811" s="1">
        <v>0.27942748796113792</v>
      </c>
      <c r="B10811" s="1"/>
      <c r="C10811">
        <v>14</v>
      </c>
      <c r="D10811" t="s">
        <v>23089</v>
      </c>
      <c r="E10811" t="s">
        <v>34014</v>
      </c>
      <c r="F10811">
        <v>4</v>
      </c>
      <c r="G10811" t="s">
        <v>14</v>
      </c>
      <c r="H10811" t="s">
        <v>23090</v>
      </c>
      <c r="I10811" t="s">
        <v>30540</v>
      </c>
    </row>
    <row r="10812" spans="1:9">
      <c r="A10812" s="1">
        <v>0.40801055405528563</v>
      </c>
      <c r="B10812" s="1"/>
      <c r="C10812">
        <v>20</v>
      </c>
      <c r="D10812" t="s">
        <v>23095</v>
      </c>
      <c r="E10812" t="s">
        <v>34014</v>
      </c>
      <c r="F10812">
        <v>4</v>
      </c>
      <c r="G10812" t="s">
        <v>14</v>
      </c>
      <c r="H10812" t="s">
        <v>23096</v>
      </c>
      <c r="I10812" t="s">
        <v>30540</v>
      </c>
    </row>
    <row r="10813" spans="1:9">
      <c r="A10813" s="1">
        <v>0.9980336253018649</v>
      </c>
      <c r="B10813" s="1"/>
      <c r="C10813">
        <v>1</v>
      </c>
      <c r="D10813" t="s">
        <v>23085</v>
      </c>
      <c r="E10813" t="s">
        <v>34014</v>
      </c>
      <c r="F10813">
        <v>3</v>
      </c>
      <c r="G10813" t="s">
        <v>2</v>
      </c>
      <c r="H10813" t="s">
        <v>23086</v>
      </c>
      <c r="I10813" t="s">
        <v>30540</v>
      </c>
    </row>
    <row r="10814" spans="1:9">
      <c r="A10814" s="1">
        <v>0.59296086966668993</v>
      </c>
      <c r="B10814" s="1"/>
      <c r="C10814">
        <v>12</v>
      </c>
      <c r="D10814" t="s">
        <v>23083</v>
      </c>
      <c r="E10814" t="s">
        <v>34015</v>
      </c>
      <c r="F10814">
        <v>4</v>
      </c>
      <c r="G10814" t="s">
        <v>14</v>
      </c>
      <c r="H10814" t="s">
        <v>23084</v>
      </c>
      <c r="I10814" t="s">
        <v>30540</v>
      </c>
    </row>
    <row r="10815" spans="1:9">
      <c r="A10815" s="1">
        <v>0.17896544286943483</v>
      </c>
      <c r="B10815" s="1"/>
      <c r="C10815">
        <v>7</v>
      </c>
      <c r="D10815" t="s">
        <v>23081</v>
      </c>
      <c r="E10815" t="s">
        <v>34015</v>
      </c>
      <c r="F10815">
        <v>3</v>
      </c>
      <c r="G10815" t="s">
        <v>1</v>
      </c>
      <c r="H10815" t="s">
        <v>23082</v>
      </c>
      <c r="I10815" t="s">
        <v>30540</v>
      </c>
    </row>
    <row r="10816" spans="1:9">
      <c r="A10816" s="1">
        <v>0.8343659804612843</v>
      </c>
      <c r="B10816" s="1"/>
      <c r="C10816">
        <v>2</v>
      </c>
      <c r="D10816" t="s">
        <v>23079</v>
      </c>
      <c r="E10816" t="s">
        <v>34015</v>
      </c>
      <c r="F10816">
        <v>3</v>
      </c>
      <c r="G10816" t="s">
        <v>0</v>
      </c>
      <c r="H10816" t="s">
        <v>23080</v>
      </c>
      <c r="I10816" t="s">
        <v>30540</v>
      </c>
    </row>
    <row r="10817" spans="1:9">
      <c r="A10817" s="1">
        <v>0.57059716353278855</v>
      </c>
      <c r="B10817" s="1"/>
      <c r="C10817">
        <v>12</v>
      </c>
      <c r="D10817" t="s">
        <v>23075</v>
      </c>
      <c r="E10817" t="s">
        <v>34016</v>
      </c>
      <c r="F10817">
        <v>4</v>
      </c>
      <c r="G10817" t="s">
        <v>14</v>
      </c>
      <c r="H10817" t="s">
        <v>23076</v>
      </c>
      <c r="I10817" t="s">
        <v>30540</v>
      </c>
    </row>
    <row r="10818" spans="1:9">
      <c r="A10818" s="1">
        <v>0.94598343622748859</v>
      </c>
      <c r="B10818" s="1"/>
      <c r="C10818">
        <v>16</v>
      </c>
      <c r="D10818" t="s">
        <v>23077</v>
      </c>
      <c r="E10818" t="s">
        <v>34016</v>
      </c>
      <c r="F10818">
        <v>4</v>
      </c>
      <c r="G10818" t="s">
        <v>0</v>
      </c>
      <c r="H10818" t="s">
        <v>23078</v>
      </c>
      <c r="I10818" t="s">
        <v>30540</v>
      </c>
    </row>
    <row r="10819" spans="1:9">
      <c r="A10819" s="1">
        <v>5.3109982273813916E-2</v>
      </c>
      <c r="B10819" s="1"/>
      <c r="C10819">
        <v>6</v>
      </c>
      <c r="D10819" t="s">
        <v>23071</v>
      </c>
      <c r="E10819" t="s">
        <v>34016</v>
      </c>
      <c r="F10819">
        <v>4</v>
      </c>
      <c r="G10819" t="s">
        <v>9</v>
      </c>
      <c r="H10819" t="s">
        <v>23072</v>
      </c>
      <c r="I10819" t="s">
        <v>30540</v>
      </c>
    </row>
    <row r="10820" spans="1:9">
      <c r="A10820" s="1">
        <v>0.15967521531621787</v>
      </c>
      <c r="B10820" s="1"/>
      <c r="C10820">
        <v>7</v>
      </c>
      <c r="D10820" t="s">
        <v>23073</v>
      </c>
      <c r="E10820" t="s">
        <v>34016</v>
      </c>
      <c r="F10820">
        <v>4</v>
      </c>
      <c r="G10820" t="s">
        <v>14</v>
      </c>
      <c r="H10820" t="s">
        <v>23074</v>
      </c>
      <c r="I10820" t="s">
        <v>30540</v>
      </c>
    </row>
    <row r="10821" spans="1:9">
      <c r="A10821" s="1">
        <v>0.40673177799015992</v>
      </c>
      <c r="B10821" s="1"/>
      <c r="C10821">
        <v>15</v>
      </c>
      <c r="D10821" t="s">
        <v>23069</v>
      </c>
      <c r="E10821" t="s">
        <v>34017</v>
      </c>
      <c r="F10821">
        <v>4</v>
      </c>
      <c r="G10821" t="s">
        <v>769</v>
      </c>
      <c r="H10821" t="s">
        <v>23070</v>
      </c>
      <c r="I10821" t="s">
        <v>30540</v>
      </c>
    </row>
    <row r="10822" spans="1:9">
      <c r="A10822" s="1">
        <v>0.44664588779563752</v>
      </c>
      <c r="B10822" s="1"/>
      <c r="C10822">
        <v>16</v>
      </c>
      <c r="D10822" t="s">
        <v>23067</v>
      </c>
      <c r="E10822" t="s">
        <v>34018</v>
      </c>
      <c r="F10822">
        <v>5</v>
      </c>
      <c r="G10822" t="s">
        <v>14</v>
      </c>
      <c r="H10822" t="s">
        <v>23068</v>
      </c>
      <c r="I10822" t="s">
        <v>30540</v>
      </c>
    </row>
    <row r="10823" spans="1:9">
      <c r="A10823" s="1">
        <v>0.1699026902431594</v>
      </c>
      <c r="B10823" s="1"/>
      <c r="C10823">
        <v>13</v>
      </c>
      <c r="D10823" t="s">
        <v>23065</v>
      </c>
      <c r="E10823" t="s">
        <v>34018</v>
      </c>
      <c r="F10823">
        <v>4</v>
      </c>
      <c r="G10823" t="s">
        <v>14</v>
      </c>
      <c r="H10823" t="s">
        <v>23066</v>
      </c>
      <c r="I10823" t="s">
        <v>30540</v>
      </c>
    </row>
    <row r="10824" spans="1:9">
      <c r="A10824" s="1">
        <v>0.34381869697516931</v>
      </c>
      <c r="B10824" s="1"/>
      <c r="C10824">
        <v>1</v>
      </c>
      <c r="D10824" t="s">
        <v>23061</v>
      </c>
      <c r="E10824" t="s">
        <v>34018</v>
      </c>
      <c r="F10824">
        <v>3</v>
      </c>
      <c r="G10824" t="s">
        <v>2</v>
      </c>
      <c r="H10824" t="s">
        <v>23062</v>
      </c>
      <c r="I10824" t="s">
        <v>30540</v>
      </c>
    </row>
    <row r="10825" spans="1:9">
      <c r="A10825" s="1">
        <v>0.87419163874179617</v>
      </c>
      <c r="B10825" s="1"/>
      <c r="C10825">
        <v>7</v>
      </c>
      <c r="D10825" t="s">
        <v>23063</v>
      </c>
      <c r="E10825" t="s">
        <v>34018</v>
      </c>
      <c r="F10825">
        <v>3</v>
      </c>
      <c r="G10825" t="s">
        <v>9</v>
      </c>
      <c r="H10825" t="s">
        <v>23064</v>
      </c>
      <c r="I10825" t="s">
        <v>30540</v>
      </c>
    </row>
    <row r="10826" spans="1:9">
      <c r="A10826" s="1">
        <v>0.28889726705667462</v>
      </c>
      <c r="B10826" s="1"/>
      <c r="C10826">
        <v>20</v>
      </c>
      <c r="D10826" t="s">
        <v>23059</v>
      </c>
      <c r="E10826" t="s">
        <v>34019</v>
      </c>
      <c r="F10826">
        <v>5</v>
      </c>
      <c r="G10826" t="s">
        <v>1</v>
      </c>
      <c r="H10826" t="s">
        <v>23060</v>
      </c>
      <c r="I10826" t="s">
        <v>30540</v>
      </c>
    </row>
    <row r="10827" spans="1:9">
      <c r="A10827" s="1">
        <v>0.77895498748849823</v>
      </c>
      <c r="B10827" s="1"/>
      <c r="C10827">
        <v>3</v>
      </c>
      <c r="D10827" t="s">
        <v>23051</v>
      </c>
      <c r="E10827" t="s">
        <v>34019</v>
      </c>
      <c r="F10827">
        <v>5</v>
      </c>
      <c r="G10827" t="s">
        <v>9</v>
      </c>
      <c r="H10827" t="s">
        <v>23052</v>
      </c>
      <c r="I10827" t="s">
        <v>30540</v>
      </c>
    </row>
    <row r="10828" spans="1:9">
      <c r="A10828" s="1">
        <v>0.71256883430980855</v>
      </c>
      <c r="B10828" s="1"/>
      <c r="C10828">
        <v>7</v>
      </c>
      <c r="D10828" t="s">
        <v>23055</v>
      </c>
      <c r="E10828" t="s">
        <v>34019</v>
      </c>
      <c r="F10828">
        <v>4</v>
      </c>
      <c r="G10828" t="s">
        <v>9</v>
      </c>
      <c r="H10828" t="s">
        <v>23056</v>
      </c>
      <c r="I10828" t="s">
        <v>30540</v>
      </c>
    </row>
    <row r="10829" spans="1:9">
      <c r="A10829" s="1">
        <v>0.78516583389685679</v>
      </c>
      <c r="B10829" s="1"/>
      <c r="C10829">
        <v>4</v>
      </c>
      <c r="D10829" t="s">
        <v>23053</v>
      </c>
      <c r="E10829" t="s">
        <v>34019</v>
      </c>
      <c r="F10829">
        <v>3</v>
      </c>
      <c r="G10829" t="s">
        <v>2</v>
      </c>
      <c r="H10829" t="s">
        <v>23054</v>
      </c>
      <c r="I10829" t="s">
        <v>30540</v>
      </c>
    </row>
    <row r="10830" spans="1:9">
      <c r="A10830" s="1">
        <v>0.19140988405669312</v>
      </c>
      <c r="B10830" s="1"/>
      <c r="C10830">
        <v>6</v>
      </c>
      <c r="D10830" t="s">
        <v>23041</v>
      </c>
      <c r="E10830" t="s">
        <v>34020</v>
      </c>
      <c r="F10830">
        <v>5</v>
      </c>
      <c r="G10830" t="s">
        <v>2</v>
      </c>
      <c r="H10830" t="s">
        <v>23042</v>
      </c>
      <c r="I10830" t="s">
        <v>30540</v>
      </c>
    </row>
    <row r="10831" spans="1:9">
      <c r="A10831" s="1">
        <v>0.57027039167002025</v>
      </c>
      <c r="B10831" s="1"/>
      <c r="C10831">
        <v>18</v>
      </c>
      <c r="D10831" t="s">
        <v>23047</v>
      </c>
      <c r="E10831" t="s">
        <v>34020</v>
      </c>
      <c r="F10831">
        <v>4</v>
      </c>
      <c r="G10831" t="s">
        <v>1</v>
      </c>
      <c r="H10831" t="s">
        <v>23048</v>
      </c>
      <c r="I10831" t="s">
        <v>30540</v>
      </c>
    </row>
    <row r="10832" spans="1:9">
      <c r="A10832" s="1">
        <v>0.62154981023784039</v>
      </c>
      <c r="B10832" s="1"/>
      <c r="C10832">
        <v>19</v>
      </c>
      <c r="D10832" t="s">
        <v>23049</v>
      </c>
      <c r="E10832" t="s">
        <v>34020</v>
      </c>
      <c r="F10832">
        <v>4</v>
      </c>
      <c r="G10832" t="s">
        <v>10</v>
      </c>
      <c r="H10832" t="s">
        <v>23050</v>
      </c>
      <c r="I10832" t="s">
        <v>30540</v>
      </c>
    </row>
    <row r="10833" spans="1:9">
      <c r="A10833" s="1">
        <v>1.7272415119732654E-2</v>
      </c>
      <c r="B10833" s="1"/>
      <c r="C10833">
        <v>7</v>
      </c>
      <c r="D10833" t="s">
        <v>23043</v>
      </c>
      <c r="E10833" t="s">
        <v>34020</v>
      </c>
      <c r="F10833">
        <v>4</v>
      </c>
      <c r="G10833" t="s">
        <v>10</v>
      </c>
      <c r="H10833" t="s">
        <v>23044</v>
      </c>
      <c r="I10833" t="s">
        <v>30540</v>
      </c>
    </row>
    <row r="10834" spans="1:9">
      <c r="A10834" s="1">
        <v>0.26839587854060465</v>
      </c>
      <c r="B10834" s="1"/>
      <c r="C10834">
        <v>12</v>
      </c>
      <c r="D10834" t="s">
        <v>23039</v>
      </c>
      <c r="E10834" t="s">
        <v>34021</v>
      </c>
      <c r="F10834">
        <v>5</v>
      </c>
      <c r="G10834" t="s">
        <v>10</v>
      </c>
      <c r="H10834" t="s">
        <v>23040</v>
      </c>
      <c r="I10834" t="s">
        <v>30540</v>
      </c>
    </row>
    <row r="10835" spans="1:9">
      <c r="A10835" s="1">
        <v>0.80386233072171098</v>
      </c>
      <c r="B10835" s="1"/>
      <c r="C10835">
        <v>10</v>
      </c>
      <c r="D10835" t="s">
        <v>23037</v>
      </c>
      <c r="E10835" t="s">
        <v>34021</v>
      </c>
      <c r="F10835">
        <v>3</v>
      </c>
      <c r="G10835" t="s">
        <v>1</v>
      </c>
      <c r="H10835" t="s">
        <v>23038</v>
      </c>
      <c r="I10835" t="s">
        <v>30540</v>
      </c>
    </row>
    <row r="10836" spans="1:9">
      <c r="A10836" s="1">
        <v>0.78158341509344198</v>
      </c>
      <c r="B10836" s="1"/>
      <c r="C10836">
        <v>4</v>
      </c>
      <c r="D10836" t="s">
        <v>23033</v>
      </c>
      <c r="E10836" t="s">
        <v>34022</v>
      </c>
      <c r="F10836">
        <v>5</v>
      </c>
      <c r="G10836" t="s">
        <v>2</v>
      </c>
      <c r="H10836" t="s">
        <v>23034</v>
      </c>
      <c r="I10836" t="s">
        <v>30540</v>
      </c>
    </row>
    <row r="10837" spans="1:9">
      <c r="A10837" s="1">
        <v>0.22124625505957363</v>
      </c>
      <c r="B10837" s="1"/>
      <c r="C10837">
        <v>20</v>
      </c>
      <c r="D10837" t="s">
        <v>23035</v>
      </c>
      <c r="E10837" t="s">
        <v>34022</v>
      </c>
      <c r="F10837">
        <v>4</v>
      </c>
      <c r="G10837" t="s">
        <v>10</v>
      </c>
      <c r="H10837" t="s">
        <v>23036</v>
      </c>
      <c r="I10837" t="s">
        <v>30540</v>
      </c>
    </row>
    <row r="10838" spans="1:9">
      <c r="A10838" s="1">
        <v>0.48307222362216706</v>
      </c>
      <c r="B10838" s="1"/>
      <c r="C10838">
        <v>9</v>
      </c>
      <c r="D10838" t="s">
        <v>23023</v>
      </c>
      <c r="E10838" t="s">
        <v>34023</v>
      </c>
      <c r="F10838">
        <v>4</v>
      </c>
      <c r="G10838" t="s">
        <v>13</v>
      </c>
      <c r="H10838" t="s">
        <v>23024</v>
      </c>
      <c r="I10838" t="s">
        <v>30540</v>
      </c>
    </row>
    <row r="10839" spans="1:9">
      <c r="A10839" s="1">
        <v>0.78679265591007641</v>
      </c>
      <c r="B10839" s="1"/>
      <c r="C10839">
        <v>17</v>
      </c>
      <c r="D10839" t="s">
        <v>23029</v>
      </c>
      <c r="E10839" t="s">
        <v>34023</v>
      </c>
      <c r="F10839">
        <v>4</v>
      </c>
      <c r="G10839" t="s">
        <v>9</v>
      </c>
      <c r="H10839" t="s">
        <v>23030</v>
      </c>
      <c r="I10839" t="s">
        <v>30540</v>
      </c>
    </row>
    <row r="10840" spans="1:9">
      <c r="A10840" s="1">
        <v>3.2437318186393949E-2</v>
      </c>
      <c r="B10840" s="1"/>
      <c r="C10840">
        <v>14</v>
      </c>
      <c r="D10840" t="s">
        <v>23025</v>
      </c>
      <c r="E10840" t="s">
        <v>34023</v>
      </c>
      <c r="F10840">
        <v>4</v>
      </c>
      <c r="G10840" t="s">
        <v>1</v>
      </c>
      <c r="H10840" t="s">
        <v>23026</v>
      </c>
      <c r="I10840" t="s">
        <v>30540</v>
      </c>
    </row>
    <row r="10841" spans="1:9">
      <c r="A10841" s="1">
        <v>0.27697044791088499</v>
      </c>
      <c r="B10841" s="1"/>
      <c r="C10841">
        <v>7</v>
      </c>
      <c r="D10841" t="s">
        <v>23015</v>
      </c>
      <c r="E10841" t="s">
        <v>34024</v>
      </c>
      <c r="F10841">
        <v>4</v>
      </c>
      <c r="G10841" t="s">
        <v>10</v>
      </c>
      <c r="H10841" t="s">
        <v>23016</v>
      </c>
      <c r="I10841" t="s">
        <v>30540</v>
      </c>
    </row>
    <row r="10842" spans="1:9">
      <c r="A10842" s="1">
        <v>0.45802741112213241</v>
      </c>
      <c r="B10842" s="1"/>
      <c r="C10842">
        <v>14</v>
      </c>
      <c r="D10842" t="s">
        <v>23019</v>
      </c>
      <c r="E10842" t="s">
        <v>34024</v>
      </c>
      <c r="F10842">
        <v>4</v>
      </c>
      <c r="G10842" t="s">
        <v>10</v>
      </c>
      <c r="H10842" t="s">
        <v>23020</v>
      </c>
      <c r="I10842" t="s">
        <v>30540</v>
      </c>
    </row>
    <row r="10843" spans="1:9">
      <c r="A10843" s="1">
        <v>0.43858105177172113</v>
      </c>
      <c r="B10843" s="1"/>
      <c r="C10843">
        <v>9</v>
      </c>
      <c r="D10843" t="s">
        <v>23017</v>
      </c>
      <c r="E10843" t="s">
        <v>34024</v>
      </c>
      <c r="F10843">
        <v>4</v>
      </c>
      <c r="G10843" t="s">
        <v>9</v>
      </c>
      <c r="H10843" t="s">
        <v>23018</v>
      </c>
      <c r="I10843" t="s">
        <v>30540</v>
      </c>
    </row>
    <row r="10844" spans="1:9">
      <c r="A10844" s="1">
        <v>0.41581871163908013</v>
      </c>
      <c r="B10844" s="1"/>
      <c r="C10844">
        <v>9</v>
      </c>
      <c r="D10844" t="s">
        <v>23011</v>
      </c>
      <c r="E10844" t="s">
        <v>34025</v>
      </c>
      <c r="F10844">
        <v>4</v>
      </c>
      <c r="G10844" t="s">
        <v>14</v>
      </c>
      <c r="H10844" t="s">
        <v>23012</v>
      </c>
      <c r="I10844" t="s">
        <v>30540</v>
      </c>
    </row>
    <row r="10845" spans="1:9">
      <c r="A10845" s="1">
        <v>2.5409192090992572E-2</v>
      </c>
      <c r="B10845" s="1"/>
      <c r="C10845">
        <v>11</v>
      </c>
      <c r="D10845" t="s">
        <v>23013</v>
      </c>
      <c r="E10845" t="s">
        <v>34025</v>
      </c>
      <c r="F10845">
        <v>4</v>
      </c>
      <c r="G10845" t="s">
        <v>14</v>
      </c>
      <c r="H10845" t="s">
        <v>23014</v>
      </c>
      <c r="I10845" t="s">
        <v>30540</v>
      </c>
    </row>
    <row r="10846" spans="1:9">
      <c r="A10846" s="1">
        <v>0.43059303411974148</v>
      </c>
      <c r="B10846" s="1"/>
      <c r="C10846">
        <v>18</v>
      </c>
      <c r="D10846" t="s">
        <v>23009</v>
      </c>
      <c r="E10846" t="s">
        <v>34026</v>
      </c>
      <c r="F10846">
        <v>5</v>
      </c>
      <c r="G10846" t="s">
        <v>10</v>
      </c>
      <c r="H10846" t="s">
        <v>23010</v>
      </c>
      <c r="I10846" t="s">
        <v>30540</v>
      </c>
    </row>
    <row r="10847" spans="1:9">
      <c r="A10847" s="1">
        <v>0.86403597303229551</v>
      </c>
      <c r="B10847" s="1"/>
      <c r="C10847">
        <v>1</v>
      </c>
      <c r="D10847" t="s">
        <v>23003</v>
      </c>
      <c r="E10847" t="s">
        <v>34026</v>
      </c>
      <c r="F10847">
        <v>4</v>
      </c>
      <c r="G10847" t="s">
        <v>0</v>
      </c>
      <c r="H10847" t="s">
        <v>23004</v>
      </c>
      <c r="I10847" t="s">
        <v>30540</v>
      </c>
    </row>
    <row r="10848" spans="1:9">
      <c r="A10848" s="1">
        <v>0.32993148841970865</v>
      </c>
      <c r="B10848" s="1"/>
      <c r="C10848">
        <v>7</v>
      </c>
      <c r="D10848" t="s">
        <v>23005</v>
      </c>
      <c r="E10848" t="s">
        <v>34026</v>
      </c>
      <c r="F10848">
        <v>4</v>
      </c>
      <c r="G10848" t="s">
        <v>10</v>
      </c>
      <c r="H10848" t="s">
        <v>23006</v>
      </c>
      <c r="I10848" t="s">
        <v>30540</v>
      </c>
    </row>
    <row r="10849" spans="1:9">
      <c r="A10849" s="1">
        <v>3.885576906399002E-2</v>
      </c>
      <c r="B10849" s="1"/>
      <c r="C10849">
        <v>16</v>
      </c>
      <c r="D10849" t="s">
        <v>23007</v>
      </c>
      <c r="E10849" t="s">
        <v>34026</v>
      </c>
      <c r="F10849">
        <v>4</v>
      </c>
      <c r="G10849" t="s">
        <v>10</v>
      </c>
      <c r="H10849" t="s">
        <v>23008</v>
      </c>
      <c r="I10849" t="s">
        <v>30540</v>
      </c>
    </row>
    <row r="10850" spans="1:9">
      <c r="A10850" s="1">
        <v>0.51726797585182083</v>
      </c>
      <c r="B10850" s="1"/>
      <c r="C10850">
        <v>18</v>
      </c>
      <c r="D10850" t="s">
        <v>23001</v>
      </c>
      <c r="E10850" t="s">
        <v>34027</v>
      </c>
      <c r="F10850">
        <v>4</v>
      </c>
      <c r="G10850" t="s">
        <v>14</v>
      </c>
      <c r="H10850" t="s">
        <v>23002</v>
      </c>
      <c r="I10850" t="s">
        <v>30540</v>
      </c>
    </row>
    <row r="10851" spans="1:9">
      <c r="A10851" s="1">
        <v>0.84570071651346934</v>
      </c>
      <c r="B10851" s="1"/>
      <c r="C10851">
        <v>8</v>
      </c>
      <c r="D10851" t="s">
        <v>22991</v>
      </c>
      <c r="E10851" t="s">
        <v>34028</v>
      </c>
      <c r="F10851">
        <v>4</v>
      </c>
      <c r="G10851" t="s">
        <v>14</v>
      </c>
      <c r="H10851" t="s">
        <v>22992</v>
      </c>
      <c r="I10851" t="s">
        <v>30540</v>
      </c>
    </row>
    <row r="10852" spans="1:9">
      <c r="A10852" s="1">
        <v>0.58694001054325351</v>
      </c>
      <c r="B10852" s="1"/>
      <c r="C10852">
        <v>15</v>
      </c>
      <c r="D10852" t="s">
        <v>22995</v>
      </c>
      <c r="E10852" t="s">
        <v>34028</v>
      </c>
      <c r="F10852">
        <v>4</v>
      </c>
      <c r="G10852" t="s">
        <v>0</v>
      </c>
      <c r="H10852" t="s">
        <v>22996</v>
      </c>
      <c r="I10852" t="s">
        <v>30540</v>
      </c>
    </row>
    <row r="10853" spans="1:9">
      <c r="A10853" s="1">
        <v>0.80610076552382603</v>
      </c>
      <c r="B10853" s="1"/>
      <c r="C10853">
        <v>19</v>
      </c>
      <c r="D10853" t="s">
        <v>22997</v>
      </c>
      <c r="E10853" t="s">
        <v>34028</v>
      </c>
      <c r="F10853">
        <v>4</v>
      </c>
      <c r="G10853" t="s">
        <v>0</v>
      </c>
      <c r="H10853" t="s">
        <v>22998</v>
      </c>
      <c r="I10853" t="s">
        <v>30540</v>
      </c>
    </row>
    <row r="10854" spans="1:9">
      <c r="A10854" s="1">
        <v>2.8589219092254425E-2</v>
      </c>
      <c r="B10854" s="1"/>
      <c r="C10854">
        <v>14</v>
      </c>
      <c r="D10854" t="s">
        <v>22993</v>
      </c>
      <c r="E10854" t="s">
        <v>34028</v>
      </c>
      <c r="F10854">
        <v>3</v>
      </c>
      <c r="G10854" t="s">
        <v>14</v>
      </c>
      <c r="H10854" t="s">
        <v>22994</v>
      </c>
      <c r="I10854" t="s">
        <v>30540</v>
      </c>
    </row>
    <row r="10855" spans="1:9">
      <c r="A10855" s="1">
        <v>0.97580585431575939</v>
      </c>
      <c r="B10855" s="1"/>
      <c r="C10855">
        <v>7</v>
      </c>
      <c r="D10855" t="s">
        <v>22985</v>
      </c>
      <c r="E10855" t="s">
        <v>34029</v>
      </c>
      <c r="F10855">
        <v>4</v>
      </c>
      <c r="G10855" t="s">
        <v>14</v>
      </c>
      <c r="H10855" t="s">
        <v>22986</v>
      </c>
      <c r="I10855" t="s">
        <v>30540</v>
      </c>
    </row>
    <row r="10856" spans="1:9">
      <c r="A10856" s="1">
        <v>0.63154293429441721</v>
      </c>
      <c r="B10856" s="1"/>
      <c r="C10856">
        <v>13</v>
      </c>
      <c r="D10856" t="s">
        <v>22989</v>
      </c>
      <c r="E10856" t="s">
        <v>34029</v>
      </c>
      <c r="F10856">
        <v>4</v>
      </c>
      <c r="G10856" t="s">
        <v>14</v>
      </c>
      <c r="H10856" t="s">
        <v>22990</v>
      </c>
      <c r="I10856" t="s">
        <v>30540</v>
      </c>
    </row>
    <row r="10857" spans="1:9">
      <c r="A10857" s="1">
        <v>0.31038123324104738</v>
      </c>
      <c r="B10857" s="1"/>
      <c r="C10857">
        <v>2</v>
      </c>
      <c r="D10857" t="s">
        <v>22983</v>
      </c>
      <c r="E10857" t="s">
        <v>34029</v>
      </c>
      <c r="F10857">
        <v>4</v>
      </c>
      <c r="G10857" t="s">
        <v>14</v>
      </c>
      <c r="H10857" t="s">
        <v>22984</v>
      </c>
      <c r="I10857" t="s">
        <v>30540</v>
      </c>
    </row>
    <row r="10858" spans="1:9">
      <c r="A10858" s="1">
        <v>3.3933448855980042E-2</v>
      </c>
      <c r="B10858" s="1"/>
      <c r="C10858">
        <v>12</v>
      </c>
      <c r="D10858" t="s">
        <v>22981</v>
      </c>
      <c r="E10858" t="s">
        <v>34030</v>
      </c>
      <c r="F10858">
        <v>5</v>
      </c>
      <c r="G10858" t="s">
        <v>14</v>
      </c>
      <c r="H10858" t="s">
        <v>22982</v>
      </c>
      <c r="I10858" t="s">
        <v>30540</v>
      </c>
    </row>
    <row r="10859" spans="1:9">
      <c r="A10859" s="1">
        <v>0.19126956198025702</v>
      </c>
      <c r="B10859" s="1"/>
      <c r="C10859">
        <v>9</v>
      </c>
      <c r="D10859" t="s">
        <v>22977</v>
      </c>
      <c r="E10859" t="s">
        <v>34031</v>
      </c>
      <c r="F10859">
        <v>4</v>
      </c>
      <c r="G10859" t="s">
        <v>14</v>
      </c>
      <c r="H10859" t="s">
        <v>22978</v>
      </c>
      <c r="I10859" t="s">
        <v>30540</v>
      </c>
    </row>
    <row r="10860" spans="1:9">
      <c r="A10860" s="1">
        <v>0.91284981891121897</v>
      </c>
      <c r="B10860" s="1"/>
      <c r="C10860">
        <v>11</v>
      </c>
      <c r="D10860" t="s">
        <v>22979</v>
      </c>
      <c r="E10860" t="s">
        <v>34031</v>
      </c>
      <c r="F10860">
        <v>4</v>
      </c>
      <c r="G10860" t="s">
        <v>14</v>
      </c>
      <c r="H10860" t="s">
        <v>22980</v>
      </c>
      <c r="I10860" t="s">
        <v>30540</v>
      </c>
    </row>
    <row r="10861" spans="1:9">
      <c r="A10861" s="1">
        <v>0.48039707589889047</v>
      </c>
      <c r="B10861" s="1"/>
      <c r="C10861">
        <v>2</v>
      </c>
      <c r="D10861" t="s">
        <v>22975</v>
      </c>
      <c r="E10861" t="s">
        <v>34031</v>
      </c>
      <c r="F10861">
        <v>4</v>
      </c>
      <c r="G10861" t="s">
        <v>2</v>
      </c>
      <c r="H10861" t="s">
        <v>22976</v>
      </c>
      <c r="I10861" t="s">
        <v>30540</v>
      </c>
    </row>
    <row r="10862" spans="1:9">
      <c r="A10862" s="1">
        <v>0.20387009892791519</v>
      </c>
      <c r="B10862" s="1"/>
      <c r="C10862">
        <v>5</v>
      </c>
      <c r="D10862" t="s">
        <v>26691</v>
      </c>
      <c r="E10862" t="s">
        <v>34032</v>
      </c>
      <c r="F10862">
        <v>5</v>
      </c>
      <c r="G10862" t="s">
        <v>9</v>
      </c>
      <c r="H10862" t="s">
        <v>26692</v>
      </c>
      <c r="I10862" t="s">
        <v>30540</v>
      </c>
    </row>
    <row r="10863" spans="1:9">
      <c r="A10863" s="1">
        <v>0.27547437441983569</v>
      </c>
      <c r="B10863" s="1"/>
      <c r="C10863">
        <v>1</v>
      </c>
      <c r="D10863" t="s">
        <v>26689</v>
      </c>
      <c r="E10863" t="s">
        <v>34032</v>
      </c>
      <c r="F10863">
        <v>4</v>
      </c>
      <c r="G10863" t="s">
        <v>2</v>
      </c>
      <c r="H10863" t="s">
        <v>26690</v>
      </c>
      <c r="I10863" t="s">
        <v>30540</v>
      </c>
    </row>
    <row r="10864" spans="1:9">
      <c r="A10864" s="1">
        <v>9.0954124238401102E-2</v>
      </c>
      <c r="B10864" s="1"/>
      <c r="C10864">
        <v>14</v>
      </c>
      <c r="D10864" t="s">
        <v>26693</v>
      </c>
      <c r="E10864" t="s">
        <v>34032</v>
      </c>
      <c r="F10864">
        <v>4</v>
      </c>
      <c r="G10864" t="s">
        <v>2</v>
      </c>
      <c r="H10864" t="s">
        <v>26694</v>
      </c>
      <c r="I10864" t="s">
        <v>30540</v>
      </c>
    </row>
    <row r="10865" spans="1:9">
      <c r="A10865" s="1">
        <v>0.30802464299324794</v>
      </c>
      <c r="B10865" s="1"/>
      <c r="C10865">
        <v>3</v>
      </c>
      <c r="D10865" t="s">
        <v>26677</v>
      </c>
      <c r="E10865" t="s">
        <v>34033</v>
      </c>
      <c r="F10865">
        <v>5</v>
      </c>
      <c r="G10865" t="s">
        <v>14</v>
      </c>
      <c r="H10865" t="s">
        <v>26678</v>
      </c>
      <c r="I10865" t="s">
        <v>30540</v>
      </c>
    </row>
    <row r="10866" spans="1:9">
      <c r="A10866" s="1">
        <v>0.86487755434314861</v>
      </c>
      <c r="B10866" s="1"/>
      <c r="C10866">
        <v>6</v>
      </c>
      <c r="D10866" t="s">
        <v>26679</v>
      </c>
      <c r="E10866" t="s">
        <v>34033</v>
      </c>
      <c r="F10866">
        <v>5</v>
      </c>
      <c r="G10866" t="s">
        <v>9</v>
      </c>
      <c r="H10866" t="s">
        <v>26680</v>
      </c>
      <c r="I10866" t="s">
        <v>30540</v>
      </c>
    </row>
    <row r="10867" spans="1:9">
      <c r="A10867" s="1">
        <v>0.66651867011728838</v>
      </c>
      <c r="B10867" s="1"/>
      <c r="C10867">
        <v>20</v>
      </c>
      <c r="D10867" t="s">
        <v>26687</v>
      </c>
      <c r="E10867" t="s">
        <v>34033</v>
      </c>
      <c r="F10867">
        <v>4</v>
      </c>
      <c r="G10867" t="s">
        <v>14</v>
      </c>
      <c r="H10867" t="s">
        <v>26688</v>
      </c>
      <c r="I10867" t="s">
        <v>30540</v>
      </c>
    </row>
    <row r="10868" spans="1:9">
      <c r="A10868" s="1">
        <v>0.75056724812558218</v>
      </c>
      <c r="B10868" s="1"/>
      <c r="C10868">
        <v>9</v>
      </c>
      <c r="D10868" t="s">
        <v>26683</v>
      </c>
      <c r="E10868" t="s">
        <v>34033</v>
      </c>
      <c r="F10868">
        <v>4</v>
      </c>
      <c r="G10868" t="s">
        <v>9</v>
      </c>
      <c r="H10868" t="s">
        <v>26684</v>
      </c>
      <c r="I10868" t="s">
        <v>30540</v>
      </c>
    </row>
    <row r="10869" spans="1:9">
      <c r="A10869" s="1">
        <v>0.80449516666724197</v>
      </c>
      <c r="B10869" s="1"/>
      <c r="C10869">
        <v>19</v>
      </c>
      <c r="D10869" t="s">
        <v>26685</v>
      </c>
      <c r="E10869" t="s">
        <v>34033</v>
      </c>
      <c r="F10869">
        <v>4</v>
      </c>
      <c r="G10869" t="s">
        <v>14</v>
      </c>
      <c r="H10869" t="s">
        <v>26686</v>
      </c>
      <c r="I10869" t="s">
        <v>30540</v>
      </c>
    </row>
    <row r="10870" spans="1:9">
      <c r="A10870" s="1">
        <v>0.66850134953777562</v>
      </c>
      <c r="B10870" s="1"/>
      <c r="C10870">
        <v>8</v>
      </c>
      <c r="D10870" t="s">
        <v>26681</v>
      </c>
      <c r="E10870" t="s">
        <v>34033</v>
      </c>
      <c r="F10870">
        <v>3</v>
      </c>
      <c r="G10870" t="s">
        <v>14</v>
      </c>
      <c r="H10870" t="s">
        <v>26682</v>
      </c>
      <c r="I10870" t="s">
        <v>30540</v>
      </c>
    </row>
    <row r="10871" spans="1:9">
      <c r="A10871" s="1">
        <v>0.77895535670499438</v>
      </c>
      <c r="B10871" s="1"/>
      <c r="C10871">
        <v>3</v>
      </c>
      <c r="D10871" t="s">
        <v>26669</v>
      </c>
      <c r="E10871" t="s">
        <v>34034</v>
      </c>
      <c r="F10871">
        <v>4</v>
      </c>
      <c r="G10871" t="s">
        <v>14</v>
      </c>
      <c r="H10871" t="s">
        <v>26670</v>
      </c>
      <c r="I10871" t="s">
        <v>30540</v>
      </c>
    </row>
    <row r="10872" spans="1:9">
      <c r="A10872" s="1">
        <v>0.58791199979838193</v>
      </c>
      <c r="B10872" s="1"/>
      <c r="C10872">
        <v>10</v>
      </c>
      <c r="D10872" t="s">
        <v>26673</v>
      </c>
      <c r="E10872" t="s">
        <v>34034</v>
      </c>
      <c r="F10872">
        <v>4</v>
      </c>
      <c r="G10872" t="s">
        <v>1</v>
      </c>
      <c r="H10872" t="s">
        <v>26674</v>
      </c>
      <c r="I10872" t="s">
        <v>30540</v>
      </c>
    </row>
    <row r="10873" spans="1:9">
      <c r="A10873" s="1">
        <v>6.557122206076238E-2</v>
      </c>
      <c r="B10873" s="1"/>
      <c r="C10873">
        <v>11</v>
      </c>
      <c r="D10873" t="s">
        <v>26675</v>
      </c>
      <c r="E10873" t="s">
        <v>34034</v>
      </c>
      <c r="F10873">
        <v>4</v>
      </c>
      <c r="G10873" t="s">
        <v>14</v>
      </c>
      <c r="H10873" t="s">
        <v>26676</v>
      </c>
      <c r="I10873" t="s">
        <v>30540</v>
      </c>
    </row>
    <row r="10874" spans="1:9">
      <c r="A10874" s="1">
        <v>1.8826668493020504E-3</v>
      </c>
      <c r="B10874" s="1"/>
      <c r="C10874">
        <v>14</v>
      </c>
      <c r="D10874" t="s">
        <v>26663</v>
      </c>
      <c r="E10874" t="s">
        <v>34035</v>
      </c>
      <c r="F10874">
        <v>5</v>
      </c>
      <c r="G10874" t="s">
        <v>14</v>
      </c>
      <c r="H10874" t="s">
        <v>26664</v>
      </c>
      <c r="I10874" t="s">
        <v>30540</v>
      </c>
    </row>
    <row r="10875" spans="1:9">
      <c r="A10875" s="1">
        <v>0.45054119508520063</v>
      </c>
      <c r="B10875" s="1"/>
      <c r="C10875">
        <v>17</v>
      </c>
      <c r="D10875" t="s">
        <v>26667</v>
      </c>
      <c r="E10875" t="s">
        <v>34035</v>
      </c>
      <c r="F10875">
        <v>4</v>
      </c>
      <c r="G10875" t="s">
        <v>9</v>
      </c>
      <c r="H10875" t="s">
        <v>26668</v>
      </c>
      <c r="I10875" t="s">
        <v>30540</v>
      </c>
    </row>
    <row r="10876" spans="1:9">
      <c r="A10876" s="1">
        <v>0.71751488771744865</v>
      </c>
      <c r="B10876" s="1"/>
      <c r="C10876">
        <v>18</v>
      </c>
      <c r="D10876" t="s">
        <v>26661</v>
      </c>
      <c r="E10876" t="s">
        <v>34036</v>
      </c>
      <c r="F10876">
        <v>5</v>
      </c>
      <c r="G10876" t="s">
        <v>14</v>
      </c>
      <c r="H10876" t="s">
        <v>26662</v>
      </c>
      <c r="I10876" t="s">
        <v>30540</v>
      </c>
    </row>
    <row r="10877" spans="1:9">
      <c r="A10877" s="1">
        <v>0.81726087707533046</v>
      </c>
      <c r="B10877" s="1"/>
      <c r="C10877">
        <v>7</v>
      </c>
      <c r="D10877" t="s">
        <v>26657</v>
      </c>
      <c r="E10877" t="s">
        <v>34036</v>
      </c>
      <c r="F10877">
        <v>4</v>
      </c>
      <c r="G10877" t="s">
        <v>2</v>
      </c>
      <c r="H10877" t="s">
        <v>26658</v>
      </c>
      <c r="I10877" t="s">
        <v>30540</v>
      </c>
    </row>
    <row r="10878" spans="1:9">
      <c r="A10878" s="1">
        <v>0.85164450148920912</v>
      </c>
      <c r="B10878" s="1"/>
      <c r="C10878">
        <v>9</v>
      </c>
      <c r="D10878" t="s">
        <v>26659</v>
      </c>
      <c r="E10878" t="s">
        <v>34036</v>
      </c>
      <c r="F10878">
        <v>4</v>
      </c>
      <c r="G10878" t="s">
        <v>14</v>
      </c>
      <c r="H10878" t="s">
        <v>26660</v>
      </c>
      <c r="I10878" t="s">
        <v>30540</v>
      </c>
    </row>
    <row r="10879" spans="1:9">
      <c r="A10879" s="1">
        <v>1.767488601832512E-2</v>
      </c>
      <c r="B10879" s="1"/>
      <c r="C10879">
        <v>5</v>
      </c>
      <c r="D10879" t="s">
        <v>26655</v>
      </c>
      <c r="E10879" t="s">
        <v>34036</v>
      </c>
      <c r="F10879">
        <v>4</v>
      </c>
      <c r="G10879" t="s">
        <v>15</v>
      </c>
      <c r="H10879" t="s">
        <v>26656</v>
      </c>
      <c r="I10879" t="s">
        <v>30540</v>
      </c>
    </row>
    <row r="10880" spans="1:9">
      <c r="A10880" s="1">
        <v>0.65047018172905779</v>
      </c>
      <c r="B10880" s="1"/>
      <c r="C10880">
        <v>6</v>
      </c>
      <c r="D10880" t="s">
        <v>26645</v>
      </c>
      <c r="E10880" t="s">
        <v>34037</v>
      </c>
      <c r="F10880">
        <v>4</v>
      </c>
      <c r="G10880" t="s">
        <v>9</v>
      </c>
      <c r="H10880" t="s">
        <v>26646</v>
      </c>
      <c r="I10880" t="s">
        <v>30540</v>
      </c>
    </row>
    <row r="10881" spans="1:9">
      <c r="A10881" s="1">
        <v>0.19414847607827268</v>
      </c>
      <c r="B10881" s="1"/>
      <c r="C10881">
        <v>2</v>
      </c>
      <c r="D10881" t="s">
        <v>26641</v>
      </c>
      <c r="E10881" t="s">
        <v>34037</v>
      </c>
      <c r="F10881">
        <v>4</v>
      </c>
      <c r="G10881" t="s">
        <v>0</v>
      </c>
      <c r="H10881" t="s">
        <v>26642</v>
      </c>
      <c r="I10881" t="s">
        <v>30540</v>
      </c>
    </row>
    <row r="10882" spans="1:9">
      <c r="A10882" s="1">
        <v>0.84343641978925565</v>
      </c>
      <c r="B10882" s="1"/>
      <c r="C10882">
        <v>16</v>
      </c>
      <c r="D10882" t="s">
        <v>26649</v>
      </c>
      <c r="E10882" t="s">
        <v>34037</v>
      </c>
      <c r="F10882">
        <v>4</v>
      </c>
      <c r="G10882" t="s">
        <v>14</v>
      </c>
      <c r="H10882" t="s">
        <v>26650</v>
      </c>
      <c r="I10882" t="s">
        <v>30540</v>
      </c>
    </row>
    <row r="10883" spans="1:9">
      <c r="A10883" s="1">
        <v>0.43785622186436124</v>
      </c>
      <c r="B10883" s="1"/>
      <c r="C10883">
        <v>18</v>
      </c>
      <c r="D10883" t="s">
        <v>26651</v>
      </c>
      <c r="E10883" t="s">
        <v>34037</v>
      </c>
      <c r="F10883">
        <v>4</v>
      </c>
      <c r="G10883" t="s">
        <v>14</v>
      </c>
      <c r="H10883" t="s">
        <v>26652</v>
      </c>
      <c r="I10883" t="s">
        <v>30540</v>
      </c>
    </row>
    <row r="10884" spans="1:9">
      <c r="A10884" s="1">
        <v>0.83126305383333132</v>
      </c>
      <c r="B10884" s="1"/>
      <c r="C10884">
        <v>5</v>
      </c>
      <c r="D10884" t="s">
        <v>26643</v>
      </c>
      <c r="E10884" t="s">
        <v>34037</v>
      </c>
      <c r="F10884">
        <v>4</v>
      </c>
      <c r="G10884" t="s">
        <v>10</v>
      </c>
      <c r="H10884" t="s">
        <v>26644</v>
      </c>
      <c r="I10884" t="s">
        <v>30540</v>
      </c>
    </row>
    <row r="10885" spans="1:9">
      <c r="A10885" s="1">
        <v>0.4455899459654461</v>
      </c>
      <c r="B10885" s="1"/>
      <c r="C10885">
        <v>10</v>
      </c>
      <c r="D10885" t="s">
        <v>26647</v>
      </c>
      <c r="E10885" t="s">
        <v>34037</v>
      </c>
      <c r="F10885">
        <v>3</v>
      </c>
      <c r="G10885" t="s">
        <v>9</v>
      </c>
      <c r="H10885" t="s">
        <v>26648</v>
      </c>
      <c r="I10885" t="s">
        <v>30540</v>
      </c>
    </row>
    <row r="10886" spans="1:9">
      <c r="A10886" s="1">
        <v>0.32193316654752635</v>
      </c>
      <c r="B10886" s="1"/>
      <c r="C10886">
        <v>17</v>
      </c>
      <c r="D10886" t="s">
        <v>26639</v>
      </c>
      <c r="E10886" t="s">
        <v>34038</v>
      </c>
      <c r="F10886">
        <v>4</v>
      </c>
      <c r="G10886" t="s">
        <v>2</v>
      </c>
      <c r="H10886" t="s">
        <v>26640</v>
      </c>
      <c r="I10886" t="s">
        <v>30540</v>
      </c>
    </row>
    <row r="10887" spans="1:9">
      <c r="A10887" s="1">
        <v>0.5161979932058216</v>
      </c>
      <c r="B10887" s="1"/>
      <c r="C10887">
        <v>7</v>
      </c>
      <c r="D10887" t="s">
        <v>26635</v>
      </c>
      <c r="E10887" t="s">
        <v>34038</v>
      </c>
      <c r="F10887">
        <v>4</v>
      </c>
      <c r="G10887" t="s">
        <v>14</v>
      </c>
      <c r="H10887" t="s">
        <v>26636</v>
      </c>
      <c r="I10887" t="s">
        <v>30540</v>
      </c>
    </row>
    <row r="10888" spans="1:9">
      <c r="A10888" s="1">
        <v>0.5381500261325024</v>
      </c>
      <c r="B10888" s="1"/>
      <c r="C10888">
        <v>13</v>
      </c>
      <c r="D10888" t="s">
        <v>26637</v>
      </c>
      <c r="E10888" t="s">
        <v>34038</v>
      </c>
      <c r="F10888">
        <v>3</v>
      </c>
      <c r="G10888" t="s">
        <v>9</v>
      </c>
      <c r="H10888" t="s">
        <v>26638</v>
      </c>
      <c r="I10888" t="s">
        <v>30540</v>
      </c>
    </row>
    <row r="10889" spans="1:9">
      <c r="A10889" s="1">
        <v>0.4799165140756827</v>
      </c>
      <c r="B10889" s="1"/>
      <c r="C10889">
        <v>16</v>
      </c>
      <c r="D10889" t="s">
        <v>26631</v>
      </c>
      <c r="E10889" t="s">
        <v>34039</v>
      </c>
      <c r="F10889">
        <v>5</v>
      </c>
      <c r="G10889" t="s">
        <v>14</v>
      </c>
      <c r="H10889" t="s">
        <v>26632</v>
      </c>
      <c r="I10889" t="s">
        <v>30540</v>
      </c>
    </row>
    <row r="10890" spans="1:9">
      <c r="A10890" s="1">
        <v>0.95973936953242323</v>
      </c>
      <c r="B10890" s="1"/>
      <c r="C10890">
        <v>17</v>
      </c>
      <c r="D10890" t="s">
        <v>26633</v>
      </c>
      <c r="E10890" t="s">
        <v>34039</v>
      </c>
      <c r="F10890">
        <v>4</v>
      </c>
      <c r="G10890" t="s">
        <v>2</v>
      </c>
      <c r="H10890" t="s">
        <v>26634</v>
      </c>
      <c r="I10890" t="s">
        <v>30540</v>
      </c>
    </row>
    <row r="10891" spans="1:9">
      <c r="A10891" s="1">
        <v>0.85048022875880602</v>
      </c>
      <c r="B10891" s="1"/>
      <c r="C10891">
        <v>6</v>
      </c>
      <c r="D10891" t="s">
        <v>26627</v>
      </c>
      <c r="E10891" t="s">
        <v>34039</v>
      </c>
      <c r="F10891">
        <v>4</v>
      </c>
      <c r="G10891" t="s">
        <v>14</v>
      </c>
      <c r="H10891" t="s">
        <v>26628</v>
      </c>
      <c r="I10891" t="s">
        <v>30540</v>
      </c>
    </row>
    <row r="10892" spans="1:9">
      <c r="A10892" s="1">
        <v>0.28566243540858627</v>
      </c>
      <c r="B10892" s="1"/>
      <c r="C10892">
        <v>4</v>
      </c>
      <c r="D10892" t="s">
        <v>26621</v>
      </c>
      <c r="E10892" t="s">
        <v>34040</v>
      </c>
      <c r="F10892">
        <v>5</v>
      </c>
      <c r="G10892" t="s">
        <v>14</v>
      </c>
      <c r="H10892" t="s">
        <v>26622</v>
      </c>
      <c r="I10892" t="s">
        <v>30540</v>
      </c>
    </row>
    <row r="10893" spans="1:9">
      <c r="A10893" s="1">
        <v>1.87061435786402E-2</v>
      </c>
      <c r="B10893" s="1"/>
      <c r="C10893">
        <v>17</v>
      </c>
      <c r="D10893" t="s">
        <v>26625</v>
      </c>
      <c r="E10893" t="s">
        <v>34040</v>
      </c>
      <c r="F10893">
        <v>4</v>
      </c>
      <c r="G10893" t="s">
        <v>14</v>
      </c>
      <c r="H10893" t="s">
        <v>26626</v>
      </c>
      <c r="I10893" t="s">
        <v>30540</v>
      </c>
    </row>
    <row r="10894" spans="1:9">
      <c r="A10894" s="1">
        <v>6.5544632182041873E-3</v>
      </c>
      <c r="B10894" s="1"/>
      <c r="C10894">
        <v>12</v>
      </c>
      <c r="D10894" t="s">
        <v>26623</v>
      </c>
      <c r="E10894" t="s">
        <v>34040</v>
      </c>
      <c r="F10894">
        <v>4</v>
      </c>
      <c r="G10894" t="s">
        <v>14</v>
      </c>
      <c r="H10894" t="s">
        <v>26624</v>
      </c>
      <c r="I10894" t="s">
        <v>30540</v>
      </c>
    </row>
    <row r="10895" spans="1:9">
      <c r="A10895" s="1">
        <v>0.26156628761422152</v>
      </c>
      <c r="B10895" s="1"/>
      <c r="C10895">
        <v>8</v>
      </c>
      <c r="D10895" t="s">
        <v>26617</v>
      </c>
      <c r="E10895" t="s">
        <v>34041</v>
      </c>
      <c r="F10895">
        <v>4</v>
      </c>
      <c r="G10895" t="s">
        <v>14</v>
      </c>
      <c r="H10895" t="s">
        <v>26618</v>
      </c>
      <c r="I10895" t="s">
        <v>30540</v>
      </c>
    </row>
    <row r="10896" spans="1:9">
      <c r="A10896" s="1">
        <v>0.36022480974640858</v>
      </c>
      <c r="B10896" s="1"/>
      <c r="C10896">
        <v>14</v>
      </c>
      <c r="D10896" t="s">
        <v>26611</v>
      </c>
      <c r="E10896" t="s">
        <v>34042</v>
      </c>
      <c r="F10896">
        <v>4</v>
      </c>
      <c r="G10896" t="s">
        <v>1</v>
      </c>
      <c r="H10896" t="s">
        <v>26612</v>
      </c>
      <c r="I10896" t="s">
        <v>30540</v>
      </c>
    </row>
    <row r="10897" spans="1:9">
      <c r="A10897" s="1">
        <v>0.33826140117116166</v>
      </c>
      <c r="B10897" s="1"/>
      <c r="C10897">
        <v>15</v>
      </c>
      <c r="D10897" t="s">
        <v>26613</v>
      </c>
      <c r="E10897" t="s">
        <v>34042</v>
      </c>
      <c r="F10897">
        <v>4</v>
      </c>
      <c r="G10897" t="s">
        <v>14</v>
      </c>
      <c r="H10897" t="s">
        <v>26614</v>
      </c>
      <c r="I10897" t="s">
        <v>30540</v>
      </c>
    </row>
    <row r="10898" spans="1:9">
      <c r="A10898" s="1">
        <v>0.89534227006172384</v>
      </c>
      <c r="B10898" s="1"/>
      <c r="C10898">
        <v>17</v>
      </c>
      <c r="D10898" t="s">
        <v>26615</v>
      </c>
      <c r="E10898" t="s">
        <v>34042</v>
      </c>
      <c r="F10898">
        <v>4</v>
      </c>
      <c r="G10898" t="s">
        <v>14</v>
      </c>
      <c r="H10898" t="s">
        <v>26616</v>
      </c>
      <c r="I10898" t="s">
        <v>30540</v>
      </c>
    </row>
    <row r="10899" spans="1:9">
      <c r="A10899" s="1">
        <v>0.92713306664890072</v>
      </c>
      <c r="B10899" s="1"/>
      <c r="C10899">
        <v>2</v>
      </c>
      <c r="D10899" t="s">
        <v>26609</v>
      </c>
      <c r="E10899" t="s">
        <v>34042</v>
      </c>
      <c r="F10899">
        <v>3</v>
      </c>
      <c r="G10899" t="s">
        <v>9</v>
      </c>
      <c r="H10899" t="s">
        <v>26610</v>
      </c>
      <c r="I10899" t="s">
        <v>30540</v>
      </c>
    </row>
    <row r="10900" spans="1:9">
      <c r="A10900" s="1">
        <v>0.28408080655795376</v>
      </c>
      <c r="B10900" s="1"/>
      <c r="C10900">
        <v>16</v>
      </c>
      <c r="D10900" t="s">
        <v>26605</v>
      </c>
      <c r="E10900" t="s">
        <v>34043</v>
      </c>
      <c r="F10900">
        <v>5</v>
      </c>
      <c r="G10900" t="s">
        <v>14</v>
      </c>
      <c r="H10900" t="s">
        <v>26606</v>
      </c>
      <c r="I10900" t="s">
        <v>30540</v>
      </c>
    </row>
    <row r="10901" spans="1:9">
      <c r="A10901" s="1">
        <v>0.25955014717545566</v>
      </c>
      <c r="B10901" s="1"/>
      <c r="C10901">
        <v>1</v>
      </c>
      <c r="D10901" t="s">
        <v>26595</v>
      </c>
      <c r="E10901" t="s">
        <v>34043</v>
      </c>
      <c r="F10901">
        <v>5</v>
      </c>
      <c r="G10901" t="s">
        <v>14</v>
      </c>
      <c r="H10901" t="s">
        <v>26596</v>
      </c>
      <c r="I10901" t="s">
        <v>30540</v>
      </c>
    </row>
    <row r="10902" spans="1:9">
      <c r="A10902" s="1">
        <v>0.23443971427702259</v>
      </c>
      <c r="B10902" s="1"/>
      <c r="C10902">
        <v>20</v>
      </c>
      <c r="D10902" t="s">
        <v>26607</v>
      </c>
      <c r="E10902" t="s">
        <v>34043</v>
      </c>
      <c r="F10902">
        <v>5</v>
      </c>
      <c r="G10902" t="s">
        <v>14</v>
      </c>
      <c r="H10902" t="s">
        <v>26608</v>
      </c>
      <c r="I10902" t="s">
        <v>30540</v>
      </c>
    </row>
    <row r="10903" spans="1:9">
      <c r="A10903" s="1">
        <v>0.74005812249373004</v>
      </c>
      <c r="B10903" s="1"/>
      <c r="C10903">
        <v>12</v>
      </c>
      <c r="D10903" t="s">
        <v>26601</v>
      </c>
      <c r="E10903" t="s">
        <v>34043</v>
      </c>
      <c r="F10903">
        <v>4</v>
      </c>
      <c r="G10903" t="s">
        <v>13</v>
      </c>
      <c r="H10903" t="s">
        <v>26602</v>
      </c>
      <c r="I10903" t="s">
        <v>30540</v>
      </c>
    </row>
    <row r="10904" spans="1:9">
      <c r="A10904" s="1">
        <v>0.32711779365199567</v>
      </c>
      <c r="B10904" s="1"/>
      <c r="C10904">
        <v>6</v>
      </c>
      <c r="D10904" t="s">
        <v>26599</v>
      </c>
      <c r="E10904" t="s">
        <v>34043</v>
      </c>
      <c r="F10904">
        <v>4</v>
      </c>
      <c r="G10904" t="s">
        <v>9</v>
      </c>
      <c r="H10904" t="s">
        <v>26600</v>
      </c>
      <c r="I10904" t="s">
        <v>30540</v>
      </c>
    </row>
    <row r="10905" spans="1:9">
      <c r="A10905" s="1">
        <v>0.7710671136380135</v>
      </c>
      <c r="B10905" s="1"/>
      <c r="C10905">
        <v>4</v>
      </c>
      <c r="D10905" t="s">
        <v>26597</v>
      </c>
      <c r="E10905" t="s">
        <v>34043</v>
      </c>
      <c r="F10905">
        <v>4</v>
      </c>
      <c r="G10905" t="s">
        <v>9</v>
      </c>
      <c r="H10905" t="s">
        <v>26598</v>
      </c>
      <c r="I10905" t="s">
        <v>30540</v>
      </c>
    </row>
    <row r="10906" spans="1:9">
      <c r="A10906" s="1">
        <v>0.45916751469466199</v>
      </c>
      <c r="B10906" s="1"/>
      <c r="C10906">
        <v>14</v>
      </c>
      <c r="D10906" t="s">
        <v>26603</v>
      </c>
      <c r="E10906" t="s">
        <v>34043</v>
      </c>
      <c r="F10906">
        <v>3</v>
      </c>
      <c r="G10906" t="s">
        <v>14</v>
      </c>
      <c r="H10906" t="s">
        <v>26604</v>
      </c>
      <c r="I10906" t="s">
        <v>30540</v>
      </c>
    </row>
    <row r="10907" spans="1:9">
      <c r="A10907" s="1">
        <v>0.73685973997792731</v>
      </c>
      <c r="B10907" s="1"/>
      <c r="C10907">
        <v>4</v>
      </c>
      <c r="D10907" t="s">
        <v>26589</v>
      </c>
      <c r="E10907" t="s">
        <v>34044</v>
      </c>
      <c r="F10907">
        <v>5</v>
      </c>
      <c r="G10907" t="s">
        <v>14</v>
      </c>
      <c r="H10907" t="s">
        <v>26590</v>
      </c>
      <c r="I10907" t="s">
        <v>30540</v>
      </c>
    </row>
    <row r="10908" spans="1:9">
      <c r="A10908" s="1">
        <v>6.2050274953575846E-2</v>
      </c>
      <c r="B10908" s="1"/>
      <c r="C10908">
        <v>10</v>
      </c>
      <c r="D10908" t="s">
        <v>26593</v>
      </c>
      <c r="E10908" t="s">
        <v>34044</v>
      </c>
      <c r="F10908">
        <v>4</v>
      </c>
      <c r="G10908" t="s">
        <v>14</v>
      </c>
      <c r="H10908" t="s">
        <v>26594</v>
      </c>
      <c r="I10908" t="s">
        <v>30540</v>
      </c>
    </row>
    <row r="10909" spans="1:9">
      <c r="A10909" s="1">
        <v>0.86329711821569188</v>
      </c>
      <c r="B10909" s="1"/>
      <c r="C10909">
        <v>5</v>
      </c>
      <c r="D10909" t="s">
        <v>26591</v>
      </c>
      <c r="E10909" t="s">
        <v>34044</v>
      </c>
      <c r="F10909">
        <v>4</v>
      </c>
      <c r="G10909" t="s">
        <v>13</v>
      </c>
      <c r="H10909" t="s">
        <v>26592</v>
      </c>
      <c r="I10909" t="s">
        <v>30540</v>
      </c>
    </row>
    <row r="10910" spans="1:9">
      <c r="A10910" s="1">
        <v>0.43256668402830256</v>
      </c>
      <c r="B10910" s="1"/>
      <c r="C10910">
        <v>17</v>
      </c>
      <c r="D10910" t="s">
        <v>26585</v>
      </c>
      <c r="E10910" t="s">
        <v>34045</v>
      </c>
      <c r="F10910">
        <v>5</v>
      </c>
      <c r="G10910" t="s">
        <v>14</v>
      </c>
      <c r="H10910" t="s">
        <v>26586</v>
      </c>
      <c r="I10910" t="s">
        <v>30540</v>
      </c>
    </row>
    <row r="10911" spans="1:9">
      <c r="A10911" s="1">
        <v>0.42742751016960912</v>
      </c>
      <c r="B10911" s="1"/>
      <c r="C10911">
        <v>20</v>
      </c>
      <c r="D10911" t="s">
        <v>26587</v>
      </c>
      <c r="E10911" t="s">
        <v>34045</v>
      </c>
      <c r="F10911">
        <v>4</v>
      </c>
      <c r="G10911" t="s">
        <v>14</v>
      </c>
      <c r="H10911" t="s">
        <v>26588</v>
      </c>
      <c r="I10911" t="s">
        <v>30540</v>
      </c>
    </row>
    <row r="10912" spans="1:9">
      <c r="A10912" s="1">
        <v>0.2597503639084664</v>
      </c>
      <c r="B10912" s="1"/>
      <c r="C10912">
        <v>9</v>
      </c>
      <c r="D10912" t="s">
        <v>26583</v>
      </c>
      <c r="E10912" t="s">
        <v>34045</v>
      </c>
      <c r="F10912">
        <v>4</v>
      </c>
      <c r="G10912" t="s">
        <v>14</v>
      </c>
      <c r="H10912" t="s">
        <v>26584</v>
      </c>
      <c r="I10912" t="s">
        <v>30540</v>
      </c>
    </row>
    <row r="10913" spans="1:9">
      <c r="A10913" s="1">
        <v>0.28600366341625161</v>
      </c>
      <c r="B10913" s="1"/>
      <c r="C10913">
        <v>18</v>
      </c>
      <c r="D10913" t="s">
        <v>26579</v>
      </c>
      <c r="E10913" t="s">
        <v>34046</v>
      </c>
      <c r="F10913">
        <v>5</v>
      </c>
      <c r="G10913" t="s">
        <v>2738</v>
      </c>
      <c r="H10913" t="s">
        <v>26580</v>
      </c>
      <c r="I10913" t="s">
        <v>30540</v>
      </c>
    </row>
    <row r="10914" spans="1:9">
      <c r="A10914" s="1">
        <v>0.1597227329590446</v>
      </c>
      <c r="B10914" s="1"/>
      <c r="C10914">
        <v>20</v>
      </c>
      <c r="D10914" t="s">
        <v>26581</v>
      </c>
      <c r="E10914" t="s">
        <v>34046</v>
      </c>
      <c r="F10914">
        <v>4</v>
      </c>
      <c r="G10914" t="s">
        <v>14</v>
      </c>
      <c r="H10914" t="s">
        <v>26582</v>
      </c>
      <c r="I10914" t="s">
        <v>30540</v>
      </c>
    </row>
    <row r="10915" spans="1:9">
      <c r="A10915" s="1">
        <v>9.2877390832140416E-2</v>
      </c>
      <c r="B10915" s="1"/>
      <c r="C10915">
        <v>1</v>
      </c>
      <c r="D10915" t="s">
        <v>26577</v>
      </c>
      <c r="E10915" t="s">
        <v>34046</v>
      </c>
      <c r="F10915">
        <v>4</v>
      </c>
      <c r="G10915" t="s">
        <v>9</v>
      </c>
      <c r="H10915" t="s">
        <v>26578</v>
      </c>
      <c r="I10915" t="s">
        <v>30540</v>
      </c>
    </row>
    <row r="10916" spans="1:9">
      <c r="A10916" s="1">
        <v>0.32815841214509045</v>
      </c>
      <c r="B10916" s="1"/>
      <c r="C10916">
        <v>11</v>
      </c>
      <c r="D10916" t="s">
        <v>26573</v>
      </c>
      <c r="E10916" t="s">
        <v>34047</v>
      </c>
      <c r="F10916">
        <v>5</v>
      </c>
      <c r="G10916" t="s">
        <v>14</v>
      </c>
      <c r="H10916" t="s">
        <v>26574</v>
      </c>
      <c r="I10916" t="s">
        <v>30540</v>
      </c>
    </row>
    <row r="10917" spans="1:9">
      <c r="A10917" s="1">
        <v>0.41830785061216447</v>
      </c>
      <c r="B10917" s="1"/>
      <c r="C10917">
        <v>7</v>
      </c>
      <c r="D10917" t="s">
        <v>26569</v>
      </c>
      <c r="E10917" t="s">
        <v>34047</v>
      </c>
      <c r="F10917">
        <v>5</v>
      </c>
      <c r="G10917" t="s">
        <v>14</v>
      </c>
      <c r="H10917" t="s">
        <v>26570</v>
      </c>
      <c r="I10917" t="s">
        <v>30540</v>
      </c>
    </row>
    <row r="10918" spans="1:9">
      <c r="A10918" s="1">
        <v>0.94340376523373504</v>
      </c>
      <c r="B10918" s="1"/>
      <c r="C10918">
        <v>9</v>
      </c>
      <c r="D10918" t="s">
        <v>26571</v>
      </c>
      <c r="E10918" t="s">
        <v>34047</v>
      </c>
      <c r="F10918">
        <v>4</v>
      </c>
      <c r="G10918" t="s">
        <v>14</v>
      </c>
      <c r="H10918" t="s">
        <v>26572</v>
      </c>
      <c r="I10918" t="s">
        <v>30540</v>
      </c>
    </row>
    <row r="10919" spans="1:9">
      <c r="A10919" s="1">
        <v>0.67556648454086365</v>
      </c>
      <c r="B10919" s="1"/>
      <c r="C10919">
        <v>18</v>
      </c>
      <c r="D10919" t="s">
        <v>26575</v>
      </c>
      <c r="E10919" t="s">
        <v>34047</v>
      </c>
      <c r="F10919">
        <v>4</v>
      </c>
      <c r="G10919" t="s">
        <v>0</v>
      </c>
      <c r="H10919" t="s">
        <v>26576</v>
      </c>
      <c r="I10919" t="s">
        <v>30540</v>
      </c>
    </row>
    <row r="10920" spans="1:9">
      <c r="A10920" s="1">
        <v>0.2000281231054527</v>
      </c>
      <c r="B10920" s="1"/>
      <c r="C10920">
        <v>5</v>
      </c>
      <c r="D10920" t="s">
        <v>26567</v>
      </c>
      <c r="E10920" t="s">
        <v>34048</v>
      </c>
      <c r="F10920">
        <v>4</v>
      </c>
      <c r="G10920" t="s">
        <v>9</v>
      </c>
      <c r="H10920" t="s">
        <v>26568</v>
      </c>
      <c r="I10920" t="s">
        <v>30540</v>
      </c>
    </row>
    <row r="10921" spans="1:9">
      <c r="A10921" s="1">
        <v>0.20630152637873611</v>
      </c>
      <c r="B10921" s="1"/>
      <c r="C10921">
        <v>14</v>
      </c>
      <c r="D10921" t="s">
        <v>26561</v>
      </c>
      <c r="E10921" t="s">
        <v>34049</v>
      </c>
      <c r="F10921">
        <v>5</v>
      </c>
      <c r="G10921" t="s">
        <v>14</v>
      </c>
      <c r="H10921" t="s">
        <v>26562</v>
      </c>
      <c r="I10921" t="s">
        <v>30540</v>
      </c>
    </row>
    <row r="10922" spans="1:9">
      <c r="A10922" s="1">
        <v>0.42849620221620977</v>
      </c>
      <c r="B10922" s="1"/>
      <c r="C10922">
        <v>17</v>
      </c>
      <c r="D10922" t="s">
        <v>26563</v>
      </c>
      <c r="E10922" t="s">
        <v>34049</v>
      </c>
      <c r="F10922">
        <v>4</v>
      </c>
      <c r="G10922" t="s">
        <v>15</v>
      </c>
      <c r="H10922" t="s">
        <v>26564</v>
      </c>
      <c r="I10922" t="s">
        <v>30540</v>
      </c>
    </row>
    <row r="10923" spans="1:9">
      <c r="A10923" s="1">
        <v>0.36565579040281471</v>
      </c>
      <c r="B10923" s="1"/>
      <c r="C10923">
        <v>4</v>
      </c>
      <c r="D10923" t="s">
        <v>26557</v>
      </c>
      <c r="E10923" t="s">
        <v>34049</v>
      </c>
      <c r="F10923">
        <v>4</v>
      </c>
      <c r="G10923" t="s">
        <v>15</v>
      </c>
      <c r="H10923" t="s">
        <v>26558</v>
      </c>
      <c r="I10923" t="s">
        <v>30540</v>
      </c>
    </row>
    <row r="10924" spans="1:9">
      <c r="A10924" s="1">
        <v>0.23930744343350041</v>
      </c>
      <c r="B10924" s="1"/>
      <c r="C10924">
        <v>13</v>
      </c>
      <c r="D10924" t="s">
        <v>26559</v>
      </c>
      <c r="E10924" t="s">
        <v>34049</v>
      </c>
      <c r="F10924">
        <v>4</v>
      </c>
      <c r="G10924" t="s">
        <v>14</v>
      </c>
      <c r="H10924" t="s">
        <v>26560</v>
      </c>
      <c r="I10924" t="s">
        <v>30540</v>
      </c>
    </row>
    <row r="10925" spans="1:9">
      <c r="A10925" s="1">
        <v>0.68058472928636737</v>
      </c>
      <c r="B10925" s="1"/>
      <c r="C10925">
        <v>19</v>
      </c>
      <c r="D10925" t="s">
        <v>26565</v>
      </c>
      <c r="E10925" t="s">
        <v>34049</v>
      </c>
      <c r="F10925">
        <v>3</v>
      </c>
      <c r="G10925" t="s">
        <v>14</v>
      </c>
      <c r="H10925" t="s">
        <v>26566</v>
      </c>
      <c r="I10925" t="s">
        <v>30540</v>
      </c>
    </row>
    <row r="10926" spans="1:9">
      <c r="A10926" s="1">
        <v>0.18082021272764737</v>
      </c>
      <c r="B10926" s="1"/>
      <c r="C10926">
        <v>2</v>
      </c>
      <c r="D10926" t="s">
        <v>26555</v>
      </c>
      <c r="E10926" t="s">
        <v>34049</v>
      </c>
      <c r="F10926">
        <v>3</v>
      </c>
      <c r="G10926" t="s">
        <v>14</v>
      </c>
      <c r="H10926" t="s">
        <v>26556</v>
      </c>
      <c r="I10926" t="s">
        <v>30540</v>
      </c>
    </row>
    <row r="10927" spans="1:9">
      <c r="A10927" s="1">
        <v>0.61376278542033869</v>
      </c>
      <c r="B10927" s="1"/>
      <c r="C10927">
        <v>3</v>
      </c>
      <c r="D10927" t="s">
        <v>26545</v>
      </c>
      <c r="E10927" t="s">
        <v>34050</v>
      </c>
      <c r="F10927">
        <v>5</v>
      </c>
      <c r="G10927" t="s">
        <v>2</v>
      </c>
      <c r="H10927" t="s">
        <v>26546</v>
      </c>
      <c r="I10927" t="s">
        <v>30540</v>
      </c>
    </row>
    <row r="10928" spans="1:9">
      <c r="A10928" s="1">
        <v>0.24810948540445432</v>
      </c>
      <c r="B10928" s="1"/>
      <c r="C10928">
        <v>16</v>
      </c>
      <c r="D10928" t="s">
        <v>26553</v>
      </c>
      <c r="E10928" t="s">
        <v>34050</v>
      </c>
      <c r="F10928">
        <v>4</v>
      </c>
      <c r="G10928" t="s">
        <v>14</v>
      </c>
      <c r="H10928" t="s">
        <v>26554</v>
      </c>
      <c r="I10928" t="s">
        <v>30540</v>
      </c>
    </row>
    <row r="10929" spans="1:9">
      <c r="A10929" s="1">
        <v>0.55360327547989863</v>
      </c>
      <c r="B10929" s="1"/>
      <c r="C10929">
        <v>5</v>
      </c>
      <c r="D10929" t="s">
        <v>26547</v>
      </c>
      <c r="E10929" t="s">
        <v>34050</v>
      </c>
      <c r="F10929">
        <v>4</v>
      </c>
      <c r="G10929" t="s">
        <v>14</v>
      </c>
      <c r="H10929" t="s">
        <v>26548</v>
      </c>
      <c r="I10929" t="s">
        <v>30540</v>
      </c>
    </row>
    <row r="10930" spans="1:9">
      <c r="A10930" s="1">
        <v>0.51481581065470994</v>
      </c>
      <c r="B10930" s="1"/>
      <c r="C10930">
        <v>3</v>
      </c>
      <c r="D10930" t="s">
        <v>26539</v>
      </c>
      <c r="E10930" t="s">
        <v>34051</v>
      </c>
      <c r="F10930">
        <v>4</v>
      </c>
      <c r="G10930" t="s">
        <v>769</v>
      </c>
      <c r="H10930" t="s">
        <v>26540</v>
      </c>
      <c r="I10930" t="s">
        <v>30540</v>
      </c>
    </row>
    <row r="10931" spans="1:9">
      <c r="A10931" s="1">
        <v>0.8268379436559502</v>
      </c>
      <c r="B10931" s="1"/>
      <c r="C10931">
        <v>18</v>
      </c>
      <c r="D10931" t="s">
        <v>26543</v>
      </c>
      <c r="E10931" t="s">
        <v>34051</v>
      </c>
      <c r="F10931">
        <v>4</v>
      </c>
      <c r="G10931" t="s">
        <v>14</v>
      </c>
      <c r="H10931" t="s">
        <v>26544</v>
      </c>
      <c r="I10931" t="s">
        <v>30540</v>
      </c>
    </row>
    <row r="10932" spans="1:9">
      <c r="A10932" s="1">
        <v>0.65996297792448666</v>
      </c>
      <c r="B10932" s="1"/>
      <c r="C10932">
        <v>6</v>
      </c>
      <c r="D10932" t="s">
        <v>26541</v>
      </c>
      <c r="E10932" t="s">
        <v>34051</v>
      </c>
      <c r="F10932">
        <v>4</v>
      </c>
      <c r="G10932" t="s">
        <v>10</v>
      </c>
      <c r="H10932" t="s">
        <v>26542</v>
      </c>
      <c r="I10932" t="s">
        <v>30540</v>
      </c>
    </row>
    <row r="10933" spans="1:9">
      <c r="A10933" s="1">
        <v>0.47122089514356813</v>
      </c>
      <c r="B10933" s="1"/>
      <c r="C10933">
        <v>1</v>
      </c>
      <c r="D10933" t="s">
        <v>26537</v>
      </c>
      <c r="E10933" t="s">
        <v>34051</v>
      </c>
      <c r="F10933">
        <v>4</v>
      </c>
      <c r="G10933" t="s">
        <v>2</v>
      </c>
      <c r="H10933" t="s">
        <v>26538</v>
      </c>
      <c r="I10933" t="s">
        <v>30540</v>
      </c>
    </row>
    <row r="10934" spans="1:9">
      <c r="A10934" s="1">
        <v>0.48673026400034491</v>
      </c>
      <c r="B10934" s="1"/>
      <c r="C10934">
        <v>14</v>
      </c>
      <c r="D10934" t="s">
        <v>26533</v>
      </c>
      <c r="E10934" t="s">
        <v>34052</v>
      </c>
      <c r="F10934">
        <v>5</v>
      </c>
      <c r="G10934" t="s">
        <v>13</v>
      </c>
      <c r="H10934" t="s">
        <v>26534</v>
      </c>
      <c r="I10934" t="s">
        <v>30540</v>
      </c>
    </row>
    <row r="10935" spans="1:9">
      <c r="A10935" s="1">
        <v>0.42705987422311054</v>
      </c>
      <c r="B10935" s="1"/>
      <c r="C10935">
        <v>13</v>
      </c>
      <c r="D10935" t="s">
        <v>26531</v>
      </c>
      <c r="E10935" t="s">
        <v>34052</v>
      </c>
      <c r="F10935">
        <v>4</v>
      </c>
      <c r="G10935" t="s">
        <v>14</v>
      </c>
      <c r="H10935" t="s">
        <v>26532</v>
      </c>
      <c r="I10935" t="s">
        <v>30540</v>
      </c>
    </row>
    <row r="10936" spans="1:9">
      <c r="A10936" s="1">
        <v>0.23534419795793005</v>
      </c>
      <c r="B10936" s="1"/>
      <c r="C10936">
        <v>9</v>
      </c>
      <c r="D10936" t="s">
        <v>26529</v>
      </c>
      <c r="E10936" t="s">
        <v>34052</v>
      </c>
      <c r="F10936">
        <v>4</v>
      </c>
      <c r="G10936" t="s">
        <v>1</v>
      </c>
      <c r="H10936" t="s">
        <v>26530</v>
      </c>
      <c r="I10936" t="s">
        <v>30540</v>
      </c>
    </row>
    <row r="10937" spans="1:9">
      <c r="A10937" s="1">
        <v>0.63446727111401424</v>
      </c>
      <c r="B10937" s="1"/>
      <c r="C10937">
        <v>2</v>
      </c>
      <c r="D10937" t="s">
        <v>26527</v>
      </c>
      <c r="E10937" t="s">
        <v>34052</v>
      </c>
      <c r="F10937">
        <v>4</v>
      </c>
      <c r="G10937" t="s">
        <v>2</v>
      </c>
      <c r="H10937" t="s">
        <v>26528</v>
      </c>
      <c r="I10937" t="s">
        <v>30540</v>
      </c>
    </row>
    <row r="10938" spans="1:9">
      <c r="A10938" s="1">
        <v>0.22423892683933766</v>
      </c>
      <c r="B10938" s="1"/>
      <c r="C10938">
        <v>10</v>
      </c>
      <c r="D10938" t="s">
        <v>26521</v>
      </c>
      <c r="E10938" t="s">
        <v>34053</v>
      </c>
      <c r="F10938">
        <v>4</v>
      </c>
      <c r="G10938" t="s">
        <v>14</v>
      </c>
      <c r="H10938" t="s">
        <v>26522</v>
      </c>
      <c r="I10938" t="s">
        <v>30540</v>
      </c>
    </row>
    <row r="10939" spans="1:9">
      <c r="A10939" s="1">
        <v>0.97216116308951572</v>
      </c>
      <c r="B10939" s="1"/>
      <c r="C10939">
        <v>14</v>
      </c>
      <c r="D10939" t="s">
        <v>26525</v>
      </c>
      <c r="E10939" t="s">
        <v>34053</v>
      </c>
      <c r="F10939">
        <v>4</v>
      </c>
      <c r="G10939" t="s">
        <v>14</v>
      </c>
      <c r="H10939" t="s">
        <v>26526</v>
      </c>
      <c r="I10939" t="s">
        <v>30540</v>
      </c>
    </row>
    <row r="10940" spans="1:9">
      <c r="A10940" s="1">
        <v>0.11474006480992416</v>
      </c>
      <c r="B10940" s="1"/>
      <c r="C10940">
        <v>2</v>
      </c>
      <c r="D10940" t="s">
        <v>26519</v>
      </c>
      <c r="E10940" t="s">
        <v>34053</v>
      </c>
      <c r="F10940">
        <v>4</v>
      </c>
      <c r="G10940" t="s">
        <v>9</v>
      </c>
      <c r="H10940" t="s">
        <v>26520</v>
      </c>
      <c r="I10940" t="s">
        <v>30540</v>
      </c>
    </row>
    <row r="10941" spans="1:9">
      <c r="A10941" s="1">
        <v>0.7776805741127184</v>
      </c>
      <c r="B10941" s="1"/>
      <c r="C10941">
        <v>12</v>
      </c>
      <c r="D10941" t="s">
        <v>26523</v>
      </c>
      <c r="E10941" t="s">
        <v>34053</v>
      </c>
      <c r="F10941">
        <v>4</v>
      </c>
      <c r="G10941" t="s">
        <v>14</v>
      </c>
      <c r="H10941" t="s">
        <v>26524</v>
      </c>
      <c r="I10941" t="s">
        <v>30540</v>
      </c>
    </row>
    <row r="10942" spans="1:9">
      <c r="A10942" s="1">
        <v>0.28311091034224423</v>
      </c>
      <c r="B10942" s="1"/>
      <c r="C10942">
        <v>7</v>
      </c>
      <c r="D10942" t="s">
        <v>26517</v>
      </c>
      <c r="E10942" t="s">
        <v>34054</v>
      </c>
      <c r="F10942">
        <v>5</v>
      </c>
      <c r="G10942" t="s">
        <v>14</v>
      </c>
      <c r="H10942" t="s">
        <v>26518</v>
      </c>
      <c r="I10942" t="s">
        <v>30540</v>
      </c>
    </row>
    <row r="10943" spans="1:9">
      <c r="A10943" s="1">
        <v>0.95565303313744843</v>
      </c>
      <c r="B10943" s="1"/>
      <c r="C10943">
        <v>13</v>
      </c>
      <c r="D10943" t="s">
        <v>26513</v>
      </c>
      <c r="E10943" t="s">
        <v>34055</v>
      </c>
      <c r="F10943">
        <v>4</v>
      </c>
      <c r="G10943" t="s">
        <v>1</v>
      </c>
      <c r="H10943" t="s">
        <v>26514</v>
      </c>
      <c r="I10943" t="s">
        <v>30540</v>
      </c>
    </row>
    <row r="10944" spans="1:9">
      <c r="A10944" s="1">
        <v>6.7714653480545839E-2</v>
      </c>
      <c r="B10944" s="1"/>
      <c r="C10944">
        <v>20</v>
      </c>
      <c r="D10944" t="s">
        <v>26509</v>
      </c>
      <c r="E10944" t="s">
        <v>34056</v>
      </c>
      <c r="F10944">
        <v>4</v>
      </c>
      <c r="G10944" t="s">
        <v>2</v>
      </c>
      <c r="H10944" t="s">
        <v>26510</v>
      </c>
      <c r="I10944" t="s">
        <v>30540</v>
      </c>
    </row>
    <row r="10945" spans="1:9">
      <c r="A10945" s="1">
        <v>0.63462674384869688</v>
      </c>
      <c r="B10945" s="1"/>
      <c r="C10945">
        <v>16</v>
      </c>
      <c r="D10945" t="s">
        <v>26507</v>
      </c>
      <c r="E10945" t="s">
        <v>34056</v>
      </c>
      <c r="F10945">
        <v>4</v>
      </c>
      <c r="G10945" t="s">
        <v>14</v>
      </c>
      <c r="H10945" t="s">
        <v>26508</v>
      </c>
      <c r="I10945" t="s">
        <v>30540</v>
      </c>
    </row>
    <row r="10946" spans="1:9">
      <c r="A10946" s="1">
        <v>0.19493651503042475</v>
      </c>
      <c r="B10946" s="1"/>
      <c r="C10946">
        <v>8</v>
      </c>
      <c r="D10946" t="s">
        <v>26505</v>
      </c>
      <c r="E10946" t="s">
        <v>34057</v>
      </c>
      <c r="F10946">
        <v>5</v>
      </c>
      <c r="G10946" t="s">
        <v>13</v>
      </c>
      <c r="H10946" t="s">
        <v>26506</v>
      </c>
      <c r="I10946" t="s">
        <v>30540</v>
      </c>
    </row>
    <row r="10947" spans="1:9">
      <c r="A10947" s="1">
        <v>0.46252196818514291</v>
      </c>
      <c r="B10947" s="1"/>
      <c r="C10947">
        <v>7</v>
      </c>
      <c r="D10947" t="s">
        <v>26503</v>
      </c>
      <c r="E10947" t="s">
        <v>34057</v>
      </c>
      <c r="F10947">
        <v>4</v>
      </c>
      <c r="G10947" t="s">
        <v>1</v>
      </c>
      <c r="H10947" t="s">
        <v>26504</v>
      </c>
      <c r="I10947" t="s">
        <v>30540</v>
      </c>
    </row>
    <row r="10948" spans="1:9">
      <c r="A10948" s="1">
        <v>5.6647425125660344E-2</v>
      </c>
      <c r="B10948" s="1"/>
      <c r="C10948">
        <v>9</v>
      </c>
      <c r="D10948" t="s">
        <v>26497</v>
      </c>
      <c r="E10948" t="s">
        <v>34058</v>
      </c>
      <c r="F10948">
        <v>5</v>
      </c>
      <c r="G10948" t="s">
        <v>14</v>
      </c>
      <c r="H10948" t="s">
        <v>26498</v>
      </c>
      <c r="I10948" t="s">
        <v>30540</v>
      </c>
    </row>
    <row r="10949" spans="1:9">
      <c r="A10949" s="1">
        <v>0.39062315854488805</v>
      </c>
      <c r="B10949" s="1"/>
      <c r="C10949">
        <v>2</v>
      </c>
      <c r="D10949" t="s">
        <v>26495</v>
      </c>
      <c r="E10949" t="s">
        <v>34058</v>
      </c>
      <c r="F10949">
        <v>4</v>
      </c>
      <c r="G10949" t="s">
        <v>9</v>
      </c>
      <c r="H10949" t="s">
        <v>26496</v>
      </c>
      <c r="I10949" t="s">
        <v>30540</v>
      </c>
    </row>
    <row r="10950" spans="1:9">
      <c r="A10950" s="1">
        <v>0.28687316800064289</v>
      </c>
      <c r="B10950" s="1"/>
      <c r="C10950">
        <v>18</v>
      </c>
      <c r="D10950" t="s">
        <v>26501</v>
      </c>
      <c r="E10950" t="s">
        <v>34058</v>
      </c>
      <c r="F10950">
        <v>4</v>
      </c>
      <c r="G10950" t="s">
        <v>14</v>
      </c>
      <c r="H10950" t="s">
        <v>26502</v>
      </c>
      <c r="I10950" t="s">
        <v>30540</v>
      </c>
    </row>
    <row r="10951" spans="1:9">
      <c r="A10951" s="1">
        <v>0.34382923048769232</v>
      </c>
      <c r="B10951" s="1"/>
      <c r="C10951">
        <v>2</v>
      </c>
      <c r="D10951" t="s">
        <v>26485</v>
      </c>
      <c r="E10951" t="s">
        <v>34059</v>
      </c>
      <c r="F10951">
        <v>5</v>
      </c>
      <c r="G10951" t="s">
        <v>14</v>
      </c>
      <c r="H10951" t="s">
        <v>26486</v>
      </c>
      <c r="I10951" t="s">
        <v>30540</v>
      </c>
    </row>
    <row r="10952" spans="1:9">
      <c r="A10952" s="1">
        <v>0.14192487490765404</v>
      </c>
      <c r="B10952" s="1"/>
      <c r="C10952">
        <v>10</v>
      </c>
      <c r="D10952" t="s">
        <v>26491</v>
      </c>
      <c r="E10952" t="s">
        <v>34059</v>
      </c>
      <c r="F10952">
        <v>5</v>
      </c>
      <c r="G10952" t="s">
        <v>10</v>
      </c>
      <c r="H10952" t="s">
        <v>26492</v>
      </c>
      <c r="I10952" t="s">
        <v>30540</v>
      </c>
    </row>
    <row r="10953" spans="1:9">
      <c r="A10953" s="1">
        <v>0.11160883261238885</v>
      </c>
      <c r="B10953" s="1"/>
      <c r="C10953">
        <v>11</v>
      </c>
      <c r="D10953" t="s">
        <v>26493</v>
      </c>
      <c r="E10953" t="s">
        <v>34059</v>
      </c>
      <c r="F10953">
        <v>4</v>
      </c>
      <c r="G10953" t="s">
        <v>14</v>
      </c>
      <c r="H10953" t="s">
        <v>26494</v>
      </c>
      <c r="I10953" t="s">
        <v>30540</v>
      </c>
    </row>
    <row r="10954" spans="1:9">
      <c r="A10954" s="1">
        <v>0.88600433193907191</v>
      </c>
      <c r="B10954" s="1"/>
      <c r="C10954">
        <v>3</v>
      </c>
      <c r="D10954" t="s">
        <v>26487</v>
      </c>
      <c r="E10954" t="s">
        <v>34059</v>
      </c>
      <c r="F10954">
        <v>4</v>
      </c>
      <c r="G10954" t="s">
        <v>15</v>
      </c>
      <c r="H10954" t="s">
        <v>26488</v>
      </c>
      <c r="I10954" t="s">
        <v>30540</v>
      </c>
    </row>
    <row r="10955" spans="1:9">
      <c r="A10955" s="1">
        <v>0.15328886917097639</v>
      </c>
      <c r="B10955" s="1"/>
      <c r="C10955">
        <v>9</v>
      </c>
      <c r="D10955" t="s">
        <v>26489</v>
      </c>
      <c r="E10955" t="s">
        <v>34059</v>
      </c>
      <c r="F10955">
        <v>3</v>
      </c>
      <c r="G10955" t="s">
        <v>1</v>
      </c>
      <c r="H10955" t="s">
        <v>26490</v>
      </c>
      <c r="I10955" t="s">
        <v>30540</v>
      </c>
    </row>
    <row r="10956" spans="1:9">
      <c r="A10956" s="1">
        <v>1.5884628998188211E-2</v>
      </c>
      <c r="B10956" s="1"/>
      <c r="C10956">
        <v>19</v>
      </c>
      <c r="D10956" t="s">
        <v>26483</v>
      </c>
      <c r="E10956" t="s">
        <v>34060</v>
      </c>
      <c r="F10956">
        <v>4</v>
      </c>
      <c r="G10956" t="s">
        <v>14</v>
      </c>
      <c r="H10956" t="s">
        <v>26484</v>
      </c>
      <c r="I10956" t="s">
        <v>30540</v>
      </c>
    </row>
    <row r="10957" spans="1:9">
      <c r="A10957" s="1">
        <v>0.50138882096103687</v>
      </c>
      <c r="B10957" s="1"/>
      <c r="C10957">
        <v>7</v>
      </c>
      <c r="D10957" t="s">
        <v>26479</v>
      </c>
      <c r="E10957" t="s">
        <v>34060</v>
      </c>
      <c r="F10957">
        <v>4</v>
      </c>
      <c r="G10957" t="s">
        <v>14</v>
      </c>
      <c r="H10957" t="s">
        <v>26480</v>
      </c>
      <c r="I10957" t="s">
        <v>30540</v>
      </c>
    </row>
    <row r="10958" spans="1:9">
      <c r="A10958" s="1">
        <v>0.832716122445879</v>
      </c>
      <c r="B10958" s="1"/>
      <c r="C10958">
        <v>17</v>
      </c>
      <c r="D10958" t="s">
        <v>26481</v>
      </c>
      <c r="E10958" t="s">
        <v>34060</v>
      </c>
      <c r="F10958">
        <v>4</v>
      </c>
      <c r="G10958" t="s">
        <v>1</v>
      </c>
      <c r="H10958" t="s">
        <v>26482</v>
      </c>
      <c r="I10958" t="s">
        <v>30540</v>
      </c>
    </row>
    <row r="10959" spans="1:9">
      <c r="A10959" s="1">
        <v>0.39762365728829097</v>
      </c>
      <c r="B10959" s="1"/>
      <c r="C10959">
        <v>4</v>
      </c>
      <c r="D10959" t="s">
        <v>26477</v>
      </c>
      <c r="E10959" t="s">
        <v>34061</v>
      </c>
      <c r="F10959">
        <v>5</v>
      </c>
      <c r="G10959" t="s">
        <v>775</v>
      </c>
      <c r="H10959" t="s">
        <v>26478</v>
      </c>
      <c r="I10959" t="s">
        <v>30540</v>
      </c>
    </row>
    <row r="10960" spans="1:9">
      <c r="A10960" s="1">
        <v>0.26664441401118777</v>
      </c>
      <c r="B10960" s="1"/>
      <c r="C10960">
        <v>9</v>
      </c>
      <c r="D10960" t="s">
        <v>26471</v>
      </c>
      <c r="E10960" t="s">
        <v>34062</v>
      </c>
      <c r="F10960">
        <v>5</v>
      </c>
      <c r="G10960" t="s">
        <v>14</v>
      </c>
      <c r="H10960" t="s">
        <v>26472</v>
      </c>
      <c r="I10960" t="s">
        <v>30540</v>
      </c>
    </row>
    <row r="10961" spans="1:9">
      <c r="A10961" s="1">
        <v>0.48819411064160412</v>
      </c>
      <c r="B10961" s="1"/>
      <c r="C10961">
        <v>16</v>
      </c>
      <c r="D10961" t="s">
        <v>26475</v>
      </c>
      <c r="E10961" t="s">
        <v>34062</v>
      </c>
      <c r="F10961">
        <v>4</v>
      </c>
      <c r="G10961" t="s">
        <v>14</v>
      </c>
      <c r="H10961" t="s">
        <v>26476</v>
      </c>
      <c r="I10961" t="s">
        <v>30540</v>
      </c>
    </row>
    <row r="10962" spans="1:9">
      <c r="A10962" s="1">
        <v>0.42810295871381454</v>
      </c>
      <c r="B10962" s="1"/>
      <c r="C10962">
        <v>2</v>
      </c>
      <c r="D10962" t="s">
        <v>26467</v>
      </c>
      <c r="E10962" t="s">
        <v>34062</v>
      </c>
      <c r="F10962">
        <v>4</v>
      </c>
      <c r="G10962" t="s">
        <v>14</v>
      </c>
      <c r="H10962" t="s">
        <v>26468</v>
      </c>
      <c r="I10962" t="s">
        <v>30540</v>
      </c>
    </row>
    <row r="10963" spans="1:9">
      <c r="A10963" s="1">
        <v>0.23454235033951032</v>
      </c>
      <c r="B10963" s="1"/>
      <c r="C10963">
        <v>11</v>
      </c>
      <c r="D10963" t="s">
        <v>26473</v>
      </c>
      <c r="E10963" t="s">
        <v>34062</v>
      </c>
      <c r="F10963">
        <v>4</v>
      </c>
      <c r="G10963" t="s">
        <v>0</v>
      </c>
      <c r="H10963" t="s">
        <v>26474</v>
      </c>
      <c r="I10963" t="s">
        <v>30540</v>
      </c>
    </row>
    <row r="10964" spans="1:9">
      <c r="A10964" s="1">
        <v>0.11936533590097798</v>
      </c>
      <c r="B10964" s="1"/>
      <c r="C10964">
        <v>12</v>
      </c>
      <c r="D10964" t="s">
        <v>26461</v>
      </c>
      <c r="E10964" t="s">
        <v>34063</v>
      </c>
      <c r="F10964">
        <v>5</v>
      </c>
      <c r="G10964" t="s">
        <v>14</v>
      </c>
      <c r="H10964" t="s">
        <v>26462</v>
      </c>
      <c r="I10964" t="s">
        <v>30540</v>
      </c>
    </row>
    <row r="10965" spans="1:9">
      <c r="A10965" s="1">
        <v>0.3252849047587888</v>
      </c>
      <c r="B10965" s="1"/>
      <c r="C10965">
        <v>16</v>
      </c>
      <c r="D10965" t="s">
        <v>26463</v>
      </c>
      <c r="E10965" t="s">
        <v>34063</v>
      </c>
      <c r="F10965">
        <v>4</v>
      </c>
      <c r="G10965" t="s">
        <v>14</v>
      </c>
      <c r="H10965" t="s">
        <v>26464</v>
      </c>
      <c r="I10965" t="s">
        <v>30540</v>
      </c>
    </row>
    <row r="10966" spans="1:9">
      <c r="A10966" s="1">
        <v>0.63141392967197696</v>
      </c>
      <c r="B10966" s="1"/>
      <c r="C10966">
        <v>2</v>
      </c>
      <c r="D10966" t="s">
        <v>26459</v>
      </c>
      <c r="E10966" t="s">
        <v>34063</v>
      </c>
      <c r="F10966">
        <v>4</v>
      </c>
      <c r="G10966" t="s">
        <v>14</v>
      </c>
      <c r="H10966" t="s">
        <v>26460</v>
      </c>
      <c r="I10966" t="s">
        <v>30540</v>
      </c>
    </row>
    <row r="10967" spans="1:9">
      <c r="A10967" s="1">
        <v>0.7515433326481743</v>
      </c>
      <c r="B10967" s="1"/>
      <c r="C10967">
        <v>18</v>
      </c>
      <c r="D10967" t="s">
        <v>26465</v>
      </c>
      <c r="E10967" t="s">
        <v>34063</v>
      </c>
      <c r="F10967">
        <v>4</v>
      </c>
      <c r="G10967" t="s">
        <v>14</v>
      </c>
      <c r="H10967" t="s">
        <v>26466</v>
      </c>
      <c r="I10967" t="s">
        <v>30540</v>
      </c>
    </row>
    <row r="10968" spans="1:9">
      <c r="A10968" s="1">
        <v>0.27100126452891371</v>
      </c>
      <c r="B10968" s="1"/>
      <c r="C10968">
        <v>12</v>
      </c>
      <c r="D10968" t="s">
        <v>26455</v>
      </c>
      <c r="E10968" t="s">
        <v>34064</v>
      </c>
      <c r="F10968">
        <v>3</v>
      </c>
      <c r="G10968" t="s">
        <v>14</v>
      </c>
      <c r="H10968" t="s">
        <v>26456</v>
      </c>
      <c r="I10968" t="s">
        <v>30540</v>
      </c>
    </row>
    <row r="10969" spans="1:9">
      <c r="A10969" s="1">
        <v>0.99288426095821203</v>
      </c>
      <c r="B10969" s="1"/>
      <c r="C10969">
        <v>13</v>
      </c>
      <c r="D10969" t="s">
        <v>26445</v>
      </c>
      <c r="E10969" t="s">
        <v>34065</v>
      </c>
      <c r="F10969">
        <v>4</v>
      </c>
      <c r="G10969" t="s">
        <v>14</v>
      </c>
      <c r="H10969" t="s">
        <v>26446</v>
      </c>
      <c r="I10969" t="s">
        <v>30540</v>
      </c>
    </row>
    <row r="10970" spans="1:9">
      <c r="A10970" s="1">
        <v>0.17986868692622804</v>
      </c>
      <c r="B10970" s="1"/>
      <c r="C10970">
        <v>9</v>
      </c>
      <c r="D10970" t="s">
        <v>26443</v>
      </c>
      <c r="E10970" t="s">
        <v>34065</v>
      </c>
      <c r="F10970">
        <v>4</v>
      </c>
      <c r="G10970" t="s">
        <v>14</v>
      </c>
      <c r="H10970" t="s">
        <v>26444</v>
      </c>
      <c r="I10970" t="s">
        <v>30540</v>
      </c>
    </row>
    <row r="10971" spans="1:9">
      <c r="A10971" s="1">
        <v>0.89611128409879515</v>
      </c>
      <c r="B10971" s="1"/>
      <c r="C10971">
        <v>20</v>
      </c>
      <c r="D10971" t="s">
        <v>26449</v>
      </c>
      <c r="E10971" t="s">
        <v>34065</v>
      </c>
      <c r="F10971">
        <v>4</v>
      </c>
      <c r="G10971" t="s">
        <v>14</v>
      </c>
      <c r="H10971" t="s">
        <v>26450</v>
      </c>
      <c r="I10971" t="s">
        <v>30540</v>
      </c>
    </row>
    <row r="10972" spans="1:9">
      <c r="A10972" s="1">
        <v>6.1554026173117005E-2</v>
      </c>
      <c r="B10972" s="1"/>
      <c r="C10972">
        <v>14</v>
      </c>
      <c r="D10972" t="s">
        <v>26447</v>
      </c>
      <c r="E10972" t="s">
        <v>34065</v>
      </c>
      <c r="F10972">
        <v>4</v>
      </c>
      <c r="G10972" t="s">
        <v>10</v>
      </c>
      <c r="H10972" t="s">
        <v>26448</v>
      </c>
      <c r="I10972" t="s">
        <v>30540</v>
      </c>
    </row>
    <row r="10973" spans="1:9">
      <c r="A10973" s="1">
        <v>0.857382854775809</v>
      </c>
      <c r="B10973" s="1"/>
      <c r="C10973">
        <v>20</v>
      </c>
      <c r="D10973" t="s">
        <v>26441</v>
      </c>
      <c r="E10973" t="s">
        <v>34066</v>
      </c>
      <c r="F10973">
        <v>4</v>
      </c>
      <c r="G10973" t="s">
        <v>766</v>
      </c>
      <c r="H10973" t="s">
        <v>26442</v>
      </c>
      <c r="I10973" t="s">
        <v>30540</v>
      </c>
    </row>
    <row r="10974" spans="1:9">
      <c r="A10974" s="1">
        <v>0.78488010488399607</v>
      </c>
      <c r="B10974" s="1"/>
      <c r="C10974">
        <v>17</v>
      </c>
      <c r="D10974" t="s">
        <v>26439</v>
      </c>
      <c r="E10974" t="s">
        <v>34066</v>
      </c>
      <c r="F10974">
        <v>4</v>
      </c>
      <c r="G10974" t="s">
        <v>1431</v>
      </c>
      <c r="H10974" t="s">
        <v>26440</v>
      </c>
      <c r="I10974" t="s">
        <v>30540</v>
      </c>
    </row>
    <row r="10975" spans="1:9">
      <c r="A10975" s="1">
        <v>0.95824001568710748</v>
      </c>
      <c r="B10975" s="1"/>
      <c r="C10975">
        <v>11</v>
      </c>
      <c r="D10975" t="s">
        <v>26437</v>
      </c>
      <c r="E10975" t="s">
        <v>34066</v>
      </c>
      <c r="F10975">
        <v>3</v>
      </c>
      <c r="G10975" t="s">
        <v>14</v>
      </c>
      <c r="H10975" t="s">
        <v>26438</v>
      </c>
      <c r="I10975" t="s">
        <v>30540</v>
      </c>
    </row>
    <row r="10976" spans="1:9">
      <c r="A10976" s="1">
        <v>0.78657820979590398</v>
      </c>
      <c r="B10976" s="1"/>
      <c r="C10976">
        <v>17</v>
      </c>
      <c r="D10976" t="s">
        <v>26435</v>
      </c>
      <c r="E10976" t="s">
        <v>34067</v>
      </c>
      <c r="F10976">
        <v>4</v>
      </c>
      <c r="G10976" t="s">
        <v>15</v>
      </c>
      <c r="H10976" t="s">
        <v>26436</v>
      </c>
      <c r="I10976" t="s">
        <v>30540</v>
      </c>
    </row>
    <row r="10977" spans="1:9">
      <c r="A10977" s="1">
        <v>0.54559828438675639</v>
      </c>
      <c r="B10977" s="1"/>
      <c r="C10977">
        <v>2</v>
      </c>
      <c r="D10977" t="s">
        <v>26431</v>
      </c>
      <c r="E10977" t="s">
        <v>34067</v>
      </c>
      <c r="F10977">
        <v>4</v>
      </c>
      <c r="G10977" t="s">
        <v>9</v>
      </c>
      <c r="H10977" t="s">
        <v>26432</v>
      </c>
      <c r="I10977" t="s">
        <v>30540</v>
      </c>
    </row>
    <row r="10978" spans="1:9">
      <c r="A10978" s="1">
        <v>9.898737305148686E-2</v>
      </c>
      <c r="B10978" s="1"/>
      <c r="C10978">
        <v>9</v>
      </c>
      <c r="D10978" t="s">
        <v>26433</v>
      </c>
      <c r="E10978" t="s">
        <v>34067</v>
      </c>
      <c r="F10978">
        <v>4</v>
      </c>
      <c r="G10978" t="s">
        <v>14</v>
      </c>
      <c r="H10978" t="s">
        <v>26434</v>
      </c>
      <c r="I10978" t="s">
        <v>30540</v>
      </c>
    </row>
    <row r="10979" spans="1:9">
      <c r="A10979" s="1">
        <v>0.63984645079526892</v>
      </c>
      <c r="B10979" s="1"/>
      <c r="C10979">
        <v>20</v>
      </c>
      <c r="D10979" t="s">
        <v>26429</v>
      </c>
      <c r="E10979" t="s">
        <v>34068</v>
      </c>
      <c r="F10979">
        <v>5</v>
      </c>
      <c r="G10979" t="s">
        <v>14</v>
      </c>
      <c r="H10979" t="s">
        <v>26430</v>
      </c>
      <c r="I10979" t="s">
        <v>30540</v>
      </c>
    </row>
    <row r="10980" spans="1:9">
      <c r="A10980" s="1">
        <v>0.26728853838252697</v>
      </c>
      <c r="B10980" s="1"/>
      <c r="C10980">
        <v>12</v>
      </c>
      <c r="D10980" t="s">
        <v>26425</v>
      </c>
      <c r="E10980" t="s">
        <v>34068</v>
      </c>
      <c r="F10980">
        <v>4</v>
      </c>
      <c r="G10980" t="s">
        <v>1</v>
      </c>
      <c r="H10980" t="s">
        <v>26426</v>
      </c>
      <c r="I10980" t="s">
        <v>30540</v>
      </c>
    </row>
    <row r="10981" spans="1:9">
      <c r="A10981" s="1">
        <v>0.81277203584250313</v>
      </c>
      <c r="B10981" s="1"/>
      <c r="C10981">
        <v>7</v>
      </c>
      <c r="D10981" t="s">
        <v>26421</v>
      </c>
      <c r="E10981" t="s">
        <v>34068</v>
      </c>
      <c r="F10981">
        <v>4</v>
      </c>
      <c r="G10981" t="s">
        <v>14</v>
      </c>
      <c r="H10981" t="s">
        <v>26422</v>
      </c>
      <c r="I10981" t="s">
        <v>30540</v>
      </c>
    </row>
    <row r="10982" spans="1:9">
      <c r="A10982" s="1">
        <v>0.98092958462666269</v>
      </c>
      <c r="B10982" s="1"/>
      <c r="C10982">
        <v>19</v>
      </c>
      <c r="D10982" t="s">
        <v>26427</v>
      </c>
      <c r="E10982" t="s">
        <v>34068</v>
      </c>
      <c r="F10982">
        <v>4</v>
      </c>
      <c r="G10982" t="s">
        <v>14</v>
      </c>
      <c r="H10982" t="s">
        <v>26428</v>
      </c>
      <c r="I10982" t="s">
        <v>30540</v>
      </c>
    </row>
    <row r="10983" spans="1:9">
      <c r="A10983" s="1">
        <v>0.89741689824308046</v>
      </c>
      <c r="B10983" s="1"/>
      <c r="C10983">
        <v>9</v>
      </c>
      <c r="D10983" t="s">
        <v>26423</v>
      </c>
      <c r="E10983" t="s">
        <v>34068</v>
      </c>
      <c r="F10983">
        <v>4</v>
      </c>
      <c r="G10983" t="s">
        <v>14</v>
      </c>
      <c r="H10983" t="s">
        <v>26424</v>
      </c>
      <c r="I10983" t="s">
        <v>30540</v>
      </c>
    </row>
    <row r="10984" spans="1:9">
      <c r="A10984" s="1">
        <v>0.7105360744364182</v>
      </c>
      <c r="B10984" s="1"/>
      <c r="C10984">
        <v>7</v>
      </c>
      <c r="D10984" t="s">
        <v>26413</v>
      </c>
      <c r="E10984" t="s">
        <v>34069</v>
      </c>
      <c r="F10984">
        <v>4</v>
      </c>
      <c r="G10984" t="s">
        <v>14</v>
      </c>
      <c r="H10984" t="s">
        <v>26414</v>
      </c>
      <c r="I10984" t="s">
        <v>30540</v>
      </c>
    </row>
    <row r="10985" spans="1:9">
      <c r="A10985" s="1">
        <v>0.95419344077871937</v>
      </c>
      <c r="B10985" s="1"/>
      <c r="C10985">
        <v>11</v>
      </c>
      <c r="D10985" t="s">
        <v>26415</v>
      </c>
      <c r="E10985" t="s">
        <v>34069</v>
      </c>
      <c r="F10985">
        <v>4</v>
      </c>
      <c r="G10985" t="s">
        <v>15</v>
      </c>
      <c r="H10985" t="s">
        <v>26416</v>
      </c>
      <c r="I10985" t="s">
        <v>30540</v>
      </c>
    </row>
    <row r="10986" spans="1:9">
      <c r="A10986" s="1">
        <v>0.32461900586035675</v>
      </c>
      <c r="B10986" s="1"/>
      <c r="C10986">
        <v>3</v>
      </c>
      <c r="D10986" t="s">
        <v>26411</v>
      </c>
      <c r="E10986" t="s">
        <v>34069</v>
      </c>
      <c r="F10986">
        <v>4</v>
      </c>
      <c r="G10986" t="s">
        <v>15</v>
      </c>
      <c r="H10986" t="s">
        <v>26412</v>
      </c>
      <c r="I10986" t="s">
        <v>30540</v>
      </c>
    </row>
    <row r="10987" spans="1:9">
      <c r="A10987" s="1">
        <v>0.9866260963802439</v>
      </c>
      <c r="B10987" s="1"/>
      <c r="C10987">
        <v>16</v>
      </c>
      <c r="D10987" t="s">
        <v>26419</v>
      </c>
      <c r="E10987" t="s">
        <v>34069</v>
      </c>
      <c r="F10987">
        <v>4</v>
      </c>
      <c r="G10987" t="s">
        <v>14</v>
      </c>
      <c r="H10987" t="s">
        <v>26420</v>
      </c>
      <c r="I10987" t="s">
        <v>30540</v>
      </c>
    </row>
    <row r="10988" spans="1:9">
      <c r="A10988" s="1">
        <v>0.17831831016892596</v>
      </c>
      <c r="B10988" s="1"/>
      <c r="C10988">
        <v>7</v>
      </c>
      <c r="D10988" t="s">
        <v>26409</v>
      </c>
      <c r="E10988" t="s">
        <v>34070</v>
      </c>
      <c r="F10988">
        <v>5</v>
      </c>
      <c r="G10988" t="s">
        <v>9</v>
      </c>
      <c r="H10988" t="s">
        <v>26410</v>
      </c>
      <c r="I10988" t="s">
        <v>30540</v>
      </c>
    </row>
    <row r="10989" spans="1:9">
      <c r="A10989" s="1">
        <v>0.44440109908372649</v>
      </c>
      <c r="B10989" s="1"/>
      <c r="C10989">
        <v>12</v>
      </c>
      <c r="D10989" t="s">
        <v>26403</v>
      </c>
      <c r="E10989" t="s">
        <v>34071</v>
      </c>
      <c r="F10989">
        <v>5</v>
      </c>
      <c r="G10989" t="s">
        <v>2738</v>
      </c>
      <c r="H10989" t="s">
        <v>26404</v>
      </c>
      <c r="I10989" t="s">
        <v>30540</v>
      </c>
    </row>
    <row r="10990" spans="1:9">
      <c r="A10990" s="1">
        <v>3.0736646055929739E-2</v>
      </c>
      <c r="B10990" s="1"/>
      <c r="C10990">
        <v>1</v>
      </c>
      <c r="D10990" t="s">
        <v>26399</v>
      </c>
      <c r="E10990" t="s">
        <v>34071</v>
      </c>
      <c r="F10990">
        <v>5</v>
      </c>
      <c r="G10990" t="s">
        <v>15</v>
      </c>
      <c r="H10990" t="s">
        <v>26400</v>
      </c>
      <c r="I10990" t="s">
        <v>30540</v>
      </c>
    </row>
    <row r="10991" spans="1:9">
      <c r="A10991" s="1">
        <v>0.8642397537258365</v>
      </c>
      <c r="B10991" s="1"/>
      <c r="C10991">
        <v>20</v>
      </c>
      <c r="D10991" t="s">
        <v>26407</v>
      </c>
      <c r="E10991" t="s">
        <v>34071</v>
      </c>
      <c r="F10991">
        <v>4</v>
      </c>
      <c r="G10991" t="s">
        <v>769</v>
      </c>
      <c r="H10991" t="s">
        <v>26408</v>
      </c>
      <c r="I10991" t="s">
        <v>30540</v>
      </c>
    </row>
    <row r="10992" spans="1:9">
      <c r="A10992" s="1">
        <v>8.6390262832120701E-2</v>
      </c>
      <c r="B10992" s="1"/>
      <c r="C10992">
        <v>15</v>
      </c>
      <c r="D10992" t="s">
        <v>26405</v>
      </c>
      <c r="E10992" t="s">
        <v>34071</v>
      </c>
      <c r="F10992">
        <v>4</v>
      </c>
      <c r="G10992" t="s">
        <v>9</v>
      </c>
      <c r="H10992" t="s">
        <v>26406</v>
      </c>
      <c r="I10992" t="s">
        <v>30540</v>
      </c>
    </row>
    <row r="10993" spans="1:9">
      <c r="A10993" s="1">
        <v>0.48888140774655775</v>
      </c>
      <c r="B10993" s="1"/>
      <c r="C10993">
        <v>4</v>
      </c>
      <c r="D10993" t="s">
        <v>26401</v>
      </c>
      <c r="E10993" t="s">
        <v>34071</v>
      </c>
      <c r="F10993">
        <v>3</v>
      </c>
      <c r="G10993" t="s">
        <v>769</v>
      </c>
      <c r="H10993" t="s">
        <v>26402</v>
      </c>
      <c r="I10993" t="s">
        <v>30540</v>
      </c>
    </row>
    <row r="10994" spans="1:9">
      <c r="A10994" s="1">
        <v>0.23789529345965255</v>
      </c>
      <c r="B10994" s="1"/>
      <c r="C10994">
        <v>10</v>
      </c>
      <c r="D10994" t="s">
        <v>26395</v>
      </c>
      <c r="E10994" t="s">
        <v>34072</v>
      </c>
      <c r="F10994">
        <v>5</v>
      </c>
      <c r="G10994" t="s">
        <v>10</v>
      </c>
      <c r="H10994" t="s">
        <v>26396</v>
      </c>
      <c r="I10994" t="s">
        <v>30540</v>
      </c>
    </row>
    <row r="10995" spans="1:9">
      <c r="A10995" s="1">
        <v>0.73921267375894528</v>
      </c>
      <c r="B10995" s="1"/>
      <c r="C10995">
        <v>6</v>
      </c>
      <c r="D10995" t="s">
        <v>26393</v>
      </c>
      <c r="E10995" t="s">
        <v>34072</v>
      </c>
      <c r="F10995">
        <v>4</v>
      </c>
      <c r="G10995" t="s">
        <v>9</v>
      </c>
      <c r="H10995" t="s">
        <v>26394</v>
      </c>
      <c r="I10995" t="s">
        <v>30540</v>
      </c>
    </row>
    <row r="10996" spans="1:9">
      <c r="A10996" s="1">
        <v>0.54430020680753266</v>
      </c>
      <c r="B10996" s="1"/>
      <c r="C10996">
        <v>1</v>
      </c>
      <c r="D10996" t="s">
        <v>26389</v>
      </c>
      <c r="E10996" t="s">
        <v>34072</v>
      </c>
      <c r="F10996">
        <v>4</v>
      </c>
      <c r="G10996" t="s">
        <v>2</v>
      </c>
      <c r="H10996" t="s">
        <v>26390</v>
      </c>
      <c r="I10996" t="s">
        <v>30540</v>
      </c>
    </row>
    <row r="10997" spans="1:9">
      <c r="A10997" s="1">
        <v>0.69103969604318427</v>
      </c>
      <c r="B10997" s="1"/>
      <c r="C10997">
        <v>19</v>
      </c>
      <c r="D10997" t="s">
        <v>26397</v>
      </c>
      <c r="E10997" t="s">
        <v>34072</v>
      </c>
      <c r="F10997">
        <v>3</v>
      </c>
      <c r="G10997" t="s">
        <v>9</v>
      </c>
      <c r="H10997" t="s">
        <v>26398</v>
      </c>
      <c r="I10997" t="s">
        <v>30540</v>
      </c>
    </row>
    <row r="10998" spans="1:9">
      <c r="A10998" s="1">
        <v>0.25635558524329372</v>
      </c>
      <c r="B10998" s="1"/>
      <c r="C10998">
        <v>5</v>
      </c>
      <c r="D10998" t="s">
        <v>26387</v>
      </c>
      <c r="E10998" t="s">
        <v>34073</v>
      </c>
      <c r="F10998">
        <v>4</v>
      </c>
      <c r="G10998" t="s">
        <v>9</v>
      </c>
      <c r="H10998" t="s">
        <v>26388</v>
      </c>
      <c r="I10998" t="s">
        <v>30540</v>
      </c>
    </row>
    <row r="10999" spans="1:9">
      <c r="A10999" s="1">
        <v>0.61791318772996073</v>
      </c>
      <c r="B10999" s="1"/>
      <c r="C10999">
        <v>16</v>
      </c>
      <c r="D10999" t="s">
        <v>26385</v>
      </c>
      <c r="E10999" t="s">
        <v>34074</v>
      </c>
      <c r="F10999">
        <v>5</v>
      </c>
      <c r="G10999" t="s">
        <v>9</v>
      </c>
      <c r="H10999" t="s">
        <v>26386</v>
      </c>
      <c r="I10999" t="s">
        <v>30540</v>
      </c>
    </row>
    <row r="11000" spans="1:9">
      <c r="A11000" s="1">
        <v>0.82282531797632097</v>
      </c>
      <c r="B11000" s="1"/>
      <c r="C11000">
        <v>3</v>
      </c>
      <c r="D11000" t="s">
        <v>26377</v>
      </c>
      <c r="E11000" t="s">
        <v>34074</v>
      </c>
      <c r="F11000">
        <v>4</v>
      </c>
      <c r="G11000" t="s">
        <v>9</v>
      </c>
      <c r="H11000" t="s">
        <v>26378</v>
      </c>
      <c r="I11000" t="s">
        <v>30540</v>
      </c>
    </row>
    <row r="11001" spans="1:9">
      <c r="A11001" s="1">
        <v>0.48697546820649695</v>
      </c>
      <c r="B11001" s="1"/>
      <c r="C11001">
        <v>8</v>
      </c>
      <c r="D11001" t="s">
        <v>26381</v>
      </c>
      <c r="E11001" t="s">
        <v>34074</v>
      </c>
      <c r="F11001">
        <v>4</v>
      </c>
      <c r="G11001" t="s">
        <v>9</v>
      </c>
      <c r="H11001" t="s">
        <v>26382</v>
      </c>
      <c r="I11001" t="s">
        <v>30540</v>
      </c>
    </row>
    <row r="11002" spans="1:9">
      <c r="A11002" s="1">
        <v>0.85205305606808146</v>
      </c>
      <c r="B11002" s="1"/>
      <c r="C11002">
        <v>5</v>
      </c>
      <c r="D11002" t="s">
        <v>26379</v>
      </c>
      <c r="E11002" t="s">
        <v>34074</v>
      </c>
      <c r="F11002">
        <v>4</v>
      </c>
      <c r="G11002" t="s">
        <v>10</v>
      </c>
      <c r="H11002" t="s">
        <v>26380</v>
      </c>
      <c r="I11002" t="s">
        <v>30540</v>
      </c>
    </row>
    <row r="11003" spans="1:9">
      <c r="A11003" s="1">
        <v>0.58979121516229038</v>
      </c>
      <c r="B11003" s="1"/>
      <c r="C11003">
        <v>12</v>
      </c>
      <c r="D11003" t="s">
        <v>26383</v>
      </c>
      <c r="E11003" t="s">
        <v>34074</v>
      </c>
      <c r="F11003">
        <v>3</v>
      </c>
      <c r="G11003" t="s">
        <v>9</v>
      </c>
      <c r="H11003" t="s">
        <v>26384</v>
      </c>
      <c r="I11003" t="s">
        <v>30540</v>
      </c>
    </row>
    <row r="11004" spans="1:9">
      <c r="A11004" s="1">
        <v>0.34515955158982037</v>
      </c>
      <c r="B11004" s="1"/>
      <c r="C11004">
        <v>2</v>
      </c>
      <c r="D11004" t="s">
        <v>26375</v>
      </c>
      <c r="E11004" t="s">
        <v>34074</v>
      </c>
      <c r="F11004">
        <v>3</v>
      </c>
      <c r="G11004" t="s">
        <v>15</v>
      </c>
      <c r="H11004" t="s">
        <v>26376</v>
      </c>
      <c r="I11004" t="s">
        <v>30540</v>
      </c>
    </row>
    <row r="11005" spans="1:9">
      <c r="A11005" s="1">
        <v>0.71804977027404515</v>
      </c>
      <c r="B11005" s="1"/>
      <c r="C11005">
        <v>4</v>
      </c>
      <c r="D11005" t="s">
        <v>26367</v>
      </c>
      <c r="E11005" t="s">
        <v>34075</v>
      </c>
      <c r="F11005">
        <v>5</v>
      </c>
      <c r="G11005" t="s">
        <v>9</v>
      </c>
      <c r="H11005" t="s">
        <v>26368</v>
      </c>
      <c r="I11005" t="s">
        <v>30540</v>
      </c>
    </row>
    <row r="11006" spans="1:9">
      <c r="A11006" s="1">
        <v>0.1362571546345519</v>
      </c>
      <c r="B11006" s="1"/>
      <c r="C11006">
        <v>16</v>
      </c>
      <c r="D11006" t="s">
        <v>26373</v>
      </c>
      <c r="E11006" t="s">
        <v>34075</v>
      </c>
      <c r="F11006">
        <v>4</v>
      </c>
      <c r="G11006" t="s">
        <v>9</v>
      </c>
      <c r="H11006" t="s">
        <v>26374</v>
      </c>
      <c r="I11006" t="s">
        <v>30540</v>
      </c>
    </row>
    <row r="11007" spans="1:9">
      <c r="A11007" s="1">
        <v>0.64769903287798947</v>
      </c>
      <c r="B11007" s="1"/>
      <c r="C11007">
        <v>9</v>
      </c>
      <c r="D11007" t="s">
        <v>26369</v>
      </c>
      <c r="E11007" t="s">
        <v>34075</v>
      </c>
      <c r="F11007">
        <v>4</v>
      </c>
      <c r="G11007" t="s">
        <v>9</v>
      </c>
      <c r="H11007" t="s">
        <v>26370</v>
      </c>
      <c r="I11007" t="s">
        <v>30540</v>
      </c>
    </row>
    <row r="11008" spans="1:9">
      <c r="A11008" s="1">
        <v>9.1226696487004544E-3</v>
      </c>
      <c r="B11008" s="1"/>
      <c r="C11008">
        <v>1</v>
      </c>
      <c r="D11008" t="s">
        <v>26365</v>
      </c>
      <c r="E11008" t="s">
        <v>34075</v>
      </c>
      <c r="F11008">
        <v>4</v>
      </c>
      <c r="G11008" t="s">
        <v>2</v>
      </c>
      <c r="H11008" t="s">
        <v>26366</v>
      </c>
      <c r="I11008" t="s">
        <v>30540</v>
      </c>
    </row>
    <row r="11009" spans="1:9">
      <c r="A11009" s="1">
        <v>0.5862955783422662</v>
      </c>
      <c r="B11009" s="1"/>
      <c r="C11009">
        <v>14</v>
      </c>
      <c r="D11009" t="s">
        <v>26371</v>
      </c>
      <c r="E11009" t="s">
        <v>34075</v>
      </c>
      <c r="F11009">
        <v>4</v>
      </c>
      <c r="G11009" t="s">
        <v>2</v>
      </c>
      <c r="H11009" t="s">
        <v>26372</v>
      </c>
      <c r="I11009" t="s">
        <v>30540</v>
      </c>
    </row>
    <row r="11010" spans="1:9">
      <c r="A11010" s="1">
        <v>9.6379005515216942E-3</v>
      </c>
      <c r="B11010" s="1"/>
      <c r="C11010">
        <v>15</v>
      </c>
      <c r="D11010" t="s">
        <v>26363</v>
      </c>
      <c r="E11010" t="s">
        <v>34076</v>
      </c>
      <c r="F11010">
        <v>4</v>
      </c>
      <c r="G11010" t="s">
        <v>9</v>
      </c>
      <c r="H11010" t="s">
        <v>26364</v>
      </c>
      <c r="I11010" t="s">
        <v>30540</v>
      </c>
    </row>
    <row r="11011" spans="1:9">
      <c r="A11011" s="1">
        <v>0.93347294349259402</v>
      </c>
      <c r="B11011" s="1"/>
      <c r="C11011">
        <v>2</v>
      </c>
      <c r="D11011" t="s">
        <v>26361</v>
      </c>
      <c r="E11011" t="s">
        <v>34076</v>
      </c>
      <c r="F11011">
        <v>4</v>
      </c>
      <c r="G11011" t="s">
        <v>769</v>
      </c>
      <c r="H11011" t="s">
        <v>26362</v>
      </c>
      <c r="I11011" t="s">
        <v>30540</v>
      </c>
    </row>
    <row r="11012" spans="1:9">
      <c r="A11012" s="1">
        <v>0.64482877375542647</v>
      </c>
      <c r="B11012" s="1"/>
      <c r="C11012">
        <v>14</v>
      </c>
      <c r="D11012" t="s">
        <v>26355</v>
      </c>
      <c r="E11012" t="s">
        <v>34077</v>
      </c>
      <c r="F11012">
        <v>5</v>
      </c>
      <c r="G11012" t="s">
        <v>9</v>
      </c>
      <c r="H11012" t="s">
        <v>26356</v>
      </c>
      <c r="I11012" t="s">
        <v>30540</v>
      </c>
    </row>
    <row r="11013" spans="1:9">
      <c r="A11013" s="1">
        <v>0.82088490872442965</v>
      </c>
      <c r="B11013" s="1"/>
      <c r="C11013">
        <v>1</v>
      </c>
      <c r="D11013" t="s">
        <v>26349</v>
      </c>
      <c r="E11013" t="s">
        <v>34077</v>
      </c>
      <c r="F11013">
        <v>4</v>
      </c>
      <c r="G11013" t="s">
        <v>2</v>
      </c>
      <c r="H11013" t="s">
        <v>26350</v>
      </c>
      <c r="I11013" t="s">
        <v>30540</v>
      </c>
    </row>
    <row r="11014" spans="1:9">
      <c r="A11014" s="1">
        <v>0.95208666051415158</v>
      </c>
      <c r="B11014" s="1"/>
      <c r="C11014">
        <v>19</v>
      </c>
      <c r="D11014" t="s">
        <v>26359</v>
      </c>
      <c r="E11014" t="s">
        <v>34077</v>
      </c>
      <c r="F11014">
        <v>4</v>
      </c>
      <c r="G11014" t="s">
        <v>9</v>
      </c>
      <c r="H11014" t="s">
        <v>26360</v>
      </c>
      <c r="I11014" t="s">
        <v>30540</v>
      </c>
    </row>
    <row r="11015" spans="1:9">
      <c r="A11015" s="1">
        <v>3.7776705604124161E-2</v>
      </c>
      <c r="B11015" s="1"/>
      <c r="C11015">
        <v>7</v>
      </c>
      <c r="D11015" t="s">
        <v>26353</v>
      </c>
      <c r="E11015" t="s">
        <v>34077</v>
      </c>
      <c r="F11015">
        <v>4</v>
      </c>
      <c r="G11015" t="s">
        <v>9</v>
      </c>
      <c r="H11015" t="s">
        <v>26354</v>
      </c>
      <c r="I11015" t="s">
        <v>30540</v>
      </c>
    </row>
    <row r="11016" spans="1:9">
      <c r="A11016" s="1">
        <v>0.84138635050447308</v>
      </c>
      <c r="B11016" s="1"/>
      <c r="C11016">
        <v>2</v>
      </c>
      <c r="D11016" t="s">
        <v>26351</v>
      </c>
      <c r="E11016" t="s">
        <v>34077</v>
      </c>
      <c r="F11016">
        <v>4</v>
      </c>
      <c r="G11016" t="s">
        <v>2</v>
      </c>
      <c r="H11016" t="s">
        <v>26352</v>
      </c>
      <c r="I11016" t="s">
        <v>30540</v>
      </c>
    </row>
    <row r="11017" spans="1:9">
      <c r="A11017" s="1">
        <v>0.90191976418293507</v>
      </c>
      <c r="B11017" s="1"/>
      <c r="C11017">
        <v>18</v>
      </c>
      <c r="D11017" t="s">
        <v>26357</v>
      </c>
      <c r="E11017" t="s">
        <v>34077</v>
      </c>
      <c r="F11017">
        <v>4</v>
      </c>
      <c r="G11017" t="s">
        <v>9</v>
      </c>
      <c r="H11017" t="s">
        <v>26358</v>
      </c>
      <c r="I11017" t="s">
        <v>30540</v>
      </c>
    </row>
    <row r="11018" spans="1:9">
      <c r="A11018" s="1">
        <v>0.89789714378028418</v>
      </c>
      <c r="B11018" s="1"/>
      <c r="C11018">
        <v>16</v>
      </c>
      <c r="D11018" t="s">
        <v>26343</v>
      </c>
      <c r="E11018" t="s">
        <v>34078</v>
      </c>
      <c r="F11018">
        <v>5</v>
      </c>
      <c r="G11018" t="s">
        <v>9</v>
      </c>
      <c r="H11018" t="s">
        <v>26344</v>
      </c>
      <c r="I11018" t="s">
        <v>30540</v>
      </c>
    </row>
    <row r="11019" spans="1:9">
      <c r="A11019" s="1">
        <v>0.10483304578462183</v>
      </c>
      <c r="B11019" s="1"/>
      <c r="C11019">
        <v>12</v>
      </c>
      <c r="D11019" t="s">
        <v>26341</v>
      </c>
      <c r="E11019" t="s">
        <v>34078</v>
      </c>
      <c r="F11019">
        <v>5</v>
      </c>
      <c r="G11019" t="s">
        <v>9</v>
      </c>
      <c r="H11019" t="s">
        <v>26342</v>
      </c>
      <c r="I11019" t="s">
        <v>30540</v>
      </c>
    </row>
    <row r="11020" spans="1:9">
      <c r="A11020" s="1">
        <v>0.37483865479884593</v>
      </c>
      <c r="B11020" s="1"/>
      <c r="C11020">
        <v>17</v>
      </c>
      <c r="D11020" t="s">
        <v>26345</v>
      </c>
      <c r="E11020" t="s">
        <v>34078</v>
      </c>
      <c r="F11020">
        <v>4</v>
      </c>
      <c r="G11020" t="s">
        <v>9</v>
      </c>
      <c r="H11020" t="s">
        <v>26346</v>
      </c>
      <c r="I11020" t="s">
        <v>30540</v>
      </c>
    </row>
    <row r="11021" spans="1:9">
      <c r="A11021" s="1">
        <v>0.54813298083989037</v>
      </c>
      <c r="B11021" s="1"/>
      <c r="C11021">
        <v>18</v>
      </c>
      <c r="D11021" t="s">
        <v>26347</v>
      </c>
      <c r="E11021" t="s">
        <v>34078</v>
      </c>
      <c r="F11021">
        <v>4</v>
      </c>
      <c r="G11021" t="s">
        <v>9</v>
      </c>
      <c r="H11021" t="s">
        <v>26348</v>
      </c>
      <c r="I11021" t="s">
        <v>30540</v>
      </c>
    </row>
    <row r="11022" spans="1:9">
      <c r="A11022" s="1">
        <v>0.47791318922363824</v>
      </c>
      <c r="B11022" s="1"/>
      <c r="C11022">
        <v>11</v>
      </c>
      <c r="D11022" t="s">
        <v>26339</v>
      </c>
      <c r="E11022" t="s">
        <v>34079</v>
      </c>
      <c r="F11022">
        <v>4</v>
      </c>
      <c r="G11022" t="s">
        <v>9</v>
      </c>
      <c r="H11022" t="s">
        <v>26340</v>
      </c>
      <c r="I11022" t="s">
        <v>30540</v>
      </c>
    </row>
    <row r="11023" spans="1:9">
      <c r="A11023" s="1">
        <v>0.42612861094089682</v>
      </c>
      <c r="B11023" s="1"/>
      <c r="C11023">
        <v>8</v>
      </c>
      <c r="D11023" t="s">
        <v>26337</v>
      </c>
      <c r="E11023" t="s">
        <v>34079</v>
      </c>
      <c r="F11023">
        <v>4</v>
      </c>
      <c r="G11023" t="s">
        <v>9</v>
      </c>
      <c r="H11023" t="s">
        <v>26338</v>
      </c>
      <c r="I11023" t="s">
        <v>30540</v>
      </c>
    </row>
    <row r="11024" spans="1:9">
      <c r="A11024" s="1">
        <v>6.9635906786681967E-2</v>
      </c>
      <c r="B11024" s="1"/>
      <c r="C11024">
        <v>7</v>
      </c>
      <c r="D11024" t="s">
        <v>26335</v>
      </c>
      <c r="E11024" t="s">
        <v>34079</v>
      </c>
      <c r="F11024">
        <v>4</v>
      </c>
      <c r="G11024" t="s">
        <v>9</v>
      </c>
      <c r="H11024" t="s">
        <v>26336</v>
      </c>
      <c r="I11024" t="s">
        <v>30540</v>
      </c>
    </row>
    <row r="11025" spans="1:9">
      <c r="A11025" s="1">
        <v>0.87565775975240145</v>
      </c>
      <c r="B11025" s="1"/>
      <c r="C11025">
        <v>3</v>
      </c>
      <c r="D11025" t="s">
        <v>26331</v>
      </c>
      <c r="E11025" t="s">
        <v>34080</v>
      </c>
      <c r="F11025">
        <v>4</v>
      </c>
      <c r="G11025" t="s">
        <v>14</v>
      </c>
      <c r="H11025" t="s">
        <v>26332</v>
      </c>
      <c r="I11025" t="s">
        <v>30540</v>
      </c>
    </row>
    <row r="11026" spans="1:9">
      <c r="A11026" s="1">
        <v>0.81335240190003877</v>
      </c>
      <c r="B11026" s="1"/>
      <c r="C11026">
        <v>6</v>
      </c>
      <c r="D11026" t="s">
        <v>26333</v>
      </c>
      <c r="E11026" t="s">
        <v>34080</v>
      </c>
      <c r="F11026">
        <v>3</v>
      </c>
      <c r="G11026" t="s">
        <v>9</v>
      </c>
      <c r="H11026" t="s">
        <v>26334</v>
      </c>
      <c r="I11026" t="s">
        <v>30540</v>
      </c>
    </row>
    <row r="11027" spans="1:9">
      <c r="A11027" s="1">
        <v>0.57471321121669894</v>
      </c>
      <c r="B11027" s="1"/>
      <c r="C11027">
        <v>18</v>
      </c>
      <c r="D11027" t="s">
        <v>26329</v>
      </c>
      <c r="E11027" t="s">
        <v>34081</v>
      </c>
      <c r="F11027">
        <v>5</v>
      </c>
      <c r="G11027" t="s">
        <v>14</v>
      </c>
      <c r="H11027" t="s">
        <v>26330</v>
      </c>
      <c r="I11027" t="s">
        <v>30540</v>
      </c>
    </row>
    <row r="11028" spans="1:9">
      <c r="A11028" s="1">
        <v>0.8574983846083627</v>
      </c>
      <c r="B11028" s="1"/>
      <c r="C11028">
        <v>6</v>
      </c>
      <c r="D11028" t="s">
        <v>26325</v>
      </c>
      <c r="E11028" t="s">
        <v>34081</v>
      </c>
      <c r="F11028">
        <v>5</v>
      </c>
      <c r="G11028" t="s">
        <v>9</v>
      </c>
      <c r="H11028" t="s">
        <v>26326</v>
      </c>
      <c r="I11028" t="s">
        <v>30540</v>
      </c>
    </row>
    <row r="11029" spans="1:9">
      <c r="A11029" s="1">
        <v>0.37671668175808526</v>
      </c>
      <c r="B11029" s="1"/>
      <c r="C11029">
        <v>3</v>
      </c>
      <c r="D11029" t="s">
        <v>26323</v>
      </c>
      <c r="E11029" t="s">
        <v>34081</v>
      </c>
      <c r="F11029">
        <v>5</v>
      </c>
      <c r="G11029" t="s">
        <v>10</v>
      </c>
      <c r="H11029" t="s">
        <v>26324</v>
      </c>
      <c r="I11029" t="s">
        <v>30540</v>
      </c>
    </row>
    <row r="11030" spans="1:9">
      <c r="A11030" s="1">
        <v>0.67974023091269231</v>
      </c>
      <c r="B11030" s="1"/>
      <c r="C11030">
        <v>2</v>
      </c>
      <c r="D11030" t="s">
        <v>26321</v>
      </c>
      <c r="E11030" t="s">
        <v>34081</v>
      </c>
      <c r="F11030">
        <v>4</v>
      </c>
      <c r="G11030" t="s">
        <v>2</v>
      </c>
      <c r="H11030" t="s">
        <v>26322</v>
      </c>
      <c r="I11030" t="s">
        <v>30540</v>
      </c>
    </row>
    <row r="11031" spans="1:9">
      <c r="A11031" s="1">
        <v>0.26314148377735647</v>
      </c>
      <c r="B11031" s="1"/>
      <c r="C11031">
        <v>1</v>
      </c>
      <c r="D11031" t="s">
        <v>26313</v>
      </c>
      <c r="E11031" t="s">
        <v>34082</v>
      </c>
      <c r="F11031">
        <v>5</v>
      </c>
      <c r="G11031" t="s">
        <v>14</v>
      </c>
      <c r="H11031" t="s">
        <v>26314</v>
      </c>
      <c r="I11031" t="s">
        <v>30540</v>
      </c>
    </row>
    <row r="11032" spans="1:9">
      <c r="A11032" s="1">
        <v>0.14065854546334033</v>
      </c>
      <c r="B11032" s="1"/>
      <c r="C11032">
        <v>13</v>
      </c>
      <c r="D11032" t="s">
        <v>26317</v>
      </c>
      <c r="E11032" t="s">
        <v>34082</v>
      </c>
      <c r="F11032">
        <v>4</v>
      </c>
      <c r="G11032" t="s">
        <v>0</v>
      </c>
      <c r="H11032" t="s">
        <v>26318</v>
      </c>
      <c r="I11032" t="s">
        <v>30540</v>
      </c>
    </row>
    <row r="11033" spans="1:9">
      <c r="A11033" s="1">
        <v>0.19470013959875831</v>
      </c>
      <c r="B11033" s="1"/>
      <c r="C11033">
        <v>9</v>
      </c>
      <c r="D11033" t="s">
        <v>26305</v>
      </c>
      <c r="E11033" t="s">
        <v>34083</v>
      </c>
      <c r="F11033">
        <v>4</v>
      </c>
      <c r="G11033" t="s">
        <v>9</v>
      </c>
      <c r="H11033" t="s">
        <v>26306</v>
      </c>
      <c r="I11033" t="s">
        <v>30540</v>
      </c>
    </row>
    <row r="11034" spans="1:9">
      <c r="A11034" s="1">
        <v>0.63846972347116981</v>
      </c>
      <c r="B11034" s="1"/>
      <c r="C11034">
        <v>15</v>
      </c>
      <c r="D11034" t="s">
        <v>26311</v>
      </c>
      <c r="E11034" t="s">
        <v>34083</v>
      </c>
      <c r="F11034">
        <v>4</v>
      </c>
      <c r="G11034" t="s">
        <v>0</v>
      </c>
      <c r="H11034" t="s">
        <v>26312</v>
      </c>
      <c r="I11034" t="s">
        <v>30540</v>
      </c>
    </row>
    <row r="11035" spans="1:9">
      <c r="A11035" s="1">
        <v>0.30631121081198442</v>
      </c>
      <c r="B11035" s="1"/>
      <c r="C11035">
        <v>12</v>
      </c>
      <c r="D11035" t="s">
        <v>26309</v>
      </c>
      <c r="E11035" t="s">
        <v>34083</v>
      </c>
      <c r="F11035">
        <v>4</v>
      </c>
      <c r="G11035" t="s">
        <v>14</v>
      </c>
      <c r="H11035" t="s">
        <v>26310</v>
      </c>
      <c r="I11035" t="s">
        <v>30540</v>
      </c>
    </row>
    <row r="11036" spans="1:9">
      <c r="A11036" s="1">
        <v>0.67744912486649222</v>
      </c>
      <c r="B11036" s="1"/>
      <c r="C11036">
        <v>5</v>
      </c>
      <c r="D11036" t="s">
        <v>26303</v>
      </c>
      <c r="E11036" t="s">
        <v>34083</v>
      </c>
      <c r="F11036">
        <v>4</v>
      </c>
      <c r="G11036" t="s">
        <v>15</v>
      </c>
      <c r="H11036" t="s">
        <v>26304</v>
      </c>
      <c r="I11036" t="s">
        <v>30540</v>
      </c>
    </row>
    <row r="11037" spans="1:9">
      <c r="A11037" s="1">
        <v>0.64785292005068995</v>
      </c>
      <c r="B11037" s="1"/>
      <c r="C11037">
        <v>11</v>
      </c>
      <c r="D11037" t="s">
        <v>26307</v>
      </c>
      <c r="E11037" t="s">
        <v>34083</v>
      </c>
      <c r="F11037">
        <v>4</v>
      </c>
      <c r="G11037" t="s">
        <v>14</v>
      </c>
      <c r="H11037" t="s">
        <v>26308</v>
      </c>
      <c r="I11037" t="s">
        <v>30540</v>
      </c>
    </row>
    <row r="11038" spans="1:9">
      <c r="A11038" s="1">
        <v>0.36653756074139465</v>
      </c>
      <c r="B11038" s="1"/>
      <c r="C11038">
        <v>6</v>
      </c>
      <c r="D11038" t="s">
        <v>26297</v>
      </c>
      <c r="E11038" t="s">
        <v>34084</v>
      </c>
      <c r="F11038">
        <v>5</v>
      </c>
      <c r="G11038" t="s">
        <v>14</v>
      </c>
      <c r="H11038" t="s">
        <v>26298</v>
      </c>
      <c r="I11038" t="s">
        <v>30540</v>
      </c>
    </row>
    <row r="11039" spans="1:9">
      <c r="A11039" s="1">
        <v>0.93543447025445714</v>
      </c>
      <c r="B11039" s="1"/>
      <c r="C11039">
        <v>5</v>
      </c>
      <c r="D11039" t="s">
        <v>26295</v>
      </c>
      <c r="E11039" t="s">
        <v>34084</v>
      </c>
      <c r="F11039">
        <v>5</v>
      </c>
      <c r="G11039" t="s">
        <v>14</v>
      </c>
      <c r="H11039" t="s">
        <v>26296</v>
      </c>
      <c r="I11039" t="s">
        <v>30540</v>
      </c>
    </row>
    <row r="11040" spans="1:9">
      <c r="A11040" s="1">
        <v>0.34580465291501883</v>
      </c>
      <c r="B11040" s="1"/>
      <c r="C11040">
        <v>3</v>
      </c>
      <c r="D11040" t="s">
        <v>26293</v>
      </c>
      <c r="E11040" t="s">
        <v>34084</v>
      </c>
      <c r="F11040">
        <v>5</v>
      </c>
      <c r="G11040" t="s">
        <v>14</v>
      </c>
      <c r="H11040" t="s">
        <v>26294</v>
      </c>
      <c r="I11040" t="s">
        <v>30540</v>
      </c>
    </row>
    <row r="11041" spans="1:9">
      <c r="A11041" s="1">
        <v>8.2755622237127291E-3</v>
      </c>
      <c r="B11041" s="1"/>
      <c r="C11041">
        <v>14</v>
      </c>
      <c r="D11041" t="s">
        <v>26301</v>
      </c>
      <c r="E11041" t="s">
        <v>34084</v>
      </c>
      <c r="F11041">
        <v>5</v>
      </c>
      <c r="G11041" t="s">
        <v>0</v>
      </c>
      <c r="H11041" t="s">
        <v>26302</v>
      </c>
      <c r="I11041" t="s">
        <v>30540</v>
      </c>
    </row>
    <row r="11042" spans="1:9">
      <c r="A11042" s="1">
        <v>0.22629821094169988</v>
      </c>
      <c r="B11042" s="1"/>
      <c r="C11042">
        <v>12</v>
      </c>
      <c r="D11042" t="s">
        <v>26299</v>
      </c>
      <c r="E11042" t="s">
        <v>34084</v>
      </c>
      <c r="F11042">
        <v>5</v>
      </c>
      <c r="G11042" t="s">
        <v>1</v>
      </c>
      <c r="H11042" t="s">
        <v>26300</v>
      </c>
      <c r="I11042" t="s">
        <v>30540</v>
      </c>
    </row>
    <row r="11043" spans="1:9">
      <c r="A11043" s="1">
        <v>0.89713069324630246</v>
      </c>
      <c r="B11043" s="1"/>
      <c r="C11043">
        <v>16</v>
      </c>
      <c r="D11043" t="s">
        <v>26285</v>
      </c>
      <c r="E11043" t="s">
        <v>34085</v>
      </c>
      <c r="F11043">
        <v>5</v>
      </c>
      <c r="G11043" t="s">
        <v>14</v>
      </c>
      <c r="H11043" t="s">
        <v>26286</v>
      </c>
      <c r="I11043" t="s">
        <v>30540</v>
      </c>
    </row>
    <row r="11044" spans="1:9">
      <c r="A11044" s="1">
        <v>0.45151470327720411</v>
      </c>
      <c r="B11044" s="1"/>
      <c r="C11044">
        <v>4</v>
      </c>
      <c r="D11044" t="s">
        <v>26281</v>
      </c>
      <c r="E11044" t="s">
        <v>34085</v>
      </c>
      <c r="F11044">
        <v>5</v>
      </c>
      <c r="G11044" t="s">
        <v>13</v>
      </c>
      <c r="H11044" t="s">
        <v>26282</v>
      </c>
      <c r="I11044" t="s">
        <v>30540</v>
      </c>
    </row>
    <row r="11045" spans="1:9">
      <c r="A11045" s="1">
        <v>0.59458054463172016</v>
      </c>
      <c r="B11045" s="1"/>
      <c r="C11045">
        <v>5</v>
      </c>
      <c r="D11045" t="s">
        <v>26283</v>
      </c>
      <c r="E11045" t="s">
        <v>34085</v>
      </c>
      <c r="F11045">
        <v>4</v>
      </c>
      <c r="G11045" t="s">
        <v>14</v>
      </c>
      <c r="H11045" t="s">
        <v>26284</v>
      </c>
      <c r="I11045" t="s">
        <v>30540</v>
      </c>
    </row>
    <row r="11046" spans="1:9">
      <c r="A11046" s="1">
        <v>0.15419762262174175</v>
      </c>
      <c r="B11046" s="1"/>
      <c r="C11046">
        <v>17</v>
      </c>
      <c r="D11046" t="s">
        <v>26287</v>
      </c>
      <c r="E11046" t="s">
        <v>34085</v>
      </c>
      <c r="F11046">
        <v>4</v>
      </c>
      <c r="G11046" t="s">
        <v>14</v>
      </c>
      <c r="H11046" t="s">
        <v>26288</v>
      </c>
      <c r="I11046" t="s">
        <v>30540</v>
      </c>
    </row>
    <row r="11047" spans="1:9">
      <c r="A11047" s="1">
        <v>2.2610661478414951E-2</v>
      </c>
      <c r="B11047" s="1"/>
      <c r="C11047">
        <v>20</v>
      </c>
      <c r="D11047" t="s">
        <v>26291</v>
      </c>
      <c r="E11047" t="s">
        <v>34085</v>
      </c>
      <c r="F11047">
        <v>4</v>
      </c>
      <c r="G11047" t="s">
        <v>14</v>
      </c>
      <c r="H11047" t="s">
        <v>26292</v>
      </c>
      <c r="I11047" t="s">
        <v>30540</v>
      </c>
    </row>
    <row r="11048" spans="1:9">
      <c r="A11048" s="1">
        <v>0.61309760391925083</v>
      </c>
      <c r="B11048" s="1"/>
      <c r="C11048">
        <v>18</v>
      </c>
      <c r="D11048" t="s">
        <v>26289</v>
      </c>
      <c r="E11048" t="s">
        <v>34085</v>
      </c>
      <c r="F11048">
        <v>4</v>
      </c>
      <c r="G11048" t="s">
        <v>15</v>
      </c>
      <c r="H11048" t="s">
        <v>26290</v>
      </c>
      <c r="I11048" t="s">
        <v>30540</v>
      </c>
    </row>
    <row r="11049" spans="1:9">
      <c r="A11049" s="1">
        <v>0.38164311141770035</v>
      </c>
      <c r="B11049" s="1"/>
      <c r="C11049">
        <v>6</v>
      </c>
      <c r="D11049" t="s">
        <v>26277</v>
      </c>
      <c r="E11049" t="s">
        <v>34086</v>
      </c>
      <c r="F11049">
        <v>4</v>
      </c>
      <c r="G11049" t="s">
        <v>1295</v>
      </c>
      <c r="H11049" t="s">
        <v>26278</v>
      </c>
      <c r="I11049" t="s">
        <v>30540</v>
      </c>
    </row>
    <row r="11050" spans="1:9">
      <c r="A11050" s="1">
        <v>0.50686226928504619</v>
      </c>
      <c r="B11050" s="1"/>
      <c r="C11050">
        <v>15</v>
      </c>
      <c r="D11050" t="s">
        <v>26279</v>
      </c>
      <c r="E11050" t="s">
        <v>34086</v>
      </c>
      <c r="F11050">
        <v>4</v>
      </c>
      <c r="G11050" t="s">
        <v>14</v>
      </c>
      <c r="H11050" t="s">
        <v>26280</v>
      </c>
      <c r="I11050" t="s">
        <v>30540</v>
      </c>
    </row>
    <row r="11051" spans="1:9">
      <c r="A11051" s="1">
        <v>0.23424115216199615</v>
      </c>
      <c r="B11051" s="1"/>
      <c r="C11051">
        <v>2</v>
      </c>
      <c r="D11051" t="s">
        <v>26273</v>
      </c>
      <c r="E11051" t="s">
        <v>34086</v>
      </c>
      <c r="F11051">
        <v>4</v>
      </c>
      <c r="G11051" t="s">
        <v>10</v>
      </c>
      <c r="H11051" t="s">
        <v>26274</v>
      </c>
      <c r="I11051" t="s">
        <v>30540</v>
      </c>
    </row>
    <row r="11052" spans="1:9">
      <c r="A11052" s="1">
        <v>0.69430957989726061</v>
      </c>
      <c r="B11052" s="1"/>
      <c r="C11052">
        <v>8</v>
      </c>
      <c r="D11052" t="s">
        <v>26267</v>
      </c>
      <c r="E11052" t="s">
        <v>34087</v>
      </c>
      <c r="F11052">
        <v>4</v>
      </c>
      <c r="G11052" t="s">
        <v>14</v>
      </c>
      <c r="H11052" t="s">
        <v>26268</v>
      </c>
      <c r="I11052" t="s">
        <v>30540</v>
      </c>
    </row>
    <row r="11053" spans="1:9">
      <c r="A11053" s="1">
        <v>0.53635977360425968</v>
      </c>
      <c r="B11053" s="1"/>
      <c r="C11053">
        <v>12</v>
      </c>
      <c r="D11053" t="s">
        <v>26269</v>
      </c>
      <c r="E11053" t="s">
        <v>34087</v>
      </c>
      <c r="F11053">
        <v>4</v>
      </c>
      <c r="G11053" t="s">
        <v>9</v>
      </c>
      <c r="H11053" t="s">
        <v>26270</v>
      </c>
      <c r="I11053" t="s">
        <v>30540</v>
      </c>
    </row>
    <row r="11054" spans="1:9">
      <c r="A11054" s="1">
        <v>0.74001582419690803</v>
      </c>
      <c r="B11054" s="1"/>
      <c r="C11054">
        <v>4</v>
      </c>
      <c r="D11054" t="s">
        <v>26265</v>
      </c>
      <c r="E11054" t="s">
        <v>34087</v>
      </c>
      <c r="F11054">
        <v>4</v>
      </c>
      <c r="G11054" t="s">
        <v>14</v>
      </c>
      <c r="H11054" t="s">
        <v>26266</v>
      </c>
      <c r="I11054" t="s">
        <v>30540</v>
      </c>
    </row>
    <row r="11055" spans="1:9">
      <c r="A11055" s="1">
        <v>0.38971790316350075</v>
      </c>
      <c r="B11055" s="1"/>
      <c r="C11055">
        <v>1</v>
      </c>
      <c r="D11055" t="s">
        <v>26263</v>
      </c>
      <c r="E11055" t="s">
        <v>34087</v>
      </c>
      <c r="F11055">
        <v>4</v>
      </c>
      <c r="G11055" t="s">
        <v>2</v>
      </c>
      <c r="H11055" t="s">
        <v>26264</v>
      </c>
      <c r="I11055" t="s">
        <v>30540</v>
      </c>
    </row>
    <row r="11056" spans="1:9">
      <c r="A11056" s="1">
        <v>0.13742150671808073</v>
      </c>
      <c r="B11056" s="1"/>
      <c r="C11056">
        <v>16</v>
      </c>
      <c r="D11056" t="s">
        <v>26271</v>
      </c>
      <c r="E11056" t="s">
        <v>34087</v>
      </c>
      <c r="F11056">
        <v>3</v>
      </c>
      <c r="G11056" t="s">
        <v>0</v>
      </c>
      <c r="H11056" t="s">
        <v>26272</v>
      </c>
      <c r="I11056" t="s">
        <v>30540</v>
      </c>
    </row>
    <row r="11057" spans="1:9">
      <c r="A11057" s="1">
        <v>0.18280020034163158</v>
      </c>
      <c r="B11057" s="1"/>
      <c r="C11057">
        <v>9</v>
      </c>
      <c r="D11057" t="s">
        <v>26257</v>
      </c>
      <c r="E11057" t="s">
        <v>34088</v>
      </c>
      <c r="F11057">
        <v>4</v>
      </c>
      <c r="G11057" t="s">
        <v>14</v>
      </c>
      <c r="H11057" t="s">
        <v>26258</v>
      </c>
      <c r="I11057" t="s">
        <v>30540</v>
      </c>
    </row>
    <row r="11058" spans="1:9">
      <c r="A11058" s="1">
        <v>0.63172784731948151</v>
      </c>
      <c r="B11058" s="1"/>
      <c r="C11058">
        <v>18</v>
      </c>
      <c r="D11058" t="s">
        <v>26261</v>
      </c>
      <c r="E11058" t="s">
        <v>34088</v>
      </c>
      <c r="F11058">
        <v>4</v>
      </c>
      <c r="G11058" t="s">
        <v>14</v>
      </c>
      <c r="H11058" t="s">
        <v>26262</v>
      </c>
      <c r="I11058" t="s">
        <v>30540</v>
      </c>
    </row>
    <row r="11059" spans="1:9">
      <c r="A11059" s="1">
        <v>0.93596087775290904</v>
      </c>
      <c r="B11059" s="1"/>
      <c r="C11059">
        <v>13</v>
      </c>
      <c r="D11059" t="s">
        <v>26259</v>
      </c>
      <c r="E11059" t="s">
        <v>34088</v>
      </c>
      <c r="F11059">
        <v>3</v>
      </c>
      <c r="G11059" t="s">
        <v>14</v>
      </c>
      <c r="H11059" t="s">
        <v>26260</v>
      </c>
      <c r="I11059" t="s">
        <v>30540</v>
      </c>
    </row>
    <row r="11060" spans="1:9">
      <c r="A11060" s="1">
        <v>0.44586553681983221</v>
      </c>
      <c r="B11060" s="1"/>
      <c r="C11060">
        <v>4</v>
      </c>
      <c r="D11060" t="s">
        <v>26249</v>
      </c>
      <c r="E11060" t="s">
        <v>34089</v>
      </c>
      <c r="F11060">
        <v>5</v>
      </c>
      <c r="G11060" t="s">
        <v>10</v>
      </c>
      <c r="H11060" t="s">
        <v>26250</v>
      </c>
      <c r="I11060" t="s">
        <v>30540</v>
      </c>
    </row>
    <row r="11061" spans="1:9">
      <c r="A11061" s="1">
        <v>0.91492444505637005</v>
      </c>
      <c r="B11061" s="1"/>
      <c r="C11061">
        <v>12</v>
      </c>
      <c r="D11061" t="s">
        <v>26251</v>
      </c>
      <c r="E11061" t="s">
        <v>34089</v>
      </c>
      <c r="F11061">
        <v>5</v>
      </c>
      <c r="G11061" t="s">
        <v>10</v>
      </c>
      <c r="H11061" t="s">
        <v>26252</v>
      </c>
      <c r="I11061" t="s">
        <v>30540</v>
      </c>
    </row>
    <row r="11062" spans="1:9">
      <c r="A11062" s="1">
        <v>0.3996803863991385</v>
      </c>
      <c r="B11062" s="1"/>
      <c r="C11062">
        <v>14</v>
      </c>
      <c r="D11062" t="s">
        <v>26253</v>
      </c>
      <c r="E11062" t="s">
        <v>34089</v>
      </c>
      <c r="F11062">
        <v>4</v>
      </c>
      <c r="G11062" t="s">
        <v>10</v>
      </c>
      <c r="H11062" t="s">
        <v>26254</v>
      </c>
      <c r="I11062" t="s">
        <v>30540</v>
      </c>
    </row>
    <row r="11063" spans="1:9">
      <c r="A11063" s="1">
        <v>0.27515572047189207</v>
      </c>
      <c r="B11063" s="1"/>
      <c r="C11063">
        <v>1</v>
      </c>
      <c r="D11063" t="s">
        <v>26247</v>
      </c>
      <c r="E11063" t="s">
        <v>34089</v>
      </c>
      <c r="F11063">
        <v>4</v>
      </c>
      <c r="G11063" t="s">
        <v>2</v>
      </c>
      <c r="H11063" t="s">
        <v>26248</v>
      </c>
      <c r="I11063" t="s">
        <v>30540</v>
      </c>
    </row>
    <row r="11064" spans="1:9">
      <c r="A11064" s="1">
        <v>0.9443888978271654</v>
      </c>
      <c r="B11064" s="1"/>
      <c r="C11064">
        <v>17</v>
      </c>
      <c r="D11064" t="s">
        <v>26255</v>
      </c>
      <c r="E11064" t="s">
        <v>34089</v>
      </c>
      <c r="F11064">
        <v>4</v>
      </c>
      <c r="G11064" t="s">
        <v>10</v>
      </c>
      <c r="H11064" t="s">
        <v>26256</v>
      </c>
      <c r="I11064" t="s">
        <v>30540</v>
      </c>
    </row>
    <row r="11065" spans="1:9">
      <c r="A11065" s="1">
        <v>0.53201572143578801</v>
      </c>
      <c r="B11065" s="1"/>
      <c r="C11065">
        <v>10</v>
      </c>
      <c r="D11065" t="s">
        <v>26241</v>
      </c>
      <c r="E11065" t="s">
        <v>34090</v>
      </c>
      <c r="F11065">
        <v>5</v>
      </c>
      <c r="G11065" t="s">
        <v>15</v>
      </c>
      <c r="H11065" t="s">
        <v>26242</v>
      </c>
      <c r="I11065" t="s">
        <v>30540</v>
      </c>
    </row>
    <row r="11066" spans="1:9">
      <c r="A11066" s="1">
        <v>0.60136316968488857</v>
      </c>
      <c r="B11066" s="1"/>
      <c r="C11066">
        <v>16</v>
      </c>
      <c r="D11066" t="s">
        <v>26245</v>
      </c>
      <c r="E11066" t="s">
        <v>34090</v>
      </c>
      <c r="F11066">
        <v>4</v>
      </c>
      <c r="G11066" t="s">
        <v>14</v>
      </c>
      <c r="H11066" t="s">
        <v>26246</v>
      </c>
      <c r="I11066" t="s">
        <v>30540</v>
      </c>
    </row>
    <row r="11067" spans="1:9">
      <c r="A11067" s="1">
        <v>0.27496256698409771</v>
      </c>
      <c r="B11067" s="1"/>
      <c r="C11067">
        <v>5</v>
      </c>
      <c r="D11067" t="s">
        <v>26231</v>
      </c>
      <c r="E11067" t="s">
        <v>34091</v>
      </c>
      <c r="F11067">
        <v>4</v>
      </c>
      <c r="G11067" t="s">
        <v>14</v>
      </c>
      <c r="H11067" t="s">
        <v>26232</v>
      </c>
      <c r="I11067" t="s">
        <v>30540</v>
      </c>
    </row>
    <row r="11068" spans="1:9">
      <c r="A11068" s="1">
        <v>0.3527091719907619</v>
      </c>
      <c r="B11068" s="1"/>
      <c r="C11068">
        <v>17</v>
      </c>
      <c r="D11068" t="s">
        <v>26237</v>
      </c>
      <c r="E11068" t="s">
        <v>34091</v>
      </c>
      <c r="F11068">
        <v>4</v>
      </c>
      <c r="G11068" t="s">
        <v>2738</v>
      </c>
      <c r="H11068" t="s">
        <v>26238</v>
      </c>
      <c r="I11068" t="s">
        <v>30540</v>
      </c>
    </row>
    <row r="11069" spans="1:9">
      <c r="A11069" s="1">
        <v>0.62066243986479985</v>
      </c>
      <c r="B11069" s="1"/>
      <c r="C11069">
        <v>18</v>
      </c>
      <c r="D11069" t="s">
        <v>26239</v>
      </c>
      <c r="E11069" t="s">
        <v>34091</v>
      </c>
      <c r="F11069">
        <v>4</v>
      </c>
      <c r="G11069" t="s">
        <v>14</v>
      </c>
      <c r="H11069" t="s">
        <v>26240</v>
      </c>
      <c r="I11069" t="s">
        <v>30540</v>
      </c>
    </row>
    <row r="11070" spans="1:9">
      <c r="A11070" s="1">
        <v>0.54957699975680296</v>
      </c>
      <c r="B11070" s="1"/>
      <c r="C11070">
        <v>7</v>
      </c>
      <c r="D11070" t="s">
        <v>26233</v>
      </c>
      <c r="E11070" t="s">
        <v>34091</v>
      </c>
      <c r="F11070">
        <v>3</v>
      </c>
      <c r="G11070" t="s">
        <v>9</v>
      </c>
      <c r="H11070" t="s">
        <v>26234</v>
      </c>
      <c r="I11070" t="s">
        <v>30540</v>
      </c>
    </row>
    <row r="11071" spans="1:9">
      <c r="A11071" s="1">
        <v>8.3853160316966102E-2</v>
      </c>
      <c r="B11071" s="1"/>
      <c r="C11071">
        <v>11</v>
      </c>
      <c r="D11071" t="s">
        <v>26235</v>
      </c>
      <c r="E11071" t="s">
        <v>34091</v>
      </c>
      <c r="F11071">
        <v>3</v>
      </c>
      <c r="G11071" t="s">
        <v>14</v>
      </c>
      <c r="H11071" t="s">
        <v>26236</v>
      </c>
      <c r="I11071" t="s">
        <v>30540</v>
      </c>
    </row>
    <row r="11072" spans="1:9">
      <c r="A11072" s="1">
        <v>0.69362747116570289</v>
      </c>
      <c r="B11072" s="1"/>
      <c r="C11072">
        <v>8</v>
      </c>
      <c r="D11072" t="s">
        <v>26227</v>
      </c>
      <c r="E11072" t="s">
        <v>34092</v>
      </c>
      <c r="F11072">
        <v>4</v>
      </c>
      <c r="G11072" t="s">
        <v>9</v>
      </c>
      <c r="H11072" t="s">
        <v>26228</v>
      </c>
      <c r="I11072" t="s">
        <v>30540</v>
      </c>
    </row>
    <row r="11073" spans="1:9">
      <c r="A11073" s="1">
        <v>0.93409753843973564</v>
      </c>
      <c r="B11073" s="1"/>
      <c r="C11073">
        <v>6</v>
      </c>
      <c r="D11073" t="s">
        <v>26225</v>
      </c>
      <c r="E11073" t="s">
        <v>34092</v>
      </c>
      <c r="F11073">
        <v>4</v>
      </c>
      <c r="G11073" t="s">
        <v>14</v>
      </c>
      <c r="H11073" t="s">
        <v>26226</v>
      </c>
      <c r="I11073" t="s">
        <v>30540</v>
      </c>
    </row>
    <row r="11074" spans="1:9">
      <c r="A11074" s="1">
        <v>0.28600668276283236</v>
      </c>
      <c r="B11074" s="1"/>
      <c r="C11074">
        <v>2</v>
      </c>
      <c r="D11074" t="s">
        <v>26221</v>
      </c>
      <c r="E11074" t="s">
        <v>34092</v>
      </c>
      <c r="F11074">
        <v>3</v>
      </c>
      <c r="G11074" t="s">
        <v>9</v>
      </c>
      <c r="H11074" t="s">
        <v>26222</v>
      </c>
      <c r="I11074" t="s">
        <v>30540</v>
      </c>
    </row>
    <row r="11075" spans="1:9">
      <c r="A11075" s="1">
        <v>0.52758891297849475</v>
      </c>
      <c r="B11075" s="1"/>
      <c r="C11075">
        <v>2</v>
      </c>
      <c r="D11075" t="s">
        <v>26215</v>
      </c>
      <c r="E11075" t="s">
        <v>34093</v>
      </c>
      <c r="F11075">
        <v>4</v>
      </c>
      <c r="G11075" t="s">
        <v>14</v>
      </c>
      <c r="H11075" t="s">
        <v>26216</v>
      </c>
      <c r="I11075" t="s">
        <v>30540</v>
      </c>
    </row>
    <row r="11076" spans="1:9">
      <c r="A11076" s="1">
        <v>0.22817749135949583</v>
      </c>
      <c r="B11076" s="1"/>
      <c r="C11076">
        <v>10</v>
      </c>
      <c r="D11076" t="s">
        <v>26219</v>
      </c>
      <c r="E11076" t="s">
        <v>34093</v>
      </c>
      <c r="F11076">
        <v>4</v>
      </c>
      <c r="G11076" t="s">
        <v>14</v>
      </c>
      <c r="H11076" t="s">
        <v>26220</v>
      </c>
      <c r="I11076" t="s">
        <v>30540</v>
      </c>
    </row>
    <row r="11077" spans="1:9">
      <c r="A11077" s="1">
        <v>0.37989494519694356</v>
      </c>
      <c r="B11077" s="1"/>
      <c r="C11077">
        <v>9</v>
      </c>
      <c r="D11077" t="s">
        <v>26217</v>
      </c>
      <c r="E11077" t="s">
        <v>34093</v>
      </c>
      <c r="F11077">
        <v>4</v>
      </c>
      <c r="G11077" t="s">
        <v>14</v>
      </c>
      <c r="H11077" t="s">
        <v>26218</v>
      </c>
      <c r="I11077" t="s">
        <v>30540</v>
      </c>
    </row>
    <row r="11078" spans="1:9">
      <c r="A11078" s="1">
        <v>0.55856534620014908</v>
      </c>
      <c r="B11078" s="1"/>
      <c r="C11078">
        <v>17</v>
      </c>
      <c r="D11078" t="s">
        <v>26213</v>
      </c>
      <c r="E11078" t="s">
        <v>34094</v>
      </c>
      <c r="F11078">
        <v>5</v>
      </c>
      <c r="G11078" t="s">
        <v>9</v>
      </c>
      <c r="H11078" t="s">
        <v>26214</v>
      </c>
      <c r="I11078" t="s">
        <v>30540</v>
      </c>
    </row>
    <row r="11079" spans="1:9">
      <c r="A11079" s="1">
        <v>0.46977488565072301</v>
      </c>
      <c r="B11079" s="1"/>
      <c r="C11079">
        <v>3</v>
      </c>
      <c r="D11079" t="s">
        <v>26201</v>
      </c>
      <c r="E11079" t="s">
        <v>34094</v>
      </c>
      <c r="F11079">
        <v>4</v>
      </c>
      <c r="G11079" t="s">
        <v>10</v>
      </c>
      <c r="H11079" t="s">
        <v>26202</v>
      </c>
      <c r="I11079" t="s">
        <v>30540</v>
      </c>
    </row>
    <row r="11080" spans="1:9">
      <c r="A11080" s="1">
        <v>0.91563991473843076</v>
      </c>
      <c r="B11080" s="1"/>
      <c r="C11080">
        <v>13</v>
      </c>
      <c r="D11080" t="s">
        <v>26207</v>
      </c>
      <c r="E11080" t="s">
        <v>34094</v>
      </c>
      <c r="F11080">
        <v>4</v>
      </c>
      <c r="G11080" t="s">
        <v>14</v>
      </c>
      <c r="H11080" t="s">
        <v>26208</v>
      </c>
      <c r="I11080" t="s">
        <v>30540</v>
      </c>
    </row>
    <row r="11081" spans="1:9">
      <c r="A11081" s="1">
        <v>0.12657532455288634</v>
      </c>
      <c r="B11081" s="1"/>
      <c r="C11081">
        <v>14</v>
      </c>
      <c r="D11081" t="s">
        <v>26209</v>
      </c>
      <c r="E11081" t="s">
        <v>34094</v>
      </c>
      <c r="F11081">
        <v>4</v>
      </c>
      <c r="G11081" t="s">
        <v>9</v>
      </c>
      <c r="H11081" t="s">
        <v>26210</v>
      </c>
      <c r="I11081" t="s">
        <v>30540</v>
      </c>
    </row>
    <row r="11082" spans="1:9">
      <c r="A11082" s="1">
        <v>0.40548440561341326</v>
      </c>
      <c r="B11082" s="1"/>
      <c r="C11082">
        <v>15</v>
      </c>
      <c r="D11082" t="s">
        <v>26211</v>
      </c>
      <c r="E11082" t="s">
        <v>34094</v>
      </c>
      <c r="F11082">
        <v>4</v>
      </c>
      <c r="G11082" t="s">
        <v>1</v>
      </c>
      <c r="H11082" t="s">
        <v>26212</v>
      </c>
      <c r="I11082" t="s">
        <v>30540</v>
      </c>
    </row>
    <row r="11083" spans="1:9">
      <c r="A11083" s="1">
        <v>8.7852093152477329E-2</v>
      </c>
      <c r="B11083" s="1"/>
      <c r="C11083">
        <v>11</v>
      </c>
      <c r="D11083" t="s">
        <v>26205</v>
      </c>
      <c r="E11083" t="s">
        <v>34094</v>
      </c>
      <c r="F11083">
        <v>4</v>
      </c>
      <c r="G11083" t="s">
        <v>14</v>
      </c>
      <c r="H11083" t="s">
        <v>26206</v>
      </c>
      <c r="I11083" t="s">
        <v>30540</v>
      </c>
    </row>
    <row r="11084" spans="1:9">
      <c r="A11084" s="1">
        <v>0.45864593879338389</v>
      </c>
      <c r="B11084" s="1"/>
      <c r="C11084">
        <v>7</v>
      </c>
      <c r="D11084" t="s">
        <v>26203</v>
      </c>
      <c r="E11084" t="s">
        <v>34094</v>
      </c>
      <c r="F11084">
        <v>3</v>
      </c>
      <c r="G11084" t="s">
        <v>2</v>
      </c>
      <c r="H11084" t="s">
        <v>26204</v>
      </c>
      <c r="I11084" t="s">
        <v>30540</v>
      </c>
    </row>
    <row r="11085" spans="1:9">
      <c r="A11085" s="1">
        <v>7.8079857036473244E-2</v>
      </c>
      <c r="B11085" s="1"/>
      <c r="C11085">
        <v>6</v>
      </c>
      <c r="D11085" t="s">
        <v>26199</v>
      </c>
      <c r="E11085" t="s">
        <v>34095</v>
      </c>
      <c r="F11085">
        <v>4</v>
      </c>
      <c r="G11085" t="s">
        <v>1431</v>
      </c>
      <c r="H11085" t="s">
        <v>26200</v>
      </c>
      <c r="I11085" t="s">
        <v>30540</v>
      </c>
    </row>
    <row r="11086" spans="1:9">
      <c r="A11086" s="1">
        <v>0.86003041357491039</v>
      </c>
      <c r="B11086" s="1"/>
      <c r="C11086">
        <v>5</v>
      </c>
      <c r="D11086" t="s">
        <v>26197</v>
      </c>
      <c r="E11086" t="s">
        <v>34095</v>
      </c>
      <c r="F11086">
        <v>4</v>
      </c>
      <c r="G11086" t="s">
        <v>10</v>
      </c>
      <c r="H11086" t="s">
        <v>26198</v>
      </c>
      <c r="I11086" t="s">
        <v>30540</v>
      </c>
    </row>
    <row r="11087" spans="1:9">
      <c r="A11087" s="1">
        <v>0.74265124308875974</v>
      </c>
      <c r="B11087" s="1"/>
      <c r="C11087">
        <v>1</v>
      </c>
      <c r="D11087" t="s">
        <v>26195</v>
      </c>
      <c r="E11087" t="s">
        <v>34095</v>
      </c>
      <c r="F11087">
        <v>4</v>
      </c>
      <c r="G11087" t="s">
        <v>762</v>
      </c>
      <c r="H11087" t="s">
        <v>26196</v>
      </c>
      <c r="I11087" t="s">
        <v>30540</v>
      </c>
    </row>
    <row r="11088" spans="1:9">
      <c r="A11088" s="1">
        <v>0.48357050148761094</v>
      </c>
      <c r="B11088" s="1"/>
      <c r="C11088">
        <v>17</v>
      </c>
      <c r="D11088" t="s">
        <v>26193</v>
      </c>
      <c r="E11088" t="s">
        <v>34096</v>
      </c>
      <c r="F11088">
        <v>5</v>
      </c>
      <c r="G11088" t="s">
        <v>14</v>
      </c>
      <c r="H11088" t="s">
        <v>26194</v>
      </c>
      <c r="I11088" t="s">
        <v>30540</v>
      </c>
    </row>
    <row r="11089" spans="1:9">
      <c r="A11089" s="1">
        <v>0.28585499224156952</v>
      </c>
      <c r="B11089" s="1"/>
      <c r="C11089">
        <v>10</v>
      </c>
      <c r="D11089" t="s">
        <v>26187</v>
      </c>
      <c r="E11089" t="s">
        <v>34096</v>
      </c>
      <c r="F11089">
        <v>5</v>
      </c>
      <c r="G11089" t="s">
        <v>14</v>
      </c>
      <c r="H11089" t="s">
        <v>26188</v>
      </c>
      <c r="I11089" t="s">
        <v>30540</v>
      </c>
    </row>
    <row r="11090" spans="1:9">
      <c r="A11090" s="1">
        <v>0.83531129704831486</v>
      </c>
      <c r="B11090" s="1"/>
      <c r="C11090">
        <v>3</v>
      </c>
      <c r="D11090" t="s">
        <v>26185</v>
      </c>
      <c r="E11090" t="s">
        <v>34096</v>
      </c>
      <c r="F11090">
        <v>4</v>
      </c>
      <c r="G11090" t="s">
        <v>9</v>
      </c>
      <c r="H11090" t="s">
        <v>26186</v>
      </c>
      <c r="I11090" t="s">
        <v>30540</v>
      </c>
    </row>
    <row r="11091" spans="1:9">
      <c r="A11091" s="1">
        <v>0.23154829140056166</v>
      </c>
      <c r="B11091" s="1"/>
      <c r="C11091">
        <v>13</v>
      </c>
      <c r="D11091" t="s">
        <v>26191</v>
      </c>
      <c r="E11091" t="s">
        <v>34096</v>
      </c>
      <c r="F11091">
        <v>4</v>
      </c>
      <c r="G11091" t="s">
        <v>10</v>
      </c>
      <c r="H11091" t="s">
        <v>26192</v>
      </c>
      <c r="I11091" t="s">
        <v>30540</v>
      </c>
    </row>
    <row r="11092" spans="1:9">
      <c r="A11092" s="1">
        <v>3.4239419936056836E-2</v>
      </c>
      <c r="B11092" s="1"/>
      <c r="C11092">
        <v>11</v>
      </c>
      <c r="D11092" t="s">
        <v>26189</v>
      </c>
      <c r="E11092" t="s">
        <v>34096</v>
      </c>
      <c r="F11092">
        <v>4</v>
      </c>
      <c r="G11092" t="s">
        <v>0</v>
      </c>
      <c r="H11092" t="s">
        <v>26190</v>
      </c>
      <c r="I11092" t="s">
        <v>30540</v>
      </c>
    </row>
    <row r="11093" spans="1:9">
      <c r="A11093" s="1">
        <v>0.18594753257622454</v>
      </c>
      <c r="B11093" s="1"/>
      <c r="C11093">
        <v>14</v>
      </c>
      <c r="D11093" t="s">
        <v>26181</v>
      </c>
      <c r="E11093" t="s">
        <v>34097</v>
      </c>
      <c r="F11093">
        <v>5</v>
      </c>
      <c r="G11093" t="s">
        <v>14</v>
      </c>
      <c r="H11093" t="s">
        <v>26182</v>
      </c>
      <c r="I11093" t="s">
        <v>30540</v>
      </c>
    </row>
    <row r="11094" spans="1:9">
      <c r="A11094" s="1">
        <v>0.7842655415012818</v>
      </c>
      <c r="B11094" s="1"/>
      <c r="C11094">
        <v>10</v>
      </c>
      <c r="D11094" t="s">
        <v>26175</v>
      </c>
      <c r="E11094" t="s">
        <v>34097</v>
      </c>
      <c r="F11094">
        <v>4</v>
      </c>
      <c r="G11094" t="s">
        <v>14</v>
      </c>
      <c r="H11094" t="s">
        <v>26176</v>
      </c>
      <c r="I11094" t="s">
        <v>30540</v>
      </c>
    </row>
    <row r="11095" spans="1:9">
      <c r="A11095" s="1">
        <v>0.62858431389971747</v>
      </c>
      <c r="B11095" s="1"/>
      <c r="C11095">
        <v>13</v>
      </c>
      <c r="D11095" t="s">
        <v>26179</v>
      </c>
      <c r="E11095" t="s">
        <v>34097</v>
      </c>
      <c r="F11095">
        <v>4</v>
      </c>
      <c r="G11095" t="s">
        <v>9</v>
      </c>
      <c r="H11095" t="s">
        <v>26180</v>
      </c>
      <c r="I11095" t="s">
        <v>30540</v>
      </c>
    </row>
    <row r="11096" spans="1:9">
      <c r="A11096" s="1">
        <v>0.90186921255922237</v>
      </c>
      <c r="B11096" s="1"/>
      <c r="C11096">
        <v>15</v>
      </c>
      <c r="D11096" t="s">
        <v>26183</v>
      </c>
      <c r="E11096" t="s">
        <v>34097</v>
      </c>
      <c r="F11096">
        <v>4</v>
      </c>
      <c r="G11096" t="s">
        <v>14</v>
      </c>
      <c r="H11096" t="s">
        <v>26184</v>
      </c>
      <c r="I11096" t="s">
        <v>30540</v>
      </c>
    </row>
    <row r="11097" spans="1:9">
      <c r="A11097" s="1">
        <v>0.81053134853661224</v>
      </c>
      <c r="B11097" s="1"/>
      <c r="C11097">
        <v>1</v>
      </c>
      <c r="D11097" t="s">
        <v>26171</v>
      </c>
      <c r="E11097" t="s">
        <v>34097</v>
      </c>
      <c r="F11097">
        <v>4</v>
      </c>
      <c r="G11097" t="s">
        <v>9</v>
      </c>
      <c r="H11097" t="s">
        <v>26172</v>
      </c>
      <c r="I11097" t="s">
        <v>30540</v>
      </c>
    </row>
    <row r="11098" spans="1:9">
      <c r="A11098" s="1">
        <v>0.45824171472572295</v>
      </c>
      <c r="B11098" s="1"/>
      <c r="C11098">
        <v>12</v>
      </c>
      <c r="D11098" t="s">
        <v>26177</v>
      </c>
      <c r="E11098" t="s">
        <v>34097</v>
      </c>
      <c r="F11098">
        <v>4</v>
      </c>
      <c r="G11098" t="s">
        <v>14</v>
      </c>
      <c r="H11098" t="s">
        <v>26178</v>
      </c>
      <c r="I11098" t="s">
        <v>30540</v>
      </c>
    </row>
    <row r="11099" spans="1:9">
      <c r="A11099" s="1">
        <v>0.23042606829810452</v>
      </c>
      <c r="B11099" s="1"/>
      <c r="C11099">
        <v>2</v>
      </c>
      <c r="D11099" t="s">
        <v>26173</v>
      </c>
      <c r="E11099" t="s">
        <v>34097</v>
      </c>
      <c r="F11099">
        <v>4</v>
      </c>
      <c r="G11099" t="s">
        <v>9</v>
      </c>
      <c r="H11099" t="s">
        <v>26174</v>
      </c>
      <c r="I11099" t="s">
        <v>30540</v>
      </c>
    </row>
    <row r="11100" spans="1:9">
      <c r="A11100" s="1">
        <v>0.32949528950411855</v>
      </c>
      <c r="B11100" s="1"/>
      <c r="C11100">
        <v>5</v>
      </c>
      <c r="D11100" t="s">
        <v>26163</v>
      </c>
      <c r="E11100" t="s">
        <v>34098</v>
      </c>
      <c r="F11100">
        <v>4</v>
      </c>
      <c r="G11100" t="s">
        <v>15</v>
      </c>
      <c r="H11100" t="s">
        <v>26164</v>
      </c>
      <c r="I11100" t="s">
        <v>30540</v>
      </c>
    </row>
    <row r="11101" spans="1:9">
      <c r="A11101" s="1">
        <v>0.85816142888242308</v>
      </c>
      <c r="B11101" s="1"/>
      <c r="C11101">
        <v>13</v>
      </c>
      <c r="D11101" t="s">
        <v>26167</v>
      </c>
      <c r="E11101" t="s">
        <v>34098</v>
      </c>
      <c r="F11101">
        <v>4</v>
      </c>
      <c r="G11101" t="s">
        <v>2</v>
      </c>
      <c r="H11101" t="s">
        <v>26168</v>
      </c>
      <c r="I11101" t="s">
        <v>30540</v>
      </c>
    </row>
    <row r="11102" spans="1:9">
      <c r="A11102" s="1">
        <v>0.23831727794933899</v>
      </c>
      <c r="B11102" s="1"/>
      <c r="C11102">
        <v>20</v>
      </c>
      <c r="D11102" t="s">
        <v>26169</v>
      </c>
      <c r="E11102" t="s">
        <v>34098</v>
      </c>
      <c r="F11102">
        <v>4</v>
      </c>
      <c r="G11102" t="s">
        <v>14</v>
      </c>
      <c r="H11102" t="s">
        <v>26170</v>
      </c>
      <c r="I11102" t="s">
        <v>30540</v>
      </c>
    </row>
    <row r="11103" spans="1:9">
      <c r="A11103" s="1">
        <v>0.17990615323606884</v>
      </c>
      <c r="B11103" s="1"/>
      <c r="C11103">
        <v>12</v>
      </c>
      <c r="D11103" t="s">
        <v>26165</v>
      </c>
      <c r="E11103" t="s">
        <v>34098</v>
      </c>
      <c r="F11103">
        <v>3</v>
      </c>
      <c r="G11103" t="s">
        <v>14</v>
      </c>
      <c r="H11103" t="s">
        <v>26166</v>
      </c>
      <c r="I11103" t="s">
        <v>30540</v>
      </c>
    </row>
    <row r="11104" spans="1:9">
      <c r="A11104" s="1">
        <v>0.54903208072638743</v>
      </c>
      <c r="B11104" s="1"/>
      <c r="C11104">
        <v>18</v>
      </c>
      <c r="D11104" t="s">
        <v>26157</v>
      </c>
      <c r="E11104" t="s">
        <v>34099</v>
      </c>
      <c r="F11104">
        <v>5</v>
      </c>
      <c r="G11104" t="s">
        <v>14</v>
      </c>
      <c r="H11104" t="s">
        <v>26158</v>
      </c>
      <c r="I11104" t="s">
        <v>30540</v>
      </c>
    </row>
    <row r="11105" spans="1:9">
      <c r="A11105" s="1">
        <v>2.3472805023271315E-2</v>
      </c>
      <c r="B11105" s="1"/>
      <c r="C11105">
        <v>5</v>
      </c>
      <c r="D11105" t="s">
        <v>26149</v>
      </c>
      <c r="E11105" t="s">
        <v>34099</v>
      </c>
      <c r="F11105">
        <v>5</v>
      </c>
      <c r="G11105" t="s">
        <v>0</v>
      </c>
      <c r="H11105" t="s">
        <v>26150</v>
      </c>
      <c r="I11105" t="s">
        <v>30540</v>
      </c>
    </row>
    <row r="11106" spans="1:9">
      <c r="A11106" s="1">
        <v>0.13496249011571593</v>
      </c>
      <c r="B11106" s="1"/>
      <c r="C11106">
        <v>16</v>
      </c>
      <c r="D11106" t="s">
        <v>26155</v>
      </c>
      <c r="E11106" t="s">
        <v>34099</v>
      </c>
      <c r="F11106">
        <v>4</v>
      </c>
      <c r="G11106" t="s">
        <v>14</v>
      </c>
      <c r="H11106" t="s">
        <v>26156</v>
      </c>
      <c r="I11106" t="s">
        <v>30540</v>
      </c>
    </row>
    <row r="11107" spans="1:9">
      <c r="A11107" s="1">
        <v>0.18197843157938187</v>
      </c>
      <c r="B11107" s="1"/>
      <c r="C11107">
        <v>11</v>
      </c>
      <c r="D11107" t="s">
        <v>26151</v>
      </c>
      <c r="E11107" t="s">
        <v>34099</v>
      </c>
      <c r="F11107">
        <v>4</v>
      </c>
      <c r="G11107" t="s">
        <v>14</v>
      </c>
      <c r="H11107" t="s">
        <v>26152</v>
      </c>
      <c r="I11107" t="s">
        <v>30540</v>
      </c>
    </row>
    <row r="11108" spans="1:9">
      <c r="A11108" s="1">
        <v>0.85181380509910454</v>
      </c>
      <c r="B11108" s="1"/>
      <c r="C11108">
        <v>13</v>
      </c>
      <c r="D11108" t="s">
        <v>26153</v>
      </c>
      <c r="E11108" t="s">
        <v>34099</v>
      </c>
      <c r="F11108">
        <v>4</v>
      </c>
      <c r="G11108" t="s">
        <v>14</v>
      </c>
      <c r="H11108" t="s">
        <v>26154</v>
      </c>
      <c r="I11108" t="s">
        <v>30540</v>
      </c>
    </row>
    <row r="11109" spans="1:9">
      <c r="A11109" s="1">
        <v>0.56332803984076607</v>
      </c>
      <c r="B11109" s="1"/>
      <c r="C11109">
        <v>19</v>
      </c>
      <c r="D11109" t="s">
        <v>26159</v>
      </c>
      <c r="E11109" t="s">
        <v>34099</v>
      </c>
      <c r="F11109">
        <v>4</v>
      </c>
      <c r="G11109" t="s">
        <v>14</v>
      </c>
      <c r="H11109" t="s">
        <v>26160</v>
      </c>
      <c r="I11109" t="s">
        <v>30540</v>
      </c>
    </row>
    <row r="11110" spans="1:9">
      <c r="A11110" s="1">
        <v>0.67680663090804671</v>
      </c>
      <c r="B11110" s="1"/>
      <c r="C11110">
        <v>11</v>
      </c>
      <c r="D11110" t="s">
        <v>26147</v>
      </c>
      <c r="E11110" t="s">
        <v>34100</v>
      </c>
      <c r="F11110">
        <v>5</v>
      </c>
      <c r="G11110" t="s">
        <v>10</v>
      </c>
      <c r="H11110" t="s">
        <v>26148</v>
      </c>
      <c r="I11110" t="s">
        <v>30540</v>
      </c>
    </row>
    <row r="11111" spans="1:9">
      <c r="A11111" s="1">
        <v>0.56162997757468447</v>
      </c>
      <c r="B11111" s="1"/>
      <c r="C11111">
        <v>1</v>
      </c>
      <c r="D11111" t="s">
        <v>26137</v>
      </c>
      <c r="E11111" t="s">
        <v>34101</v>
      </c>
      <c r="F11111">
        <v>4</v>
      </c>
      <c r="G11111" t="s">
        <v>9</v>
      </c>
      <c r="H11111" t="s">
        <v>26138</v>
      </c>
      <c r="I11111" t="s">
        <v>30540</v>
      </c>
    </row>
    <row r="11112" spans="1:9">
      <c r="A11112" s="1">
        <v>0.79563636162870854</v>
      </c>
      <c r="B11112" s="1"/>
      <c r="C11112">
        <v>19</v>
      </c>
      <c r="D11112" t="s">
        <v>26141</v>
      </c>
      <c r="E11112" t="s">
        <v>34101</v>
      </c>
      <c r="F11112">
        <v>4</v>
      </c>
      <c r="G11112" t="s">
        <v>0</v>
      </c>
      <c r="H11112" t="s">
        <v>26142</v>
      </c>
      <c r="I11112" t="s">
        <v>30540</v>
      </c>
    </row>
    <row r="11113" spans="1:9">
      <c r="A11113" s="1">
        <v>0.81872918039707121</v>
      </c>
      <c r="B11113" s="1"/>
      <c r="C11113">
        <v>8</v>
      </c>
      <c r="D11113" t="s">
        <v>26139</v>
      </c>
      <c r="E11113" t="s">
        <v>34101</v>
      </c>
      <c r="F11113">
        <v>4</v>
      </c>
      <c r="G11113" t="s">
        <v>14</v>
      </c>
      <c r="H11113" t="s">
        <v>26140</v>
      </c>
      <c r="I11113" t="s">
        <v>30540</v>
      </c>
    </row>
    <row r="11114" spans="1:9">
      <c r="A11114" s="1">
        <v>0.35527182439732707</v>
      </c>
      <c r="B11114" s="1"/>
      <c r="C11114">
        <v>20</v>
      </c>
      <c r="D11114" t="s">
        <v>26135</v>
      </c>
      <c r="E11114" t="s">
        <v>34102</v>
      </c>
      <c r="F11114">
        <v>4</v>
      </c>
      <c r="G11114" t="s">
        <v>14</v>
      </c>
      <c r="H11114" t="s">
        <v>26136</v>
      </c>
      <c r="I11114" t="s">
        <v>30540</v>
      </c>
    </row>
    <row r="11115" spans="1:9">
      <c r="A11115" s="1">
        <v>0.29264057932829901</v>
      </c>
      <c r="B11115" s="1"/>
      <c r="C11115">
        <v>2</v>
      </c>
      <c r="D11115" t="s">
        <v>26125</v>
      </c>
      <c r="E11115" t="s">
        <v>34104</v>
      </c>
      <c r="F11115">
        <v>4</v>
      </c>
      <c r="G11115" t="s">
        <v>14</v>
      </c>
      <c r="H11115" t="s">
        <v>26126</v>
      </c>
      <c r="I11115" t="s">
        <v>30540</v>
      </c>
    </row>
    <row r="11116" spans="1:9">
      <c r="A11116" s="1">
        <v>0.75053096749380199</v>
      </c>
      <c r="B11116" s="1"/>
      <c r="C11116">
        <v>18</v>
      </c>
      <c r="D11116" t="s">
        <v>26123</v>
      </c>
      <c r="E11116" t="s">
        <v>34105</v>
      </c>
      <c r="F11116">
        <v>4</v>
      </c>
      <c r="G11116" t="s">
        <v>15</v>
      </c>
      <c r="H11116" t="s">
        <v>26124</v>
      </c>
      <c r="I11116" t="s">
        <v>30540</v>
      </c>
    </row>
    <row r="11117" spans="1:9">
      <c r="A11117" s="1">
        <v>0.74645724249334722</v>
      </c>
      <c r="B11117" s="1"/>
      <c r="C11117">
        <v>5</v>
      </c>
      <c r="D11117" t="s">
        <v>26119</v>
      </c>
      <c r="E11117" t="s">
        <v>34106</v>
      </c>
      <c r="F11117">
        <v>4</v>
      </c>
      <c r="G11117" t="s">
        <v>14</v>
      </c>
      <c r="H11117" t="s">
        <v>26120</v>
      </c>
      <c r="I11117" t="s">
        <v>30540</v>
      </c>
    </row>
    <row r="11118" spans="1:9">
      <c r="A11118" s="1">
        <v>0.12992614746992037</v>
      </c>
      <c r="B11118" s="1"/>
      <c r="C11118">
        <v>18</v>
      </c>
      <c r="D11118" t="s">
        <v>26121</v>
      </c>
      <c r="E11118" t="s">
        <v>34106</v>
      </c>
      <c r="F11118">
        <v>4</v>
      </c>
      <c r="G11118" t="s">
        <v>14</v>
      </c>
      <c r="H11118" t="s">
        <v>26122</v>
      </c>
      <c r="I11118" t="s">
        <v>30540</v>
      </c>
    </row>
    <row r="11119" spans="1:9">
      <c r="A11119" s="1">
        <v>0.4263487820208931</v>
      </c>
      <c r="B11119" s="1"/>
      <c r="C11119">
        <v>6</v>
      </c>
      <c r="D11119" t="s">
        <v>26111</v>
      </c>
      <c r="E11119" t="s">
        <v>34107</v>
      </c>
      <c r="F11119">
        <v>5</v>
      </c>
      <c r="G11119" t="s">
        <v>10</v>
      </c>
      <c r="H11119" t="s">
        <v>26112</v>
      </c>
      <c r="I11119" t="s">
        <v>30540</v>
      </c>
    </row>
    <row r="11120" spans="1:9">
      <c r="A11120" s="1">
        <v>0.32060047446275075</v>
      </c>
      <c r="B11120" s="1"/>
      <c r="C11120">
        <v>9</v>
      </c>
      <c r="D11120" t="s">
        <v>26113</v>
      </c>
      <c r="E11120" t="s">
        <v>34107</v>
      </c>
      <c r="F11120">
        <v>4</v>
      </c>
      <c r="G11120" t="s">
        <v>10</v>
      </c>
      <c r="H11120" t="s">
        <v>26114</v>
      </c>
      <c r="I11120" t="s">
        <v>30540</v>
      </c>
    </row>
    <row r="11121" spans="1:9">
      <c r="A11121" s="1">
        <v>0.45773422990073442</v>
      </c>
      <c r="B11121" s="1"/>
      <c r="C11121">
        <v>20</v>
      </c>
      <c r="D11121" t="s">
        <v>26117</v>
      </c>
      <c r="E11121" t="s">
        <v>34107</v>
      </c>
      <c r="F11121">
        <v>4</v>
      </c>
      <c r="G11121" t="s">
        <v>10</v>
      </c>
      <c r="H11121" t="s">
        <v>26118</v>
      </c>
      <c r="I11121" t="s">
        <v>30540</v>
      </c>
    </row>
    <row r="11122" spans="1:9">
      <c r="A11122" s="1">
        <v>0.46399847317698284</v>
      </c>
      <c r="B11122" s="1"/>
      <c r="C11122">
        <v>18</v>
      </c>
      <c r="D11122" t="s">
        <v>26115</v>
      </c>
      <c r="E11122" t="s">
        <v>34107</v>
      </c>
      <c r="F11122">
        <v>4</v>
      </c>
      <c r="G11122" t="s">
        <v>10</v>
      </c>
      <c r="H11122" t="s">
        <v>26116</v>
      </c>
      <c r="I11122" t="s">
        <v>30540</v>
      </c>
    </row>
    <row r="11123" spans="1:9">
      <c r="A11123" s="1">
        <v>0.73156345453655414</v>
      </c>
      <c r="B11123" s="1"/>
      <c r="C11123">
        <v>18</v>
      </c>
      <c r="D11123" t="s">
        <v>26109</v>
      </c>
      <c r="E11123" t="s">
        <v>34108</v>
      </c>
      <c r="F11123">
        <v>5</v>
      </c>
      <c r="G11123" t="s">
        <v>14</v>
      </c>
      <c r="H11123" t="s">
        <v>26110</v>
      </c>
      <c r="I11123" t="s">
        <v>30540</v>
      </c>
    </row>
    <row r="11124" spans="1:9">
      <c r="A11124" s="1">
        <v>0.32166245008394745</v>
      </c>
      <c r="B11124" s="1"/>
      <c r="C11124">
        <v>3</v>
      </c>
      <c r="D11124" t="s">
        <v>26101</v>
      </c>
      <c r="E11124" t="s">
        <v>34108</v>
      </c>
      <c r="F11124">
        <v>4</v>
      </c>
      <c r="G11124" t="s">
        <v>15</v>
      </c>
      <c r="H11124" t="s">
        <v>26102</v>
      </c>
      <c r="I11124" t="s">
        <v>30540</v>
      </c>
    </row>
    <row r="11125" spans="1:9">
      <c r="A11125" s="1">
        <v>0.33311470543955346</v>
      </c>
      <c r="B11125" s="1"/>
      <c r="C11125">
        <v>13</v>
      </c>
      <c r="D11125" t="s">
        <v>26105</v>
      </c>
      <c r="E11125" t="s">
        <v>34108</v>
      </c>
      <c r="F11125">
        <v>4</v>
      </c>
      <c r="G11125" t="s">
        <v>14</v>
      </c>
      <c r="H11125" t="s">
        <v>26106</v>
      </c>
      <c r="I11125" t="s">
        <v>30540</v>
      </c>
    </row>
    <row r="11126" spans="1:9">
      <c r="A11126" s="1">
        <v>0.75005998831084686</v>
      </c>
      <c r="B11126" s="1"/>
      <c r="C11126">
        <v>10</v>
      </c>
      <c r="D11126" t="s">
        <v>26103</v>
      </c>
      <c r="E11126" t="s">
        <v>34108</v>
      </c>
      <c r="F11126">
        <v>4</v>
      </c>
      <c r="G11126" t="s">
        <v>14</v>
      </c>
      <c r="H11126" t="s">
        <v>26104</v>
      </c>
      <c r="I11126" t="s">
        <v>30540</v>
      </c>
    </row>
    <row r="11127" spans="1:9">
      <c r="A11127" s="1">
        <v>0.74992037360001673</v>
      </c>
      <c r="B11127" s="1"/>
      <c r="C11127">
        <v>5</v>
      </c>
      <c r="D11127" t="s">
        <v>26093</v>
      </c>
      <c r="E11127" t="s">
        <v>34109</v>
      </c>
      <c r="F11127">
        <v>5</v>
      </c>
      <c r="G11127" t="s">
        <v>9</v>
      </c>
      <c r="H11127" t="s">
        <v>26094</v>
      </c>
      <c r="I11127" t="s">
        <v>30540</v>
      </c>
    </row>
    <row r="11128" spans="1:9">
      <c r="A11128" s="1">
        <v>0.68413999743955178</v>
      </c>
      <c r="B11128" s="1"/>
      <c r="C11128">
        <v>14</v>
      </c>
      <c r="D11128" t="s">
        <v>26099</v>
      </c>
      <c r="E11128" t="s">
        <v>34109</v>
      </c>
      <c r="F11128">
        <v>4</v>
      </c>
      <c r="G11128" t="s">
        <v>14</v>
      </c>
      <c r="H11128" t="s">
        <v>26100</v>
      </c>
      <c r="I11128" t="s">
        <v>30540</v>
      </c>
    </row>
    <row r="11129" spans="1:9">
      <c r="A11129" s="1">
        <v>0.63097722696627512</v>
      </c>
      <c r="B11129" s="1"/>
      <c r="C11129">
        <v>9</v>
      </c>
      <c r="D11129" t="s">
        <v>26095</v>
      </c>
      <c r="E11129" t="s">
        <v>34109</v>
      </c>
      <c r="F11129">
        <v>4</v>
      </c>
      <c r="G11129" t="s">
        <v>10</v>
      </c>
      <c r="H11129" t="s">
        <v>26096</v>
      </c>
      <c r="I11129" t="s">
        <v>30540</v>
      </c>
    </row>
    <row r="11130" spans="1:9">
      <c r="A11130" s="1">
        <v>0.28277562225204644</v>
      </c>
      <c r="B11130" s="1"/>
      <c r="C11130">
        <v>10</v>
      </c>
      <c r="D11130" t="s">
        <v>26097</v>
      </c>
      <c r="E11130" t="s">
        <v>34109</v>
      </c>
      <c r="F11130">
        <v>4</v>
      </c>
      <c r="G11130" t="s">
        <v>14</v>
      </c>
      <c r="H11130" t="s">
        <v>26098</v>
      </c>
      <c r="I11130" t="s">
        <v>30540</v>
      </c>
    </row>
    <row r="11131" spans="1:9">
      <c r="A11131" s="1">
        <v>6.1576733845447151E-2</v>
      </c>
      <c r="B11131" s="1"/>
      <c r="C11131">
        <v>1</v>
      </c>
      <c r="D11131" t="s">
        <v>26091</v>
      </c>
      <c r="E11131" t="s">
        <v>34109</v>
      </c>
      <c r="F11131">
        <v>4</v>
      </c>
      <c r="G11131" t="s">
        <v>2</v>
      </c>
      <c r="H11131" t="s">
        <v>26092</v>
      </c>
      <c r="I11131" t="s">
        <v>30540</v>
      </c>
    </row>
    <row r="11132" spans="1:9">
      <c r="A11132" s="1">
        <v>0.75558266278587838</v>
      </c>
      <c r="B11132" s="1"/>
      <c r="C11132">
        <v>2</v>
      </c>
      <c r="D11132" t="s">
        <v>26081</v>
      </c>
      <c r="E11132" t="s">
        <v>34111</v>
      </c>
      <c r="F11132">
        <v>5</v>
      </c>
      <c r="G11132" t="s">
        <v>9</v>
      </c>
      <c r="H11132" t="s">
        <v>26082</v>
      </c>
      <c r="I11132" t="s">
        <v>30540</v>
      </c>
    </row>
    <row r="11133" spans="1:9">
      <c r="A11133" s="1">
        <v>0.23616388119843823</v>
      </c>
      <c r="B11133" s="1"/>
      <c r="C11133">
        <v>14</v>
      </c>
      <c r="D11133" t="s">
        <v>26085</v>
      </c>
      <c r="E11133" t="s">
        <v>34111</v>
      </c>
      <c r="F11133">
        <v>5</v>
      </c>
      <c r="G11133" t="s">
        <v>14</v>
      </c>
      <c r="H11133" t="s">
        <v>26086</v>
      </c>
      <c r="I11133" t="s">
        <v>30540</v>
      </c>
    </row>
    <row r="11134" spans="1:9">
      <c r="A11134" s="1">
        <v>0.81355355127213558</v>
      </c>
      <c r="B11134" s="1"/>
      <c r="C11134">
        <v>19</v>
      </c>
      <c r="D11134" t="s">
        <v>26087</v>
      </c>
      <c r="E11134" t="s">
        <v>34111</v>
      </c>
      <c r="F11134">
        <v>4</v>
      </c>
      <c r="G11134" t="s">
        <v>14</v>
      </c>
      <c r="H11134" t="s">
        <v>26088</v>
      </c>
      <c r="I11134" t="s">
        <v>30540</v>
      </c>
    </row>
    <row r="11135" spans="1:9">
      <c r="A11135" s="1">
        <v>0.31139825844621338</v>
      </c>
      <c r="B11135" s="1"/>
      <c r="C11135">
        <v>13</v>
      </c>
      <c r="D11135" t="s">
        <v>26083</v>
      </c>
      <c r="E11135" t="s">
        <v>34111</v>
      </c>
      <c r="F11135">
        <v>4</v>
      </c>
      <c r="G11135" t="s">
        <v>14</v>
      </c>
      <c r="H11135" t="s">
        <v>26084</v>
      </c>
      <c r="I11135" t="s">
        <v>30540</v>
      </c>
    </row>
    <row r="11136" spans="1:9">
      <c r="A11136" s="1">
        <v>0.10010522097075247</v>
      </c>
      <c r="B11136" s="1"/>
      <c r="C11136">
        <v>5</v>
      </c>
      <c r="D11136" t="s">
        <v>26071</v>
      </c>
      <c r="E11136" t="s">
        <v>34112</v>
      </c>
      <c r="F11136">
        <v>5</v>
      </c>
      <c r="G11136" t="s">
        <v>2</v>
      </c>
      <c r="H11136" t="s">
        <v>26072</v>
      </c>
      <c r="I11136" t="s">
        <v>30540</v>
      </c>
    </row>
    <row r="11137" spans="1:9">
      <c r="A11137" s="1">
        <v>0.16482143468772992</v>
      </c>
      <c r="B11137" s="1"/>
      <c r="C11137">
        <v>11</v>
      </c>
      <c r="D11137" t="s">
        <v>26075</v>
      </c>
      <c r="E11137" t="s">
        <v>34112</v>
      </c>
      <c r="F11137">
        <v>5</v>
      </c>
      <c r="G11137" t="s">
        <v>14</v>
      </c>
      <c r="H11137" t="s">
        <v>26076</v>
      </c>
      <c r="I11137" t="s">
        <v>30540</v>
      </c>
    </row>
    <row r="11138" spans="1:9">
      <c r="A11138" s="1">
        <v>0.82677393775503605</v>
      </c>
      <c r="B11138" s="1"/>
      <c r="C11138">
        <v>16</v>
      </c>
      <c r="D11138" t="s">
        <v>26077</v>
      </c>
      <c r="E11138" t="s">
        <v>34112</v>
      </c>
      <c r="F11138">
        <v>4</v>
      </c>
      <c r="G11138" t="s">
        <v>14</v>
      </c>
      <c r="H11138" t="s">
        <v>26078</v>
      </c>
      <c r="I11138" t="s">
        <v>30540</v>
      </c>
    </row>
    <row r="11139" spans="1:9">
      <c r="A11139" s="1">
        <v>0.20537665564502572</v>
      </c>
      <c r="B11139" s="1"/>
      <c r="C11139">
        <v>9</v>
      </c>
      <c r="D11139" t="s">
        <v>26073</v>
      </c>
      <c r="E11139" t="s">
        <v>34112</v>
      </c>
      <c r="F11139">
        <v>4</v>
      </c>
      <c r="G11139" t="s">
        <v>14</v>
      </c>
      <c r="H11139" t="s">
        <v>26074</v>
      </c>
      <c r="I11139" t="s">
        <v>30540</v>
      </c>
    </row>
    <row r="11140" spans="1:9">
      <c r="A11140" s="1">
        <v>0.31084712414211835</v>
      </c>
      <c r="B11140" s="1"/>
      <c r="C11140">
        <v>17</v>
      </c>
      <c r="D11140" t="s">
        <v>26079</v>
      </c>
      <c r="E11140" t="s">
        <v>34112</v>
      </c>
      <c r="F11140">
        <v>3</v>
      </c>
      <c r="G11140" t="s">
        <v>14</v>
      </c>
      <c r="H11140" t="s">
        <v>26080</v>
      </c>
      <c r="I11140" t="s">
        <v>30540</v>
      </c>
    </row>
    <row r="11141" spans="1:9">
      <c r="A11141" s="1">
        <v>0.29963545052874918</v>
      </c>
      <c r="B11141" s="1"/>
      <c r="C11141">
        <v>5</v>
      </c>
      <c r="D11141" t="s">
        <v>26065</v>
      </c>
      <c r="E11141" t="s">
        <v>34113</v>
      </c>
      <c r="F11141">
        <v>5</v>
      </c>
      <c r="G11141" t="s">
        <v>9</v>
      </c>
      <c r="H11141" t="s">
        <v>26066</v>
      </c>
      <c r="I11141" t="s">
        <v>30540</v>
      </c>
    </row>
    <row r="11142" spans="1:9">
      <c r="A11142" s="1">
        <v>0.99179551979382485</v>
      </c>
      <c r="B11142" s="1"/>
      <c r="C11142">
        <v>2</v>
      </c>
      <c r="D11142" t="s">
        <v>26063</v>
      </c>
      <c r="E11142" t="s">
        <v>34113</v>
      </c>
      <c r="F11142">
        <v>4</v>
      </c>
      <c r="G11142" t="s">
        <v>10</v>
      </c>
      <c r="H11142" t="s">
        <v>26064</v>
      </c>
      <c r="I11142" t="s">
        <v>30540</v>
      </c>
    </row>
    <row r="11143" spans="1:9">
      <c r="A11143" s="1">
        <v>2.8052072604566325E-2</v>
      </c>
      <c r="B11143" s="1"/>
      <c r="C11143">
        <v>12</v>
      </c>
      <c r="D11143" t="s">
        <v>26069</v>
      </c>
      <c r="E11143" t="s">
        <v>34113</v>
      </c>
      <c r="F11143">
        <v>4</v>
      </c>
      <c r="G11143" t="s">
        <v>14</v>
      </c>
      <c r="H11143" t="s">
        <v>26070</v>
      </c>
      <c r="I11143" t="s">
        <v>30540</v>
      </c>
    </row>
    <row r="11144" spans="1:9">
      <c r="A11144" s="1">
        <v>0.62370743547612806</v>
      </c>
      <c r="B11144" s="1"/>
      <c r="C11144">
        <v>7</v>
      </c>
      <c r="D11144" t="s">
        <v>26067</v>
      </c>
      <c r="E11144" t="s">
        <v>34113</v>
      </c>
      <c r="F11144">
        <v>4</v>
      </c>
      <c r="G11144" t="s">
        <v>14</v>
      </c>
      <c r="H11144" t="s">
        <v>26068</v>
      </c>
      <c r="I11144" t="s">
        <v>30540</v>
      </c>
    </row>
    <row r="11145" spans="1:9">
      <c r="A11145" s="1">
        <v>0.6862750236250138</v>
      </c>
      <c r="B11145" s="1"/>
      <c r="C11145">
        <v>3</v>
      </c>
      <c r="D11145" t="s">
        <v>26059</v>
      </c>
      <c r="E11145" t="s">
        <v>34114</v>
      </c>
      <c r="F11145">
        <v>4</v>
      </c>
      <c r="G11145" t="s">
        <v>10</v>
      </c>
      <c r="H11145" t="s">
        <v>26060</v>
      </c>
      <c r="I11145" t="s">
        <v>30540</v>
      </c>
    </row>
    <row r="11146" spans="1:9">
      <c r="A11146" s="1">
        <v>0.71831793162529711</v>
      </c>
      <c r="B11146" s="1"/>
      <c r="C11146">
        <v>11</v>
      </c>
      <c r="D11146" t="s">
        <v>26061</v>
      </c>
      <c r="E11146" t="s">
        <v>34114</v>
      </c>
      <c r="F11146">
        <v>4</v>
      </c>
      <c r="G11146" t="s">
        <v>1295</v>
      </c>
      <c r="H11146" t="s">
        <v>26062</v>
      </c>
      <c r="I11146" t="s">
        <v>30540</v>
      </c>
    </row>
    <row r="11147" spans="1:9">
      <c r="A11147" s="1">
        <v>0.7733129888037672</v>
      </c>
      <c r="B11147" s="1"/>
      <c r="C11147">
        <v>7</v>
      </c>
      <c r="D11147" t="s">
        <v>26047</v>
      </c>
      <c r="E11147" t="s">
        <v>34115</v>
      </c>
      <c r="F11147">
        <v>5</v>
      </c>
      <c r="G11147" t="s">
        <v>9</v>
      </c>
      <c r="H11147" t="s">
        <v>26048</v>
      </c>
      <c r="I11147" t="s">
        <v>30540</v>
      </c>
    </row>
    <row r="11148" spans="1:9">
      <c r="A11148" s="1">
        <v>0.75241149401569918</v>
      </c>
      <c r="B11148" s="1"/>
      <c r="C11148">
        <v>12</v>
      </c>
      <c r="D11148" t="s">
        <v>26053</v>
      </c>
      <c r="E11148" t="s">
        <v>34115</v>
      </c>
      <c r="F11148">
        <v>5</v>
      </c>
      <c r="G11148" t="s">
        <v>0</v>
      </c>
      <c r="H11148" t="s">
        <v>26054</v>
      </c>
      <c r="I11148" t="s">
        <v>30540</v>
      </c>
    </row>
    <row r="11149" spans="1:9">
      <c r="A11149" s="1">
        <v>0.90510057210184225</v>
      </c>
      <c r="B11149" s="1"/>
      <c r="C11149">
        <v>11</v>
      </c>
      <c r="D11149" t="s">
        <v>26051</v>
      </c>
      <c r="E11149" t="s">
        <v>34115</v>
      </c>
      <c r="F11149">
        <v>4</v>
      </c>
      <c r="G11149" t="s">
        <v>1</v>
      </c>
      <c r="H11149" t="s">
        <v>26052</v>
      </c>
      <c r="I11149" t="s">
        <v>30540</v>
      </c>
    </row>
    <row r="11150" spans="1:9">
      <c r="A11150" s="1">
        <v>0.25151696525250988</v>
      </c>
      <c r="B11150" s="1"/>
      <c r="C11150">
        <v>13</v>
      </c>
      <c r="D11150" t="s">
        <v>26055</v>
      </c>
      <c r="E11150" t="s">
        <v>34115</v>
      </c>
      <c r="F11150">
        <v>3</v>
      </c>
      <c r="G11150" t="s">
        <v>1</v>
      </c>
      <c r="H11150" t="s">
        <v>26056</v>
      </c>
      <c r="I11150" t="s">
        <v>30540</v>
      </c>
    </row>
    <row r="11151" spans="1:9">
      <c r="A11151" s="1">
        <v>0.86302291524422858</v>
      </c>
      <c r="B11151" s="1"/>
      <c r="C11151">
        <v>10</v>
      </c>
      <c r="D11151" t="s">
        <v>26049</v>
      </c>
      <c r="E11151" t="s">
        <v>34115</v>
      </c>
      <c r="F11151">
        <v>3</v>
      </c>
      <c r="G11151" t="s">
        <v>14</v>
      </c>
      <c r="H11151" t="s">
        <v>26050</v>
      </c>
      <c r="I11151" t="s">
        <v>30540</v>
      </c>
    </row>
    <row r="11152" spans="1:9">
      <c r="A11152" s="1">
        <v>0.73997001469145829</v>
      </c>
      <c r="B11152" s="1"/>
      <c r="C11152">
        <v>2</v>
      </c>
      <c r="D11152" t="s">
        <v>26033</v>
      </c>
      <c r="E11152" t="s">
        <v>34116</v>
      </c>
      <c r="F11152">
        <v>4</v>
      </c>
      <c r="G11152" t="s">
        <v>2</v>
      </c>
      <c r="H11152" t="s">
        <v>26034</v>
      </c>
      <c r="I11152" t="s">
        <v>30540</v>
      </c>
    </row>
    <row r="11153" spans="1:9">
      <c r="A11153" s="1">
        <v>7.8894098111933375E-2</v>
      </c>
      <c r="B11153" s="1"/>
      <c r="C11153">
        <v>14</v>
      </c>
      <c r="D11153" t="s">
        <v>26039</v>
      </c>
      <c r="E11153" t="s">
        <v>34116</v>
      </c>
      <c r="F11153">
        <v>4</v>
      </c>
      <c r="G11153" t="s">
        <v>9</v>
      </c>
      <c r="H11153" t="s">
        <v>26040</v>
      </c>
      <c r="I11153" t="s">
        <v>30540</v>
      </c>
    </row>
    <row r="11154" spans="1:9">
      <c r="A11154" s="1">
        <v>0.55088866345830878</v>
      </c>
      <c r="B11154" s="1"/>
      <c r="C11154">
        <v>13</v>
      </c>
      <c r="D11154" t="s">
        <v>26029</v>
      </c>
      <c r="E11154" t="s">
        <v>34117</v>
      </c>
      <c r="F11154">
        <v>4</v>
      </c>
      <c r="G11154" t="s">
        <v>14</v>
      </c>
      <c r="H11154" t="s">
        <v>26030</v>
      </c>
      <c r="I11154" t="s">
        <v>30540</v>
      </c>
    </row>
    <row r="11155" spans="1:9">
      <c r="A11155" s="1">
        <v>5.5046700910383994E-2</v>
      </c>
      <c r="B11155" s="1"/>
      <c r="C11155">
        <v>11</v>
      </c>
      <c r="D11155" t="s">
        <v>26023</v>
      </c>
      <c r="E11155" t="s">
        <v>34118</v>
      </c>
      <c r="F11155">
        <v>3</v>
      </c>
      <c r="G11155" t="s">
        <v>10</v>
      </c>
      <c r="H11155" t="s">
        <v>26024</v>
      </c>
      <c r="I11155" t="s">
        <v>30540</v>
      </c>
    </row>
    <row r="11156" spans="1:9">
      <c r="A11156" s="1">
        <v>0.91842121245950892</v>
      </c>
      <c r="B11156" s="1"/>
      <c r="C11156">
        <v>7</v>
      </c>
      <c r="D11156" t="s">
        <v>26015</v>
      </c>
      <c r="E11156" t="s">
        <v>34119</v>
      </c>
      <c r="F11156">
        <v>4</v>
      </c>
      <c r="G11156" t="s">
        <v>3732</v>
      </c>
      <c r="H11156" t="s">
        <v>26016</v>
      </c>
      <c r="I11156" t="s">
        <v>30540</v>
      </c>
    </row>
    <row r="11157" spans="1:9">
      <c r="A11157" s="1">
        <v>0.6948371678622739</v>
      </c>
      <c r="B11157" s="1"/>
      <c r="C11157">
        <v>6</v>
      </c>
      <c r="D11157" t="s">
        <v>26013</v>
      </c>
      <c r="E11157" t="s">
        <v>34119</v>
      </c>
      <c r="F11157">
        <v>4</v>
      </c>
      <c r="G11157" t="s">
        <v>14</v>
      </c>
      <c r="H11157" t="s">
        <v>26014</v>
      </c>
      <c r="I11157" t="s">
        <v>30540</v>
      </c>
    </row>
    <row r="11158" spans="1:9">
      <c r="A11158" s="1">
        <v>0.54187453560756205</v>
      </c>
      <c r="B11158" s="1"/>
      <c r="C11158">
        <v>19</v>
      </c>
      <c r="D11158" t="s">
        <v>26017</v>
      </c>
      <c r="E11158" t="s">
        <v>34119</v>
      </c>
      <c r="F11158">
        <v>4</v>
      </c>
      <c r="G11158" t="s">
        <v>3107</v>
      </c>
      <c r="H11158" t="s">
        <v>26018</v>
      </c>
      <c r="I11158" t="s">
        <v>30540</v>
      </c>
    </row>
    <row r="11159" spans="1:9">
      <c r="A11159" s="1">
        <v>0.61320701347061524</v>
      </c>
      <c r="B11159" s="1"/>
      <c r="C11159">
        <v>14</v>
      </c>
      <c r="D11159" t="s">
        <v>26007</v>
      </c>
      <c r="E11159" t="s">
        <v>34121</v>
      </c>
      <c r="F11159">
        <v>4</v>
      </c>
      <c r="G11159" t="s">
        <v>14</v>
      </c>
      <c r="H11159" t="s">
        <v>26008</v>
      </c>
      <c r="I11159" t="s">
        <v>30540</v>
      </c>
    </row>
    <row r="11160" spans="1:9">
      <c r="A11160" s="1">
        <v>0.23488805334317631</v>
      </c>
      <c r="B11160" s="1"/>
      <c r="C11160">
        <v>13</v>
      </c>
      <c r="D11160" t="s">
        <v>26005</v>
      </c>
      <c r="E11160" t="s">
        <v>34122</v>
      </c>
      <c r="F11160">
        <v>3</v>
      </c>
      <c r="G11160" t="s">
        <v>14</v>
      </c>
      <c r="H11160" t="s">
        <v>26006</v>
      </c>
      <c r="I11160" t="s">
        <v>30540</v>
      </c>
    </row>
    <row r="11161" spans="1:9">
      <c r="A11161" s="1">
        <v>0.24336264389889961</v>
      </c>
      <c r="B11161" s="1"/>
      <c r="C11161">
        <v>4</v>
      </c>
      <c r="D11161" t="s">
        <v>25995</v>
      </c>
      <c r="E11161" t="s">
        <v>34123</v>
      </c>
      <c r="F11161">
        <v>4</v>
      </c>
      <c r="G11161" t="s">
        <v>9</v>
      </c>
      <c r="H11161" t="s">
        <v>25996</v>
      </c>
      <c r="I11161" t="s">
        <v>30540</v>
      </c>
    </row>
    <row r="11162" spans="1:9">
      <c r="A11162" s="1">
        <v>0.38484427504112573</v>
      </c>
      <c r="B11162" s="1"/>
      <c r="C11162">
        <v>7</v>
      </c>
      <c r="D11162" t="s">
        <v>25997</v>
      </c>
      <c r="E11162" t="s">
        <v>34123</v>
      </c>
      <c r="F11162">
        <v>3</v>
      </c>
      <c r="G11162" t="s">
        <v>14</v>
      </c>
      <c r="H11162" t="s">
        <v>25998</v>
      </c>
      <c r="I11162" t="s">
        <v>30540</v>
      </c>
    </row>
    <row r="11163" spans="1:9">
      <c r="A11163" s="1">
        <v>0.31124063012569492</v>
      </c>
      <c r="B11163" s="1"/>
      <c r="C11163">
        <v>19</v>
      </c>
      <c r="D11163" t="s">
        <v>26003</v>
      </c>
      <c r="E11163" t="s">
        <v>34123</v>
      </c>
      <c r="F11163">
        <v>3</v>
      </c>
      <c r="G11163" t="s">
        <v>14</v>
      </c>
      <c r="H11163" t="s">
        <v>26004</v>
      </c>
      <c r="I11163" t="s">
        <v>30540</v>
      </c>
    </row>
    <row r="11164" spans="1:9">
      <c r="A11164" s="1">
        <v>0.3852824055240669</v>
      </c>
      <c r="B11164" s="1"/>
      <c r="C11164">
        <v>14</v>
      </c>
      <c r="D11164" t="s">
        <v>25991</v>
      </c>
      <c r="E11164" t="s">
        <v>34124</v>
      </c>
      <c r="F11164">
        <v>4</v>
      </c>
      <c r="G11164" t="s">
        <v>14</v>
      </c>
      <c r="H11164" t="s">
        <v>25992</v>
      </c>
      <c r="I11164" t="s">
        <v>30540</v>
      </c>
    </row>
    <row r="11165" spans="1:9">
      <c r="A11165" s="1">
        <v>5.6826276417799249E-2</v>
      </c>
      <c r="B11165" s="1"/>
      <c r="C11165">
        <v>10</v>
      </c>
      <c r="D11165" t="s">
        <v>25989</v>
      </c>
      <c r="E11165" t="s">
        <v>34124</v>
      </c>
      <c r="F11165">
        <v>4</v>
      </c>
      <c r="G11165" t="s">
        <v>14</v>
      </c>
      <c r="H11165" t="s">
        <v>25990</v>
      </c>
      <c r="I11165" t="s">
        <v>30540</v>
      </c>
    </row>
    <row r="11166" spans="1:9">
      <c r="A11166" s="1">
        <v>0.84344606458137061</v>
      </c>
      <c r="B11166" s="1"/>
      <c r="C11166">
        <v>19</v>
      </c>
      <c r="D11166" t="s">
        <v>25993</v>
      </c>
      <c r="E11166" t="s">
        <v>34124</v>
      </c>
      <c r="F11166">
        <v>3</v>
      </c>
      <c r="G11166" t="s">
        <v>1295</v>
      </c>
      <c r="H11166" t="s">
        <v>25994</v>
      </c>
      <c r="I11166" t="s">
        <v>30540</v>
      </c>
    </row>
    <row r="11167" spans="1:9">
      <c r="A11167" s="1">
        <v>0.96529300732483014</v>
      </c>
      <c r="B11167" s="1"/>
      <c r="C11167">
        <v>6</v>
      </c>
      <c r="D11167" t="s">
        <v>25981</v>
      </c>
      <c r="E11167" t="s">
        <v>34125</v>
      </c>
      <c r="F11167">
        <v>5</v>
      </c>
      <c r="G11167" t="s">
        <v>14</v>
      </c>
      <c r="H11167" t="s">
        <v>25982</v>
      </c>
      <c r="I11167" t="s">
        <v>30540</v>
      </c>
    </row>
    <row r="11168" spans="1:9">
      <c r="A11168" s="1">
        <v>0.33235251300649105</v>
      </c>
      <c r="B11168" s="1"/>
      <c r="C11168">
        <v>11</v>
      </c>
      <c r="D11168" t="s">
        <v>25983</v>
      </c>
      <c r="E11168" t="s">
        <v>34125</v>
      </c>
      <c r="F11168">
        <v>4</v>
      </c>
      <c r="G11168" t="s">
        <v>0</v>
      </c>
      <c r="H11168" t="s">
        <v>25984</v>
      </c>
      <c r="I11168" t="s">
        <v>30540</v>
      </c>
    </row>
    <row r="11169" spans="1:9">
      <c r="A11169" s="1">
        <v>3.7611523600323493E-2</v>
      </c>
      <c r="B11169" s="1"/>
      <c r="C11169">
        <v>19</v>
      </c>
      <c r="D11169" t="s">
        <v>25987</v>
      </c>
      <c r="E11169" t="s">
        <v>34125</v>
      </c>
      <c r="F11169">
        <v>4</v>
      </c>
      <c r="G11169" t="s">
        <v>9</v>
      </c>
      <c r="H11169" t="s">
        <v>25988</v>
      </c>
      <c r="I11169" t="s">
        <v>30540</v>
      </c>
    </row>
    <row r="11170" spans="1:9">
      <c r="A11170" s="1">
        <v>4.9221200767658901E-2</v>
      </c>
      <c r="B11170" s="1"/>
      <c r="C11170">
        <v>14</v>
      </c>
      <c r="D11170" t="s">
        <v>25985</v>
      </c>
      <c r="E11170" t="s">
        <v>34125</v>
      </c>
      <c r="F11170">
        <v>3</v>
      </c>
      <c r="G11170" t="s">
        <v>14</v>
      </c>
      <c r="H11170" t="s">
        <v>25986</v>
      </c>
      <c r="I11170" t="s">
        <v>30540</v>
      </c>
    </row>
    <row r="11171" spans="1:9">
      <c r="A11171" s="1">
        <v>0.3116295096270828</v>
      </c>
      <c r="B11171" s="1"/>
      <c r="C11171">
        <v>4</v>
      </c>
      <c r="D11171" t="s">
        <v>25967</v>
      </c>
      <c r="E11171" t="s">
        <v>34126</v>
      </c>
      <c r="F11171">
        <v>5</v>
      </c>
      <c r="G11171" t="s">
        <v>9</v>
      </c>
      <c r="H11171" t="s">
        <v>25968</v>
      </c>
      <c r="I11171" t="s">
        <v>30540</v>
      </c>
    </row>
    <row r="11172" spans="1:9">
      <c r="A11172" s="1">
        <v>0.60802158567036513</v>
      </c>
      <c r="B11172" s="1"/>
      <c r="C11172">
        <v>16</v>
      </c>
      <c r="D11172" t="s">
        <v>25975</v>
      </c>
      <c r="E11172" t="s">
        <v>34126</v>
      </c>
      <c r="F11172">
        <v>4</v>
      </c>
      <c r="G11172" t="s">
        <v>14</v>
      </c>
      <c r="H11172" t="s">
        <v>25976</v>
      </c>
      <c r="I11172" t="s">
        <v>30540</v>
      </c>
    </row>
    <row r="11173" spans="1:9">
      <c r="A11173" s="1">
        <v>0.6259939427451886</v>
      </c>
      <c r="B11173" s="1"/>
      <c r="C11173">
        <v>13</v>
      </c>
      <c r="D11173" t="s">
        <v>25973</v>
      </c>
      <c r="E11173" t="s">
        <v>34126</v>
      </c>
      <c r="F11173">
        <v>4</v>
      </c>
      <c r="G11173" t="s">
        <v>1</v>
      </c>
      <c r="H11173" t="s">
        <v>25974</v>
      </c>
      <c r="I11173" t="s">
        <v>30540</v>
      </c>
    </row>
    <row r="11174" spans="1:9">
      <c r="A11174" s="1">
        <v>6.1702916362774363E-2</v>
      </c>
      <c r="B11174" s="1"/>
      <c r="C11174">
        <v>17</v>
      </c>
      <c r="D11174" t="s">
        <v>25977</v>
      </c>
      <c r="E11174" t="s">
        <v>34126</v>
      </c>
      <c r="F11174">
        <v>4</v>
      </c>
      <c r="G11174" t="s">
        <v>13</v>
      </c>
      <c r="H11174" t="s">
        <v>25978</v>
      </c>
      <c r="I11174" t="s">
        <v>30540</v>
      </c>
    </row>
    <row r="11175" spans="1:9">
      <c r="A11175" s="1">
        <v>0.49838030899567121</v>
      </c>
      <c r="B11175" s="1"/>
      <c r="C11175">
        <v>8</v>
      </c>
      <c r="D11175" t="s">
        <v>25965</v>
      </c>
      <c r="E11175" t="s">
        <v>34127</v>
      </c>
      <c r="F11175">
        <v>4</v>
      </c>
      <c r="G11175" t="s">
        <v>15</v>
      </c>
      <c r="H11175" t="s">
        <v>25966</v>
      </c>
      <c r="I11175" t="s">
        <v>30540</v>
      </c>
    </row>
    <row r="11176" spans="1:9">
      <c r="A11176" s="1">
        <v>0.10628120530667251</v>
      </c>
      <c r="B11176" s="1"/>
      <c r="C11176">
        <v>5</v>
      </c>
      <c r="D11176" t="s">
        <v>25963</v>
      </c>
      <c r="E11176" t="s">
        <v>34127</v>
      </c>
      <c r="F11176">
        <v>4</v>
      </c>
      <c r="G11176" t="s">
        <v>9</v>
      </c>
      <c r="H11176" t="s">
        <v>25964</v>
      </c>
      <c r="I11176" t="s">
        <v>30540</v>
      </c>
    </row>
    <row r="11177" spans="1:9">
      <c r="A11177" s="1">
        <v>0.70194046413545308</v>
      </c>
      <c r="B11177" s="1"/>
      <c r="C11177">
        <v>3</v>
      </c>
      <c r="D11177" t="s">
        <v>25959</v>
      </c>
      <c r="E11177" t="s">
        <v>34127</v>
      </c>
      <c r="F11177">
        <v>3</v>
      </c>
      <c r="G11177" t="s">
        <v>2</v>
      </c>
      <c r="H11177" t="s">
        <v>25960</v>
      </c>
      <c r="I11177" t="s">
        <v>30540</v>
      </c>
    </row>
    <row r="11178" spans="1:9">
      <c r="A11178" s="1">
        <v>0.61362339122868992</v>
      </c>
      <c r="B11178" s="1"/>
      <c r="C11178">
        <v>9</v>
      </c>
      <c r="D11178" t="s">
        <v>25951</v>
      </c>
      <c r="E11178" t="s">
        <v>34128</v>
      </c>
      <c r="F11178">
        <v>5</v>
      </c>
      <c r="G11178" t="s">
        <v>14</v>
      </c>
      <c r="H11178" t="s">
        <v>25952</v>
      </c>
      <c r="I11178" t="s">
        <v>30540</v>
      </c>
    </row>
    <row r="11179" spans="1:9">
      <c r="A11179" s="1">
        <v>0.17573509657656605</v>
      </c>
      <c r="B11179" s="1"/>
      <c r="C11179">
        <v>2</v>
      </c>
      <c r="D11179" t="s">
        <v>25947</v>
      </c>
      <c r="E11179" t="s">
        <v>34128</v>
      </c>
      <c r="F11179">
        <v>5</v>
      </c>
      <c r="G11179" t="s">
        <v>1</v>
      </c>
      <c r="H11179" t="s">
        <v>25948</v>
      </c>
      <c r="I11179" t="s">
        <v>30540</v>
      </c>
    </row>
    <row r="11180" spans="1:9">
      <c r="A11180" s="1">
        <v>0.84500750630869348</v>
      </c>
      <c r="B11180" s="1"/>
      <c r="C11180">
        <v>13</v>
      </c>
      <c r="D11180" t="s">
        <v>25955</v>
      </c>
      <c r="E11180" t="s">
        <v>34128</v>
      </c>
      <c r="F11180">
        <v>5</v>
      </c>
      <c r="G11180" t="s">
        <v>14</v>
      </c>
      <c r="H11180" t="s">
        <v>25956</v>
      </c>
      <c r="I11180" t="s">
        <v>30540</v>
      </c>
    </row>
    <row r="11181" spans="1:9">
      <c r="A11181" s="1">
        <v>0.80946511926737463</v>
      </c>
      <c r="B11181" s="1"/>
      <c r="C11181">
        <v>10</v>
      </c>
      <c r="D11181" t="s">
        <v>25953</v>
      </c>
      <c r="E11181" t="s">
        <v>34128</v>
      </c>
      <c r="F11181">
        <v>4</v>
      </c>
      <c r="G11181" t="s">
        <v>14</v>
      </c>
      <c r="H11181" t="s">
        <v>25954</v>
      </c>
      <c r="I11181" t="s">
        <v>30540</v>
      </c>
    </row>
    <row r="11182" spans="1:9">
      <c r="A11182" s="1">
        <v>1.1226631610815052E-2</v>
      </c>
      <c r="B11182" s="1"/>
      <c r="C11182">
        <v>19</v>
      </c>
      <c r="D11182" t="s">
        <v>25957</v>
      </c>
      <c r="E11182" t="s">
        <v>34128</v>
      </c>
      <c r="F11182">
        <v>4</v>
      </c>
      <c r="G11182" t="s">
        <v>1</v>
      </c>
      <c r="H11182" t="s">
        <v>25958</v>
      </c>
      <c r="I11182" t="s">
        <v>30540</v>
      </c>
    </row>
    <row r="11183" spans="1:9">
      <c r="A11183" s="1">
        <v>0.10078563802337137</v>
      </c>
      <c r="B11183" s="1"/>
      <c r="C11183">
        <v>7</v>
      </c>
      <c r="D11183" t="s">
        <v>25949</v>
      </c>
      <c r="E11183" t="s">
        <v>34128</v>
      </c>
      <c r="F11183">
        <v>4</v>
      </c>
      <c r="G11183" t="s">
        <v>14</v>
      </c>
      <c r="H11183" t="s">
        <v>25950</v>
      </c>
      <c r="I11183" t="s">
        <v>30540</v>
      </c>
    </row>
    <row r="11184" spans="1:9">
      <c r="A11184" s="1">
        <v>1.7767798030609128E-2</v>
      </c>
      <c r="B11184" s="1"/>
      <c r="C11184">
        <v>15</v>
      </c>
      <c r="D11184" t="s">
        <v>25943</v>
      </c>
      <c r="E11184" t="s">
        <v>34129</v>
      </c>
      <c r="F11184">
        <v>4</v>
      </c>
      <c r="G11184" t="s">
        <v>771</v>
      </c>
      <c r="H11184" t="s">
        <v>25944</v>
      </c>
      <c r="I11184" t="s">
        <v>30540</v>
      </c>
    </row>
    <row r="11185" spans="1:9">
      <c r="A11185" s="1">
        <v>9.1929893030925691E-2</v>
      </c>
      <c r="B11185" s="1"/>
      <c r="C11185">
        <v>20</v>
      </c>
      <c r="D11185" t="s">
        <v>25945</v>
      </c>
      <c r="E11185" t="s">
        <v>34129</v>
      </c>
      <c r="F11185">
        <v>4</v>
      </c>
      <c r="G11185" t="s">
        <v>2</v>
      </c>
      <c r="H11185" t="s">
        <v>25946</v>
      </c>
      <c r="I11185" t="s">
        <v>30540</v>
      </c>
    </row>
    <row r="11186" spans="1:9">
      <c r="A11186" s="1">
        <v>0.92923594022014822</v>
      </c>
      <c r="B11186" s="1"/>
      <c r="C11186">
        <v>14</v>
      </c>
      <c r="D11186" t="s">
        <v>25941</v>
      </c>
      <c r="E11186" t="s">
        <v>34130</v>
      </c>
      <c r="F11186">
        <v>5</v>
      </c>
      <c r="G11186" t="s">
        <v>13</v>
      </c>
      <c r="H11186" t="s">
        <v>25942</v>
      </c>
      <c r="I11186" t="s">
        <v>30540</v>
      </c>
    </row>
    <row r="11187" spans="1:9">
      <c r="A11187" s="1">
        <v>0.41813499643376439</v>
      </c>
      <c r="B11187" s="1"/>
      <c r="C11187">
        <v>4</v>
      </c>
      <c r="D11187" t="s">
        <v>25933</v>
      </c>
      <c r="E11187" t="s">
        <v>34130</v>
      </c>
      <c r="F11187">
        <v>4</v>
      </c>
      <c r="G11187" t="s">
        <v>14</v>
      </c>
      <c r="H11187" t="s">
        <v>25934</v>
      </c>
      <c r="I11187" t="s">
        <v>30540</v>
      </c>
    </row>
    <row r="11188" spans="1:9">
      <c r="A11188" s="1">
        <v>0.80337496849484524</v>
      </c>
      <c r="B11188" s="1"/>
      <c r="C11188">
        <v>7</v>
      </c>
      <c r="D11188" t="s">
        <v>25935</v>
      </c>
      <c r="E11188" t="s">
        <v>34130</v>
      </c>
      <c r="F11188">
        <v>4</v>
      </c>
      <c r="G11188" t="s">
        <v>10</v>
      </c>
      <c r="H11188" t="s">
        <v>25936</v>
      </c>
      <c r="I11188" t="s">
        <v>30540</v>
      </c>
    </row>
    <row r="11189" spans="1:9">
      <c r="A11189" s="1">
        <v>0.62492643030367467</v>
      </c>
      <c r="B11189" s="1"/>
      <c r="C11189">
        <v>1</v>
      </c>
      <c r="D11189" t="s">
        <v>25931</v>
      </c>
      <c r="E11189" t="s">
        <v>34130</v>
      </c>
      <c r="F11189">
        <v>4</v>
      </c>
      <c r="G11189" t="s">
        <v>10</v>
      </c>
      <c r="H11189" t="s">
        <v>25932</v>
      </c>
      <c r="I11189" t="s">
        <v>30540</v>
      </c>
    </row>
    <row r="11190" spans="1:9">
      <c r="A11190" s="1">
        <v>0.37606658038315988</v>
      </c>
      <c r="B11190" s="1"/>
      <c r="C11190">
        <v>9</v>
      </c>
      <c r="D11190" t="s">
        <v>25937</v>
      </c>
      <c r="E11190" t="s">
        <v>34130</v>
      </c>
      <c r="F11190">
        <v>3</v>
      </c>
      <c r="G11190" t="s">
        <v>14</v>
      </c>
      <c r="H11190" t="s">
        <v>25938</v>
      </c>
      <c r="I11190" t="s">
        <v>30540</v>
      </c>
    </row>
    <row r="11191" spans="1:9">
      <c r="A11191" s="1">
        <v>6.4660038425591315E-2</v>
      </c>
      <c r="B11191" s="1"/>
      <c r="C11191">
        <v>13</v>
      </c>
      <c r="D11191" t="s">
        <v>25939</v>
      </c>
      <c r="E11191" t="s">
        <v>34130</v>
      </c>
      <c r="F11191">
        <v>3</v>
      </c>
      <c r="G11191" t="s">
        <v>14</v>
      </c>
      <c r="H11191" t="s">
        <v>25940</v>
      </c>
      <c r="I11191" t="s">
        <v>30540</v>
      </c>
    </row>
    <row r="11192" spans="1:9">
      <c r="A11192" s="1">
        <v>0.21410717633682796</v>
      </c>
      <c r="B11192" s="1"/>
      <c r="C11192">
        <v>4</v>
      </c>
      <c r="D11192" t="s">
        <v>25919</v>
      </c>
      <c r="E11192" t="s">
        <v>34131</v>
      </c>
      <c r="F11192">
        <v>5</v>
      </c>
      <c r="G11192" t="s">
        <v>9</v>
      </c>
      <c r="H11192" t="s">
        <v>25920</v>
      </c>
      <c r="I11192" t="s">
        <v>30540</v>
      </c>
    </row>
    <row r="11193" spans="1:9">
      <c r="A11193" s="1">
        <v>0.24520444137873942</v>
      </c>
      <c r="B11193" s="1"/>
      <c r="C11193">
        <v>13</v>
      </c>
      <c r="D11193" t="s">
        <v>25925</v>
      </c>
      <c r="E11193" t="s">
        <v>34131</v>
      </c>
      <c r="F11193">
        <v>5</v>
      </c>
      <c r="G11193" t="s">
        <v>14</v>
      </c>
      <c r="H11193" t="s">
        <v>25926</v>
      </c>
      <c r="I11193" t="s">
        <v>30540</v>
      </c>
    </row>
    <row r="11194" spans="1:9">
      <c r="A11194" s="1">
        <v>0.623382646689426</v>
      </c>
      <c r="B11194" s="1"/>
      <c r="C11194">
        <v>20</v>
      </c>
      <c r="D11194" t="s">
        <v>25929</v>
      </c>
      <c r="E11194" t="s">
        <v>34131</v>
      </c>
      <c r="F11194">
        <v>5</v>
      </c>
      <c r="G11194" t="s">
        <v>14</v>
      </c>
      <c r="H11194" t="s">
        <v>25930</v>
      </c>
      <c r="I11194" t="s">
        <v>30540</v>
      </c>
    </row>
    <row r="11195" spans="1:9">
      <c r="A11195" s="1">
        <v>0.37104407140868823</v>
      </c>
      <c r="B11195" s="1"/>
      <c r="C11195">
        <v>7</v>
      </c>
      <c r="D11195" t="s">
        <v>25921</v>
      </c>
      <c r="E11195" t="s">
        <v>34131</v>
      </c>
      <c r="F11195">
        <v>5</v>
      </c>
      <c r="G11195" t="s">
        <v>15</v>
      </c>
      <c r="H11195" t="s">
        <v>25922</v>
      </c>
      <c r="I11195" t="s">
        <v>30540</v>
      </c>
    </row>
    <row r="11196" spans="1:9">
      <c r="A11196" s="1">
        <v>0.97331434825133711</v>
      </c>
      <c r="B11196" s="1"/>
      <c r="C11196">
        <v>10</v>
      </c>
      <c r="D11196" t="s">
        <v>25923</v>
      </c>
      <c r="E11196" t="s">
        <v>34131</v>
      </c>
      <c r="F11196">
        <v>4</v>
      </c>
      <c r="G11196" t="s">
        <v>14</v>
      </c>
      <c r="H11196" t="s">
        <v>25924</v>
      </c>
      <c r="I11196" t="s">
        <v>30540</v>
      </c>
    </row>
    <row r="11197" spans="1:9">
      <c r="A11197" s="1">
        <v>0.18486485680475673</v>
      </c>
      <c r="B11197" s="1"/>
      <c r="C11197">
        <v>4</v>
      </c>
      <c r="D11197" t="s">
        <v>25911</v>
      </c>
      <c r="E11197" t="s">
        <v>34132</v>
      </c>
      <c r="F11197">
        <v>5</v>
      </c>
      <c r="G11197" t="s">
        <v>14</v>
      </c>
      <c r="H11197" t="s">
        <v>25912</v>
      </c>
      <c r="I11197" t="s">
        <v>30540</v>
      </c>
    </row>
    <row r="11198" spans="1:9">
      <c r="A11198" s="1">
        <v>0.5505089617369151</v>
      </c>
      <c r="B11198" s="1"/>
      <c r="C11198">
        <v>6</v>
      </c>
      <c r="D11198" t="s">
        <v>25913</v>
      </c>
      <c r="E11198" t="s">
        <v>34132</v>
      </c>
      <c r="F11198">
        <v>4</v>
      </c>
      <c r="G11198" t="s">
        <v>14</v>
      </c>
      <c r="H11198" t="s">
        <v>25914</v>
      </c>
      <c r="I11198" t="s">
        <v>30540</v>
      </c>
    </row>
    <row r="11199" spans="1:9">
      <c r="A11199" s="1">
        <v>0.96129760562026723</v>
      </c>
      <c r="B11199" s="1"/>
      <c r="C11199">
        <v>12</v>
      </c>
      <c r="D11199" t="s">
        <v>25917</v>
      </c>
      <c r="E11199" t="s">
        <v>34132</v>
      </c>
      <c r="F11199">
        <v>4</v>
      </c>
      <c r="G11199" t="s">
        <v>0</v>
      </c>
      <c r="H11199" t="s">
        <v>25918</v>
      </c>
      <c r="I11199" t="s">
        <v>30540</v>
      </c>
    </row>
    <row r="11200" spans="1:9">
      <c r="A11200" s="1">
        <v>0.24590920259007054</v>
      </c>
      <c r="B11200" s="1"/>
      <c r="C11200">
        <v>11</v>
      </c>
      <c r="D11200" t="s">
        <v>25903</v>
      </c>
      <c r="E11200" t="s">
        <v>34133</v>
      </c>
      <c r="F11200">
        <v>4</v>
      </c>
      <c r="G11200" t="s">
        <v>14</v>
      </c>
      <c r="H11200" t="s">
        <v>25904</v>
      </c>
      <c r="I11200" t="s">
        <v>30540</v>
      </c>
    </row>
    <row r="11201" spans="1:9">
      <c r="A11201" s="1">
        <v>0.81234210074314672</v>
      </c>
      <c r="B11201" s="1"/>
      <c r="C11201">
        <v>15</v>
      </c>
      <c r="D11201" t="s">
        <v>25907</v>
      </c>
      <c r="E11201" t="s">
        <v>34133</v>
      </c>
      <c r="F11201">
        <v>4</v>
      </c>
      <c r="G11201" t="s">
        <v>14</v>
      </c>
      <c r="H11201" t="s">
        <v>25908</v>
      </c>
      <c r="I11201" t="s">
        <v>30540</v>
      </c>
    </row>
    <row r="11202" spans="1:9">
      <c r="A11202" s="1">
        <v>0.96682584047486697</v>
      </c>
      <c r="B11202" s="1"/>
      <c r="C11202">
        <v>3</v>
      </c>
      <c r="D11202" t="s">
        <v>25901</v>
      </c>
      <c r="E11202" t="s">
        <v>34134</v>
      </c>
      <c r="F11202">
        <v>4</v>
      </c>
      <c r="G11202" t="s">
        <v>762</v>
      </c>
      <c r="H11202" t="s">
        <v>25902</v>
      </c>
      <c r="I11202" t="s">
        <v>30540</v>
      </c>
    </row>
    <row r="11203" spans="1:9">
      <c r="A11203" s="1">
        <v>0.48005948084785621</v>
      </c>
      <c r="B11203" s="1"/>
      <c r="C11203">
        <v>16</v>
      </c>
      <c r="D11203" t="s">
        <v>25899</v>
      </c>
      <c r="E11203" t="s">
        <v>34135</v>
      </c>
      <c r="F11203">
        <v>5</v>
      </c>
      <c r="G11203" t="s">
        <v>14</v>
      </c>
      <c r="H11203" t="s">
        <v>25900</v>
      </c>
      <c r="I11203" t="s">
        <v>30540</v>
      </c>
    </row>
    <row r="11204" spans="1:9">
      <c r="A11204" s="1">
        <v>0.76284308855536542</v>
      </c>
      <c r="B11204" s="1"/>
      <c r="C11204">
        <v>10</v>
      </c>
      <c r="D11204" t="s">
        <v>25897</v>
      </c>
      <c r="E11204" t="s">
        <v>34135</v>
      </c>
      <c r="F11204">
        <v>4</v>
      </c>
      <c r="G11204" t="s">
        <v>14</v>
      </c>
      <c r="H11204" t="s">
        <v>25898</v>
      </c>
      <c r="I11204" t="s">
        <v>30540</v>
      </c>
    </row>
    <row r="11205" spans="1:9">
      <c r="A11205" s="1">
        <v>0.60819275302844455</v>
      </c>
      <c r="B11205" s="1"/>
      <c r="C11205">
        <v>9</v>
      </c>
      <c r="D11205" t="s">
        <v>25895</v>
      </c>
      <c r="E11205" t="s">
        <v>34135</v>
      </c>
      <c r="F11205">
        <v>4</v>
      </c>
      <c r="G11205" t="s">
        <v>2</v>
      </c>
      <c r="H11205" t="s">
        <v>25896</v>
      </c>
      <c r="I11205" t="s">
        <v>30540</v>
      </c>
    </row>
    <row r="11206" spans="1:9">
      <c r="A11206" s="1">
        <v>0.80821042325261105</v>
      </c>
      <c r="B11206" s="1"/>
      <c r="C11206">
        <v>12</v>
      </c>
      <c r="D11206" t="s">
        <v>25889</v>
      </c>
      <c r="E11206" t="s">
        <v>34136</v>
      </c>
      <c r="F11206">
        <v>5</v>
      </c>
      <c r="G11206" t="s">
        <v>14</v>
      </c>
      <c r="H11206" t="s">
        <v>25890</v>
      </c>
      <c r="I11206" t="s">
        <v>30540</v>
      </c>
    </row>
    <row r="11207" spans="1:9">
      <c r="A11207" s="1">
        <v>0.47012939727441705</v>
      </c>
      <c r="B11207" s="1"/>
      <c r="C11207">
        <v>14</v>
      </c>
      <c r="D11207" t="s">
        <v>25893</v>
      </c>
      <c r="E11207" t="s">
        <v>34136</v>
      </c>
      <c r="F11207">
        <v>5</v>
      </c>
      <c r="G11207" t="s">
        <v>14</v>
      </c>
      <c r="H11207" t="s">
        <v>25894</v>
      </c>
      <c r="I11207" t="s">
        <v>30540</v>
      </c>
    </row>
    <row r="11208" spans="1:9">
      <c r="A11208" s="1">
        <v>0.74362926604888058</v>
      </c>
      <c r="B11208" s="1"/>
      <c r="C11208">
        <v>11</v>
      </c>
      <c r="D11208" t="s">
        <v>25887</v>
      </c>
      <c r="E11208" t="s">
        <v>34136</v>
      </c>
      <c r="F11208">
        <v>4</v>
      </c>
      <c r="G11208" t="s">
        <v>14</v>
      </c>
      <c r="H11208" t="s">
        <v>25888</v>
      </c>
      <c r="I11208" t="s">
        <v>30540</v>
      </c>
    </row>
    <row r="11209" spans="1:9">
      <c r="A11209" s="1">
        <v>0.29689239658884936</v>
      </c>
      <c r="B11209" s="1"/>
      <c r="C11209">
        <v>8</v>
      </c>
      <c r="D11209" t="s">
        <v>25879</v>
      </c>
      <c r="E11209" t="s">
        <v>34137</v>
      </c>
      <c r="F11209">
        <v>5</v>
      </c>
      <c r="G11209" t="s">
        <v>14</v>
      </c>
      <c r="H11209" t="s">
        <v>25880</v>
      </c>
      <c r="I11209" t="s">
        <v>30540</v>
      </c>
    </row>
    <row r="11210" spans="1:9">
      <c r="A11210" s="1">
        <v>0.43959919562605543</v>
      </c>
      <c r="B11210" s="1"/>
      <c r="C11210">
        <v>10</v>
      </c>
      <c r="D11210" t="s">
        <v>25883</v>
      </c>
      <c r="E11210" t="s">
        <v>34137</v>
      </c>
      <c r="F11210">
        <v>4</v>
      </c>
      <c r="G11210" t="s">
        <v>14</v>
      </c>
      <c r="H11210" t="s">
        <v>25884</v>
      </c>
      <c r="I11210" t="s">
        <v>30540</v>
      </c>
    </row>
    <row r="11211" spans="1:9">
      <c r="A11211" s="1">
        <v>8.1117146348357316E-2</v>
      </c>
      <c r="B11211" s="1"/>
      <c r="C11211">
        <v>3</v>
      </c>
      <c r="D11211" t="s">
        <v>25877</v>
      </c>
      <c r="E11211" t="s">
        <v>34137</v>
      </c>
      <c r="F11211">
        <v>3</v>
      </c>
      <c r="G11211" t="s">
        <v>15</v>
      </c>
      <c r="H11211" t="s">
        <v>25878</v>
      </c>
      <c r="I11211" t="s">
        <v>30540</v>
      </c>
    </row>
    <row r="11212" spans="1:9">
      <c r="A11212" s="1">
        <v>0.97751770426681373</v>
      </c>
      <c r="B11212" s="1"/>
      <c r="C11212">
        <v>9</v>
      </c>
      <c r="D11212" t="s">
        <v>25881</v>
      </c>
      <c r="E11212" t="s">
        <v>34137</v>
      </c>
      <c r="F11212">
        <v>3</v>
      </c>
      <c r="G11212" t="s">
        <v>0</v>
      </c>
      <c r="H11212" t="s">
        <v>25882</v>
      </c>
      <c r="I11212" t="s">
        <v>30540</v>
      </c>
    </row>
    <row r="11213" spans="1:9">
      <c r="A11213" s="1">
        <v>0.13453424014033144</v>
      </c>
      <c r="B11213" s="1"/>
      <c r="C11213">
        <v>5</v>
      </c>
      <c r="D11213" t="s">
        <v>25869</v>
      </c>
      <c r="E11213" t="s">
        <v>34138</v>
      </c>
      <c r="F11213">
        <v>5</v>
      </c>
      <c r="G11213" t="s">
        <v>2</v>
      </c>
      <c r="H11213" t="s">
        <v>25870</v>
      </c>
      <c r="I11213" t="s">
        <v>30540</v>
      </c>
    </row>
    <row r="11214" spans="1:9">
      <c r="A11214" s="1">
        <v>0.93006245641497398</v>
      </c>
      <c r="B11214" s="1"/>
      <c r="C11214">
        <v>7</v>
      </c>
      <c r="D11214" t="s">
        <v>25871</v>
      </c>
      <c r="E11214" t="s">
        <v>34138</v>
      </c>
      <c r="F11214">
        <v>4</v>
      </c>
      <c r="G11214" t="s">
        <v>14</v>
      </c>
      <c r="H11214" t="s">
        <v>25872</v>
      </c>
      <c r="I11214" t="s">
        <v>30540</v>
      </c>
    </row>
    <row r="11215" spans="1:9">
      <c r="A11215" s="1">
        <v>0.9063940120798456</v>
      </c>
      <c r="B11215" s="1"/>
      <c r="C11215">
        <v>13</v>
      </c>
      <c r="D11215" t="s">
        <v>25875</v>
      </c>
      <c r="E11215" t="s">
        <v>34138</v>
      </c>
      <c r="F11215">
        <v>4</v>
      </c>
      <c r="G11215" t="s">
        <v>14</v>
      </c>
      <c r="H11215" t="s">
        <v>25876</v>
      </c>
      <c r="I11215" t="s">
        <v>30540</v>
      </c>
    </row>
    <row r="11216" spans="1:9">
      <c r="A11216" s="1">
        <v>0.41478172654357925</v>
      </c>
      <c r="B11216" s="1"/>
      <c r="C11216">
        <v>10</v>
      </c>
      <c r="D11216" t="s">
        <v>25873</v>
      </c>
      <c r="E11216" t="s">
        <v>34138</v>
      </c>
      <c r="F11216">
        <v>4</v>
      </c>
      <c r="G11216" t="s">
        <v>1</v>
      </c>
      <c r="H11216" t="s">
        <v>25874</v>
      </c>
      <c r="I11216" t="s">
        <v>30540</v>
      </c>
    </row>
    <row r="11217" spans="1:9">
      <c r="A11217" s="1">
        <v>0.20249299777766172</v>
      </c>
      <c r="B11217" s="1"/>
      <c r="C11217">
        <v>18</v>
      </c>
      <c r="D11217" t="s">
        <v>25867</v>
      </c>
      <c r="E11217" t="s">
        <v>34139</v>
      </c>
      <c r="F11217">
        <v>5</v>
      </c>
      <c r="G11217" t="s">
        <v>1</v>
      </c>
      <c r="H11217" t="s">
        <v>25868</v>
      </c>
      <c r="I11217" t="s">
        <v>30540</v>
      </c>
    </row>
    <row r="11218" spans="1:9">
      <c r="A11218" s="1">
        <v>0.68551734045093682</v>
      </c>
      <c r="B11218" s="1"/>
      <c r="C11218">
        <v>15</v>
      </c>
      <c r="D11218" t="s">
        <v>25865</v>
      </c>
      <c r="E11218" t="s">
        <v>34139</v>
      </c>
      <c r="F11218">
        <v>5</v>
      </c>
      <c r="G11218" t="s">
        <v>13</v>
      </c>
      <c r="H11218" t="s">
        <v>25866</v>
      </c>
      <c r="I11218" t="s">
        <v>30540</v>
      </c>
    </row>
    <row r="11219" spans="1:9">
      <c r="A11219" s="1">
        <v>0.91258652360733628</v>
      </c>
      <c r="B11219" s="1"/>
      <c r="C11219">
        <v>10</v>
      </c>
      <c r="D11219" t="s">
        <v>25861</v>
      </c>
      <c r="E11219" t="s">
        <v>34139</v>
      </c>
      <c r="F11219">
        <v>4</v>
      </c>
      <c r="G11219" t="s">
        <v>9</v>
      </c>
      <c r="H11219" t="s">
        <v>25862</v>
      </c>
      <c r="I11219" t="s">
        <v>30540</v>
      </c>
    </row>
    <row r="11220" spans="1:9">
      <c r="A11220" s="1">
        <v>0.54299297613295994</v>
      </c>
      <c r="B11220" s="1"/>
      <c r="C11220">
        <v>13</v>
      </c>
      <c r="D11220" t="s">
        <v>25863</v>
      </c>
      <c r="E11220" t="s">
        <v>34139</v>
      </c>
      <c r="F11220">
        <v>4</v>
      </c>
      <c r="G11220" t="s">
        <v>14</v>
      </c>
      <c r="H11220" t="s">
        <v>25864</v>
      </c>
      <c r="I11220" t="s">
        <v>30540</v>
      </c>
    </row>
    <row r="11221" spans="1:9">
      <c r="A11221" s="1">
        <v>0.98547879388880566</v>
      </c>
      <c r="B11221" s="1"/>
      <c r="C11221">
        <v>12</v>
      </c>
      <c r="D11221" t="s">
        <v>25855</v>
      </c>
      <c r="E11221" t="s">
        <v>34140</v>
      </c>
      <c r="F11221">
        <v>5</v>
      </c>
      <c r="G11221" t="s">
        <v>14</v>
      </c>
      <c r="H11221" t="s">
        <v>25856</v>
      </c>
      <c r="I11221" t="s">
        <v>30540</v>
      </c>
    </row>
    <row r="11222" spans="1:9">
      <c r="A11222" s="1">
        <v>0.95290031779520623</v>
      </c>
      <c r="B11222" s="1"/>
      <c r="C11222">
        <v>4</v>
      </c>
      <c r="D11222" t="s">
        <v>25853</v>
      </c>
      <c r="E11222" t="s">
        <v>34140</v>
      </c>
      <c r="F11222">
        <v>4</v>
      </c>
      <c r="G11222" t="s">
        <v>14</v>
      </c>
      <c r="H11222" t="s">
        <v>25854</v>
      </c>
      <c r="I11222" t="s">
        <v>30540</v>
      </c>
    </row>
    <row r="11223" spans="1:9">
      <c r="A11223" s="1">
        <v>0.94353630216691686</v>
      </c>
      <c r="B11223" s="1"/>
      <c r="C11223">
        <v>1</v>
      </c>
      <c r="D11223" t="s">
        <v>25851</v>
      </c>
      <c r="E11223" t="s">
        <v>34140</v>
      </c>
      <c r="F11223">
        <v>3</v>
      </c>
      <c r="G11223" t="s">
        <v>2</v>
      </c>
      <c r="H11223" t="s">
        <v>25852</v>
      </c>
      <c r="I11223" t="s">
        <v>30540</v>
      </c>
    </row>
    <row r="11224" spans="1:9">
      <c r="A11224" s="1">
        <v>0.28005157381239765</v>
      </c>
      <c r="B11224" s="1"/>
      <c r="C11224">
        <v>13</v>
      </c>
      <c r="D11224" t="s">
        <v>25857</v>
      </c>
      <c r="E11224" t="s">
        <v>34140</v>
      </c>
      <c r="F11224">
        <v>3</v>
      </c>
      <c r="G11224" t="s">
        <v>1</v>
      </c>
      <c r="H11224" t="s">
        <v>25858</v>
      </c>
      <c r="I11224" t="s">
        <v>30540</v>
      </c>
    </row>
    <row r="11225" spans="1:9">
      <c r="A11225" s="1">
        <v>0.83120111191987245</v>
      </c>
      <c r="B11225" s="1"/>
      <c r="C11225">
        <v>12</v>
      </c>
      <c r="D11225" t="s">
        <v>25847</v>
      </c>
      <c r="E11225" t="s">
        <v>34141</v>
      </c>
      <c r="F11225">
        <v>4</v>
      </c>
      <c r="G11225" t="s">
        <v>14</v>
      </c>
      <c r="H11225" t="s">
        <v>25848</v>
      </c>
      <c r="I11225" t="s">
        <v>30540</v>
      </c>
    </row>
    <row r="11226" spans="1:9">
      <c r="A11226" s="1">
        <v>0.74441827673215089</v>
      </c>
      <c r="B11226" s="1"/>
      <c r="C11226">
        <v>13</v>
      </c>
      <c r="D11226" t="s">
        <v>25849</v>
      </c>
      <c r="E11226" t="s">
        <v>34141</v>
      </c>
      <c r="F11226">
        <v>4</v>
      </c>
      <c r="G11226" t="s">
        <v>14</v>
      </c>
      <c r="H11226" t="s">
        <v>25850</v>
      </c>
      <c r="I11226" t="s">
        <v>30540</v>
      </c>
    </row>
    <row r="11227" spans="1:9">
      <c r="A11227" s="1">
        <v>0.26783445968066799</v>
      </c>
      <c r="B11227" s="1"/>
      <c r="C11227">
        <v>6</v>
      </c>
      <c r="D11227" t="s">
        <v>25843</v>
      </c>
      <c r="E11227" t="s">
        <v>34141</v>
      </c>
      <c r="F11227">
        <v>4</v>
      </c>
      <c r="G11227" t="s">
        <v>9</v>
      </c>
      <c r="H11227" t="s">
        <v>25844</v>
      </c>
      <c r="I11227" t="s">
        <v>30540</v>
      </c>
    </row>
    <row r="11228" spans="1:9">
      <c r="A11228" s="1">
        <v>0.34579507880201554</v>
      </c>
      <c r="B11228" s="1"/>
      <c r="C11228">
        <v>10</v>
      </c>
      <c r="D11228" t="s">
        <v>25845</v>
      </c>
      <c r="E11228" t="s">
        <v>34141</v>
      </c>
      <c r="F11228">
        <v>3</v>
      </c>
      <c r="G11228" t="s">
        <v>9</v>
      </c>
      <c r="H11228" t="s">
        <v>25846</v>
      </c>
      <c r="I11228" t="s">
        <v>30540</v>
      </c>
    </row>
    <row r="11229" spans="1:9">
      <c r="A11229" s="1">
        <v>6.5572820222143946E-3</v>
      </c>
      <c r="B11229" s="1"/>
      <c r="C11229">
        <v>15</v>
      </c>
      <c r="D11229" t="s">
        <v>25839</v>
      </c>
      <c r="E11229" t="s">
        <v>34142</v>
      </c>
      <c r="F11229">
        <v>5</v>
      </c>
      <c r="G11229" t="s">
        <v>2738</v>
      </c>
      <c r="H11229" t="s">
        <v>25840</v>
      </c>
      <c r="I11229" t="s">
        <v>30540</v>
      </c>
    </row>
    <row r="11230" spans="1:9">
      <c r="A11230" s="1">
        <v>0.36997837402320999</v>
      </c>
      <c r="B11230" s="1"/>
      <c r="C11230">
        <v>19</v>
      </c>
      <c r="D11230" t="s">
        <v>25841</v>
      </c>
      <c r="E11230" t="s">
        <v>34142</v>
      </c>
      <c r="F11230">
        <v>4</v>
      </c>
      <c r="G11230" t="s">
        <v>14</v>
      </c>
      <c r="H11230" t="s">
        <v>25842</v>
      </c>
      <c r="I11230" t="s">
        <v>30540</v>
      </c>
    </row>
    <row r="11231" spans="1:9">
      <c r="A11231" s="1">
        <v>0.40566234371125298</v>
      </c>
      <c r="B11231" s="1"/>
      <c r="C11231">
        <v>3</v>
      </c>
      <c r="D11231" t="s">
        <v>25837</v>
      </c>
      <c r="E11231" t="s">
        <v>34142</v>
      </c>
      <c r="F11231">
        <v>4</v>
      </c>
      <c r="G11231" t="s">
        <v>10</v>
      </c>
      <c r="H11231" t="s">
        <v>25838</v>
      </c>
      <c r="I11231" t="s">
        <v>30540</v>
      </c>
    </row>
    <row r="11232" spans="1:9">
      <c r="A11232" s="1">
        <v>0.52878545670075527</v>
      </c>
      <c r="B11232" s="1"/>
      <c r="C11232">
        <v>12</v>
      </c>
      <c r="D11232" t="s">
        <v>25831</v>
      </c>
      <c r="E11232" t="s">
        <v>34143</v>
      </c>
      <c r="F11232">
        <v>4</v>
      </c>
      <c r="G11232" t="s">
        <v>14</v>
      </c>
      <c r="H11232" t="s">
        <v>25832</v>
      </c>
      <c r="I11232" t="s">
        <v>30540</v>
      </c>
    </row>
    <row r="11233" spans="1:9">
      <c r="A11233" s="1">
        <v>0.46749437143454919</v>
      </c>
      <c r="B11233" s="1"/>
      <c r="C11233">
        <v>14</v>
      </c>
      <c r="D11233" t="s">
        <v>25833</v>
      </c>
      <c r="E11233" t="s">
        <v>34143</v>
      </c>
      <c r="F11233">
        <v>4</v>
      </c>
      <c r="G11233" t="s">
        <v>14</v>
      </c>
      <c r="H11233" t="s">
        <v>25834</v>
      </c>
      <c r="I11233" t="s">
        <v>30540</v>
      </c>
    </row>
    <row r="11234" spans="1:9">
      <c r="A11234" s="1">
        <v>0.2524749218221416</v>
      </c>
      <c r="B11234" s="1"/>
      <c r="C11234">
        <v>20</v>
      </c>
      <c r="D11234" t="s">
        <v>25835</v>
      </c>
      <c r="E11234" t="s">
        <v>34143</v>
      </c>
      <c r="F11234">
        <v>4</v>
      </c>
      <c r="G11234" t="s">
        <v>14</v>
      </c>
      <c r="H11234" t="s">
        <v>25836</v>
      </c>
      <c r="I11234" t="s">
        <v>30540</v>
      </c>
    </row>
    <row r="11235" spans="1:9">
      <c r="A11235" s="1">
        <v>0.91265413165597131</v>
      </c>
      <c r="B11235" s="1"/>
      <c r="C11235">
        <v>10</v>
      </c>
      <c r="D11235" t="s">
        <v>25827</v>
      </c>
      <c r="E11235" t="s">
        <v>34144</v>
      </c>
      <c r="F11235">
        <v>5</v>
      </c>
      <c r="G11235" t="s">
        <v>14</v>
      </c>
      <c r="H11235" t="s">
        <v>25828</v>
      </c>
      <c r="I11235" t="s">
        <v>30540</v>
      </c>
    </row>
    <row r="11236" spans="1:9">
      <c r="A11236" s="1">
        <v>0.33567452212090376</v>
      </c>
      <c r="B11236" s="1"/>
      <c r="C11236">
        <v>6</v>
      </c>
      <c r="D11236" t="s">
        <v>25823</v>
      </c>
      <c r="E11236" t="s">
        <v>34144</v>
      </c>
      <c r="F11236">
        <v>5</v>
      </c>
      <c r="G11236" t="s">
        <v>14</v>
      </c>
      <c r="H11236" t="s">
        <v>25824</v>
      </c>
      <c r="I11236" t="s">
        <v>30540</v>
      </c>
    </row>
    <row r="11237" spans="1:9">
      <c r="A11237" s="1">
        <v>0.23077025488901448</v>
      </c>
      <c r="B11237" s="1"/>
      <c r="C11237">
        <v>9</v>
      </c>
      <c r="D11237" t="s">
        <v>25825</v>
      </c>
      <c r="E11237" t="s">
        <v>34144</v>
      </c>
      <c r="F11237">
        <v>4</v>
      </c>
      <c r="G11237" t="s">
        <v>14</v>
      </c>
      <c r="H11237" t="s">
        <v>25826</v>
      </c>
      <c r="I11237" t="s">
        <v>30540</v>
      </c>
    </row>
    <row r="11238" spans="1:9">
      <c r="A11238" s="1">
        <v>0.8673922178065383</v>
      </c>
      <c r="B11238" s="1"/>
      <c r="C11238">
        <v>4</v>
      </c>
      <c r="D11238" t="s">
        <v>25819</v>
      </c>
      <c r="E11238" t="s">
        <v>34145</v>
      </c>
      <c r="F11238">
        <v>5</v>
      </c>
      <c r="G11238" t="s">
        <v>14</v>
      </c>
      <c r="H11238" t="s">
        <v>25820</v>
      </c>
      <c r="I11238" t="s">
        <v>30540</v>
      </c>
    </row>
    <row r="11239" spans="1:9">
      <c r="A11239" s="1">
        <v>0.44963426118381611</v>
      </c>
      <c r="B11239" s="1"/>
      <c r="C11239">
        <v>13</v>
      </c>
      <c r="D11239" t="s">
        <v>25821</v>
      </c>
      <c r="E11239" t="s">
        <v>34145</v>
      </c>
      <c r="F11239">
        <v>5</v>
      </c>
      <c r="G11239" t="s">
        <v>14</v>
      </c>
      <c r="H11239" t="s">
        <v>25822</v>
      </c>
      <c r="I11239" t="s">
        <v>30540</v>
      </c>
    </row>
    <row r="11240" spans="1:9">
      <c r="A11240" s="1">
        <v>0.47211845993629487</v>
      </c>
      <c r="B11240" s="1"/>
      <c r="C11240">
        <v>17</v>
      </c>
      <c r="D11240" t="s">
        <v>25817</v>
      </c>
      <c r="E11240" t="s">
        <v>34146</v>
      </c>
      <c r="F11240">
        <v>5</v>
      </c>
      <c r="G11240" t="s">
        <v>14</v>
      </c>
      <c r="H11240" t="s">
        <v>25818</v>
      </c>
      <c r="I11240" t="s">
        <v>30540</v>
      </c>
    </row>
    <row r="11241" spans="1:9">
      <c r="A11241" s="1">
        <v>0.24248108420731374</v>
      </c>
      <c r="B11241" s="1"/>
      <c r="C11241">
        <v>13</v>
      </c>
      <c r="D11241" t="s">
        <v>25815</v>
      </c>
      <c r="E11241" t="s">
        <v>34146</v>
      </c>
      <c r="F11241">
        <v>4</v>
      </c>
      <c r="G11241" t="s">
        <v>14</v>
      </c>
      <c r="H11241" t="s">
        <v>25816</v>
      </c>
      <c r="I11241" t="s">
        <v>30540</v>
      </c>
    </row>
    <row r="11242" spans="1:9">
      <c r="A11242" s="1">
        <v>0.37380267104982123</v>
      </c>
      <c r="B11242" s="1"/>
      <c r="C11242">
        <v>8</v>
      </c>
      <c r="D11242" t="s">
        <v>25813</v>
      </c>
      <c r="E11242" t="s">
        <v>34146</v>
      </c>
      <c r="F11242">
        <v>4</v>
      </c>
      <c r="G11242" t="s">
        <v>1</v>
      </c>
      <c r="H11242" t="s">
        <v>25814</v>
      </c>
      <c r="I11242" t="s">
        <v>30540</v>
      </c>
    </row>
    <row r="11243" spans="1:9">
      <c r="A11243" s="1">
        <v>0.23935648882269356</v>
      </c>
      <c r="B11243" s="1"/>
      <c r="C11243">
        <v>2</v>
      </c>
      <c r="D11243" t="s">
        <v>25809</v>
      </c>
      <c r="E11243" t="s">
        <v>34146</v>
      </c>
      <c r="F11243">
        <v>4</v>
      </c>
      <c r="G11243" t="s">
        <v>14</v>
      </c>
      <c r="H11243" t="s">
        <v>25810</v>
      </c>
      <c r="I11243" t="s">
        <v>30540</v>
      </c>
    </row>
    <row r="11244" spans="1:9">
      <c r="A11244" s="1">
        <v>0.65234431460945042</v>
      </c>
      <c r="B11244" s="1"/>
      <c r="C11244">
        <v>1</v>
      </c>
      <c r="D11244" t="s">
        <v>25807</v>
      </c>
      <c r="E11244" t="s">
        <v>34146</v>
      </c>
      <c r="F11244">
        <v>3</v>
      </c>
      <c r="G11244" t="s">
        <v>2</v>
      </c>
      <c r="H11244" t="s">
        <v>25808</v>
      </c>
      <c r="I11244" t="s">
        <v>30540</v>
      </c>
    </row>
    <row r="11245" spans="1:9">
      <c r="A11245" s="1">
        <v>0.36859013352539616</v>
      </c>
      <c r="B11245" s="1"/>
      <c r="C11245">
        <v>14</v>
      </c>
      <c r="D11245" t="s">
        <v>25805</v>
      </c>
      <c r="E11245" t="s">
        <v>34147</v>
      </c>
      <c r="F11245">
        <v>5</v>
      </c>
      <c r="G11245" t="s">
        <v>15</v>
      </c>
      <c r="H11245" t="s">
        <v>25806</v>
      </c>
      <c r="I11245" t="s">
        <v>30540</v>
      </c>
    </row>
    <row r="11246" spans="1:9">
      <c r="A11246" s="1">
        <v>0.24132390761431111</v>
      </c>
      <c r="B11246" s="1"/>
      <c r="C11246">
        <v>13</v>
      </c>
      <c r="D11246" t="s">
        <v>25803</v>
      </c>
      <c r="E11246" t="s">
        <v>34147</v>
      </c>
      <c r="F11246">
        <v>4</v>
      </c>
      <c r="G11246" t="s">
        <v>14</v>
      </c>
      <c r="H11246" t="s">
        <v>25804</v>
      </c>
      <c r="I11246" t="s">
        <v>30540</v>
      </c>
    </row>
    <row r="11247" spans="1:9">
      <c r="A11247" s="1">
        <v>0.90835311877524472</v>
      </c>
      <c r="B11247" s="1"/>
      <c r="C11247">
        <v>5</v>
      </c>
      <c r="D11247" t="s">
        <v>25799</v>
      </c>
      <c r="E11247" t="s">
        <v>34147</v>
      </c>
      <c r="F11247">
        <v>4</v>
      </c>
      <c r="G11247" t="s">
        <v>10</v>
      </c>
      <c r="H11247" t="s">
        <v>25800</v>
      </c>
      <c r="I11247" t="s">
        <v>30540</v>
      </c>
    </row>
    <row r="11248" spans="1:9">
      <c r="A11248" s="1">
        <v>0.41327212772920374</v>
      </c>
      <c r="B11248" s="1"/>
      <c r="C11248">
        <v>8</v>
      </c>
      <c r="D11248" t="s">
        <v>25801</v>
      </c>
      <c r="E11248" t="s">
        <v>34147</v>
      </c>
      <c r="F11248">
        <v>3</v>
      </c>
      <c r="G11248" t="s">
        <v>769</v>
      </c>
      <c r="H11248" t="s">
        <v>25802</v>
      </c>
      <c r="I11248" t="s">
        <v>30540</v>
      </c>
    </row>
    <row r="11249" spans="1:9">
      <c r="A11249" s="1">
        <v>0.99724793201403295</v>
      </c>
      <c r="B11249" s="1"/>
      <c r="C11249">
        <v>18</v>
      </c>
      <c r="D11249" t="s">
        <v>25797</v>
      </c>
      <c r="E11249" t="s">
        <v>34148</v>
      </c>
      <c r="F11249">
        <v>5</v>
      </c>
      <c r="G11249" t="s">
        <v>10</v>
      </c>
      <c r="H11249" t="s">
        <v>25798</v>
      </c>
      <c r="I11249" t="s">
        <v>30540</v>
      </c>
    </row>
    <row r="11250" spans="1:9">
      <c r="A11250" s="1">
        <v>0.1706427725101034</v>
      </c>
      <c r="B11250" s="1"/>
      <c r="C11250">
        <v>1</v>
      </c>
      <c r="D11250" t="s">
        <v>25793</v>
      </c>
      <c r="E11250" t="s">
        <v>34148</v>
      </c>
      <c r="F11250">
        <v>5</v>
      </c>
      <c r="G11250" t="s">
        <v>10</v>
      </c>
      <c r="H11250" t="s">
        <v>25794</v>
      </c>
      <c r="I11250" t="s">
        <v>30540</v>
      </c>
    </row>
    <row r="11251" spans="1:9">
      <c r="A11251" s="1">
        <v>0.71524807944197022</v>
      </c>
      <c r="B11251" s="1"/>
      <c r="C11251">
        <v>3</v>
      </c>
      <c r="D11251" t="s">
        <v>25795</v>
      </c>
      <c r="E11251" t="s">
        <v>34148</v>
      </c>
      <c r="F11251">
        <v>4</v>
      </c>
      <c r="G11251" t="s">
        <v>14</v>
      </c>
      <c r="H11251" t="s">
        <v>25796</v>
      </c>
      <c r="I11251" t="s">
        <v>30540</v>
      </c>
    </row>
    <row r="11252" spans="1:9">
      <c r="A11252" s="1">
        <v>0.13142979512971353</v>
      </c>
      <c r="B11252" s="1"/>
      <c r="C11252">
        <v>10</v>
      </c>
      <c r="D11252" t="s">
        <v>25783</v>
      </c>
      <c r="E11252" t="s">
        <v>34149</v>
      </c>
      <c r="F11252">
        <v>5</v>
      </c>
      <c r="G11252" t="s">
        <v>14</v>
      </c>
      <c r="H11252" t="s">
        <v>25784</v>
      </c>
      <c r="I11252" t="s">
        <v>30540</v>
      </c>
    </row>
    <row r="11253" spans="1:9">
      <c r="A11253" s="1">
        <v>0.3545377007812851</v>
      </c>
      <c r="B11253" s="1"/>
      <c r="C11253">
        <v>18</v>
      </c>
      <c r="D11253" t="s">
        <v>25791</v>
      </c>
      <c r="E11253" t="s">
        <v>34149</v>
      </c>
      <c r="F11253">
        <v>5</v>
      </c>
      <c r="G11253" t="s">
        <v>14</v>
      </c>
      <c r="H11253" t="s">
        <v>25792</v>
      </c>
      <c r="I11253" t="s">
        <v>30540</v>
      </c>
    </row>
    <row r="11254" spans="1:9">
      <c r="A11254" s="1">
        <v>0.84647830285616699</v>
      </c>
      <c r="B11254" s="1"/>
      <c r="C11254">
        <v>14</v>
      </c>
      <c r="D11254" t="s">
        <v>25789</v>
      </c>
      <c r="E11254" t="s">
        <v>34149</v>
      </c>
      <c r="F11254">
        <v>5</v>
      </c>
      <c r="G11254" t="s">
        <v>1</v>
      </c>
      <c r="H11254" t="s">
        <v>25790</v>
      </c>
      <c r="I11254" t="s">
        <v>30540</v>
      </c>
    </row>
    <row r="11255" spans="1:9">
      <c r="A11255" s="1">
        <v>0.32798180634639751</v>
      </c>
      <c r="B11255" s="1"/>
      <c r="C11255">
        <v>6</v>
      </c>
      <c r="D11255" t="s">
        <v>25779</v>
      </c>
      <c r="E11255" t="s">
        <v>34149</v>
      </c>
      <c r="F11255">
        <v>4</v>
      </c>
      <c r="G11255" t="s">
        <v>9</v>
      </c>
      <c r="H11255" t="s">
        <v>25780</v>
      </c>
      <c r="I11255" t="s">
        <v>30540</v>
      </c>
    </row>
    <row r="11256" spans="1:9">
      <c r="A11256" s="1">
        <v>0.26963848500606435</v>
      </c>
      <c r="B11256" s="1"/>
      <c r="C11256">
        <v>7</v>
      </c>
      <c r="D11256" t="s">
        <v>25781</v>
      </c>
      <c r="E11256" t="s">
        <v>34149</v>
      </c>
      <c r="F11256">
        <v>4</v>
      </c>
      <c r="G11256" t="s">
        <v>14</v>
      </c>
      <c r="H11256" t="s">
        <v>25782</v>
      </c>
      <c r="I11256" t="s">
        <v>30540</v>
      </c>
    </row>
    <row r="11257" spans="1:9">
      <c r="A11257" s="1">
        <v>0.60789393453610086</v>
      </c>
      <c r="B11257" s="1"/>
      <c r="C11257">
        <v>12</v>
      </c>
      <c r="D11257" t="s">
        <v>25785</v>
      </c>
      <c r="E11257" t="s">
        <v>34149</v>
      </c>
      <c r="F11257">
        <v>3</v>
      </c>
      <c r="G11257" t="s">
        <v>14</v>
      </c>
      <c r="H11257" t="s">
        <v>25786</v>
      </c>
      <c r="I11257" t="s">
        <v>30540</v>
      </c>
    </row>
    <row r="11258" spans="1:9">
      <c r="A11258" s="1">
        <v>0.95203242010333433</v>
      </c>
      <c r="B11258" s="1"/>
      <c r="C11258">
        <v>11</v>
      </c>
      <c r="D11258" t="s">
        <v>25775</v>
      </c>
      <c r="E11258" t="s">
        <v>34150</v>
      </c>
      <c r="F11258">
        <v>5</v>
      </c>
      <c r="G11258" t="s">
        <v>14</v>
      </c>
      <c r="H11258" t="s">
        <v>25776</v>
      </c>
      <c r="I11258" t="s">
        <v>30540</v>
      </c>
    </row>
    <row r="11259" spans="1:9">
      <c r="A11259" s="1">
        <v>0.79940742406836662</v>
      </c>
      <c r="B11259" s="1"/>
      <c r="C11259">
        <v>2</v>
      </c>
      <c r="D11259" t="s">
        <v>25771</v>
      </c>
      <c r="E11259" t="s">
        <v>34150</v>
      </c>
      <c r="F11259">
        <v>5</v>
      </c>
      <c r="G11259" t="s">
        <v>14</v>
      </c>
      <c r="H11259" t="s">
        <v>25772</v>
      </c>
      <c r="I11259" t="s">
        <v>30540</v>
      </c>
    </row>
    <row r="11260" spans="1:9">
      <c r="A11260" s="1">
        <v>0.59803823698215453</v>
      </c>
      <c r="B11260" s="1"/>
      <c r="C11260">
        <v>8</v>
      </c>
      <c r="D11260" t="s">
        <v>25773</v>
      </c>
      <c r="E11260" t="s">
        <v>34150</v>
      </c>
      <c r="F11260">
        <v>4</v>
      </c>
      <c r="G11260" t="s">
        <v>14</v>
      </c>
      <c r="H11260" t="s">
        <v>25774</v>
      </c>
      <c r="I11260" t="s">
        <v>30540</v>
      </c>
    </row>
    <row r="11261" spans="1:9">
      <c r="A11261" s="1">
        <v>0.46161648777767283</v>
      </c>
      <c r="B11261" s="1"/>
      <c r="C11261">
        <v>1</v>
      </c>
      <c r="D11261" t="s">
        <v>25769</v>
      </c>
      <c r="E11261" t="s">
        <v>34150</v>
      </c>
      <c r="F11261">
        <v>4</v>
      </c>
      <c r="G11261" t="s">
        <v>2</v>
      </c>
      <c r="H11261" t="s">
        <v>25770</v>
      </c>
      <c r="I11261" t="s">
        <v>30540</v>
      </c>
    </row>
    <row r="11262" spans="1:9">
      <c r="A11262" s="1">
        <v>0.58612669340839962</v>
      </c>
      <c r="B11262" s="1"/>
      <c r="C11262">
        <v>11</v>
      </c>
      <c r="D11262" t="s">
        <v>25765</v>
      </c>
      <c r="E11262" t="s">
        <v>34151</v>
      </c>
      <c r="F11262">
        <v>4</v>
      </c>
      <c r="G11262" t="s">
        <v>14</v>
      </c>
      <c r="H11262" t="s">
        <v>25766</v>
      </c>
      <c r="I11262" t="s">
        <v>30540</v>
      </c>
    </row>
    <row r="11263" spans="1:9">
      <c r="A11263" s="1">
        <v>0.3560595561783968</v>
      </c>
      <c r="B11263" s="1"/>
      <c r="C11263">
        <v>15</v>
      </c>
      <c r="D11263" t="s">
        <v>25767</v>
      </c>
      <c r="E11263" t="s">
        <v>34151</v>
      </c>
      <c r="F11263">
        <v>4</v>
      </c>
      <c r="G11263" t="s">
        <v>14</v>
      </c>
      <c r="H11263" t="s">
        <v>25768</v>
      </c>
      <c r="I11263" t="s">
        <v>30540</v>
      </c>
    </row>
    <row r="11264" spans="1:9">
      <c r="A11264" s="1">
        <v>4.6374856387413121E-2</v>
      </c>
      <c r="B11264" s="1"/>
      <c r="C11264">
        <v>1</v>
      </c>
      <c r="D11264" t="s">
        <v>25761</v>
      </c>
      <c r="E11264" t="s">
        <v>34152</v>
      </c>
      <c r="F11264">
        <v>5</v>
      </c>
      <c r="G11264" t="s">
        <v>775</v>
      </c>
      <c r="H11264" t="s">
        <v>25762</v>
      </c>
      <c r="I11264" t="s">
        <v>30540</v>
      </c>
    </row>
    <row r="11265" spans="1:9">
      <c r="A11265" s="1">
        <v>0.33212902370765762</v>
      </c>
      <c r="B11265" s="1"/>
      <c r="C11265">
        <v>6</v>
      </c>
      <c r="D11265" t="s">
        <v>25763</v>
      </c>
      <c r="E11265" t="s">
        <v>34152</v>
      </c>
      <c r="F11265">
        <v>5</v>
      </c>
      <c r="G11265" t="s">
        <v>2</v>
      </c>
      <c r="H11265" t="s">
        <v>25764</v>
      </c>
      <c r="I11265" t="s">
        <v>30540</v>
      </c>
    </row>
    <row r="11266" spans="1:9">
      <c r="A11266" s="1">
        <v>0.1216522397410259</v>
      </c>
      <c r="B11266" s="1"/>
      <c r="C11266">
        <v>10</v>
      </c>
      <c r="D11266" t="s">
        <v>25753</v>
      </c>
      <c r="E11266" t="s">
        <v>34153</v>
      </c>
      <c r="F11266">
        <v>5</v>
      </c>
      <c r="G11266" t="s">
        <v>2</v>
      </c>
      <c r="H11266" t="s">
        <v>25754</v>
      </c>
      <c r="I11266" t="s">
        <v>30540</v>
      </c>
    </row>
    <row r="11267" spans="1:9">
      <c r="A11267" s="1">
        <v>0.4153500930008891</v>
      </c>
      <c r="B11267" s="1"/>
      <c r="C11267">
        <v>19</v>
      </c>
      <c r="D11267" t="s">
        <v>25757</v>
      </c>
      <c r="E11267" t="s">
        <v>34153</v>
      </c>
      <c r="F11267">
        <v>5</v>
      </c>
      <c r="G11267" t="s">
        <v>14</v>
      </c>
      <c r="H11267" t="s">
        <v>25758</v>
      </c>
      <c r="I11267" t="s">
        <v>30540</v>
      </c>
    </row>
    <row r="11268" spans="1:9">
      <c r="A11268" s="1">
        <v>0.66218281630849529</v>
      </c>
      <c r="B11268" s="1"/>
      <c r="C11268">
        <v>12</v>
      </c>
      <c r="D11268" t="s">
        <v>25755</v>
      </c>
      <c r="E11268" t="s">
        <v>34153</v>
      </c>
      <c r="F11268">
        <v>4</v>
      </c>
      <c r="G11268" t="s">
        <v>14</v>
      </c>
      <c r="H11268" t="s">
        <v>25756</v>
      </c>
      <c r="I11268" t="s">
        <v>30540</v>
      </c>
    </row>
    <row r="11269" spans="1:9">
      <c r="A11269" s="1">
        <v>0.74349968981546322</v>
      </c>
      <c r="B11269" s="1"/>
      <c r="C11269">
        <v>20</v>
      </c>
      <c r="D11269" t="s">
        <v>25759</v>
      </c>
      <c r="E11269" t="s">
        <v>34153</v>
      </c>
      <c r="F11269">
        <v>4</v>
      </c>
      <c r="G11269" t="s">
        <v>14</v>
      </c>
      <c r="H11269" t="s">
        <v>25760</v>
      </c>
      <c r="I11269" t="s">
        <v>30540</v>
      </c>
    </row>
    <row r="11270" spans="1:9">
      <c r="A11270" s="1">
        <v>9.0258169081387618E-2</v>
      </c>
      <c r="B11270" s="1"/>
      <c r="C11270">
        <v>6</v>
      </c>
      <c r="D11270" t="s">
        <v>25751</v>
      </c>
      <c r="E11270" t="s">
        <v>34153</v>
      </c>
      <c r="F11270">
        <v>4</v>
      </c>
      <c r="G11270" t="s">
        <v>2</v>
      </c>
      <c r="H11270" t="s">
        <v>25752</v>
      </c>
      <c r="I11270" t="s">
        <v>30540</v>
      </c>
    </row>
    <row r="11271" spans="1:9">
      <c r="A11271" s="1">
        <v>0.60787906595311403</v>
      </c>
      <c r="B11271" s="1"/>
      <c r="C11271">
        <v>20</v>
      </c>
      <c r="D11271" t="s">
        <v>25747</v>
      </c>
      <c r="E11271" t="s">
        <v>34154</v>
      </c>
      <c r="F11271">
        <v>4</v>
      </c>
      <c r="G11271" t="s">
        <v>14</v>
      </c>
      <c r="H11271" t="s">
        <v>25748</v>
      </c>
      <c r="I11271" t="s">
        <v>30540</v>
      </c>
    </row>
    <row r="11272" spans="1:9">
      <c r="A11272" s="1">
        <v>7.3086879487130885E-2</v>
      </c>
      <c r="B11272" s="1"/>
      <c r="C11272">
        <v>14</v>
      </c>
      <c r="D11272" t="s">
        <v>25745</v>
      </c>
      <c r="E11272" t="s">
        <v>34154</v>
      </c>
      <c r="F11272">
        <v>4</v>
      </c>
      <c r="G11272" t="s">
        <v>9</v>
      </c>
      <c r="H11272" t="s">
        <v>25746</v>
      </c>
      <c r="I11272" t="s">
        <v>30540</v>
      </c>
    </row>
    <row r="11273" spans="1:9">
      <c r="A11273" s="1">
        <v>0.18209613435704264</v>
      </c>
      <c r="B11273" s="1"/>
      <c r="C11273">
        <v>11</v>
      </c>
      <c r="D11273" t="s">
        <v>25743</v>
      </c>
      <c r="E11273" t="s">
        <v>34154</v>
      </c>
      <c r="F11273">
        <v>4</v>
      </c>
      <c r="G11273" t="s">
        <v>14</v>
      </c>
      <c r="H11273" t="s">
        <v>25744</v>
      </c>
      <c r="I11273" t="s">
        <v>30540</v>
      </c>
    </row>
    <row r="11274" spans="1:9">
      <c r="A11274" s="1">
        <v>0.39230589852164077</v>
      </c>
      <c r="B11274" s="1"/>
      <c r="C11274">
        <v>10</v>
      </c>
      <c r="D11274" t="s">
        <v>25741</v>
      </c>
      <c r="E11274" t="s">
        <v>34154</v>
      </c>
      <c r="F11274">
        <v>3</v>
      </c>
      <c r="G11274" t="s">
        <v>14</v>
      </c>
      <c r="H11274" t="s">
        <v>25742</v>
      </c>
      <c r="I11274" t="s">
        <v>30540</v>
      </c>
    </row>
    <row r="11275" spans="1:9">
      <c r="A11275" s="1">
        <v>0.3489677289695966</v>
      </c>
      <c r="B11275" s="1"/>
      <c r="C11275">
        <v>16</v>
      </c>
      <c r="D11275" t="s">
        <v>25737</v>
      </c>
      <c r="E11275" t="s">
        <v>34155</v>
      </c>
      <c r="F11275">
        <v>5</v>
      </c>
      <c r="G11275" t="s">
        <v>14</v>
      </c>
      <c r="H11275" t="s">
        <v>25738</v>
      </c>
      <c r="I11275" t="s">
        <v>30540</v>
      </c>
    </row>
    <row r="11276" spans="1:9">
      <c r="A11276" s="1">
        <v>0.78544989498003626</v>
      </c>
      <c r="B11276" s="1"/>
      <c r="C11276">
        <v>3</v>
      </c>
      <c r="D11276" t="s">
        <v>25729</v>
      </c>
      <c r="E11276" t="s">
        <v>34155</v>
      </c>
      <c r="F11276">
        <v>5</v>
      </c>
      <c r="G11276" t="s">
        <v>14</v>
      </c>
      <c r="H11276" t="s">
        <v>25730</v>
      </c>
      <c r="I11276" t="s">
        <v>30540</v>
      </c>
    </row>
    <row r="11277" spans="1:9">
      <c r="A11277" s="1">
        <v>0.45143214748492655</v>
      </c>
      <c r="B11277" s="1"/>
      <c r="C11277">
        <v>11</v>
      </c>
      <c r="D11277" t="s">
        <v>25731</v>
      </c>
      <c r="E11277" t="s">
        <v>34155</v>
      </c>
      <c r="F11277">
        <v>5</v>
      </c>
      <c r="G11277" t="s">
        <v>14</v>
      </c>
      <c r="H11277" t="s">
        <v>25732</v>
      </c>
      <c r="I11277" t="s">
        <v>30540</v>
      </c>
    </row>
    <row r="11278" spans="1:9">
      <c r="A11278" s="1">
        <v>0.53723182135711944</v>
      </c>
      <c r="B11278" s="1"/>
      <c r="C11278">
        <v>15</v>
      </c>
      <c r="D11278" t="s">
        <v>25735</v>
      </c>
      <c r="E11278" t="s">
        <v>34155</v>
      </c>
      <c r="F11278">
        <v>4</v>
      </c>
      <c r="G11278" t="s">
        <v>14</v>
      </c>
      <c r="H11278" t="s">
        <v>25736</v>
      </c>
      <c r="I11278" t="s">
        <v>30540</v>
      </c>
    </row>
    <row r="11279" spans="1:9">
      <c r="A11279" s="1">
        <v>0.53136517445717812</v>
      </c>
      <c r="B11279" s="1"/>
      <c r="C11279">
        <v>18</v>
      </c>
      <c r="D11279" t="s">
        <v>25739</v>
      </c>
      <c r="E11279" t="s">
        <v>34155</v>
      </c>
      <c r="F11279">
        <v>4</v>
      </c>
      <c r="G11279" t="s">
        <v>14</v>
      </c>
      <c r="H11279" t="s">
        <v>25740</v>
      </c>
      <c r="I11279" t="s">
        <v>30540</v>
      </c>
    </row>
    <row r="11280" spans="1:9">
      <c r="A11280" s="1">
        <v>0.84814723688321958</v>
      </c>
      <c r="B11280" s="1"/>
      <c r="C11280">
        <v>12</v>
      </c>
      <c r="D11280" t="s">
        <v>25725</v>
      </c>
      <c r="E11280" t="s">
        <v>34156</v>
      </c>
      <c r="F11280">
        <v>5</v>
      </c>
      <c r="G11280" t="s">
        <v>14</v>
      </c>
      <c r="H11280" t="s">
        <v>25726</v>
      </c>
      <c r="I11280" t="s">
        <v>30540</v>
      </c>
    </row>
    <row r="11281" spans="1:9">
      <c r="A11281" s="1">
        <v>0.92081080661103965</v>
      </c>
      <c r="B11281" s="1"/>
      <c r="C11281">
        <v>4</v>
      </c>
      <c r="D11281" t="s">
        <v>25721</v>
      </c>
      <c r="E11281" t="s">
        <v>34156</v>
      </c>
      <c r="F11281">
        <v>5</v>
      </c>
      <c r="G11281" t="s">
        <v>14</v>
      </c>
      <c r="H11281" t="s">
        <v>25722</v>
      </c>
      <c r="I11281" t="s">
        <v>30540</v>
      </c>
    </row>
    <row r="11282" spans="1:9">
      <c r="A11282" s="1">
        <v>0.59367743675796747</v>
      </c>
      <c r="B11282" s="1"/>
      <c r="C11282">
        <v>15</v>
      </c>
      <c r="D11282" t="s">
        <v>25727</v>
      </c>
      <c r="E11282" t="s">
        <v>34156</v>
      </c>
      <c r="F11282">
        <v>5</v>
      </c>
      <c r="G11282" t="s">
        <v>14</v>
      </c>
      <c r="H11282" t="s">
        <v>25728</v>
      </c>
      <c r="I11282" t="s">
        <v>30540</v>
      </c>
    </row>
    <row r="11283" spans="1:9">
      <c r="A11283" s="1">
        <v>0.61417741204419973</v>
      </c>
      <c r="B11283" s="1"/>
      <c r="C11283">
        <v>10</v>
      </c>
      <c r="D11283" t="s">
        <v>25723</v>
      </c>
      <c r="E11283" t="s">
        <v>34156</v>
      </c>
      <c r="F11283">
        <v>4</v>
      </c>
      <c r="G11283" t="s">
        <v>14</v>
      </c>
      <c r="H11283" t="s">
        <v>25724</v>
      </c>
      <c r="I11283" t="s">
        <v>30540</v>
      </c>
    </row>
    <row r="11284" spans="1:9">
      <c r="A11284" s="1">
        <v>0.81999145033875176</v>
      </c>
      <c r="B11284" s="1"/>
      <c r="C11284">
        <v>10</v>
      </c>
      <c r="D11284" t="s">
        <v>25717</v>
      </c>
      <c r="E11284" t="s">
        <v>34157</v>
      </c>
      <c r="F11284">
        <v>4</v>
      </c>
      <c r="G11284" t="s">
        <v>762</v>
      </c>
      <c r="H11284" t="s">
        <v>25718</v>
      </c>
      <c r="I11284" t="s">
        <v>30540</v>
      </c>
    </row>
    <row r="11285" spans="1:9">
      <c r="A11285" s="1">
        <v>0.39326673140242296</v>
      </c>
      <c r="B11285" s="1"/>
      <c r="C11285">
        <v>17</v>
      </c>
      <c r="D11285" t="s">
        <v>25719</v>
      </c>
      <c r="E11285" t="s">
        <v>34157</v>
      </c>
      <c r="F11285">
        <v>4</v>
      </c>
      <c r="G11285" t="s">
        <v>2229</v>
      </c>
      <c r="H11285" t="s">
        <v>25720</v>
      </c>
      <c r="I11285" t="s">
        <v>30540</v>
      </c>
    </row>
    <row r="11286" spans="1:9">
      <c r="A11286" s="1">
        <v>5.9106800801455139E-2</v>
      </c>
      <c r="B11286" s="1"/>
      <c r="C11286">
        <v>3</v>
      </c>
      <c r="D11286" t="s">
        <v>25715</v>
      </c>
      <c r="E11286" t="s">
        <v>34157</v>
      </c>
      <c r="F11286">
        <v>4</v>
      </c>
      <c r="G11286" t="s">
        <v>10</v>
      </c>
      <c r="H11286" t="s">
        <v>25716</v>
      </c>
      <c r="I11286" t="s">
        <v>30540</v>
      </c>
    </row>
    <row r="11287" spans="1:9">
      <c r="A11287" s="1">
        <v>6.3674437495889413E-2</v>
      </c>
      <c r="B11287" s="1"/>
      <c r="C11287">
        <v>8</v>
      </c>
      <c r="D11287" t="s">
        <v>25709</v>
      </c>
      <c r="E11287" t="s">
        <v>34158</v>
      </c>
      <c r="F11287">
        <v>5</v>
      </c>
      <c r="G11287" t="s">
        <v>14</v>
      </c>
      <c r="H11287" t="s">
        <v>25710</v>
      </c>
      <c r="I11287" t="s">
        <v>30540</v>
      </c>
    </row>
    <row r="11288" spans="1:9">
      <c r="A11288" s="1">
        <v>0.50227694641652842</v>
      </c>
      <c r="B11288" s="1"/>
      <c r="C11288">
        <v>13</v>
      </c>
      <c r="D11288" t="s">
        <v>25713</v>
      </c>
      <c r="E11288" t="s">
        <v>34158</v>
      </c>
      <c r="F11288">
        <v>4</v>
      </c>
      <c r="G11288" t="s">
        <v>13</v>
      </c>
      <c r="H11288" t="s">
        <v>25714</v>
      </c>
      <c r="I11288" t="s">
        <v>30540</v>
      </c>
    </row>
    <row r="11289" spans="1:9">
      <c r="A11289" s="1">
        <v>0.91484928066124804</v>
      </c>
      <c r="B11289" s="1"/>
      <c r="C11289">
        <v>11</v>
      </c>
      <c r="D11289" t="s">
        <v>25711</v>
      </c>
      <c r="E11289" t="s">
        <v>34158</v>
      </c>
      <c r="F11289">
        <v>4</v>
      </c>
      <c r="G11289" t="s">
        <v>0</v>
      </c>
      <c r="H11289" t="s">
        <v>25712</v>
      </c>
      <c r="I11289" t="s">
        <v>30540</v>
      </c>
    </row>
    <row r="11290" spans="1:9">
      <c r="A11290" s="1">
        <v>0.7029937971552882</v>
      </c>
      <c r="B11290" s="1"/>
      <c r="C11290">
        <v>17</v>
      </c>
      <c r="D11290" t="s">
        <v>25705</v>
      </c>
      <c r="E11290" t="s">
        <v>34159</v>
      </c>
      <c r="F11290">
        <v>5</v>
      </c>
      <c r="G11290" t="s">
        <v>14</v>
      </c>
      <c r="H11290" t="s">
        <v>25706</v>
      </c>
      <c r="I11290" t="s">
        <v>30540</v>
      </c>
    </row>
    <row r="11291" spans="1:9">
      <c r="A11291" s="1">
        <v>0.45965406170923506</v>
      </c>
      <c r="B11291" s="1"/>
      <c r="C11291">
        <v>3</v>
      </c>
      <c r="D11291" t="s">
        <v>25699</v>
      </c>
      <c r="E11291" t="s">
        <v>34159</v>
      </c>
      <c r="F11291">
        <v>4</v>
      </c>
      <c r="G11291" t="s">
        <v>2</v>
      </c>
      <c r="H11291" t="s">
        <v>25700</v>
      </c>
      <c r="I11291" t="s">
        <v>30540</v>
      </c>
    </row>
    <row r="11292" spans="1:9">
      <c r="A11292" s="1">
        <v>1.7719776724750225E-2</v>
      </c>
      <c r="B11292" s="1"/>
      <c r="C11292">
        <v>15</v>
      </c>
      <c r="D11292" t="s">
        <v>25703</v>
      </c>
      <c r="E11292" t="s">
        <v>34159</v>
      </c>
      <c r="F11292">
        <v>4</v>
      </c>
      <c r="G11292" t="s">
        <v>9</v>
      </c>
      <c r="H11292" t="s">
        <v>25704</v>
      </c>
      <c r="I11292" t="s">
        <v>30540</v>
      </c>
    </row>
    <row r="11293" spans="1:9">
      <c r="A11293" s="1">
        <v>0.43597781384945067</v>
      </c>
      <c r="B11293" s="1"/>
      <c r="C11293">
        <v>4</v>
      </c>
      <c r="D11293" t="s">
        <v>25701</v>
      </c>
      <c r="E11293" t="s">
        <v>34159</v>
      </c>
      <c r="F11293">
        <v>4</v>
      </c>
      <c r="G11293" t="s">
        <v>14</v>
      </c>
      <c r="H11293" t="s">
        <v>25702</v>
      </c>
      <c r="I11293" t="s">
        <v>30540</v>
      </c>
    </row>
    <row r="11294" spans="1:9">
      <c r="A11294" s="1">
        <v>0.44048572127734342</v>
      </c>
      <c r="B11294" s="1"/>
      <c r="C11294">
        <v>18</v>
      </c>
      <c r="D11294" t="s">
        <v>25707</v>
      </c>
      <c r="E11294" t="s">
        <v>34159</v>
      </c>
      <c r="F11294">
        <v>3</v>
      </c>
      <c r="G11294" t="s">
        <v>14</v>
      </c>
      <c r="H11294" t="s">
        <v>25708</v>
      </c>
      <c r="I11294" t="s">
        <v>30540</v>
      </c>
    </row>
    <row r="11295" spans="1:9">
      <c r="A11295" s="1">
        <v>0.12172143124068846</v>
      </c>
      <c r="B11295" s="1"/>
      <c r="C11295">
        <v>18</v>
      </c>
      <c r="D11295" t="s">
        <v>25697</v>
      </c>
      <c r="E11295" t="s">
        <v>34160</v>
      </c>
      <c r="F11295">
        <v>5</v>
      </c>
      <c r="G11295" t="s">
        <v>0</v>
      </c>
      <c r="H11295" t="s">
        <v>25698</v>
      </c>
      <c r="I11295" t="s">
        <v>30540</v>
      </c>
    </row>
    <row r="11296" spans="1:9">
      <c r="A11296" s="1">
        <v>0.14175871125717299</v>
      </c>
      <c r="B11296" s="1"/>
      <c r="C11296">
        <v>9</v>
      </c>
      <c r="D11296" t="s">
        <v>25693</v>
      </c>
      <c r="E11296" t="s">
        <v>34160</v>
      </c>
      <c r="F11296">
        <v>4</v>
      </c>
      <c r="G11296" t="s">
        <v>14</v>
      </c>
      <c r="H11296" t="s">
        <v>25694</v>
      </c>
      <c r="I11296" t="s">
        <v>30540</v>
      </c>
    </row>
    <row r="11297" spans="1:9">
      <c r="A11297" s="1">
        <v>0.33726831321383011</v>
      </c>
      <c r="B11297" s="1"/>
      <c r="C11297">
        <v>12</v>
      </c>
      <c r="D11297" t="s">
        <v>25695</v>
      </c>
      <c r="E11297" t="s">
        <v>34160</v>
      </c>
      <c r="F11297">
        <v>4</v>
      </c>
      <c r="G11297" t="s">
        <v>14</v>
      </c>
      <c r="H11297" t="s">
        <v>25696</v>
      </c>
      <c r="I11297" t="s">
        <v>30540</v>
      </c>
    </row>
    <row r="11298" spans="1:9">
      <c r="A11298" s="1">
        <v>0.26561909372171855</v>
      </c>
      <c r="B11298" s="1"/>
      <c r="C11298">
        <v>8</v>
      </c>
      <c r="D11298" t="s">
        <v>25687</v>
      </c>
      <c r="E11298" t="s">
        <v>34161</v>
      </c>
      <c r="F11298">
        <v>4</v>
      </c>
      <c r="G11298" t="s">
        <v>14</v>
      </c>
      <c r="H11298" t="s">
        <v>25688</v>
      </c>
      <c r="I11298" t="s">
        <v>30540</v>
      </c>
    </row>
    <row r="11299" spans="1:9">
      <c r="A11299" s="1">
        <v>7.8425010455217659E-2</v>
      </c>
      <c r="B11299" s="1"/>
      <c r="C11299">
        <v>20</v>
      </c>
      <c r="D11299" t="s">
        <v>25691</v>
      </c>
      <c r="E11299" t="s">
        <v>34161</v>
      </c>
      <c r="F11299">
        <v>4</v>
      </c>
      <c r="G11299" t="s">
        <v>14</v>
      </c>
      <c r="H11299" t="s">
        <v>25692</v>
      </c>
      <c r="I11299" t="s">
        <v>30540</v>
      </c>
    </row>
    <row r="11300" spans="1:9">
      <c r="A11300" s="1">
        <v>0.38740045083874675</v>
      </c>
      <c r="B11300" s="1"/>
      <c r="C11300">
        <v>17</v>
      </c>
      <c r="D11300" t="s">
        <v>25689</v>
      </c>
      <c r="E11300" t="s">
        <v>34161</v>
      </c>
      <c r="F11300">
        <v>4</v>
      </c>
      <c r="G11300" t="s">
        <v>0</v>
      </c>
      <c r="H11300" t="s">
        <v>25690</v>
      </c>
      <c r="I11300" t="s">
        <v>30540</v>
      </c>
    </row>
    <row r="11301" spans="1:9">
      <c r="A11301" s="1">
        <v>0.51785894978956759</v>
      </c>
      <c r="B11301" s="1"/>
      <c r="C11301">
        <v>18</v>
      </c>
      <c r="D11301" t="s">
        <v>25683</v>
      </c>
      <c r="E11301" t="s">
        <v>34162</v>
      </c>
      <c r="F11301">
        <v>5</v>
      </c>
      <c r="G11301" t="s">
        <v>14</v>
      </c>
      <c r="H11301" t="s">
        <v>25684</v>
      </c>
      <c r="I11301" t="s">
        <v>30540</v>
      </c>
    </row>
    <row r="11302" spans="1:9">
      <c r="A11302" s="1">
        <v>0.54610133626479807</v>
      </c>
      <c r="B11302" s="1"/>
      <c r="C11302">
        <v>5</v>
      </c>
      <c r="D11302" t="s">
        <v>25679</v>
      </c>
      <c r="E11302" t="s">
        <v>34162</v>
      </c>
      <c r="F11302">
        <v>4</v>
      </c>
      <c r="G11302" t="s">
        <v>762</v>
      </c>
      <c r="H11302" t="s">
        <v>25680</v>
      </c>
      <c r="I11302" t="s">
        <v>30540</v>
      </c>
    </row>
    <row r="11303" spans="1:9">
      <c r="A11303" s="1">
        <v>0.38776976891476456</v>
      </c>
      <c r="B11303" s="1"/>
      <c r="C11303">
        <v>2</v>
      </c>
      <c r="D11303" t="s">
        <v>25677</v>
      </c>
      <c r="E11303" t="s">
        <v>34162</v>
      </c>
      <c r="F11303">
        <v>4</v>
      </c>
      <c r="G11303" t="s">
        <v>769</v>
      </c>
      <c r="H11303" t="s">
        <v>25678</v>
      </c>
      <c r="I11303" t="s">
        <v>30540</v>
      </c>
    </row>
    <row r="11304" spans="1:9">
      <c r="A11304" s="1">
        <v>0.956787065199321</v>
      </c>
      <c r="B11304" s="1"/>
      <c r="C11304">
        <v>19</v>
      </c>
      <c r="D11304" t="s">
        <v>25685</v>
      </c>
      <c r="E11304" t="s">
        <v>34162</v>
      </c>
      <c r="F11304">
        <v>4</v>
      </c>
      <c r="G11304" t="s">
        <v>774</v>
      </c>
      <c r="H11304" t="s">
        <v>25686</v>
      </c>
      <c r="I11304" t="s">
        <v>30540</v>
      </c>
    </row>
    <row r="11305" spans="1:9">
      <c r="A11305" s="1">
        <v>0.87458375989576242</v>
      </c>
      <c r="B11305" s="1"/>
      <c r="C11305">
        <v>16</v>
      </c>
      <c r="D11305" t="s">
        <v>25681</v>
      </c>
      <c r="E11305" t="s">
        <v>34162</v>
      </c>
      <c r="F11305">
        <v>3</v>
      </c>
      <c r="G11305" t="s">
        <v>2</v>
      </c>
      <c r="H11305" t="s">
        <v>25682</v>
      </c>
      <c r="I11305" t="s">
        <v>30540</v>
      </c>
    </row>
    <row r="11306" spans="1:9">
      <c r="A11306" s="1">
        <v>0.16393143152364731</v>
      </c>
      <c r="B11306" s="1"/>
      <c r="C11306">
        <v>4</v>
      </c>
      <c r="D11306" t="s">
        <v>25669</v>
      </c>
      <c r="E11306" t="s">
        <v>34163</v>
      </c>
      <c r="F11306">
        <v>4</v>
      </c>
      <c r="G11306" t="s">
        <v>14</v>
      </c>
      <c r="H11306" t="s">
        <v>25670</v>
      </c>
      <c r="I11306" t="s">
        <v>30540</v>
      </c>
    </row>
    <row r="11307" spans="1:9">
      <c r="A11307" s="1">
        <v>0.98941251844575917</v>
      </c>
      <c r="B11307" s="1"/>
      <c r="C11307">
        <v>11</v>
      </c>
      <c r="D11307" t="s">
        <v>25673</v>
      </c>
      <c r="E11307" t="s">
        <v>34163</v>
      </c>
      <c r="F11307">
        <v>4</v>
      </c>
      <c r="G11307" t="s">
        <v>13</v>
      </c>
      <c r="H11307" t="s">
        <v>25674</v>
      </c>
      <c r="I11307" t="s">
        <v>30540</v>
      </c>
    </row>
    <row r="11308" spans="1:9">
      <c r="A11308" s="1">
        <v>0.4532983943386516</v>
      </c>
      <c r="B11308" s="1"/>
      <c r="C11308">
        <v>5</v>
      </c>
      <c r="D11308" t="s">
        <v>25671</v>
      </c>
      <c r="E11308" t="s">
        <v>34163</v>
      </c>
      <c r="F11308">
        <v>4</v>
      </c>
      <c r="G11308" t="s">
        <v>10</v>
      </c>
      <c r="H11308" t="s">
        <v>25672</v>
      </c>
      <c r="I11308" t="s">
        <v>30540</v>
      </c>
    </row>
    <row r="11309" spans="1:9">
      <c r="A11309" s="1">
        <v>3.3942872637537036E-2</v>
      </c>
      <c r="B11309" s="1"/>
      <c r="C11309">
        <v>15</v>
      </c>
      <c r="D11309" t="s">
        <v>25675</v>
      </c>
      <c r="E11309" t="s">
        <v>34163</v>
      </c>
      <c r="F11309">
        <v>4</v>
      </c>
      <c r="G11309" t="s">
        <v>0</v>
      </c>
      <c r="H11309" t="s">
        <v>25676</v>
      </c>
      <c r="I11309" t="s">
        <v>30540</v>
      </c>
    </row>
    <row r="11310" spans="1:9">
      <c r="A11310" s="1">
        <v>0.70266826057419218</v>
      </c>
      <c r="B11310" s="1"/>
      <c r="C11310">
        <v>3</v>
      </c>
      <c r="D11310" t="s">
        <v>25667</v>
      </c>
      <c r="E11310" t="s">
        <v>34163</v>
      </c>
      <c r="F11310">
        <v>4</v>
      </c>
      <c r="G11310" t="s">
        <v>14</v>
      </c>
      <c r="H11310" t="s">
        <v>25668</v>
      </c>
      <c r="I11310" t="s">
        <v>30540</v>
      </c>
    </row>
    <row r="11311" spans="1:9">
      <c r="A11311" s="1">
        <v>0.9864229769771653</v>
      </c>
      <c r="B11311" s="1"/>
      <c r="C11311">
        <v>12</v>
      </c>
      <c r="D11311" t="s">
        <v>25657</v>
      </c>
      <c r="E11311" t="s">
        <v>34164</v>
      </c>
      <c r="F11311">
        <v>5</v>
      </c>
      <c r="G11311" t="s">
        <v>14</v>
      </c>
      <c r="H11311" t="s">
        <v>25658</v>
      </c>
      <c r="I11311" t="s">
        <v>30540</v>
      </c>
    </row>
    <row r="11312" spans="1:9">
      <c r="A11312" s="1">
        <v>0.87718791371661864</v>
      </c>
      <c r="B11312" s="1"/>
      <c r="C11312">
        <v>16</v>
      </c>
      <c r="D11312" t="s">
        <v>25665</v>
      </c>
      <c r="E11312" t="s">
        <v>34164</v>
      </c>
      <c r="F11312">
        <v>4</v>
      </c>
      <c r="G11312" t="s">
        <v>13</v>
      </c>
      <c r="H11312" t="s">
        <v>25666</v>
      </c>
      <c r="I11312" t="s">
        <v>30540</v>
      </c>
    </row>
    <row r="11313" spans="1:9">
      <c r="A11313" s="1">
        <v>0.24440072204068974</v>
      </c>
      <c r="B11313" s="1"/>
      <c r="C11313">
        <v>14</v>
      </c>
      <c r="D11313" t="s">
        <v>25661</v>
      </c>
      <c r="E11313" t="s">
        <v>34164</v>
      </c>
      <c r="F11313">
        <v>4</v>
      </c>
      <c r="G11313" t="s">
        <v>14</v>
      </c>
      <c r="H11313" t="s">
        <v>25662</v>
      </c>
      <c r="I11313" t="s">
        <v>30540</v>
      </c>
    </row>
    <row r="11314" spans="1:9">
      <c r="A11314" s="1">
        <v>0.90726493894173355</v>
      </c>
      <c r="B11314" s="1"/>
      <c r="C11314">
        <v>13</v>
      </c>
      <c r="D11314" t="s">
        <v>25659</v>
      </c>
      <c r="E11314" t="s">
        <v>34164</v>
      </c>
      <c r="F11314">
        <v>4</v>
      </c>
      <c r="G11314" t="s">
        <v>2</v>
      </c>
      <c r="H11314" t="s">
        <v>25660</v>
      </c>
      <c r="I11314" t="s">
        <v>30540</v>
      </c>
    </row>
    <row r="11315" spans="1:9">
      <c r="A11315" s="1">
        <v>0.10208243494392955</v>
      </c>
      <c r="B11315" s="1"/>
      <c r="C11315">
        <v>3</v>
      </c>
      <c r="D11315" t="s">
        <v>25655</v>
      </c>
      <c r="E11315" t="s">
        <v>34164</v>
      </c>
      <c r="F11315">
        <v>4</v>
      </c>
      <c r="G11315" t="s">
        <v>9</v>
      </c>
      <c r="H11315" t="s">
        <v>25656</v>
      </c>
      <c r="I11315" t="s">
        <v>30540</v>
      </c>
    </row>
    <row r="11316" spans="1:9">
      <c r="A11316" s="1">
        <v>0.64964610149143032</v>
      </c>
      <c r="B11316" s="1"/>
      <c r="C11316">
        <v>15</v>
      </c>
      <c r="D11316" t="s">
        <v>25663</v>
      </c>
      <c r="E11316" t="s">
        <v>34164</v>
      </c>
      <c r="F11316">
        <v>4</v>
      </c>
      <c r="G11316" t="s">
        <v>14</v>
      </c>
      <c r="H11316" t="s">
        <v>25664</v>
      </c>
      <c r="I11316" t="s">
        <v>30540</v>
      </c>
    </row>
    <row r="11317" spans="1:9">
      <c r="A11317" s="1">
        <v>0.79237825897067959</v>
      </c>
      <c r="B11317" s="1"/>
      <c r="C11317">
        <v>7</v>
      </c>
      <c r="D11317" t="s">
        <v>25651</v>
      </c>
      <c r="E11317" t="s">
        <v>34165</v>
      </c>
      <c r="F11317">
        <v>5</v>
      </c>
      <c r="G11317" t="s">
        <v>14</v>
      </c>
      <c r="H11317" t="s">
        <v>25652</v>
      </c>
      <c r="I11317" t="s">
        <v>30540</v>
      </c>
    </row>
    <row r="11318" spans="1:9">
      <c r="A11318" s="1">
        <v>8.3203117315000963E-2</v>
      </c>
      <c r="B11318" s="1"/>
      <c r="C11318">
        <v>3</v>
      </c>
      <c r="D11318" t="s">
        <v>25647</v>
      </c>
      <c r="E11318" t="s">
        <v>34165</v>
      </c>
      <c r="F11318">
        <v>4</v>
      </c>
      <c r="G11318" t="s">
        <v>2</v>
      </c>
      <c r="H11318" t="s">
        <v>25648</v>
      </c>
      <c r="I11318" t="s">
        <v>30540</v>
      </c>
    </row>
    <row r="11319" spans="1:9">
      <c r="A11319" s="1">
        <v>0.12243598309848203</v>
      </c>
      <c r="B11319" s="1"/>
      <c r="C11319">
        <v>4</v>
      </c>
      <c r="D11319" t="s">
        <v>25649</v>
      </c>
      <c r="E11319" t="s">
        <v>34165</v>
      </c>
      <c r="F11319">
        <v>4</v>
      </c>
      <c r="G11319" t="s">
        <v>15</v>
      </c>
      <c r="H11319" t="s">
        <v>25650</v>
      </c>
      <c r="I11319" t="s">
        <v>30540</v>
      </c>
    </row>
    <row r="11320" spans="1:9">
      <c r="A11320" s="1">
        <v>0.88704129340062643</v>
      </c>
      <c r="B11320" s="1"/>
      <c r="C11320">
        <v>16</v>
      </c>
      <c r="D11320" t="s">
        <v>25653</v>
      </c>
      <c r="E11320" t="s">
        <v>34165</v>
      </c>
      <c r="F11320">
        <v>4</v>
      </c>
      <c r="G11320" t="s">
        <v>14</v>
      </c>
      <c r="H11320" t="s">
        <v>25654</v>
      </c>
      <c r="I11320" t="s">
        <v>30540</v>
      </c>
    </row>
    <row r="11321" spans="1:9">
      <c r="A11321" s="1">
        <v>0.76190315042854806</v>
      </c>
      <c r="B11321" s="1"/>
      <c r="C11321">
        <v>11</v>
      </c>
      <c r="D11321" t="s">
        <v>25645</v>
      </c>
      <c r="E11321" t="s">
        <v>34166</v>
      </c>
      <c r="F11321">
        <v>5</v>
      </c>
      <c r="G11321" t="s">
        <v>1</v>
      </c>
      <c r="H11321" t="s">
        <v>25646</v>
      </c>
      <c r="I11321" t="s">
        <v>30540</v>
      </c>
    </row>
    <row r="11322" spans="1:9">
      <c r="A11322" s="1">
        <v>0.18094277819474969</v>
      </c>
      <c r="B11322" s="1"/>
      <c r="C11322">
        <v>2</v>
      </c>
      <c r="D11322" t="s">
        <v>25635</v>
      </c>
      <c r="E11322" t="s">
        <v>34166</v>
      </c>
      <c r="F11322">
        <v>5</v>
      </c>
      <c r="G11322" t="s">
        <v>14</v>
      </c>
      <c r="H11322" t="s">
        <v>25636</v>
      </c>
      <c r="I11322" t="s">
        <v>30540</v>
      </c>
    </row>
    <row r="11323" spans="1:9">
      <c r="A11323" s="1">
        <v>0.23164355521330582</v>
      </c>
      <c r="B11323" s="1"/>
      <c r="C11323">
        <v>6</v>
      </c>
      <c r="D11323" t="s">
        <v>25637</v>
      </c>
      <c r="E11323" t="s">
        <v>34166</v>
      </c>
      <c r="F11323">
        <v>4</v>
      </c>
      <c r="G11323" t="s">
        <v>9</v>
      </c>
      <c r="H11323" t="s">
        <v>25638</v>
      </c>
      <c r="I11323" t="s">
        <v>30540</v>
      </c>
    </row>
    <row r="11324" spans="1:9">
      <c r="A11324" s="1">
        <v>0.41877408981666275</v>
      </c>
      <c r="B11324" s="1"/>
      <c r="C11324">
        <v>7</v>
      </c>
      <c r="D11324" t="s">
        <v>25639</v>
      </c>
      <c r="E11324" t="s">
        <v>34166</v>
      </c>
      <c r="F11324">
        <v>4</v>
      </c>
      <c r="G11324" t="s">
        <v>0</v>
      </c>
      <c r="H11324" t="s">
        <v>25640</v>
      </c>
      <c r="I11324" t="s">
        <v>30540</v>
      </c>
    </row>
    <row r="11325" spans="1:9">
      <c r="A11325" s="1">
        <v>0.26819577023198371</v>
      </c>
      <c r="B11325" s="1"/>
      <c r="C11325">
        <v>10</v>
      </c>
      <c r="D11325" t="s">
        <v>25643</v>
      </c>
      <c r="E11325" t="s">
        <v>34166</v>
      </c>
      <c r="F11325">
        <v>3</v>
      </c>
      <c r="G11325" t="s">
        <v>14</v>
      </c>
      <c r="H11325" t="s">
        <v>25644</v>
      </c>
      <c r="I11325" t="s">
        <v>30540</v>
      </c>
    </row>
    <row r="11326" spans="1:9">
      <c r="A11326" s="1">
        <v>0.55297689570424069</v>
      </c>
      <c r="B11326" s="1"/>
      <c r="C11326">
        <v>8</v>
      </c>
      <c r="D11326" t="s">
        <v>25641</v>
      </c>
      <c r="E11326" t="s">
        <v>34166</v>
      </c>
      <c r="F11326">
        <v>3</v>
      </c>
      <c r="G11326" t="s">
        <v>14</v>
      </c>
      <c r="H11326" t="s">
        <v>25642</v>
      </c>
      <c r="I11326" t="s">
        <v>30540</v>
      </c>
    </row>
    <row r="11327" spans="1:9">
      <c r="A11327" s="1">
        <v>0.45922649824719197</v>
      </c>
      <c r="B11327" s="1"/>
      <c r="C11327">
        <v>19</v>
      </c>
      <c r="D11327" t="s">
        <v>25633</v>
      </c>
      <c r="E11327" t="s">
        <v>34167</v>
      </c>
      <c r="F11327">
        <v>4</v>
      </c>
      <c r="G11327" t="s">
        <v>14</v>
      </c>
      <c r="H11327" t="s">
        <v>25634</v>
      </c>
      <c r="I11327" t="s">
        <v>30540</v>
      </c>
    </row>
    <row r="11328" spans="1:9">
      <c r="A11328" s="1">
        <v>9.7372160262186092E-2</v>
      </c>
      <c r="B11328" s="1"/>
      <c r="C11328">
        <v>9</v>
      </c>
      <c r="D11328" t="s">
        <v>25631</v>
      </c>
      <c r="E11328" t="s">
        <v>34167</v>
      </c>
      <c r="F11328">
        <v>4</v>
      </c>
      <c r="G11328" t="s">
        <v>769</v>
      </c>
      <c r="H11328" t="s">
        <v>25632</v>
      </c>
      <c r="I11328" t="s">
        <v>30540</v>
      </c>
    </row>
    <row r="11329" spans="1:9">
      <c r="A11329" s="1">
        <v>0.28898045688097618</v>
      </c>
      <c r="B11329" s="1"/>
      <c r="C11329">
        <v>20</v>
      </c>
      <c r="D11329" t="s">
        <v>25625</v>
      </c>
      <c r="E11329" t="s">
        <v>34168</v>
      </c>
      <c r="F11329">
        <v>5</v>
      </c>
      <c r="G11329" t="s">
        <v>14</v>
      </c>
      <c r="H11329" t="s">
        <v>25626</v>
      </c>
      <c r="I11329" t="s">
        <v>30540</v>
      </c>
    </row>
    <row r="11330" spans="1:9">
      <c r="A11330" s="1">
        <v>0.53135745306376925</v>
      </c>
      <c r="B11330" s="1"/>
      <c r="C11330">
        <v>13</v>
      </c>
      <c r="D11330" t="s">
        <v>25621</v>
      </c>
      <c r="E11330" t="s">
        <v>34168</v>
      </c>
      <c r="F11330">
        <v>5</v>
      </c>
      <c r="G11330" t="s">
        <v>14</v>
      </c>
      <c r="H11330" t="s">
        <v>25622</v>
      </c>
      <c r="I11330" t="s">
        <v>30540</v>
      </c>
    </row>
    <row r="11331" spans="1:9">
      <c r="A11331" s="1">
        <v>0.71005026901349799</v>
      </c>
      <c r="B11331" s="1"/>
      <c r="C11331">
        <v>15</v>
      </c>
      <c r="D11331" t="s">
        <v>25623</v>
      </c>
      <c r="E11331" t="s">
        <v>34168</v>
      </c>
      <c r="F11331">
        <v>4</v>
      </c>
      <c r="G11331" t="s">
        <v>14</v>
      </c>
      <c r="H11331" t="s">
        <v>25624</v>
      </c>
      <c r="I11331" t="s">
        <v>30540</v>
      </c>
    </row>
    <row r="11332" spans="1:9">
      <c r="A11332" s="1">
        <v>0.66757758149416246</v>
      </c>
      <c r="B11332" s="1"/>
      <c r="C11332">
        <v>20</v>
      </c>
      <c r="D11332" t="s">
        <v>25619</v>
      </c>
      <c r="E11332" t="s">
        <v>34169</v>
      </c>
      <c r="F11332">
        <v>4</v>
      </c>
      <c r="G11332" t="s">
        <v>14</v>
      </c>
      <c r="H11332" t="s">
        <v>25620</v>
      </c>
      <c r="I11332" t="s">
        <v>30540</v>
      </c>
    </row>
    <row r="11333" spans="1:9">
      <c r="A11333" s="1">
        <v>0.52113958116352799</v>
      </c>
      <c r="B11333" s="1"/>
      <c r="C11333">
        <v>10</v>
      </c>
      <c r="D11333" t="s">
        <v>25615</v>
      </c>
      <c r="E11333" t="s">
        <v>34169</v>
      </c>
      <c r="F11333">
        <v>4</v>
      </c>
      <c r="G11333" t="s">
        <v>14</v>
      </c>
      <c r="H11333" t="s">
        <v>25616</v>
      </c>
      <c r="I11333" t="s">
        <v>30540</v>
      </c>
    </row>
    <row r="11334" spans="1:9">
      <c r="A11334" s="1">
        <v>0.52586369707644842</v>
      </c>
      <c r="B11334" s="1"/>
      <c r="C11334">
        <v>13</v>
      </c>
      <c r="D11334" t="s">
        <v>25617</v>
      </c>
      <c r="E11334" t="s">
        <v>34169</v>
      </c>
      <c r="F11334">
        <v>4</v>
      </c>
      <c r="G11334" t="s">
        <v>14</v>
      </c>
      <c r="H11334" t="s">
        <v>25618</v>
      </c>
      <c r="I11334" t="s">
        <v>30540</v>
      </c>
    </row>
    <row r="11335" spans="1:9">
      <c r="A11335" s="1">
        <v>0.80482139989024493</v>
      </c>
      <c r="B11335" s="1"/>
      <c r="C11335">
        <v>3</v>
      </c>
      <c r="D11335" t="s">
        <v>25613</v>
      </c>
      <c r="E11335" t="s">
        <v>34169</v>
      </c>
      <c r="F11335">
        <v>4</v>
      </c>
      <c r="G11335" t="s">
        <v>9</v>
      </c>
      <c r="H11335" t="s">
        <v>25614</v>
      </c>
      <c r="I11335" t="s">
        <v>30540</v>
      </c>
    </row>
    <row r="11336" spans="1:9">
      <c r="A11336" s="1">
        <v>8.9797789901836622E-2</v>
      </c>
      <c r="B11336" s="1"/>
      <c r="C11336">
        <v>2</v>
      </c>
      <c r="D11336" t="s">
        <v>25607</v>
      </c>
      <c r="E11336" t="s">
        <v>34170</v>
      </c>
      <c r="F11336">
        <v>4</v>
      </c>
      <c r="G11336" t="s">
        <v>9</v>
      </c>
      <c r="H11336" t="s">
        <v>25608</v>
      </c>
      <c r="I11336" t="s">
        <v>30540</v>
      </c>
    </row>
    <row r="11337" spans="1:9">
      <c r="A11337" s="1">
        <v>0.83636270114911648</v>
      </c>
      <c r="B11337" s="1"/>
      <c r="C11337">
        <v>12</v>
      </c>
      <c r="D11337" t="s">
        <v>25611</v>
      </c>
      <c r="E11337" t="s">
        <v>34170</v>
      </c>
      <c r="F11337">
        <v>3</v>
      </c>
      <c r="G11337" t="s">
        <v>14</v>
      </c>
      <c r="H11337" t="s">
        <v>25612</v>
      </c>
      <c r="I11337" t="s">
        <v>30540</v>
      </c>
    </row>
    <row r="11338" spans="1:9">
      <c r="A11338" s="1">
        <v>0.97004519793369071</v>
      </c>
      <c r="B11338" s="1"/>
      <c r="C11338">
        <v>10</v>
      </c>
      <c r="D11338" t="s">
        <v>25601</v>
      </c>
      <c r="E11338" t="s">
        <v>34171</v>
      </c>
      <c r="F11338">
        <v>4</v>
      </c>
      <c r="G11338" t="s">
        <v>14</v>
      </c>
      <c r="H11338" t="s">
        <v>25602</v>
      </c>
      <c r="I11338" t="s">
        <v>30540</v>
      </c>
    </row>
    <row r="11339" spans="1:9">
      <c r="A11339" s="1">
        <v>0.45310755141283499</v>
      </c>
      <c r="B11339" s="1"/>
      <c r="C11339">
        <v>16</v>
      </c>
      <c r="D11339" t="s">
        <v>25603</v>
      </c>
      <c r="E11339" t="s">
        <v>34171</v>
      </c>
      <c r="F11339">
        <v>4</v>
      </c>
      <c r="G11339" t="s">
        <v>14</v>
      </c>
      <c r="H11339" t="s">
        <v>25604</v>
      </c>
      <c r="I11339" t="s">
        <v>30540</v>
      </c>
    </row>
    <row r="11340" spans="1:9">
      <c r="A11340" s="1">
        <v>0.4427427775588475</v>
      </c>
      <c r="B11340" s="1"/>
      <c r="C11340">
        <v>17</v>
      </c>
      <c r="D11340" t="s">
        <v>25605</v>
      </c>
      <c r="E11340" t="s">
        <v>34171</v>
      </c>
      <c r="F11340">
        <v>4</v>
      </c>
      <c r="G11340" t="s">
        <v>14</v>
      </c>
      <c r="H11340" t="s">
        <v>25606</v>
      </c>
      <c r="I11340" t="s">
        <v>30540</v>
      </c>
    </row>
    <row r="11341" spans="1:9">
      <c r="A11341" s="1">
        <v>0.7791587161674417</v>
      </c>
      <c r="B11341" s="1"/>
      <c r="C11341">
        <v>11</v>
      </c>
      <c r="D11341" t="s">
        <v>25597</v>
      </c>
      <c r="E11341" t="s">
        <v>34172</v>
      </c>
      <c r="F11341">
        <v>4</v>
      </c>
      <c r="G11341" t="s">
        <v>14</v>
      </c>
      <c r="H11341" t="s">
        <v>25598</v>
      </c>
      <c r="I11341" t="s">
        <v>30540</v>
      </c>
    </row>
    <row r="11342" spans="1:9">
      <c r="A11342" s="1">
        <v>0.28283455768666776</v>
      </c>
      <c r="B11342" s="1"/>
      <c r="C11342">
        <v>20</v>
      </c>
      <c r="D11342" t="s">
        <v>25599</v>
      </c>
      <c r="E11342" t="s">
        <v>34172</v>
      </c>
      <c r="F11342">
        <v>3</v>
      </c>
      <c r="G11342" t="s">
        <v>1431</v>
      </c>
      <c r="H11342" t="s">
        <v>25600</v>
      </c>
      <c r="I11342" t="s">
        <v>30540</v>
      </c>
    </row>
    <row r="11343" spans="1:9">
      <c r="A11343" s="1">
        <v>0.52150809819735533</v>
      </c>
      <c r="B11343" s="1"/>
      <c r="C11343">
        <v>13</v>
      </c>
      <c r="D11343" t="s">
        <v>25595</v>
      </c>
      <c r="E11343" t="s">
        <v>34173</v>
      </c>
      <c r="F11343">
        <v>4</v>
      </c>
      <c r="G11343" t="s">
        <v>14</v>
      </c>
      <c r="H11343" t="s">
        <v>25596</v>
      </c>
      <c r="I11343" t="s">
        <v>30540</v>
      </c>
    </row>
    <row r="11344" spans="1:9">
      <c r="A11344" s="1">
        <v>0.58777985212510153</v>
      </c>
      <c r="B11344" s="1"/>
      <c r="C11344">
        <v>11</v>
      </c>
      <c r="D11344" t="s">
        <v>25593</v>
      </c>
      <c r="E11344" t="s">
        <v>34173</v>
      </c>
      <c r="F11344">
        <v>3</v>
      </c>
      <c r="G11344" t="s">
        <v>14</v>
      </c>
      <c r="H11344" t="s">
        <v>25594</v>
      </c>
      <c r="I11344" t="s">
        <v>30540</v>
      </c>
    </row>
    <row r="11345" spans="1:9">
      <c r="A11345" s="1">
        <v>0.30609259408287126</v>
      </c>
      <c r="B11345" s="1"/>
      <c r="C11345">
        <v>18</v>
      </c>
      <c r="D11345" t="s">
        <v>25589</v>
      </c>
      <c r="E11345" t="s">
        <v>34174</v>
      </c>
      <c r="F11345">
        <v>4</v>
      </c>
      <c r="G11345" t="s">
        <v>10</v>
      </c>
      <c r="H11345" t="s">
        <v>25590</v>
      </c>
      <c r="I11345" t="s">
        <v>30540</v>
      </c>
    </row>
    <row r="11346" spans="1:9">
      <c r="A11346" s="1">
        <v>0.27457835534054331</v>
      </c>
      <c r="B11346" s="1"/>
      <c r="C11346">
        <v>15</v>
      </c>
      <c r="D11346" t="s">
        <v>25587</v>
      </c>
      <c r="E11346" t="s">
        <v>34174</v>
      </c>
      <c r="F11346">
        <v>4</v>
      </c>
      <c r="G11346" t="s">
        <v>10</v>
      </c>
      <c r="H11346" t="s">
        <v>25588</v>
      </c>
      <c r="I11346" t="s">
        <v>30540</v>
      </c>
    </row>
    <row r="11347" spans="1:9">
      <c r="A11347" s="1">
        <v>0.69729706729260987</v>
      </c>
      <c r="B11347" s="1"/>
      <c r="C11347">
        <v>3</v>
      </c>
      <c r="D11347" t="s">
        <v>25585</v>
      </c>
      <c r="E11347" t="s">
        <v>34174</v>
      </c>
      <c r="F11347">
        <v>4</v>
      </c>
      <c r="G11347" t="s">
        <v>15</v>
      </c>
      <c r="H11347" t="s">
        <v>25586</v>
      </c>
      <c r="I11347" t="s">
        <v>30540</v>
      </c>
    </row>
    <row r="11348" spans="1:9">
      <c r="A11348" s="1">
        <v>0.80240936545867025</v>
      </c>
      <c r="B11348" s="1"/>
      <c r="C11348">
        <v>1</v>
      </c>
      <c r="D11348" t="s">
        <v>25577</v>
      </c>
      <c r="E11348" t="s">
        <v>34175</v>
      </c>
      <c r="F11348">
        <v>4</v>
      </c>
      <c r="G11348" t="s">
        <v>9</v>
      </c>
      <c r="H11348" t="s">
        <v>25578</v>
      </c>
      <c r="I11348" t="s">
        <v>30540</v>
      </c>
    </row>
    <row r="11349" spans="1:9">
      <c r="A11349" s="1">
        <v>0.82041533323160531</v>
      </c>
      <c r="B11349" s="1"/>
      <c r="C11349">
        <v>11</v>
      </c>
      <c r="D11349" t="s">
        <v>25579</v>
      </c>
      <c r="E11349" t="s">
        <v>34175</v>
      </c>
      <c r="F11349">
        <v>4</v>
      </c>
      <c r="G11349" t="s">
        <v>14</v>
      </c>
      <c r="H11349" t="s">
        <v>25580</v>
      </c>
      <c r="I11349" t="s">
        <v>30540</v>
      </c>
    </row>
    <row r="11350" spans="1:9">
      <c r="A11350" s="1">
        <v>6.5945464531436127E-4</v>
      </c>
      <c r="B11350" s="1"/>
      <c r="C11350">
        <v>19</v>
      </c>
      <c r="D11350" t="s">
        <v>25583</v>
      </c>
      <c r="E11350" t="s">
        <v>34175</v>
      </c>
      <c r="F11350">
        <v>4</v>
      </c>
      <c r="G11350" t="s">
        <v>14</v>
      </c>
      <c r="H11350" t="s">
        <v>25584</v>
      </c>
      <c r="I11350" t="s">
        <v>30540</v>
      </c>
    </row>
    <row r="11351" spans="1:9">
      <c r="A11351" s="1">
        <v>0.33371245758488488</v>
      </c>
      <c r="B11351" s="1"/>
      <c r="C11351">
        <v>14</v>
      </c>
      <c r="D11351" t="s">
        <v>25581</v>
      </c>
      <c r="E11351" t="s">
        <v>34175</v>
      </c>
      <c r="F11351">
        <v>3</v>
      </c>
      <c r="G11351" t="s">
        <v>14</v>
      </c>
      <c r="H11351" t="s">
        <v>25582</v>
      </c>
      <c r="I11351" t="s">
        <v>30540</v>
      </c>
    </row>
    <row r="11352" spans="1:9">
      <c r="A11352" s="1">
        <v>0.67806660154342702</v>
      </c>
      <c r="B11352" s="1"/>
      <c r="C11352">
        <v>18</v>
      </c>
      <c r="D11352" t="s">
        <v>25573</v>
      </c>
      <c r="E11352" t="s">
        <v>34176</v>
      </c>
      <c r="F11352">
        <v>4</v>
      </c>
      <c r="G11352" t="s">
        <v>14</v>
      </c>
      <c r="H11352" t="s">
        <v>25574</v>
      </c>
      <c r="I11352" t="s">
        <v>30540</v>
      </c>
    </row>
    <row r="11353" spans="1:9">
      <c r="A11353" s="1">
        <v>0.84751064100105622</v>
      </c>
      <c r="B11353" s="1"/>
      <c r="C11353">
        <v>11</v>
      </c>
      <c r="D11353" t="s">
        <v>25571</v>
      </c>
      <c r="E11353" t="s">
        <v>34176</v>
      </c>
      <c r="F11353">
        <v>4</v>
      </c>
      <c r="G11353" t="s">
        <v>14</v>
      </c>
      <c r="H11353" t="s">
        <v>25572</v>
      </c>
      <c r="I11353" t="s">
        <v>30540</v>
      </c>
    </row>
    <row r="11354" spans="1:9">
      <c r="A11354" s="1">
        <v>0.48681631122196811</v>
      </c>
      <c r="B11354" s="1"/>
      <c r="C11354">
        <v>19</v>
      </c>
      <c r="D11354" t="s">
        <v>25575</v>
      </c>
      <c r="E11354" t="s">
        <v>34176</v>
      </c>
      <c r="F11354">
        <v>3</v>
      </c>
      <c r="G11354" t="s">
        <v>14</v>
      </c>
      <c r="H11354" t="s">
        <v>25576</v>
      </c>
      <c r="I11354" t="s">
        <v>30540</v>
      </c>
    </row>
    <row r="11355" spans="1:9">
      <c r="A11355" s="1">
        <v>0.83449720702355679</v>
      </c>
      <c r="B11355" s="1"/>
      <c r="C11355">
        <v>20</v>
      </c>
      <c r="D11355" t="s">
        <v>25569</v>
      </c>
      <c r="E11355" t="s">
        <v>34177</v>
      </c>
      <c r="F11355">
        <v>5</v>
      </c>
      <c r="G11355" t="s">
        <v>770</v>
      </c>
      <c r="H11355" t="s">
        <v>25570</v>
      </c>
      <c r="I11355" t="s">
        <v>30540</v>
      </c>
    </row>
    <row r="11356" spans="1:9">
      <c r="A11356" s="1">
        <v>0.92956146968164788</v>
      </c>
      <c r="B11356" s="1"/>
      <c r="C11356">
        <v>7</v>
      </c>
      <c r="D11356" t="s">
        <v>25567</v>
      </c>
      <c r="E11356" t="s">
        <v>34177</v>
      </c>
      <c r="F11356">
        <v>4</v>
      </c>
      <c r="G11356" t="s">
        <v>771</v>
      </c>
      <c r="H11356" t="s">
        <v>25568</v>
      </c>
      <c r="I11356" t="s">
        <v>30540</v>
      </c>
    </row>
    <row r="11357" spans="1:9">
      <c r="A11357" s="1">
        <v>0.43252154761531991</v>
      </c>
      <c r="B11357" s="1"/>
      <c r="C11357">
        <v>12</v>
      </c>
      <c r="D11357" t="s">
        <v>25563</v>
      </c>
      <c r="E11357" t="s">
        <v>34178</v>
      </c>
      <c r="F11357">
        <v>5</v>
      </c>
      <c r="G11357" t="s">
        <v>14</v>
      </c>
      <c r="H11357" t="s">
        <v>25564</v>
      </c>
      <c r="I11357" t="s">
        <v>30540</v>
      </c>
    </row>
    <row r="11358" spans="1:9">
      <c r="A11358" s="1">
        <v>0.61585070804989739</v>
      </c>
      <c r="B11358" s="1"/>
      <c r="C11358">
        <v>13</v>
      </c>
      <c r="D11358" t="s">
        <v>25565</v>
      </c>
      <c r="E11358" t="s">
        <v>34178</v>
      </c>
      <c r="F11358">
        <v>4</v>
      </c>
      <c r="G11358" t="s">
        <v>14</v>
      </c>
      <c r="H11358" t="s">
        <v>25566</v>
      </c>
      <c r="I11358" t="s">
        <v>30540</v>
      </c>
    </row>
    <row r="11359" spans="1:9">
      <c r="A11359" s="1">
        <v>0.19455175562729654</v>
      </c>
      <c r="B11359" s="1"/>
      <c r="C11359">
        <v>10</v>
      </c>
      <c r="D11359" t="s">
        <v>25561</v>
      </c>
      <c r="E11359" t="s">
        <v>34178</v>
      </c>
      <c r="F11359">
        <v>4</v>
      </c>
      <c r="G11359" t="s">
        <v>2</v>
      </c>
      <c r="H11359" t="s">
        <v>25562</v>
      </c>
      <c r="I11359" t="s">
        <v>30540</v>
      </c>
    </row>
    <row r="11360" spans="1:9">
      <c r="A11360" s="1">
        <v>0.55000380298836637</v>
      </c>
      <c r="B11360" s="1"/>
      <c r="C11360">
        <v>10</v>
      </c>
      <c r="D11360" t="s">
        <v>25555</v>
      </c>
      <c r="E11360" t="s">
        <v>34179</v>
      </c>
      <c r="F11360">
        <v>5</v>
      </c>
      <c r="G11360" t="s">
        <v>14</v>
      </c>
      <c r="H11360" t="s">
        <v>25556</v>
      </c>
      <c r="I11360" t="s">
        <v>30540</v>
      </c>
    </row>
    <row r="11361" spans="1:9">
      <c r="A11361" s="1">
        <v>0.39464719761480793</v>
      </c>
      <c r="B11361" s="1"/>
      <c r="C11361">
        <v>18</v>
      </c>
      <c r="D11361" t="s">
        <v>25559</v>
      </c>
      <c r="E11361" t="s">
        <v>34179</v>
      </c>
      <c r="F11361">
        <v>5</v>
      </c>
      <c r="G11361" t="s">
        <v>14</v>
      </c>
      <c r="H11361" t="s">
        <v>25560</v>
      </c>
      <c r="I11361" t="s">
        <v>30540</v>
      </c>
    </row>
    <row r="11362" spans="1:9">
      <c r="A11362" s="1">
        <v>0.87164415586835209</v>
      </c>
      <c r="B11362" s="1"/>
      <c r="C11362">
        <v>9</v>
      </c>
      <c r="D11362" t="s">
        <v>25553</v>
      </c>
      <c r="E11362" t="s">
        <v>34180</v>
      </c>
      <c r="F11362">
        <v>5</v>
      </c>
      <c r="G11362" t="s">
        <v>14</v>
      </c>
      <c r="H11362" t="s">
        <v>25554</v>
      </c>
      <c r="I11362" t="s">
        <v>30540</v>
      </c>
    </row>
    <row r="11363" spans="1:9">
      <c r="A11363" s="1">
        <v>0.83280868929154017</v>
      </c>
      <c r="B11363" s="1"/>
      <c r="C11363">
        <v>1</v>
      </c>
      <c r="D11363" t="s">
        <v>25551</v>
      </c>
      <c r="E11363" t="s">
        <v>34180</v>
      </c>
      <c r="F11363">
        <v>4</v>
      </c>
      <c r="G11363" t="s">
        <v>14</v>
      </c>
      <c r="H11363" t="s">
        <v>25552</v>
      </c>
      <c r="I11363" t="s">
        <v>30540</v>
      </c>
    </row>
    <row r="11364" spans="1:9">
      <c r="A11364" s="1">
        <v>0.5269909466410454</v>
      </c>
      <c r="B11364" s="1"/>
      <c r="C11364">
        <v>19</v>
      </c>
      <c r="D11364" t="s">
        <v>25549</v>
      </c>
      <c r="E11364" t="s">
        <v>34181</v>
      </c>
      <c r="F11364">
        <v>4</v>
      </c>
      <c r="G11364" t="s">
        <v>14</v>
      </c>
      <c r="H11364" t="s">
        <v>25550</v>
      </c>
      <c r="I11364" t="s">
        <v>30540</v>
      </c>
    </row>
    <row r="11365" spans="1:9">
      <c r="A11365" s="1">
        <v>0.33051334496193563</v>
      </c>
      <c r="B11365" s="1"/>
      <c r="C11365">
        <v>13</v>
      </c>
      <c r="D11365" t="s">
        <v>25545</v>
      </c>
      <c r="E11365" t="s">
        <v>34181</v>
      </c>
      <c r="F11365">
        <v>4</v>
      </c>
      <c r="G11365" t="s">
        <v>14</v>
      </c>
      <c r="H11365" t="s">
        <v>25546</v>
      </c>
      <c r="I11365" t="s">
        <v>30540</v>
      </c>
    </row>
    <row r="11366" spans="1:9">
      <c r="A11366" s="1">
        <v>0.9108101771119782</v>
      </c>
      <c r="B11366" s="1"/>
      <c r="C11366">
        <v>15</v>
      </c>
      <c r="D11366" t="s">
        <v>25547</v>
      </c>
      <c r="E11366" t="s">
        <v>34181</v>
      </c>
      <c r="F11366">
        <v>3</v>
      </c>
      <c r="G11366" t="s">
        <v>9</v>
      </c>
      <c r="H11366" t="s">
        <v>25548</v>
      </c>
      <c r="I11366" t="s">
        <v>30540</v>
      </c>
    </row>
    <row r="11367" spans="1:9">
      <c r="A11367" s="1">
        <v>6.8376293834438773E-2</v>
      </c>
      <c r="B11367" s="1"/>
      <c r="C11367">
        <v>9</v>
      </c>
      <c r="D11367" t="s">
        <v>25541</v>
      </c>
      <c r="E11367" t="s">
        <v>34182</v>
      </c>
      <c r="F11367">
        <v>4</v>
      </c>
      <c r="G11367" t="s">
        <v>1</v>
      </c>
      <c r="H11367" t="s">
        <v>25542</v>
      </c>
      <c r="I11367" t="s">
        <v>30540</v>
      </c>
    </row>
    <row r="11368" spans="1:9">
      <c r="A11368" s="1">
        <v>0.32430878210470138</v>
      </c>
      <c r="B11368" s="1"/>
      <c r="C11368">
        <v>2</v>
      </c>
      <c r="D11368" t="s">
        <v>25535</v>
      </c>
      <c r="E11368" t="s">
        <v>34182</v>
      </c>
      <c r="F11368">
        <v>4</v>
      </c>
      <c r="G11368" t="s">
        <v>10</v>
      </c>
      <c r="H11368" t="s">
        <v>25536</v>
      </c>
      <c r="I11368" t="s">
        <v>30540</v>
      </c>
    </row>
    <row r="11369" spans="1:9">
      <c r="A11369" s="1">
        <v>0.10609506161582827</v>
      </c>
      <c r="B11369" s="1"/>
      <c r="C11369">
        <v>4</v>
      </c>
      <c r="D11369" t="s">
        <v>25537</v>
      </c>
      <c r="E11369" t="s">
        <v>34182</v>
      </c>
      <c r="F11369">
        <v>4</v>
      </c>
      <c r="G11369" t="s">
        <v>1426</v>
      </c>
      <c r="H11369" t="s">
        <v>25538</v>
      </c>
      <c r="I11369" t="s">
        <v>30540</v>
      </c>
    </row>
    <row r="11370" spans="1:9">
      <c r="A11370" s="1">
        <v>0.30298903073167383</v>
      </c>
      <c r="B11370" s="1"/>
      <c r="C11370">
        <v>8</v>
      </c>
      <c r="D11370" t="s">
        <v>25539</v>
      </c>
      <c r="E11370" t="s">
        <v>34182</v>
      </c>
      <c r="F11370">
        <v>4</v>
      </c>
      <c r="G11370" t="s">
        <v>1295</v>
      </c>
      <c r="H11370" t="s">
        <v>25540</v>
      </c>
      <c r="I11370" t="s">
        <v>30540</v>
      </c>
    </row>
    <row r="11371" spans="1:9">
      <c r="A11371" s="1">
        <v>0.80975791002783803</v>
      </c>
      <c r="B11371" s="1"/>
      <c r="C11371">
        <v>18</v>
      </c>
      <c r="D11371" t="s">
        <v>25543</v>
      </c>
      <c r="E11371" t="s">
        <v>34182</v>
      </c>
      <c r="F11371">
        <v>3</v>
      </c>
      <c r="G11371" t="s">
        <v>2738</v>
      </c>
      <c r="H11371" t="s">
        <v>25544</v>
      </c>
      <c r="I11371" t="s">
        <v>30540</v>
      </c>
    </row>
    <row r="11372" spans="1:9">
      <c r="A11372" s="1">
        <v>0.66630467523825021</v>
      </c>
      <c r="B11372" s="1"/>
      <c r="C11372">
        <v>11</v>
      </c>
      <c r="D11372" t="s">
        <v>25531</v>
      </c>
      <c r="E11372" t="s">
        <v>34183</v>
      </c>
      <c r="F11372">
        <v>5</v>
      </c>
      <c r="G11372" t="s">
        <v>14</v>
      </c>
      <c r="H11372" t="s">
        <v>25532</v>
      </c>
      <c r="I11372" t="s">
        <v>30540</v>
      </c>
    </row>
    <row r="11373" spans="1:9">
      <c r="A11373" s="1">
        <v>8.9049340341459171E-2</v>
      </c>
      <c r="B11373" s="1"/>
      <c r="C11373">
        <v>15</v>
      </c>
      <c r="D11373" t="s">
        <v>25533</v>
      </c>
      <c r="E11373" t="s">
        <v>34183</v>
      </c>
      <c r="F11373">
        <v>4</v>
      </c>
      <c r="G11373" t="s">
        <v>14</v>
      </c>
      <c r="H11373" t="s">
        <v>25534</v>
      </c>
      <c r="I11373" t="s">
        <v>30540</v>
      </c>
    </row>
    <row r="11374" spans="1:9">
      <c r="A11374" s="1">
        <v>0.97989949049269898</v>
      </c>
      <c r="B11374" s="1"/>
      <c r="C11374">
        <v>4</v>
      </c>
      <c r="D11374" t="s">
        <v>25529</v>
      </c>
      <c r="E11374" t="s">
        <v>34183</v>
      </c>
      <c r="F11374">
        <v>4</v>
      </c>
      <c r="G11374" t="s">
        <v>14</v>
      </c>
      <c r="H11374" t="s">
        <v>25530</v>
      </c>
      <c r="I11374" t="s">
        <v>30540</v>
      </c>
    </row>
    <row r="11375" spans="1:9">
      <c r="A11375" s="1">
        <v>0.51019141075829377</v>
      </c>
      <c r="B11375" s="1"/>
      <c r="C11375">
        <v>9</v>
      </c>
      <c r="D11375" t="s">
        <v>25523</v>
      </c>
      <c r="E11375" t="s">
        <v>34184</v>
      </c>
      <c r="F11375">
        <v>4</v>
      </c>
      <c r="G11375" t="s">
        <v>14</v>
      </c>
      <c r="H11375" t="s">
        <v>25524</v>
      </c>
      <c r="I11375" t="s">
        <v>30540</v>
      </c>
    </row>
    <row r="11376" spans="1:9">
      <c r="A11376" s="1">
        <v>0.54797360342312251</v>
      </c>
      <c r="B11376" s="1"/>
      <c r="C11376">
        <v>11</v>
      </c>
      <c r="D11376" t="s">
        <v>25525</v>
      </c>
      <c r="E11376" t="s">
        <v>34184</v>
      </c>
      <c r="F11376">
        <v>4</v>
      </c>
      <c r="G11376" t="s">
        <v>14</v>
      </c>
      <c r="H11376" t="s">
        <v>25526</v>
      </c>
      <c r="I11376" t="s">
        <v>30540</v>
      </c>
    </row>
    <row r="11377" spans="1:9">
      <c r="A11377" s="1">
        <v>0.47839562686939641</v>
      </c>
      <c r="B11377" s="1"/>
      <c r="C11377">
        <v>15</v>
      </c>
      <c r="D11377" t="s">
        <v>25527</v>
      </c>
      <c r="E11377" t="s">
        <v>34184</v>
      </c>
      <c r="F11377">
        <v>4</v>
      </c>
      <c r="G11377" t="s">
        <v>2</v>
      </c>
      <c r="H11377" t="s">
        <v>25528</v>
      </c>
      <c r="I11377" t="s">
        <v>30540</v>
      </c>
    </row>
    <row r="11378" spans="1:9">
      <c r="A11378" s="1">
        <v>3.457661655922295E-2</v>
      </c>
      <c r="B11378" s="1"/>
      <c r="C11378">
        <v>7</v>
      </c>
      <c r="D11378" t="s">
        <v>25521</v>
      </c>
      <c r="E11378" t="s">
        <v>34184</v>
      </c>
      <c r="F11378">
        <v>4</v>
      </c>
      <c r="G11378" t="s">
        <v>0</v>
      </c>
      <c r="H11378" t="s">
        <v>25522</v>
      </c>
      <c r="I11378" t="s">
        <v>30540</v>
      </c>
    </row>
    <row r="11379" spans="1:9">
      <c r="A11379" s="1">
        <v>0.34630983181828023</v>
      </c>
      <c r="B11379" s="1"/>
      <c r="C11379">
        <v>3</v>
      </c>
      <c r="D11379" t="s">
        <v>25517</v>
      </c>
      <c r="E11379" t="s">
        <v>34184</v>
      </c>
      <c r="F11379">
        <v>4</v>
      </c>
      <c r="G11379" t="s">
        <v>9</v>
      </c>
      <c r="H11379" t="s">
        <v>25518</v>
      </c>
      <c r="I11379" t="s">
        <v>30540</v>
      </c>
    </row>
    <row r="11380" spans="1:9">
      <c r="A11380" s="1">
        <v>0.12184917110126792</v>
      </c>
      <c r="B11380" s="1"/>
      <c r="C11380">
        <v>5</v>
      </c>
      <c r="D11380" t="s">
        <v>25519</v>
      </c>
      <c r="E11380" t="s">
        <v>34184</v>
      </c>
      <c r="F11380">
        <v>3</v>
      </c>
      <c r="G11380" t="s">
        <v>9</v>
      </c>
      <c r="H11380" t="s">
        <v>25520</v>
      </c>
      <c r="I11380" t="s">
        <v>30540</v>
      </c>
    </row>
    <row r="11381" spans="1:9">
      <c r="A11381" s="1">
        <v>0.37777286062253124</v>
      </c>
      <c r="B11381" s="1"/>
      <c r="C11381">
        <v>9</v>
      </c>
      <c r="D11381" t="s">
        <v>25511</v>
      </c>
      <c r="E11381" t="s">
        <v>34185</v>
      </c>
      <c r="F11381">
        <v>5</v>
      </c>
      <c r="G11381" t="s">
        <v>14</v>
      </c>
      <c r="H11381" t="s">
        <v>25512</v>
      </c>
      <c r="I11381" t="s">
        <v>30540</v>
      </c>
    </row>
    <row r="11382" spans="1:9">
      <c r="A11382" s="1">
        <v>0.31642658566087678</v>
      </c>
      <c r="B11382" s="1"/>
      <c r="C11382">
        <v>3</v>
      </c>
      <c r="D11382" t="s">
        <v>25509</v>
      </c>
      <c r="E11382" t="s">
        <v>34185</v>
      </c>
      <c r="F11382">
        <v>4</v>
      </c>
      <c r="G11382" t="s">
        <v>13</v>
      </c>
      <c r="H11382" t="s">
        <v>25510</v>
      </c>
      <c r="I11382" t="s">
        <v>30540</v>
      </c>
    </row>
    <row r="11383" spans="1:9">
      <c r="A11383" s="1">
        <v>0.39688972531694811</v>
      </c>
      <c r="B11383" s="1"/>
      <c r="C11383">
        <v>14</v>
      </c>
      <c r="D11383" t="s">
        <v>25513</v>
      </c>
      <c r="E11383" t="s">
        <v>34185</v>
      </c>
      <c r="F11383">
        <v>4</v>
      </c>
      <c r="G11383" t="s">
        <v>14</v>
      </c>
      <c r="H11383" t="s">
        <v>25514</v>
      </c>
      <c r="I11383" t="s">
        <v>30540</v>
      </c>
    </row>
    <row r="11384" spans="1:9">
      <c r="A11384" s="1">
        <v>5.14453163117079E-3</v>
      </c>
      <c r="B11384" s="1"/>
      <c r="C11384">
        <v>16</v>
      </c>
      <c r="D11384" t="s">
        <v>25515</v>
      </c>
      <c r="E11384" t="s">
        <v>34185</v>
      </c>
      <c r="F11384">
        <v>3</v>
      </c>
      <c r="G11384" t="s">
        <v>14</v>
      </c>
      <c r="H11384" t="s">
        <v>25516</v>
      </c>
      <c r="I11384" t="s">
        <v>30540</v>
      </c>
    </row>
    <row r="11385" spans="1:9">
      <c r="A11385" s="1">
        <v>0.72965496271899177</v>
      </c>
      <c r="B11385" s="1"/>
      <c r="C11385">
        <v>6</v>
      </c>
      <c r="D11385" t="s">
        <v>25507</v>
      </c>
      <c r="E11385" t="s">
        <v>34186</v>
      </c>
      <c r="F11385">
        <v>4</v>
      </c>
      <c r="G11385" t="s">
        <v>14</v>
      </c>
      <c r="H11385" t="s">
        <v>25508</v>
      </c>
      <c r="I11385" t="s">
        <v>30540</v>
      </c>
    </row>
    <row r="11386" spans="1:9">
      <c r="A11386" s="1">
        <v>0.28661303532147953</v>
      </c>
      <c r="B11386" s="1"/>
      <c r="C11386">
        <v>3</v>
      </c>
      <c r="D11386" t="s">
        <v>25505</v>
      </c>
      <c r="E11386" t="s">
        <v>34186</v>
      </c>
      <c r="F11386">
        <v>3</v>
      </c>
      <c r="G11386" t="s">
        <v>9</v>
      </c>
      <c r="H11386" t="s">
        <v>25506</v>
      </c>
      <c r="I11386" t="s">
        <v>30540</v>
      </c>
    </row>
    <row r="11387" spans="1:9">
      <c r="A11387" s="1">
        <v>0.67907938054739925</v>
      </c>
      <c r="B11387" s="1"/>
      <c r="C11387">
        <v>11</v>
      </c>
      <c r="D11387" t="s">
        <v>25499</v>
      </c>
      <c r="E11387" t="s">
        <v>34187</v>
      </c>
      <c r="F11387">
        <v>4</v>
      </c>
      <c r="G11387" t="s">
        <v>2</v>
      </c>
      <c r="H11387" t="s">
        <v>25500</v>
      </c>
      <c r="I11387" t="s">
        <v>30540</v>
      </c>
    </row>
    <row r="11388" spans="1:9">
      <c r="A11388" s="1">
        <v>0.41900950506561585</v>
      </c>
      <c r="B11388" s="1"/>
      <c r="C11388">
        <v>14</v>
      </c>
      <c r="D11388" t="s">
        <v>25503</v>
      </c>
      <c r="E11388" t="s">
        <v>34187</v>
      </c>
      <c r="F11388">
        <v>4</v>
      </c>
      <c r="G11388" t="s">
        <v>14</v>
      </c>
      <c r="H11388" t="s">
        <v>25504</v>
      </c>
      <c r="I11388" t="s">
        <v>30540</v>
      </c>
    </row>
    <row r="11389" spans="1:9">
      <c r="A11389" s="1">
        <v>0.45745310070674627</v>
      </c>
      <c r="B11389" s="1"/>
      <c r="C11389">
        <v>1</v>
      </c>
      <c r="D11389" t="s">
        <v>25497</v>
      </c>
      <c r="E11389" t="s">
        <v>34187</v>
      </c>
      <c r="F11389">
        <v>4</v>
      </c>
      <c r="G11389" t="s">
        <v>10</v>
      </c>
      <c r="H11389" t="s">
        <v>25498</v>
      </c>
      <c r="I11389" t="s">
        <v>30540</v>
      </c>
    </row>
    <row r="11390" spans="1:9">
      <c r="A11390" s="1">
        <v>0.76372254079213953</v>
      </c>
      <c r="B11390" s="1"/>
      <c r="C11390">
        <v>13</v>
      </c>
      <c r="D11390" t="s">
        <v>25501</v>
      </c>
      <c r="E11390" t="s">
        <v>34187</v>
      </c>
      <c r="F11390">
        <v>4</v>
      </c>
      <c r="G11390" t="s">
        <v>14</v>
      </c>
      <c r="H11390" t="s">
        <v>25502</v>
      </c>
      <c r="I11390" t="s">
        <v>30540</v>
      </c>
    </row>
    <row r="11391" spans="1:9">
      <c r="A11391" s="1">
        <v>0.50021492588022232</v>
      </c>
      <c r="B11391" s="1"/>
      <c r="C11391">
        <v>20</v>
      </c>
      <c r="D11391" t="s">
        <v>25495</v>
      </c>
      <c r="E11391" t="s">
        <v>34188</v>
      </c>
      <c r="F11391">
        <v>4</v>
      </c>
      <c r="G11391" t="s">
        <v>13</v>
      </c>
      <c r="H11391" t="s">
        <v>25496</v>
      </c>
      <c r="I11391" t="s">
        <v>30540</v>
      </c>
    </row>
    <row r="11392" spans="1:9">
      <c r="A11392" s="1">
        <v>0.71230732422619059</v>
      </c>
      <c r="B11392" s="1"/>
      <c r="C11392">
        <v>9</v>
      </c>
      <c r="D11392" t="s">
        <v>25491</v>
      </c>
      <c r="E11392" t="s">
        <v>34188</v>
      </c>
      <c r="F11392">
        <v>4</v>
      </c>
      <c r="G11392" t="s">
        <v>14</v>
      </c>
      <c r="H11392" t="s">
        <v>25492</v>
      </c>
      <c r="I11392" t="s">
        <v>30540</v>
      </c>
    </row>
    <row r="11393" spans="1:9">
      <c r="A11393" s="1">
        <v>0.18367852990632738</v>
      </c>
      <c r="B11393" s="1"/>
      <c r="C11393">
        <v>19</v>
      </c>
      <c r="D11393" t="s">
        <v>25493</v>
      </c>
      <c r="E11393" t="s">
        <v>34188</v>
      </c>
      <c r="F11393">
        <v>4</v>
      </c>
      <c r="G11393" t="s">
        <v>14</v>
      </c>
      <c r="H11393" t="s">
        <v>25494</v>
      </c>
      <c r="I11393" t="s">
        <v>30540</v>
      </c>
    </row>
    <row r="11394" spans="1:9">
      <c r="A11394" s="1">
        <v>0.21310188546645759</v>
      </c>
      <c r="B11394" s="1"/>
      <c r="C11394">
        <v>14</v>
      </c>
      <c r="D11394" t="s">
        <v>25489</v>
      </c>
      <c r="E11394" t="s">
        <v>34189</v>
      </c>
      <c r="F11394">
        <v>5</v>
      </c>
      <c r="G11394" t="s">
        <v>14</v>
      </c>
      <c r="H11394" t="s">
        <v>25490</v>
      </c>
      <c r="I11394" t="s">
        <v>30540</v>
      </c>
    </row>
    <row r="11395" spans="1:9">
      <c r="A11395" s="1">
        <v>8.0866090882270258E-2</v>
      </c>
      <c r="B11395" s="1"/>
      <c r="C11395">
        <v>2</v>
      </c>
      <c r="D11395" t="s">
        <v>25487</v>
      </c>
      <c r="E11395" t="s">
        <v>34189</v>
      </c>
      <c r="F11395">
        <v>4</v>
      </c>
      <c r="G11395" t="s">
        <v>9</v>
      </c>
      <c r="H11395" t="s">
        <v>25488</v>
      </c>
      <c r="I11395" t="s">
        <v>30540</v>
      </c>
    </row>
    <row r="11396" spans="1:9">
      <c r="A11396" s="1">
        <v>6.5985757753237562E-2</v>
      </c>
      <c r="B11396" s="1"/>
      <c r="C11396">
        <v>15</v>
      </c>
      <c r="D11396" t="s">
        <v>25485</v>
      </c>
      <c r="E11396" t="s">
        <v>34190</v>
      </c>
      <c r="F11396">
        <v>5</v>
      </c>
      <c r="G11396" t="s">
        <v>14</v>
      </c>
      <c r="H11396" t="s">
        <v>25486</v>
      </c>
      <c r="I11396" t="s">
        <v>30540</v>
      </c>
    </row>
    <row r="11397" spans="1:9">
      <c r="A11397" s="1">
        <v>0.26523036929397703</v>
      </c>
      <c r="B11397" s="1"/>
      <c r="C11397">
        <v>8</v>
      </c>
      <c r="D11397" t="s">
        <v>25479</v>
      </c>
      <c r="E11397" t="s">
        <v>34190</v>
      </c>
      <c r="F11397">
        <v>4</v>
      </c>
      <c r="G11397" t="s">
        <v>14</v>
      </c>
      <c r="H11397" t="s">
        <v>25480</v>
      </c>
      <c r="I11397" t="s">
        <v>30540</v>
      </c>
    </row>
    <row r="11398" spans="1:9">
      <c r="A11398" s="1">
        <v>0.65044910476137763</v>
      </c>
      <c r="B11398" s="1"/>
      <c r="C11398">
        <v>14</v>
      </c>
      <c r="D11398" t="s">
        <v>25483</v>
      </c>
      <c r="E11398" t="s">
        <v>34190</v>
      </c>
      <c r="F11398">
        <v>4</v>
      </c>
      <c r="G11398" t="s">
        <v>14</v>
      </c>
      <c r="H11398" t="s">
        <v>25484</v>
      </c>
      <c r="I11398" t="s">
        <v>30540</v>
      </c>
    </row>
    <row r="11399" spans="1:9">
      <c r="A11399" s="1">
        <v>0.41548228070338356</v>
      </c>
      <c r="B11399" s="1"/>
      <c r="C11399">
        <v>11</v>
      </c>
      <c r="D11399" t="s">
        <v>25481</v>
      </c>
      <c r="E11399" t="s">
        <v>34190</v>
      </c>
      <c r="F11399">
        <v>4</v>
      </c>
      <c r="G11399" t="s">
        <v>0</v>
      </c>
      <c r="H11399" t="s">
        <v>25482</v>
      </c>
      <c r="I11399" t="s">
        <v>30540</v>
      </c>
    </row>
    <row r="11400" spans="1:9">
      <c r="A11400" s="1">
        <v>0.10393764692720131</v>
      </c>
      <c r="B11400" s="1"/>
      <c r="C11400">
        <v>2</v>
      </c>
      <c r="D11400" t="s">
        <v>25477</v>
      </c>
      <c r="E11400" t="s">
        <v>34190</v>
      </c>
      <c r="F11400">
        <v>4</v>
      </c>
      <c r="G11400" t="s">
        <v>13</v>
      </c>
      <c r="H11400" t="s">
        <v>25478</v>
      </c>
      <c r="I11400" t="s">
        <v>30540</v>
      </c>
    </row>
    <row r="11401" spans="1:9">
      <c r="A11401" s="1">
        <v>0.7676956665803174</v>
      </c>
      <c r="B11401" s="1"/>
      <c r="C11401">
        <v>2</v>
      </c>
      <c r="D11401" t="s">
        <v>25465</v>
      </c>
      <c r="E11401" t="s">
        <v>34191</v>
      </c>
      <c r="F11401">
        <v>5</v>
      </c>
      <c r="G11401" t="s">
        <v>2</v>
      </c>
      <c r="H11401" t="s">
        <v>25466</v>
      </c>
      <c r="I11401" t="s">
        <v>30540</v>
      </c>
    </row>
    <row r="11402" spans="1:9">
      <c r="A11402" s="1">
        <v>0.74229276499690455</v>
      </c>
      <c r="B11402" s="1"/>
      <c r="C11402">
        <v>16</v>
      </c>
      <c r="D11402" t="s">
        <v>25475</v>
      </c>
      <c r="E11402" t="s">
        <v>34191</v>
      </c>
      <c r="F11402">
        <v>4</v>
      </c>
      <c r="G11402" t="s">
        <v>14</v>
      </c>
      <c r="H11402" t="s">
        <v>25476</v>
      </c>
      <c r="I11402" t="s">
        <v>30540</v>
      </c>
    </row>
    <row r="11403" spans="1:9">
      <c r="A11403" s="1">
        <v>0.41015577242838319</v>
      </c>
      <c r="B11403" s="1"/>
      <c r="C11403">
        <v>7</v>
      </c>
      <c r="D11403" t="s">
        <v>25469</v>
      </c>
      <c r="E11403" t="s">
        <v>34191</v>
      </c>
      <c r="F11403">
        <v>4</v>
      </c>
      <c r="G11403" t="s">
        <v>14</v>
      </c>
      <c r="H11403" t="s">
        <v>25470</v>
      </c>
      <c r="I11403" t="s">
        <v>30540</v>
      </c>
    </row>
    <row r="11404" spans="1:9">
      <c r="A11404" s="1">
        <v>0.74927495617885465</v>
      </c>
      <c r="B11404" s="1"/>
      <c r="C11404">
        <v>13</v>
      </c>
      <c r="D11404" t="s">
        <v>25473</v>
      </c>
      <c r="E11404" t="s">
        <v>34191</v>
      </c>
      <c r="F11404">
        <v>4</v>
      </c>
      <c r="G11404" t="s">
        <v>14</v>
      </c>
      <c r="H11404" t="s">
        <v>25474</v>
      </c>
      <c r="I11404" t="s">
        <v>30540</v>
      </c>
    </row>
    <row r="11405" spans="1:9">
      <c r="A11405" s="1">
        <v>0.43893039359076913</v>
      </c>
      <c r="B11405" s="1"/>
      <c r="C11405">
        <v>4</v>
      </c>
      <c r="D11405" t="s">
        <v>25467</v>
      </c>
      <c r="E11405" t="s">
        <v>34191</v>
      </c>
      <c r="F11405">
        <v>4</v>
      </c>
      <c r="G11405" t="s">
        <v>15</v>
      </c>
      <c r="H11405" t="s">
        <v>25468</v>
      </c>
      <c r="I11405" t="s">
        <v>30540</v>
      </c>
    </row>
    <row r="11406" spans="1:9">
      <c r="A11406" s="1">
        <v>0.89942047204382403</v>
      </c>
      <c r="B11406" s="1"/>
      <c r="C11406">
        <v>8</v>
      </c>
      <c r="D11406" t="s">
        <v>25471</v>
      </c>
      <c r="E11406" t="s">
        <v>34191</v>
      </c>
      <c r="F11406">
        <v>4</v>
      </c>
      <c r="G11406" t="s">
        <v>2</v>
      </c>
      <c r="H11406" t="s">
        <v>25472</v>
      </c>
      <c r="I11406" t="s">
        <v>30540</v>
      </c>
    </row>
    <row r="11407" spans="1:9">
      <c r="A11407" s="1">
        <v>2.3093116662926128E-2</v>
      </c>
      <c r="B11407" s="1"/>
      <c r="C11407">
        <v>20</v>
      </c>
      <c r="D11407" t="s">
        <v>25463</v>
      </c>
      <c r="E11407" t="s">
        <v>34192</v>
      </c>
      <c r="F11407">
        <v>5</v>
      </c>
      <c r="G11407" t="s">
        <v>14</v>
      </c>
      <c r="H11407" t="s">
        <v>25464</v>
      </c>
      <c r="I11407" t="s">
        <v>30540</v>
      </c>
    </row>
    <row r="11408" spans="1:9">
      <c r="A11408" s="1">
        <v>6.8683879665037195E-2</v>
      </c>
      <c r="B11408" s="1"/>
      <c r="C11408">
        <v>8</v>
      </c>
      <c r="D11408" t="s">
        <v>25461</v>
      </c>
      <c r="E11408" t="s">
        <v>34192</v>
      </c>
      <c r="F11408">
        <v>4</v>
      </c>
      <c r="G11408" t="s">
        <v>1431</v>
      </c>
      <c r="H11408" t="s">
        <v>25462</v>
      </c>
      <c r="I11408" t="s">
        <v>30540</v>
      </c>
    </row>
    <row r="11409" spans="1:9">
      <c r="A11409" s="1">
        <v>0.62713665563792687</v>
      </c>
      <c r="B11409" s="1"/>
      <c r="C11409">
        <v>4</v>
      </c>
      <c r="D11409" t="s">
        <v>25459</v>
      </c>
      <c r="E11409" t="s">
        <v>34192</v>
      </c>
      <c r="F11409">
        <v>4</v>
      </c>
      <c r="G11409" t="s">
        <v>14</v>
      </c>
      <c r="H11409" t="s">
        <v>25460</v>
      </c>
      <c r="I11409" t="s">
        <v>30540</v>
      </c>
    </row>
    <row r="11410" spans="1:9">
      <c r="A11410" s="1">
        <v>0.68256878830115464</v>
      </c>
      <c r="B11410" s="1"/>
      <c r="C11410">
        <v>8</v>
      </c>
      <c r="D11410" t="s">
        <v>25453</v>
      </c>
      <c r="E11410" t="s">
        <v>34193</v>
      </c>
      <c r="F11410">
        <v>4</v>
      </c>
      <c r="G11410" t="s">
        <v>14</v>
      </c>
      <c r="H11410" t="s">
        <v>25454</v>
      </c>
      <c r="I11410" t="s">
        <v>30540</v>
      </c>
    </row>
    <row r="11411" spans="1:9">
      <c r="A11411" s="1">
        <v>0.32705675188806427</v>
      </c>
      <c r="B11411" s="1"/>
      <c r="C11411">
        <v>7</v>
      </c>
      <c r="D11411" t="s">
        <v>25451</v>
      </c>
      <c r="E11411" t="s">
        <v>34193</v>
      </c>
      <c r="F11411">
        <v>4</v>
      </c>
      <c r="G11411" t="s">
        <v>14</v>
      </c>
      <c r="H11411" t="s">
        <v>25452</v>
      </c>
      <c r="I11411" t="s">
        <v>30540</v>
      </c>
    </row>
    <row r="11412" spans="1:9">
      <c r="A11412" s="1">
        <v>0.30113388571155919</v>
      </c>
      <c r="B11412" s="1"/>
      <c r="C11412">
        <v>13</v>
      </c>
      <c r="D11412" t="s">
        <v>25455</v>
      </c>
      <c r="E11412" t="s">
        <v>34193</v>
      </c>
      <c r="F11412">
        <v>4</v>
      </c>
      <c r="G11412" t="s">
        <v>1</v>
      </c>
      <c r="H11412" t="s">
        <v>25456</v>
      </c>
      <c r="I11412" t="s">
        <v>30540</v>
      </c>
    </row>
    <row r="11413" spans="1:9">
      <c r="A11413" s="1">
        <v>2.5545551287300183E-2</v>
      </c>
      <c r="B11413" s="1"/>
      <c r="C11413">
        <v>19</v>
      </c>
      <c r="D11413" t="s">
        <v>25447</v>
      </c>
      <c r="E11413" t="s">
        <v>34194</v>
      </c>
      <c r="F11413">
        <v>5</v>
      </c>
      <c r="G11413" t="s">
        <v>14</v>
      </c>
      <c r="H11413" t="s">
        <v>25448</v>
      </c>
      <c r="I11413" t="s">
        <v>30540</v>
      </c>
    </row>
    <row r="11414" spans="1:9">
      <c r="A11414" s="1">
        <v>0.18648602612262977</v>
      </c>
      <c r="B11414" s="1"/>
      <c r="C11414">
        <v>6</v>
      </c>
      <c r="D11414" t="s">
        <v>25441</v>
      </c>
      <c r="E11414" t="s">
        <v>34194</v>
      </c>
      <c r="F11414">
        <v>5</v>
      </c>
      <c r="G11414" t="s">
        <v>14</v>
      </c>
      <c r="H11414" t="s">
        <v>25442</v>
      </c>
      <c r="I11414" t="s">
        <v>30540</v>
      </c>
    </row>
    <row r="11415" spans="1:9">
      <c r="A11415" s="1">
        <v>0.12577385933138852</v>
      </c>
      <c r="B11415" s="1"/>
      <c r="C11415">
        <v>13</v>
      </c>
      <c r="D11415" t="s">
        <v>25445</v>
      </c>
      <c r="E11415" t="s">
        <v>34194</v>
      </c>
      <c r="F11415">
        <v>4</v>
      </c>
      <c r="G11415" t="s">
        <v>14</v>
      </c>
      <c r="H11415" t="s">
        <v>25446</v>
      </c>
      <c r="I11415" t="s">
        <v>30540</v>
      </c>
    </row>
    <row r="11416" spans="1:9">
      <c r="A11416" s="1">
        <v>0.48004371700855819</v>
      </c>
      <c r="B11416" s="1"/>
      <c r="C11416">
        <v>1</v>
      </c>
      <c r="D11416" t="s">
        <v>25439</v>
      </c>
      <c r="E11416" t="s">
        <v>34194</v>
      </c>
      <c r="F11416">
        <v>4</v>
      </c>
      <c r="G11416" t="s">
        <v>2</v>
      </c>
      <c r="H11416" t="s">
        <v>25440</v>
      </c>
      <c r="I11416" t="s">
        <v>30540</v>
      </c>
    </row>
    <row r="11417" spans="1:9">
      <c r="A11417" s="1">
        <v>0.95427168051830791</v>
      </c>
      <c r="B11417" s="1"/>
      <c r="C11417">
        <v>11</v>
      </c>
      <c r="D11417" t="s">
        <v>25443</v>
      </c>
      <c r="E11417" t="s">
        <v>34194</v>
      </c>
      <c r="F11417">
        <v>4</v>
      </c>
      <c r="G11417" t="s">
        <v>9</v>
      </c>
      <c r="H11417" t="s">
        <v>25444</v>
      </c>
      <c r="I11417" t="s">
        <v>30540</v>
      </c>
    </row>
    <row r="11418" spans="1:9">
      <c r="A11418" s="1">
        <v>0.30740293705480193</v>
      </c>
      <c r="B11418" s="1"/>
      <c r="C11418">
        <v>7</v>
      </c>
      <c r="D11418" t="s">
        <v>25437</v>
      </c>
      <c r="E11418" t="s">
        <v>34195</v>
      </c>
      <c r="F11418">
        <v>4</v>
      </c>
      <c r="G11418" t="s">
        <v>14</v>
      </c>
      <c r="H11418" t="s">
        <v>25438</v>
      </c>
      <c r="I11418" t="s">
        <v>30540</v>
      </c>
    </row>
    <row r="11419" spans="1:9">
      <c r="A11419" s="1">
        <v>0.17798291194107674</v>
      </c>
      <c r="B11419" s="1"/>
      <c r="C11419">
        <v>1</v>
      </c>
      <c r="D11419" t="s">
        <v>25429</v>
      </c>
      <c r="E11419" t="s">
        <v>34196</v>
      </c>
      <c r="F11419">
        <v>4</v>
      </c>
      <c r="G11419" t="s">
        <v>770</v>
      </c>
      <c r="H11419" t="s">
        <v>25430</v>
      </c>
      <c r="I11419" t="s">
        <v>30540</v>
      </c>
    </row>
    <row r="11420" spans="1:9">
      <c r="A11420" s="1">
        <v>0.50845040431523536</v>
      </c>
      <c r="B11420" s="1"/>
      <c r="C11420">
        <v>14</v>
      </c>
      <c r="D11420" t="s">
        <v>25433</v>
      </c>
      <c r="E11420" t="s">
        <v>34196</v>
      </c>
      <c r="F11420">
        <v>4</v>
      </c>
      <c r="G11420" t="s">
        <v>10</v>
      </c>
      <c r="H11420" t="s">
        <v>25434</v>
      </c>
      <c r="I11420" t="s">
        <v>30540</v>
      </c>
    </row>
    <row r="11421" spans="1:9">
      <c r="A11421" s="1">
        <v>0.78278631759875228</v>
      </c>
      <c r="B11421" s="1"/>
      <c r="C11421">
        <v>15</v>
      </c>
      <c r="D11421" t="s">
        <v>25435</v>
      </c>
      <c r="E11421" t="s">
        <v>34196</v>
      </c>
      <c r="F11421">
        <v>4</v>
      </c>
      <c r="G11421" t="s">
        <v>10</v>
      </c>
      <c r="H11421" t="s">
        <v>25436</v>
      </c>
      <c r="I11421" t="s">
        <v>30540</v>
      </c>
    </row>
    <row r="11422" spans="1:9">
      <c r="A11422" s="1">
        <v>0.19598996513736955</v>
      </c>
      <c r="B11422" s="1"/>
      <c r="C11422">
        <v>10</v>
      </c>
      <c r="D11422" t="s">
        <v>25431</v>
      </c>
      <c r="E11422" t="s">
        <v>34196</v>
      </c>
      <c r="F11422">
        <v>4</v>
      </c>
      <c r="G11422" t="s">
        <v>10</v>
      </c>
      <c r="H11422" t="s">
        <v>25432</v>
      </c>
      <c r="I11422" t="s">
        <v>30540</v>
      </c>
    </row>
    <row r="11423" spans="1:9">
      <c r="A11423" s="1">
        <v>0.9399401455872658</v>
      </c>
      <c r="B11423" s="1"/>
      <c r="C11423">
        <v>8</v>
      </c>
      <c r="D11423" t="s">
        <v>25417</v>
      </c>
      <c r="E11423" t="s">
        <v>34197</v>
      </c>
      <c r="F11423">
        <v>5</v>
      </c>
      <c r="G11423" t="s">
        <v>10</v>
      </c>
      <c r="H11423" t="s">
        <v>25418</v>
      </c>
      <c r="I11423" t="s">
        <v>30540</v>
      </c>
    </row>
    <row r="11424" spans="1:9">
      <c r="A11424" s="1">
        <v>0.99409165423527823</v>
      </c>
      <c r="B11424" s="1"/>
      <c r="C11424">
        <v>6</v>
      </c>
      <c r="D11424" t="s">
        <v>25415</v>
      </c>
      <c r="E11424" t="s">
        <v>34197</v>
      </c>
      <c r="F11424">
        <v>5</v>
      </c>
      <c r="G11424" t="s">
        <v>10</v>
      </c>
      <c r="H11424" t="s">
        <v>25416</v>
      </c>
      <c r="I11424" t="s">
        <v>30540</v>
      </c>
    </row>
    <row r="11425" spans="1:9">
      <c r="A11425" s="1">
        <v>0.13336246699566567</v>
      </c>
      <c r="B11425" s="1"/>
      <c r="C11425">
        <v>12</v>
      </c>
      <c r="D11425" t="s">
        <v>25423</v>
      </c>
      <c r="E11425" t="s">
        <v>34197</v>
      </c>
      <c r="F11425">
        <v>5</v>
      </c>
      <c r="G11425" t="s">
        <v>1</v>
      </c>
      <c r="H11425" t="s">
        <v>25424</v>
      </c>
      <c r="I11425" t="s">
        <v>30540</v>
      </c>
    </row>
    <row r="11426" spans="1:9">
      <c r="A11426" s="1">
        <v>0.67918897403970924</v>
      </c>
      <c r="B11426" s="1"/>
      <c r="C11426">
        <v>3</v>
      </c>
      <c r="D11426" t="s">
        <v>25413</v>
      </c>
      <c r="E11426" t="s">
        <v>34197</v>
      </c>
      <c r="F11426">
        <v>4</v>
      </c>
      <c r="G11426" t="s">
        <v>2</v>
      </c>
      <c r="H11426" t="s">
        <v>25414</v>
      </c>
      <c r="I11426" t="s">
        <v>30540</v>
      </c>
    </row>
    <row r="11427" spans="1:9">
      <c r="A11427" s="1">
        <v>0.11469484160198951</v>
      </c>
      <c r="B11427" s="1"/>
      <c r="C11427">
        <v>20</v>
      </c>
      <c r="D11427" t="s">
        <v>25427</v>
      </c>
      <c r="E11427" t="s">
        <v>34197</v>
      </c>
      <c r="F11427">
        <v>4</v>
      </c>
      <c r="G11427" t="s">
        <v>10</v>
      </c>
      <c r="H11427" t="s">
        <v>25428</v>
      </c>
      <c r="I11427" t="s">
        <v>30540</v>
      </c>
    </row>
    <row r="11428" spans="1:9">
      <c r="A11428" s="1">
        <v>0.52718217367362874</v>
      </c>
      <c r="B11428" s="1"/>
      <c r="C11428">
        <v>11</v>
      </c>
      <c r="D11428" t="s">
        <v>25421</v>
      </c>
      <c r="E11428" t="s">
        <v>34197</v>
      </c>
      <c r="F11428">
        <v>3</v>
      </c>
      <c r="G11428" t="s">
        <v>10</v>
      </c>
      <c r="H11428" t="s">
        <v>25422</v>
      </c>
      <c r="I11428" t="s">
        <v>30540</v>
      </c>
    </row>
    <row r="11429" spans="1:9">
      <c r="A11429" s="1">
        <v>0.11614759998223512</v>
      </c>
      <c r="B11429" s="1"/>
      <c r="C11429">
        <v>19</v>
      </c>
      <c r="D11429" t="s">
        <v>25425</v>
      </c>
      <c r="E11429" t="s">
        <v>34197</v>
      </c>
      <c r="F11429">
        <v>3</v>
      </c>
      <c r="G11429" t="s">
        <v>2</v>
      </c>
      <c r="H11429" t="s">
        <v>25426</v>
      </c>
      <c r="I11429" t="s">
        <v>30540</v>
      </c>
    </row>
    <row r="11430" spans="1:9">
      <c r="A11430" s="1">
        <v>0.74067658702491646</v>
      </c>
      <c r="B11430" s="1"/>
      <c r="C11430">
        <v>9</v>
      </c>
      <c r="D11430" t="s">
        <v>25419</v>
      </c>
      <c r="E11430" t="s">
        <v>34197</v>
      </c>
      <c r="F11430">
        <v>3</v>
      </c>
      <c r="G11430" t="s">
        <v>2</v>
      </c>
      <c r="H11430" t="s">
        <v>25420</v>
      </c>
      <c r="I11430" t="s">
        <v>30540</v>
      </c>
    </row>
    <row r="11431" spans="1:9">
      <c r="A11431" s="1">
        <v>0.19441192626705095</v>
      </c>
      <c r="B11431" s="1"/>
      <c r="C11431">
        <v>17</v>
      </c>
      <c r="D11431" t="s">
        <v>25409</v>
      </c>
      <c r="E11431" t="s">
        <v>34198</v>
      </c>
      <c r="F11431">
        <v>5</v>
      </c>
      <c r="G11431" t="s">
        <v>14</v>
      </c>
      <c r="H11431" t="s">
        <v>25410</v>
      </c>
      <c r="I11431" t="s">
        <v>30540</v>
      </c>
    </row>
    <row r="11432" spans="1:9">
      <c r="A11432" s="1">
        <v>0.35499570637104816</v>
      </c>
      <c r="B11432" s="1"/>
      <c r="C11432">
        <v>13</v>
      </c>
      <c r="D11432" t="s">
        <v>25407</v>
      </c>
      <c r="E11432" t="s">
        <v>34198</v>
      </c>
      <c r="F11432">
        <v>4</v>
      </c>
      <c r="G11432" t="s">
        <v>14</v>
      </c>
      <c r="H11432" t="s">
        <v>25408</v>
      </c>
      <c r="I11432" t="s">
        <v>30540</v>
      </c>
    </row>
    <row r="11433" spans="1:9">
      <c r="A11433" s="1">
        <v>0.67178637257685159</v>
      </c>
      <c r="B11433" s="1"/>
      <c r="C11433">
        <v>18</v>
      </c>
      <c r="D11433" t="s">
        <v>25411</v>
      </c>
      <c r="E11433" t="s">
        <v>34198</v>
      </c>
      <c r="F11433">
        <v>4</v>
      </c>
      <c r="G11433" t="s">
        <v>14</v>
      </c>
      <c r="H11433" t="s">
        <v>25412</v>
      </c>
      <c r="I11433" t="s">
        <v>30540</v>
      </c>
    </row>
    <row r="11434" spans="1:9">
      <c r="A11434" s="1">
        <v>0.75350280544548354</v>
      </c>
      <c r="B11434" s="1"/>
      <c r="C11434">
        <v>8</v>
      </c>
      <c r="D11434" t="s">
        <v>25405</v>
      </c>
      <c r="E11434" t="s">
        <v>34198</v>
      </c>
      <c r="F11434">
        <v>4</v>
      </c>
      <c r="G11434" t="s">
        <v>14</v>
      </c>
      <c r="H11434" t="s">
        <v>25406</v>
      </c>
      <c r="I11434" t="s">
        <v>30540</v>
      </c>
    </row>
    <row r="11435" spans="1:9">
      <c r="A11435" s="1">
        <v>0.98444965463011813</v>
      </c>
      <c r="B11435" s="1"/>
      <c r="C11435">
        <v>1</v>
      </c>
      <c r="D11435" t="s">
        <v>25397</v>
      </c>
      <c r="E11435" t="s">
        <v>34199</v>
      </c>
      <c r="F11435">
        <v>4</v>
      </c>
      <c r="G11435" t="s">
        <v>15</v>
      </c>
      <c r="H11435" t="s">
        <v>25398</v>
      </c>
      <c r="I11435" t="s">
        <v>30540</v>
      </c>
    </row>
    <row r="11436" spans="1:9">
      <c r="A11436" s="1">
        <v>0.26188846125105014</v>
      </c>
      <c r="B11436" s="1"/>
      <c r="C11436">
        <v>7</v>
      </c>
      <c r="D11436" t="s">
        <v>25401</v>
      </c>
      <c r="E11436" t="s">
        <v>34199</v>
      </c>
      <c r="F11436">
        <v>4</v>
      </c>
      <c r="G11436" t="s">
        <v>14</v>
      </c>
      <c r="H11436" t="s">
        <v>25402</v>
      </c>
      <c r="I11436" t="s">
        <v>30540</v>
      </c>
    </row>
    <row r="11437" spans="1:9">
      <c r="A11437" s="1">
        <v>1.5372390475923536E-2</v>
      </c>
      <c r="B11437" s="1"/>
      <c r="C11437">
        <v>9</v>
      </c>
      <c r="D11437" t="s">
        <v>25403</v>
      </c>
      <c r="E11437" t="s">
        <v>34199</v>
      </c>
      <c r="F11437">
        <v>4</v>
      </c>
      <c r="G11437" t="s">
        <v>14</v>
      </c>
      <c r="H11437" t="s">
        <v>25404</v>
      </c>
      <c r="I11437" t="s">
        <v>30540</v>
      </c>
    </row>
    <row r="11438" spans="1:9">
      <c r="A11438" s="1">
        <v>0.68329083247322109</v>
      </c>
      <c r="B11438" s="1"/>
      <c r="C11438">
        <v>6</v>
      </c>
      <c r="D11438" t="s">
        <v>25399</v>
      </c>
      <c r="E11438" t="s">
        <v>34199</v>
      </c>
      <c r="F11438">
        <v>3</v>
      </c>
      <c r="G11438" t="s">
        <v>14</v>
      </c>
      <c r="H11438" t="s">
        <v>25400</v>
      </c>
      <c r="I11438" t="s">
        <v>30540</v>
      </c>
    </row>
    <row r="11439" spans="1:9">
      <c r="A11439" s="1">
        <v>0.95421827832830941</v>
      </c>
      <c r="B11439" s="1"/>
      <c r="C11439">
        <v>16</v>
      </c>
      <c r="D11439" t="s">
        <v>25395</v>
      </c>
      <c r="E11439" t="s">
        <v>34200</v>
      </c>
      <c r="F11439">
        <v>5</v>
      </c>
      <c r="G11439" t="s">
        <v>14</v>
      </c>
      <c r="H11439" t="s">
        <v>25396</v>
      </c>
      <c r="I11439" t="s">
        <v>30540</v>
      </c>
    </row>
    <row r="11440" spans="1:9">
      <c r="A11440" s="1">
        <v>0.8614998293254309</v>
      </c>
      <c r="B11440" s="1"/>
      <c r="C11440">
        <v>11</v>
      </c>
      <c r="D11440" t="s">
        <v>25393</v>
      </c>
      <c r="E11440" t="s">
        <v>34200</v>
      </c>
      <c r="F11440">
        <v>4</v>
      </c>
      <c r="G11440" t="s">
        <v>10</v>
      </c>
      <c r="H11440" t="s">
        <v>25394</v>
      </c>
      <c r="I11440" t="s">
        <v>30540</v>
      </c>
    </row>
    <row r="11441" spans="1:9">
      <c r="A11441" s="1">
        <v>0.33401477000136459</v>
      </c>
      <c r="B11441" s="1"/>
      <c r="C11441">
        <v>8</v>
      </c>
      <c r="D11441" t="s">
        <v>25391</v>
      </c>
      <c r="E11441" t="s">
        <v>34200</v>
      </c>
      <c r="F11441">
        <v>4</v>
      </c>
      <c r="G11441" t="s">
        <v>9</v>
      </c>
      <c r="H11441" t="s">
        <v>25392</v>
      </c>
      <c r="I11441" t="s">
        <v>30540</v>
      </c>
    </row>
    <row r="11442" spans="1:9">
      <c r="A11442" s="1">
        <v>0.68389117034237867</v>
      </c>
      <c r="B11442" s="1"/>
      <c r="C11442">
        <v>19</v>
      </c>
      <c r="D11442" t="s">
        <v>25389</v>
      </c>
      <c r="E11442" t="s">
        <v>34201</v>
      </c>
      <c r="F11442">
        <v>5</v>
      </c>
      <c r="G11442" t="s">
        <v>14</v>
      </c>
      <c r="H11442" t="s">
        <v>25390</v>
      </c>
      <c r="I11442" t="s">
        <v>30540</v>
      </c>
    </row>
    <row r="11443" spans="1:9">
      <c r="A11443" s="1">
        <v>0.18393236306818461</v>
      </c>
      <c r="B11443" s="1"/>
      <c r="C11443">
        <v>16</v>
      </c>
      <c r="D11443" t="s">
        <v>25387</v>
      </c>
      <c r="E11443" t="s">
        <v>34201</v>
      </c>
      <c r="F11443">
        <v>5</v>
      </c>
      <c r="G11443" t="s">
        <v>762</v>
      </c>
      <c r="H11443" t="s">
        <v>25388</v>
      </c>
      <c r="I11443" t="s">
        <v>30540</v>
      </c>
    </row>
    <row r="11444" spans="1:9">
      <c r="A11444" s="1">
        <v>0.6762756115657953</v>
      </c>
      <c r="B11444" s="1"/>
      <c r="C11444">
        <v>8</v>
      </c>
      <c r="D11444" t="s">
        <v>25381</v>
      </c>
      <c r="E11444" t="s">
        <v>34202</v>
      </c>
      <c r="F11444">
        <v>5</v>
      </c>
      <c r="G11444" t="s">
        <v>14</v>
      </c>
      <c r="H11444" t="s">
        <v>25382</v>
      </c>
      <c r="I11444" t="s">
        <v>30540</v>
      </c>
    </row>
    <row r="11445" spans="1:9">
      <c r="A11445" s="1">
        <v>0.27792944666140373</v>
      </c>
      <c r="B11445" s="1"/>
      <c r="C11445">
        <v>5</v>
      </c>
      <c r="D11445" t="s">
        <v>25379</v>
      </c>
      <c r="E11445" t="s">
        <v>34202</v>
      </c>
      <c r="F11445">
        <v>5</v>
      </c>
      <c r="G11445" t="s">
        <v>14</v>
      </c>
      <c r="H11445" t="s">
        <v>25380</v>
      </c>
      <c r="I11445" t="s">
        <v>30540</v>
      </c>
    </row>
    <row r="11446" spans="1:9">
      <c r="A11446" s="1">
        <v>0.72091133598964408</v>
      </c>
      <c r="B11446" s="1"/>
      <c r="C11446">
        <v>11</v>
      </c>
      <c r="D11446" t="s">
        <v>25383</v>
      </c>
      <c r="E11446" t="s">
        <v>34202</v>
      </c>
      <c r="F11446">
        <v>4</v>
      </c>
      <c r="G11446" t="s">
        <v>14</v>
      </c>
      <c r="H11446" t="s">
        <v>25384</v>
      </c>
      <c r="I11446" t="s">
        <v>30540</v>
      </c>
    </row>
    <row r="11447" spans="1:9">
      <c r="A11447" s="1">
        <v>0.6507847781350613</v>
      </c>
      <c r="B11447" s="1"/>
      <c r="C11447">
        <v>17</v>
      </c>
      <c r="D11447" t="s">
        <v>25385</v>
      </c>
      <c r="E11447" t="s">
        <v>34202</v>
      </c>
      <c r="F11447">
        <v>4</v>
      </c>
      <c r="G11447" t="s">
        <v>14</v>
      </c>
      <c r="H11447" t="s">
        <v>25386</v>
      </c>
      <c r="I11447" t="s">
        <v>30540</v>
      </c>
    </row>
    <row r="11448" spans="1:9">
      <c r="A11448" s="1">
        <v>5.8708462267651806E-2</v>
      </c>
      <c r="B11448" s="1"/>
      <c r="C11448">
        <v>6</v>
      </c>
      <c r="D11448" t="s">
        <v>25375</v>
      </c>
      <c r="E11448" t="s">
        <v>34203</v>
      </c>
      <c r="F11448">
        <v>5</v>
      </c>
      <c r="G11448" t="s">
        <v>14</v>
      </c>
      <c r="H11448" t="s">
        <v>25376</v>
      </c>
      <c r="I11448" t="s">
        <v>30540</v>
      </c>
    </row>
    <row r="11449" spans="1:9">
      <c r="A11449" s="1">
        <v>0.13140375384337744</v>
      </c>
      <c r="B11449" s="1"/>
      <c r="C11449">
        <v>5</v>
      </c>
      <c r="D11449" t="s">
        <v>25373</v>
      </c>
      <c r="E11449" t="s">
        <v>34203</v>
      </c>
      <c r="F11449">
        <v>5</v>
      </c>
      <c r="G11449" t="s">
        <v>14</v>
      </c>
      <c r="H11449" t="s">
        <v>25374</v>
      </c>
      <c r="I11449" t="s">
        <v>30540</v>
      </c>
    </row>
    <row r="11450" spans="1:9">
      <c r="A11450" s="1">
        <v>0.61879388806042457</v>
      </c>
      <c r="B11450" s="1"/>
      <c r="C11450">
        <v>9</v>
      </c>
      <c r="D11450" t="s">
        <v>25369</v>
      </c>
      <c r="E11450" t="s">
        <v>34204</v>
      </c>
      <c r="F11450">
        <v>4</v>
      </c>
      <c r="G11450" t="s">
        <v>14</v>
      </c>
      <c r="H11450" t="s">
        <v>25370</v>
      </c>
      <c r="I11450" t="s">
        <v>30540</v>
      </c>
    </row>
    <row r="11451" spans="1:9">
      <c r="A11451" s="1">
        <v>0.26944964148189565</v>
      </c>
      <c r="B11451" s="1"/>
      <c r="C11451">
        <v>13</v>
      </c>
      <c r="D11451" t="s">
        <v>25371</v>
      </c>
      <c r="E11451" t="s">
        <v>34204</v>
      </c>
      <c r="F11451">
        <v>4</v>
      </c>
      <c r="G11451" t="s">
        <v>14</v>
      </c>
      <c r="H11451" t="s">
        <v>25372</v>
      </c>
      <c r="I11451" t="s">
        <v>30540</v>
      </c>
    </row>
    <row r="11452" spans="1:9">
      <c r="A11452" s="1">
        <v>2.381910673044596E-2</v>
      </c>
      <c r="B11452" s="1"/>
      <c r="C11452">
        <v>9</v>
      </c>
      <c r="D11452" t="s">
        <v>25363</v>
      </c>
      <c r="E11452" t="s">
        <v>34205</v>
      </c>
      <c r="F11452">
        <v>5</v>
      </c>
      <c r="G11452" t="s">
        <v>13</v>
      </c>
      <c r="H11452" t="s">
        <v>25364</v>
      </c>
      <c r="I11452" t="s">
        <v>30540</v>
      </c>
    </row>
    <row r="11453" spans="1:9">
      <c r="A11453" s="1">
        <v>0.45080388684070094</v>
      </c>
      <c r="B11453" s="1"/>
      <c r="C11453">
        <v>5</v>
      </c>
      <c r="D11453" t="s">
        <v>25361</v>
      </c>
      <c r="E11453" t="s">
        <v>34205</v>
      </c>
      <c r="F11453">
        <v>5</v>
      </c>
      <c r="G11453" t="s">
        <v>9</v>
      </c>
      <c r="H11453" t="s">
        <v>25362</v>
      </c>
      <c r="I11453" t="s">
        <v>30540</v>
      </c>
    </row>
    <row r="11454" spans="1:9">
      <c r="A11454" s="1">
        <v>0.99174860033378176</v>
      </c>
      <c r="B11454" s="1"/>
      <c r="C11454">
        <v>5</v>
      </c>
      <c r="D11454" t="s">
        <v>25361</v>
      </c>
      <c r="E11454" t="s">
        <v>34205</v>
      </c>
      <c r="F11454">
        <v>5</v>
      </c>
      <c r="G11454" t="s">
        <v>9</v>
      </c>
      <c r="H11454" t="s">
        <v>25362</v>
      </c>
      <c r="I11454" t="s">
        <v>30540</v>
      </c>
    </row>
    <row r="11455" spans="1:9">
      <c r="A11455" s="1">
        <v>0.84038564225572854</v>
      </c>
      <c r="B11455" s="1"/>
      <c r="C11455">
        <v>9</v>
      </c>
      <c r="D11455" t="s">
        <v>25363</v>
      </c>
      <c r="E11455" t="s">
        <v>34205</v>
      </c>
      <c r="F11455">
        <v>5</v>
      </c>
      <c r="G11455" t="s">
        <v>13</v>
      </c>
      <c r="H11455" t="s">
        <v>25364</v>
      </c>
      <c r="I11455" t="s">
        <v>30540</v>
      </c>
    </row>
    <row r="11456" spans="1:9">
      <c r="A11456" s="1">
        <v>0.42950096387796677</v>
      </c>
      <c r="B11456" s="1"/>
      <c r="C11456">
        <v>14</v>
      </c>
      <c r="D11456" t="s">
        <v>25367</v>
      </c>
      <c r="E11456" t="s">
        <v>34205</v>
      </c>
      <c r="F11456">
        <v>4</v>
      </c>
      <c r="G11456" t="s">
        <v>14</v>
      </c>
      <c r="H11456" t="s">
        <v>25368</v>
      </c>
      <c r="I11456" t="s">
        <v>30540</v>
      </c>
    </row>
    <row r="11457" spans="1:9">
      <c r="A11457" s="1">
        <v>0.55902212052327371</v>
      </c>
      <c r="B11457" s="1"/>
      <c r="C11457">
        <v>10</v>
      </c>
      <c r="D11457" t="s">
        <v>25365</v>
      </c>
      <c r="E11457" t="s">
        <v>34205</v>
      </c>
      <c r="F11457">
        <v>4</v>
      </c>
      <c r="G11457" t="s">
        <v>14</v>
      </c>
      <c r="H11457" t="s">
        <v>25366</v>
      </c>
      <c r="I11457" t="s">
        <v>30540</v>
      </c>
    </row>
    <row r="11458" spans="1:9">
      <c r="A11458" s="1">
        <v>0.93080520270281175</v>
      </c>
      <c r="B11458" s="1"/>
      <c r="C11458">
        <v>10</v>
      </c>
      <c r="D11458" t="s">
        <v>25365</v>
      </c>
      <c r="E11458" t="s">
        <v>34205</v>
      </c>
      <c r="F11458">
        <v>4</v>
      </c>
      <c r="G11458" t="s">
        <v>14</v>
      </c>
      <c r="H11458" t="s">
        <v>25366</v>
      </c>
      <c r="I11458" t="s">
        <v>30540</v>
      </c>
    </row>
    <row r="11459" spans="1:9">
      <c r="A11459" s="1">
        <v>0.29836932148317452</v>
      </c>
      <c r="B11459" s="1"/>
      <c r="C11459">
        <v>14</v>
      </c>
      <c r="D11459" t="s">
        <v>25367</v>
      </c>
      <c r="E11459" t="s">
        <v>34205</v>
      </c>
      <c r="F11459">
        <v>4</v>
      </c>
      <c r="G11459" t="s">
        <v>14</v>
      </c>
      <c r="H11459" t="s">
        <v>25368</v>
      </c>
      <c r="I11459" t="s">
        <v>30540</v>
      </c>
    </row>
    <row r="11460" spans="1:9">
      <c r="A11460" s="1">
        <v>0.85964665875648483</v>
      </c>
      <c r="B11460" s="1"/>
      <c r="C11460">
        <v>15</v>
      </c>
      <c r="D11460" t="s">
        <v>25359</v>
      </c>
      <c r="E11460" t="s">
        <v>34206</v>
      </c>
      <c r="F11460">
        <v>4</v>
      </c>
      <c r="G11460" t="s">
        <v>13</v>
      </c>
      <c r="H11460" t="s">
        <v>25360</v>
      </c>
      <c r="I11460" t="s">
        <v>30540</v>
      </c>
    </row>
    <row r="11461" spans="1:9">
      <c r="A11461" s="1">
        <v>0.3055176539988852</v>
      </c>
      <c r="B11461" s="1"/>
      <c r="C11461">
        <v>15</v>
      </c>
      <c r="D11461" t="s">
        <v>25359</v>
      </c>
      <c r="E11461" t="s">
        <v>34206</v>
      </c>
      <c r="F11461">
        <v>4</v>
      </c>
      <c r="G11461" t="s">
        <v>13</v>
      </c>
      <c r="H11461" t="s">
        <v>25360</v>
      </c>
      <c r="I11461" t="s">
        <v>30540</v>
      </c>
    </row>
    <row r="11462" spans="1:9">
      <c r="A11462" s="1">
        <v>0.49039236038212808</v>
      </c>
      <c r="B11462" s="1"/>
      <c r="C11462">
        <v>5</v>
      </c>
      <c r="D11462" t="s">
        <v>25353</v>
      </c>
      <c r="E11462" t="s">
        <v>34206</v>
      </c>
      <c r="F11462">
        <v>4</v>
      </c>
      <c r="G11462" t="s">
        <v>10</v>
      </c>
      <c r="H11462" t="s">
        <v>25354</v>
      </c>
      <c r="I11462" t="s">
        <v>30540</v>
      </c>
    </row>
    <row r="11463" spans="1:9">
      <c r="A11463" s="1">
        <v>0.37657748859465545</v>
      </c>
      <c r="B11463" s="1"/>
      <c r="C11463">
        <v>6</v>
      </c>
      <c r="D11463" t="s">
        <v>25355</v>
      </c>
      <c r="E11463" t="s">
        <v>34206</v>
      </c>
      <c r="F11463">
        <v>4</v>
      </c>
      <c r="G11463" t="s">
        <v>14</v>
      </c>
      <c r="H11463" t="s">
        <v>25356</v>
      </c>
      <c r="I11463" t="s">
        <v>30540</v>
      </c>
    </row>
    <row r="11464" spans="1:9">
      <c r="A11464" s="1">
        <v>0.81871410366967079</v>
      </c>
      <c r="B11464" s="1"/>
      <c r="C11464">
        <v>12</v>
      </c>
      <c r="D11464" t="s">
        <v>25357</v>
      </c>
      <c r="E11464" t="s">
        <v>34206</v>
      </c>
      <c r="F11464">
        <v>4</v>
      </c>
      <c r="G11464" t="s">
        <v>14</v>
      </c>
      <c r="H11464" t="s">
        <v>25358</v>
      </c>
      <c r="I11464" t="s">
        <v>30540</v>
      </c>
    </row>
    <row r="11465" spans="1:9">
      <c r="A11465" s="1">
        <v>1.8057811856629247E-2</v>
      </c>
      <c r="B11465" s="1"/>
      <c r="C11465">
        <v>6</v>
      </c>
      <c r="D11465" t="s">
        <v>25355</v>
      </c>
      <c r="E11465" t="s">
        <v>34206</v>
      </c>
      <c r="F11465">
        <v>4</v>
      </c>
      <c r="G11465" t="s">
        <v>14</v>
      </c>
      <c r="H11465" t="s">
        <v>25356</v>
      </c>
      <c r="I11465" t="s">
        <v>30540</v>
      </c>
    </row>
    <row r="11466" spans="1:9">
      <c r="A11466" s="1">
        <v>0.64993726036397426</v>
      </c>
      <c r="B11466" s="1"/>
      <c r="C11466">
        <v>5</v>
      </c>
      <c r="D11466" t="s">
        <v>25353</v>
      </c>
      <c r="E11466" t="s">
        <v>34206</v>
      </c>
      <c r="F11466">
        <v>4</v>
      </c>
      <c r="G11466" t="s">
        <v>10</v>
      </c>
      <c r="H11466" t="s">
        <v>25354</v>
      </c>
      <c r="I11466" t="s">
        <v>30540</v>
      </c>
    </row>
    <row r="11467" spans="1:9">
      <c r="A11467" s="1">
        <v>0.91565363443626435</v>
      </c>
      <c r="B11467" s="1"/>
      <c r="C11467">
        <v>12</v>
      </c>
      <c r="D11467" t="s">
        <v>25357</v>
      </c>
      <c r="E11467" t="s">
        <v>34206</v>
      </c>
      <c r="F11467">
        <v>4</v>
      </c>
      <c r="G11467" t="s">
        <v>14</v>
      </c>
      <c r="H11467" t="s">
        <v>25358</v>
      </c>
      <c r="I11467" t="s">
        <v>30540</v>
      </c>
    </row>
    <row r="11468" spans="1:9">
      <c r="A11468" s="1">
        <v>0.98601193087242611</v>
      </c>
      <c r="B11468" s="1"/>
      <c r="C11468">
        <v>10</v>
      </c>
      <c r="D11468" t="s">
        <v>25347</v>
      </c>
      <c r="E11468" t="s">
        <v>34207</v>
      </c>
      <c r="F11468">
        <v>5</v>
      </c>
      <c r="G11468" t="s">
        <v>0</v>
      </c>
      <c r="H11468" t="s">
        <v>25348</v>
      </c>
      <c r="I11468" t="s">
        <v>30540</v>
      </c>
    </row>
    <row r="11469" spans="1:9">
      <c r="A11469" s="1">
        <v>0.62691872720889541</v>
      </c>
      <c r="B11469" s="1"/>
      <c r="C11469">
        <v>10</v>
      </c>
      <c r="D11469" t="s">
        <v>25347</v>
      </c>
      <c r="E11469" t="s">
        <v>34207</v>
      </c>
      <c r="F11469">
        <v>5</v>
      </c>
      <c r="G11469" t="s">
        <v>0</v>
      </c>
      <c r="H11469" t="s">
        <v>25348</v>
      </c>
      <c r="I11469" t="s">
        <v>30540</v>
      </c>
    </row>
    <row r="11470" spans="1:9">
      <c r="A11470" s="1">
        <v>0.11072522287178055</v>
      </c>
      <c r="B11470" s="1"/>
      <c r="C11470">
        <v>16</v>
      </c>
      <c r="D11470" t="s">
        <v>25351</v>
      </c>
      <c r="E11470" t="s">
        <v>34207</v>
      </c>
      <c r="F11470">
        <v>4</v>
      </c>
      <c r="G11470" t="s">
        <v>14</v>
      </c>
      <c r="H11470" t="s">
        <v>25352</v>
      </c>
      <c r="I11470" t="s">
        <v>30540</v>
      </c>
    </row>
    <row r="11471" spans="1:9">
      <c r="A11471" s="1">
        <v>0.19929894065300324</v>
      </c>
      <c r="B11471" s="1"/>
      <c r="C11471">
        <v>2</v>
      </c>
      <c r="D11471" t="s">
        <v>25341</v>
      </c>
      <c r="E11471" t="s">
        <v>34207</v>
      </c>
      <c r="F11471">
        <v>4</v>
      </c>
      <c r="G11471" t="s">
        <v>15</v>
      </c>
      <c r="H11471" t="s">
        <v>25342</v>
      </c>
      <c r="I11471" t="s">
        <v>30540</v>
      </c>
    </row>
    <row r="11472" spans="1:9">
      <c r="A11472" s="1">
        <v>0.22935261511709282</v>
      </c>
      <c r="B11472" s="1"/>
      <c r="C11472">
        <v>7</v>
      </c>
      <c r="D11472" t="s">
        <v>25345</v>
      </c>
      <c r="E11472" t="s">
        <v>34207</v>
      </c>
      <c r="F11472">
        <v>4</v>
      </c>
      <c r="G11472" t="s">
        <v>14</v>
      </c>
      <c r="H11472" t="s">
        <v>25346</v>
      </c>
      <c r="I11472" t="s">
        <v>30540</v>
      </c>
    </row>
    <row r="11473" spans="1:9">
      <c r="A11473" s="1">
        <v>0.44056052651720568</v>
      </c>
      <c r="B11473" s="1"/>
      <c r="C11473">
        <v>7</v>
      </c>
      <c r="D11473" t="s">
        <v>25345</v>
      </c>
      <c r="E11473" t="s">
        <v>34207</v>
      </c>
      <c r="F11473">
        <v>4</v>
      </c>
      <c r="G11473" t="s">
        <v>14</v>
      </c>
      <c r="H11473" t="s">
        <v>25346</v>
      </c>
      <c r="I11473" t="s">
        <v>30540</v>
      </c>
    </row>
    <row r="11474" spans="1:9">
      <c r="A11474" s="1">
        <v>0.82296679051340127</v>
      </c>
      <c r="B11474" s="1"/>
      <c r="C11474">
        <v>2</v>
      </c>
      <c r="D11474" t="s">
        <v>25341</v>
      </c>
      <c r="E11474" t="s">
        <v>34207</v>
      </c>
      <c r="F11474">
        <v>4</v>
      </c>
      <c r="G11474" t="s">
        <v>15</v>
      </c>
      <c r="H11474" t="s">
        <v>25342</v>
      </c>
      <c r="I11474" t="s">
        <v>30540</v>
      </c>
    </row>
    <row r="11475" spans="1:9">
      <c r="A11475" s="1">
        <v>0.81614763877345753</v>
      </c>
      <c r="B11475" s="1"/>
      <c r="C11475">
        <v>16</v>
      </c>
      <c r="D11475" t="s">
        <v>25351</v>
      </c>
      <c r="E11475" t="s">
        <v>34207</v>
      </c>
      <c r="F11475">
        <v>4</v>
      </c>
      <c r="G11475" t="s">
        <v>14</v>
      </c>
      <c r="H11475" t="s">
        <v>25352</v>
      </c>
      <c r="I11475" t="s">
        <v>30540</v>
      </c>
    </row>
    <row r="11476" spans="1:9">
      <c r="A11476" s="1">
        <v>0.92470996890175372</v>
      </c>
      <c r="B11476" s="1"/>
      <c r="C11476">
        <v>11</v>
      </c>
      <c r="D11476" t="s">
        <v>25349</v>
      </c>
      <c r="E11476" t="s">
        <v>34207</v>
      </c>
      <c r="F11476">
        <v>4</v>
      </c>
      <c r="G11476" t="s">
        <v>14</v>
      </c>
      <c r="H11476" t="s">
        <v>25350</v>
      </c>
      <c r="I11476" t="s">
        <v>30540</v>
      </c>
    </row>
    <row r="11477" spans="1:9">
      <c r="A11477" s="1">
        <v>7.8199525740131448E-2</v>
      </c>
      <c r="B11477" s="1"/>
      <c r="C11477">
        <v>11</v>
      </c>
      <c r="D11477" t="s">
        <v>25349</v>
      </c>
      <c r="E11477" t="s">
        <v>34207</v>
      </c>
      <c r="F11477">
        <v>4</v>
      </c>
      <c r="G11477" t="s">
        <v>14</v>
      </c>
      <c r="H11477" t="s">
        <v>25350</v>
      </c>
      <c r="I11477" t="s">
        <v>30540</v>
      </c>
    </row>
    <row r="11478" spans="1:9">
      <c r="A11478" s="1">
        <v>0.34149000683423303</v>
      </c>
      <c r="B11478" s="1"/>
      <c r="C11478">
        <v>3</v>
      </c>
      <c r="D11478" t="s">
        <v>25343</v>
      </c>
      <c r="E11478" t="s">
        <v>34207</v>
      </c>
      <c r="F11478">
        <v>3</v>
      </c>
      <c r="G11478" t="s">
        <v>14</v>
      </c>
      <c r="H11478" t="s">
        <v>25344</v>
      </c>
      <c r="I11478" t="s">
        <v>30540</v>
      </c>
    </row>
    <row r="11479" spans="1:9">
      <c r="A11479" s="1">
        <v>0.87296455738245093</v>
      </c>
      <c r="B11479" s="1"/>
      <c r="C11479">
        <v>3</v>
      </c>
      <c r="D11479" t="s">
        <v>25343</v>
      </c>
      <c r="E11479" t="s">
        <v>34207</v>
      </c>
      <c r="F11479">
        <v>3</v>
      </c>
      <c r="G11479" t="s">
        <v>14</v>
      </c>
      <c r="H11479" t="s">
        <v>25344</v>
      </c>
      <c r="I11479" t="s">
        <v>30540</v>
      </c>
    </row>
    <row r="11480" spans="1:9">
      <c r="A11480" s="1">
        <v>0.4698568629261517</v>
      </c>
      <c r="B11480" s="1"/>
      <c r="C11480">
        <v>3</v>
      </c>
      <c r="D11480" t="s">
        <v>25335</v>
      </c>
      <c r="E11480" t="s">
        <v>34208</v>
      </c>
      <c r="F11480">
        <v>4</v>
      </c>
      <c r="G11480" t="s">
        <v>14</v>
      </c>
      <c r="H11480" t="s">
        <v>25336</v>
      </c>
      <c r="I11480" t="s">
        <v>30540</v>
      </c>
    </row>
    <row r="11481" spans="1:9">
      <c r="A11481" s="1">
        <v>0.79318708616635847</v>
      </c>
      <c r="B11481" s="1"/>
      <c r="C11481">
        <v>3</v>
      </c>
      <c r="D11481" t="s">
        <v>25335</v>
      </c>
      <c r="E11481" t="s">
        <v>34208</v>
      </c>
      <c r="F11481">
        <v>4</v>
      </c>
      <c r="G11481" t="s">
        <v>14</v>
      </c>
      <c r="H11481" t="s">
        <v>25336</v>
      </c>
      <c r="I11481" t="s">
        <v>30540</v>
      </c>
    </row>
    <row r="11482" spans="1:9">
      <c r="A11482" s="1">
        <v>0.87828631634107857</v>
      </c>
      <c r="B11482" s="1"/>
      <c r="C11482">
        <v>6</v>
      </c>
      <c r="D11482" t="s">
        <v>25337</v>
      </c>
      <c r="E11482" t="s">
        <v>34208</v>
      </c>
      <c r="F11482">
        <v>3</v>
      </c>
      <c r="G11482" t="s">
        <v>14</v>
      </c>
      <c r="H11482" t="s">
        <v>25338</v>
      </c>
      <c r="I11482" t="s">
        <v>30540</v>
      </c>
    </row>
    <row r="11483" spans="1:9">
      <c r="A11483" s="1">
        <v>0.67698778338347265</v>
      </c>
      <c r="B11483" s="1"/>
      <c r="C11483">
        <v>6</v>
      </c>
      <c r="D11483" t="s">
        <v>25337</v>
      </c>
      <c r="E11483" t="s">
        <v>34208</v>
      </c>
      <c r="F11483">
        <v>3</v>
      </c>
      <c r="G11483" t="s">
        <v>14</v>
      </c>
      <c r="H11483" t="s">
        <v>25338</v>
      </c>
      <c r="I11483" t="s">
        <v>30540</v>
      </c>
    </row>
    <row r="11484" spans="1:9">
      <c r="A11484" s="1">
        <v>0.99669060767336759</v>
      </c>
      <c r="B11484" s="1"/>
      <c r="C11484">
        <v>9</v>
      </c>
      <c r="D11484" t="s">
        <v>25339</v>
      </c>
      <c r="E11484" t="s">
        <v>34208</v>
      </c>
      <c r="F11484">
        <v>3</v>
      </c>
      <c r="G11484" t="s">
        <v>9</v>
      </c>
      <c r="H11484" t="s">
        <v>25340</v>
      </c>
      <c r="I11484" t="s">
        <v>30540</v>
      </c>
    </row>
    <row r="11485" spans="1:9">
      <c r="A11485" s="1">
        <v>0.88904678630568901</v>
      </c>
      <c r="B11485" s="1"/>
      <c r="C11485">
        <v>9</v>
      </c>
      <c r="D11485" t="s">
        <v>25339</v>
      </c>
      <c r="E11485" t="s">
        <v>34208</v>
      </c>
      <c r="F11485">
        <v>3</v>
      </c>
      <c r="G11485" t="s">
        <v>9</v>
      </c>
      <c r="H11485" t="s">
        <v>25340</v>
      </c>
      <c r="I11485" t="s">
        <v>30540</v>
      </c>
    </row>
    <row r="11486" spans="1:9">
      <c r="A11486" s="1">
        <v>0.76185223706030347</v>
      </c>
      <c r="B11486" s="1"/>
      <c r="C11486">
        <v>1</v>
      </c>
      <c r="D11486" t="s">
        <v>25333</v>
      </c>
      <c r="E11486" t="s">
        <v>34209</v>
      </c>
      <c r="F11486">
        <v>4</v>
      </c>
      <c r="G11486" t="s">
        <v>10</v>
      </c>
      <c r="H11486" t="s">
        <v>25334</v>
      </c>
      <c r="I11486" t="s">
        <v>30540</v>
      </c>
    </row>
    <row r="11487" spans="1:9">
      <c r="A11487" s="1">
        <v>9.8163203049874914E-2</v>
      </c>
      <c r="B11487" s="1"/>
      <c r="C11487">
        <v>1</v>
      </c>
      <c r="D11487" t="s">
        <v>25333</v>
      </c>
      <c r="E11487" t="s">
        <v>34209</v>
      </c>
      <c r="F11487">
        <v>4</v>
      </c>
      <c r="G11487" t="s">
        <v>10</v>
      </c>
      <c r="H11487" t="s">
        <v>25334</v>
      </c>
      <c r="I11487" t="s">
        <v>30540</v>
      </c>
    </row>
    <row r="11488" spans="1:9">
      <c r="A11488" s="1">
        <v>2.110236557567069E-2</v>
      </c>
      <c r="B11488" s="1"/>
      <c r="C11488">
        <v>11</v>
      </c>
      <c r="D11488" t="s">
        <v>25331</v>
      </c>
      <c r="E11488" t="s">
        <v>34210</v>
      </c>
      <c r="F11488">
        <v>4</v>
      </c>
      <c r="G11488" t="s">
        <v>14</v>
      </c>
      <c r="H11488" t="s">
        <v>25332</v>
      </c>
      <c r="I11488" t="s">
        <v>30540</v>
      </c>
    </row>
    <row r="11489" spans="1:9">
      <c r="A11489" s="1">
        <v>0.5023285799471644</v>
      </c>
      <c r="B11489" s="1"/>
      <c r="C11489">
        <v>6</v>
      </c>
      <c r="D11489" t="s">
        <v>25329</v>
      </c>
      <c r="E11489" t="s">
        <v>34210</v>
      </c>
      <c r="F11489">
        <v>4</v>
      </c>
      <c r="G11489" t="s">
        <v>15</v>
      </c>
      <c r="H11489" t="s">
        <v>25330</v>
      </c>
      <c r="I11489" t="s">
        <v>30540</v>
      </c>
    </row>
    <row r="11490" spans="1:9">
      <c r="A11490" s="1">
        <v>0.73775938048130818</v>
      </c>
      <c r="B11490" s="1"/>
      <c r="C11490">
        <v>11</v>
      </c>
      <c r="D11490" t="s">
        <v>25331</v>
      </c>
      <c r="E11490" t="s">
        <v>34210</v>
      </c>
      <c r="F11490">
        <v>4</v>
      </c>
      <c r="G11490" t="s">
        <v>14</v>
      </c>
      <c r="H11490" t="s">
        <v>25332</v>
      </c>
      <c r="I11490" t="s">
        <v>30540</v>
      </c>
    </row>
    <row r="11491" spans="1:9">
      <c r="A11491" s="1">
        <v>0.88253528581369267</v>
      </c>
      <c r="B11491" s="1"/>
      <c r="C11491">
        <v>6</v>
      </c>
      <c r="D11491" t="s">
        <v>25329</v>
      </c>
      <c r="E11491" t="s">
        <v>34210</v>
      </c>
      <c r="F11491">
        <v>4</v>
      </c>
      <c r="G11491" t="s">
        <v>15</v>
      </c>
      <c r="H11491" t="s">
        <v>25330</v>
      </c>
      <c r="I11491" t="s">
        <v>30540</v>
      </c>
    </row>
    <row r="11492" spans="1:9">
      <c r="A11492" s="1">
        <v>0.77745828341628742</v>
      </c>
      <c r="B11492" s="1"/>
      <c r="C11492">
        <v>9</v>
      </c>
      <c r="D11492" t="s">
        <v>25325</v>
      </c>
      <c r="E11492" t="s">
        <v>34211</v>
      </c>
      <c r="F11492">
        <v>5</v>
      </c>
      <c r="G11492" t="s">
        <v>14</v>
      </c>
      <c r="H11492" t="s">
        <v>25326</v>
      </c>
      <c r="I11492" t="s">
        <v>30540</v>
      </c>
    </row>
    <row r="11493" spans="1:9">
      <c r="A11493" s="1">
        <v>0.48936148922429668</v>
      </c>
      <c r="B11493" s="1"/>
      <c r="C11493">
        <v>9</v>
      </c>
      <c r="D11493" t="s">
        <v>25325</v>
      </c>
      <c r="E11493" t="s">
        <v>34211</v>
      </c>
      <c r="F11493">
        <v>5</v>
      </c>
      <c r="G11493" t="s">
        <v>14</v>
      </c>
      <c r="H11493" t="s">
        <v>25326</v>
      </c>
      <c r="I11493" t="s">
        <v>30540</v>
      </c>
    </row>
    <row r="11494" spans="1:9">
      <c r="A11494" s="1">
        <v>0.17956175477037706</v>
      </c>
      <c r="B11494" s="1"/>
      <c r="C11494">
        <v>8</v>
      </c>
      <c r="D11494" t="s">
        <v>25323</v>
      </c>
      <c r="E11494" t="s">
        <v>34211</v>
      </c>
      <c r="F11494">
        <v>4</v>
      </c>
      <c r="G11494" t="s">
        <v>9</v>
      </c>
      <c r="H11494" t="s">
        <v>25324</v>
      </c>
      <c r="I11494" t="s">
        <v>30540</v>
      </c>
    </row>
    <row r="11495" spans="1:9">
      <c r="A11495" s="1">
        <v>1.2290685833617809E-2</v>
      </c>
      <c r="B11495" s="1"/>
      <c r="C11495">
        <v>16</v>
      </c>
      <c r="D11495" t="s">
        <v>25327</v>
      </c>
      <c r="E11495" t="s">
        <v>34211</v>
      </c>
      <c r="F11495">
        <v>4</v>
      </c>
      <c r="G11495" t="s">
        <v>14</v>
      </c>
      <c r="H11495" t="s">
        <v>25328</v>
      </c>
      <c r="I11495" t="s">
        <v>30540</v>
      </c>
    </row>
    <row r="11496" spans="1:9">
      <c r="A11496" s="1">
        <v>0.99986702304788877</v>
      </c>
      <c r="B11496" s="1"/>
      <c r="C11496">
        <v>8</v>
      </c>
      <c r="D11496" t="s">
        <v>25323</v>
      </c>
      <c r="E11496" t="s">
        <v>34211</v>
      </c>
      <c r="F11496">
        <v>4</v>
      </c>
      <c r="G11496" t="s">
        <v>9</v>
      </c>
      <c r="H11496" t="s">
        <v>25324</v>
      </c>
      <c r="I11496" t="s">
        <v>30540</v>
      </c>
    </row>
    <row r="11497" spans="1:9">
      <c r="A11497" s="1">
        <v>0.66451168454349008</v>
      </c>
      <c r="B11497" s="1"/>
      <c r="C11497">
        <v>16</v>
      </c>
      <c r="D11497" t="s">
        <v>25327</v>
      </c>
      <c r="E11497" t="s">
        <v>34211</v>
      </c>
      <c r="F11497">
        <v>4</v>
      </c>
      <c r="G11497" t="s">
        <v>14</v>
      </c>
      <c r="H11497" t="s">
        <v>25328</v>
      </c>
      <c r="I11497" t="s">
        <v>30540</v>
      </c>
    </row>
    <row r="11498" spans="1:9">
      <c r="A11498" s="1">
        <v>0.39597404668541081</v>
      </c>
      <c r="B11498" s="1"/>
      <c r="C11498">
        <v>13</v>
      </c>
      <c r="D11498" t="s">
        <v>25321</v>
      </c>
      <c r="E11498" t="s">
        <v>34212</v>
      </c>
      <c r="F11498">
        <v>4</v>
      </c>
      <c r="G11498" t="s">
        <v>14</v>
      </c>
      <c r="H11498" t="s">
        <v>25322</v>
      </c>
      <c r="I11498" t="s">
        <v>30540</v>
      </c>
    </row>
    <row r="11499" spans="1:9">
      <c r="A11499" s="1">
        <v>0.26235049634447805</v>
      </c>
      <c r="B11499" s="1"/>
      <c r="C11499">
        <v>1</v>
      </c>
      <c r="D11499" t="s">
        <v>25319</v>
      </c>
      <c r="E11499" t="s">
        <v>34212</v>
      </c>
      <c r="F11499">
        <v>4</v>
      </c>
      <c r="G11499" t="s">
        <v>2</v>
      </c>
      <c r="H11499" t="s">
        <v>25320</v>
      </c>
      <c r="I11499" t="s">
        <v>30540</v>
      </c>
    </row>
    <row r="11500" spans="1:9">
      <c r="A11500" s="1">
        <v>0.75514452348959726</v>
      </c>
      <c r="B11500" s="1"/>
      <c r="C11500">
        <v>13</v>
      </c>
      <c r="D11500" t="s">
        <v>25321</v>
      </c>
      <c r="E11500" t="s">
        <v>34212</v>
      </c>
      <c r="F11500">
        <v>4</v>
      </c>
      <c r="G11500" t="s">
        <v>14</v>
      </c>
      <c r="H11500" t="s">
        <v>25322</v>
      </c>
      <c r="I11500" t="s">
        <v>30540</v>
      </c>
    </row>
    <row r="11501" spans="1:9">
      <c r="A11501" s="1">
        <v>0.63388615858171105</v>
      </c>
      <c r="B11501" s="1"/>
      <c r="C11501">
        <v>1</v>
      </c>
      <c r="D11501" t="s">
        <v>25319</v>
      </c>
      <c r="E11501" t="s">
        <v>34212</v>
      </c>
      <c r="F11501">
        <v>4</v>
      </c>
      <c r="G11501" t="s">
        <v>2</v>
      </c>
      <c r="H11501" t="s">
        <v>25320</v>
      </c>
      <c r="I11501" t="s">
        <v>30540</v>
      </c>
    </row>
    <row r="11502" spans="1:9">
      <c r="A11502" s="1">
        <v>0.96157373890504538</v>
      </c>
      <c r="B11502" s="1"/>
      <c r="C11502">
        <v>12</v>
      </c>
      <c r="D11502" t="s">
        <v>25315</v>
      </c>
      <c r="E11502" t="s">
        <v>34213</v>
      </c>
      <c r="F11502">
        <v>4</v>
      </c>
      <c r="G11502" t="s">
        <v>14</v>
      </c>
      <c r="H11502" t="s">
        <v>25316</v>
      </c>
      <c r="I11502" t="s">
        <v>30540</v>
      </c>
    </row>
    <row r="11503" spans="1:9">
      <c r="A11503" s="1">
        <v>0.31992514328799149</v>
      </c>
      <c r="B11503" s="1"/>
      <c r="C11503">
        <v>12</v>
      </c>
      <c r="D11503" t="s">
        <v>25315</v>
      </c>
      <c r="E11503" t="s">
        <v>34213</v>
      </c>
      <c r="F11503">
        <v>4</v>
      </c>
      <c r="G11503" t="s">
        <v>14</v>
      </c>
      <c r="H11503" t="s">
        <v>25316</v>
      </c>
      <c r="I11503" t="s">
        <v>30540</v>
      </c>
    </row>
    <row r="11504" spans="1:9">
      <c r="A11504" s="1">
        <v>0.592560873379821</v>
      </c>
      <c r="B11504" s="1"/>
      <c r="C11504">
        <v>1</v>
      </c>
      <c r="D11504" t="s">
        <v>25307</v>
      </c>
      <c r="E11504" t="s">
        <v>34214</v>
      </c>
      <c r="F11504">
        <v>5</v>
      </c>
      <c r="G11504" t="s">
        <v>10</v>
      </c>
      <c r="H11504" t="s">
        <v>25308</v>
      </c>
      <c r="I11504" t="s">
        <v>30540</v>
      </c>
    </row>
    <row r="11505" spans="1:9">
      <c r="A11505" s="1">
        <v>0.27199931540583067</v>
      </c>
      <c r="B11505" s="1"/>
      <c r="C11505">
        <v>14</v>
      </c>
      <c r="D11505" t="s">
        <v>25313</v>
      </c>
      <c r="E11505" t="s">
        <v>34214</v>
      </c>
      <c r="F11505">
        <v>5</v>
      </c>
      <c r="G11505" t="s">
        <v>2226</v>
      </c>
      <c r="H11505" t="s">
        <v>25314</v>
      </c>
      <c r="I11505" t="s">
        <v>30540</v>
      </c>
    </row>
    <row r="11506" spans="1:9">
      <c r="A11506" s="1">
        <v>0.33612120912900045</v>
      </c>
      <c r="B11506" s="1"/>
      <c r="C11506">
        <v>1</v>
      </c>
      <c r="D11506" t="s">
        <v>25307</v>
      </c>
      <c r="E11506" t="s">
        <v>34214</v>
      </c>
      <c r="F11506">
        <v>5</v>
      </c>
      <c r="G11506" t="s">
        <v>10</v>
      </c>
      <c r="H11506" t="s">
        <v>25308</v>
      </c>
      <c r="I11506" t="s">
        <v>30540</v>
      </c>
    </row>
    <row r="11507" spans="1:9">
      <c r="A11507" s="1">
        <v>0.20743605311496061</v>
      </c>
      <c r="B11507" s="1"/>
      <c r="C11507">
        <v>14</v>
      </c>
      <c r="D11507" t="s">
        <v>25313</v>
      </c>
      <c r="E11507" t="s">
        <v>34214</v>
      </c>
      <c r="F11507">
        <v>5</v>
      </c>
      <c r="G11507" t="s">
        <v>2226</v>
      </c>
      <c r="H11507" t="s">
        <v>25314</v>
      </c>
      <c r="I11507" t="s">
        <v>30540</v>
      </c>
    </row>
    <row r="11508" spans="1:9">
      <c r="A11508" s="1">
        <v>0.78919269832921446</v>
      </c>
      <c r="B11508" s="1"/>
      <c r="C11508">
        <v>13</v>
      </c>
      <c r="D11508" t="s">
        <v>25311</v>
      </c>
      <c r="E11508" t="s">
        <v>34214</v>
      </c>
      <c r="F11508">
        <v>4</v>
      </c>
      <c r="G11508" t="s">
        <v>2</v>
      </c>
      <c r="H11508" t="s">
        <v>25312</v>
      </c>
      <c r="I11508" t="s">
        <v>30540</v>
      </c>
    </row>
    <row r="11509" spans="1:9">
      <c r="A11509" s="1">
        <v>0.73783628556726344</v>
      </c>
      <c r="B11509" s="1"/>
      <c r="C11509">
        <v>13</v>
      </c>
      <c r="D11509" t="s">
        <v>25311</v>
      </c>
      <c r="E11509" t="s">
        <v>34214</v>
      </c>
      <c r="F11509">
        <v>4</v>
      </c>
      <c r="G11509" t="s">
        <v>2</v>
      </c>
      <c r="H11509" t="s">
        <v>25312</v>
      </c>
      <c r="I11509" t="s">
        <v>30540</v>
      </c>
    </row>
    <row r="11510" spans="1:9">
      <c r="A11510" s="1">
        <v>0.65299401906636478</v>
      </c>
      <c r="B11510" s="1"/>
      <c r="C11510">
        <v>9</v>
      </c>
      <c r="D11510" t="s">
        <v>25309</v>
      </c>
      <c r="E11510" t="s">
        <v>34214</v>
      </c>
      <c r="F11510">
        <v>4</v>
      </c>
      <c r="G11510" t="s">
        <v>14</v>
      </c>
      <c r="H11510" t="s">
        <v>25310</v>
      </c>
      <c r="I11510" t="s">
        <v>30540</v>
      </c>
    </row>
    <row r="11511" spans="1:9">
      <c r="A11511" s="1">
        <v>0.16787971771007137</v>
      </c>
      <c r="B11511" s="1"/>
      <c r="C11511">
        <v>9</v>
      </c>
      <c r="D11511" t="s">
        <v>25309</v>
      </c>
      <c r="E11511" t="s">
        <v>34214</v>
      </c>
      <c r="F11511">
        <v>4</v>
      </c>
      <c r="G11511" t="s">
        <v>14</v>
      </c>
      <c r="H11511" t="s">
        <v>25310</v>
      </c>
      <c r="I11511" t="s">
        <v>30540</v>
      </c>
    </row>
    <row r="11512" spans="1:9">
      <c r="A11512" s="1">
        <v>0.59819271264537843</v>
      </c>
      <c r="B11512" s="1"/>
      <c r="C11512">
        <v>17</v>
      </c>
      <c r="D11512" t="s">
        <v>25303</v>
      </c>
      <c r="E11512" t="s">
        <v>34215</v>
      </c>
      <c r="F11512">
        <v>5</v>
      </c>
      <c r="G11512" t="s">
        <v>0</v>
      </c>
      <c r="H11512" t="s">
        <v>25304</v>
      </c>
      <c r="I11512" t="s">
        <v>30540</v>
      </c>
    </row>
    <row r="11513" spans="1:9">
      <c r="A11513" s="1">
        <v>0.67830190069676477</v>
      </c>
      <c r="B11513" s="1"/>
      <c r="C11513">
        <v>18</v>
      </c>
      <c r="D11513" t="s">
        <v>25305</v>
      </c>
      <c r="E11513" t="s">
        <v>34215</v>
      </c>
      <c r="F11513">
        <v>5</v>
      </c>
      <c r="G11513" t="s">
        <v>14</v>
      </c>
      <c r="H11513" t="s">
        <v>25306</v>
      </c>
      <c r="I11513" t="s">
        <v>30540</v>
      </c>
    </row>
    <row r="11514" spans="1:9">
      <c r="A11514" s="1">
        <v>0.45728191636936011</v>
      </c>
      <c r="B11514" s="1"/>
      <c r="C11514">
        <v>18</v>
      </c>
      <c r="D11514" t="s">
        <v>25305</v>
      </c>
      <c r="E11514" t="s">
        <v>34215</v>
      </c>
      <c r="F11514">
        <v>5</v>
      </c>
      <c r="G11514" t="s">
        <v>14</v>
      </c>
      <c r="H11514" t="s">
        <v>25306</v>
      </c>
      <c r="I11514" t="s">
        <v>30540</v>
      </c>
    </row>
    <row r="11515" spans="1:9">
      <c r="A11515" s="1">
        <v>0.26725398076415829</v>
      </c>
      <c r="B11515" s="1"/>
      <c r="C11515">
        <v>17</v>
      </c>
      <c r="D11515" t="s">
        <v>25303</v>
      </c>
      <c r="E11515" t="s">
        <v>34215</v>
      </c>
      <c r="F11515">
        <v>5</v>
      </c>
      <c r="G11515" t="s">
        <v>0</v>
      </c>
      <c r="H11515" t="s">
        <v>25304</v>
      </c>
      <c r="I11515" t="s">
        <v>30540</v>
      </c>
    </row>
    <row r="11516" spans="1:9">
      <c r="A11516" s="1">
        <v>0.19335852985835222</v>
      </c>
      <c r="B11516" s="1"/>
      <c r="C11516">
        <v>16</v>
      </c>
      <c r="D11516" t="s">
        <v>25301</v>
      </c>
      <c r="E11516" t="s">
        <v>34215</v>
      </c>
      <c r="F11516">
        <v>5</v>
      </c>
      <c r="G11516" t="s">
        <v>14</v>
      </c>
      <c r="H11516" t="s">
        <v>25302</v>
      </c>
      <c r="I11516" t="s">
        <v>30540</v>
      </c>
    </row>
    <row r="11517" spans="1:9">
      <c r="A11517" s="1">
        <v>0.43809748090421907</v>
      </c>
      <c r="B11517" s="1"/>
      <c r="C11517">
        <v>16</v>
      </c>
      <c r="D11517" t="s">
        <v>25301</v>
      </c>
      <c r="E11517" t="s">
        <v>34215</v>
      </c>
      <c r="F11517">
        <v>5</v>
      </c>
      <c r="G11517" t="s">
        <v>14</v>
      </c>
      <c r="H11517" t="s">
        <v>25302</v>
      </c>
      <c r="I11517" t="s">
        <v>30540</v>
      </c>
    </row>
    <row r="11518" spans="1:9">
      <c r="A11518" s="1">
        <v>0.94478123702576011</v>
      </c>
      <c r="B11518" s="1"/>
      <c r="C11518">
        <v>7</v>
      </c>
      <c r="D11518" t="s">
        <v>25297</v>
      </c>
      <c r="E11518" t="s">
        <v>34215</v>
      </c>
      <c r="F11518">
        <v>4</v>
      </c>
      <c r="G11518" t="s">
        <v>14</v>
      </c>
      <c r="H11518" t="s">
        <v>25298</v>
      </c>
      <c r="I11518" t="s">
        <v>30540</v>
      </c>
    </row>
    <row r="11519" spans="1:9">
      <c r="A11519" s="1">
        <v>0.11819174983896497</v>
      </c>
      <c r="B11519" s="1"/>
      <c r="C11519">
        <v>10</v>
      </c>
      <c r="D11519" t="s">
        <v>25299</v>
      </c>
      <c r="E11519" t="s">
        <v>34215</v>
      </c>
      <c r="F11519">
        <v>4</v>
      </c>
      <c r="G11519" t="s">
        <v>13</v>
      </c>
      <c r="H11519" t="s">
        <v>25300</v>
      </c>
      <c r="I11519" t="s">
        <v>30540</v>
      </c>
    </row>
    <row r="11520" spans="1:9">
      <c r="A11520" s="1">
        <v>0.6732137387956697</v>
      </c>
      <c r="B11520" s="1"/>
      <c r="C11520">
        <v>6</v>
      </c>
      <c r="D11520" t="s">
        <v>25295</v>
      </c>
      <c r="E11520" t="s">
        <v>34215</v>
      </c>
      <c r="F11520">
        <v>4</v>
      </c>
      <c r="G11520" t="s">
        <v>9</v>
      </c>
      <c r="H11520" t="s">
        <v>25296</v>
      </c>
      <c r="I11520" t="s">
        <v>30540</v>
      </c>
    </row>
    <row r="11521" spans="1:9">
      <c r="A11521" s="1">
        <v>0.43998092360860819</v>
      </c>
      <c r="B11521" s="1"/>
      <c r="C11521">
        <v>10</v>
      </c>
      <c r="D11521" t="s">
        <v>25299</v>
      </c>
      <c r="E11521" t="s">
        <v>34215</v>
      </c>
      <c r="F11521">
        <v>4</v>
      </c>
      <c r="G11521" t="s">
        <v>13</v>
      </c>
      <c r="H11521" t="s">
        <v>25300</v>
      </c>
      <c r="I11521" t="s">
        <v>30540</v>
      </c>
    </row>
    <row r="11522" spans="1:9">
      <c r="A11522" s="1">
        <v>0.91964304291573251</v>
      </c>
      <c r="B11522" s="1"/>
      <c r="C11522">
        <v>7</v>
      </c>
      <c r="D11522" t="s">
        <v>25297</v>
      </c>
      <c r="E11522" t="s">
        <v>34215</v>
      </c>
      <c r="F11522">
        <v>4</v>
      </c>
      <c r="G11522" t="s">
        <v>14</v>
      </c>
      <c r="H11522" t="s">
        <v>25298</v>
      </c>
      <c r="I11522" t="s">
        <v>30540</v>
      </c>
    </row>
    <row r="11523" spans="1:9">
      <c r="A11523" s="1">
        <v>0.12141708040783805</v>
      </c>
      <c r="B11523" s="1"/>
      <c r="C11523">
        <v>6</v>
      </c>
      <c r="D11523" t="s">
        <v>25295</v>
      </c>
      <c r="E11523" t="s">
        <v>34215</v>
      </c>
      <c r="F11523">
        <v>4</v>
      </c>
      <c r="G11523" t="s">
        <v>9</v>
      </c>
      <c r="H11523" t="s">
        <v>25296</v>
      </c>
      <c r="I11523" t="s">
        <v>30540</v>
      </c>
    </row>
    <row r="11524" spans="1:9">
      <c r="A11524" s="1">
        <v>0.91518723236153698</v>
      </c>
      <c r="B11524" s="1"/>
      <c r="C11524">
        <v>16</v>
      </c>
      <c r="D11524" t="s">
        <v>25291</v>
      </c>
      <c r="E11524" t="s">
        <v>34216</v>
      </c>
      <c r="F11524">
        <v>4</v>
      </c>
      <c r="G11524" t="s">
        <v>14</v>
      </c>
      <c r="H11524" t="s">
        <v>25292</v>
      </c>
      <c r="I11524" t="s">
        <v>30540</v>
      </c>
    </row>
    <row r="11525" spans="1:9">
      <c r="A11525" s="1">
        <v>0.33436676236031238</v>
      </c>
      <c r="B11525" s="1"/>
      <c r="C11525">
        <v>16</v>
      </c>
      <c r="D11525" t="s">
        <v>25291</v>
      </c>
      <c r="E11525" t="s">
        <v>34216</v>
      </c>
      <c r="F11525">
        <v>4</v>
      </c>
      <c r="G11525" t="s">
        <v>14</v>
      </c>
      <c r="H11525" t="s">
        <v>25292</v>
      </c>
      <c r="I11525" t="s">
        <v>30540</v>
      </c>
    </row>
    <row r="11526" spans="1:9">
      <c r="A11526" s="1">
        <v>0.86771475290855427</v>
      </c>
      <c r="B11526" s="1"/>
      <c r="C11526">
        <v>10</v>
      </c>
      <c r="D11526" t="s">
        <v>25285</v>
      </c>
      <c r="E11526" t="s">
        <v>34216</v>
      </c>
      <c r="F11526">
        <v>4</v>
      </c>
      <c r="G11526" t="s">
        <v>14</v>
      </c>
      <c r="H11526" t="s">
        <v>25286</v>
      </c>
      <c r="I11526" t="s">
        <v>30540</v>
      </c>
    </row>
    <row r="11527" spans="1:9">
      <c r="A11527" s="1">
        <v>0.22396595336822511</v>
      </c>
      <c r="B11527" s="1"/>
      <c r="C11527">
        <v>10</v>
      </c>
      <c r="D11527" t="s">
        <v>25285</v>
      </c>
      <c r="E11527" t="s">
        <v>34216</v>
      </c>
      <c r="F11527">
        <v>4</v>
      </c>
      <c r="G11527" t="s">
        <v>14</v>
      </c>
      <c r="H11527" t="s">
        <v>25286</v>
      </c>
      <c r="I11527" t="s">
        <v>30540</v>
      </c>
    </row>
    <row r="11528" spans="1:9">
      <c r="A11528" s="1">
        <v>0.4629859436251581</v>
      </c>
      <c r="B11528" s="1"/>
      <c r="C11528">
        <v>14</v>
      </c>
      <c r="D11528" t="s">
        <v>25289</v>
      </c>
      <c r="E11528" t="s">
        <v>34216</v>
      </c>
      <c r="F11528">
        <v>3</v>
      </c>
      <c r="G11528" t="s">
        <v>14</v>
      </c>
      <c r="H11528" t="s">
        <v>25290</v>
      </c>
      <c r="I11528" t="s">
        <v>30540</v>
      </c>
    </row>
    <row r="11529" spans="1:9">
      <c r="A11529" s="1">
        <v>0.42230294949351699</v>
      </c>
      <c r="B11529" s="1"/>
      <c r="C11529">
        <v>14</v>
      </c>
      <c r="D11529" t="s">
        <v>25289</v>
      </c>
      <c r="E11529" t="s">
        <v>34216</v>
      </c>
      <c r="F11529">
        <v>3</v>
      </c>
      <c r="G11529" t="s">
        <v>14</v>
      </c>
      <c r="H11529" t="s">
        <v>25290</v>
      </c>
      <c r="I11529" t="s">
        <v>30540</v>
      </c>
    </row>
    <row r="11530" spans="1:9">
      <c r="A11530" s="1">
        <v>0.95813696872316845</v>
      </c>
      <c r="B11530" s="1"/>
      <c r="C11530">
        <v>12</v>
      </c>
      <c r="D11530" t="s">
        <v>25283</v>
      </c>
      <c r="E11530" t="s">
        <v>34217</v>
      </c>
      <c r="F11530">
        <v>5</v>
      </c>
      <c r="G11530" t="s">
        <v>13</v>
      </c>
      <c r="H11530" t="s">
        <v>25284</v>
      </c>
      <c r="I11530" t="s">
        <v>30540</v>
      </c>
    </row>
    <row r="11531" spans="1:9">
      <c r="A11531" s="1">
        <v>0.46358024253299412</v>
      </c>
      <c r="B11531" s="1"/>
      <c r="C11531">
        <v>12</v>
      </c>
      <c r="D11531" t="s">
        <v>25283</v>
      </c>
      <c r="E11531" t="s">
        <v>34217</v>
      </c>
      <c r="F11531">
        <v>5</v>
      </c>
      <c r="G11531" t="s">
        <v>13</v>
      </c>
      <c r="H11531" t="s">
        <v>25284</v>
      </c>
      <c r="I11531" t="s">
        <v>30540</v>
      </c>
    </row>
    <row r="11532" spans="1:9">
      <c r="A11532" s="1">
        <v>0.79910914218224238</v>
      </c>
      <c r="B11532" s="1"/>
      <c r="C11532">
        <v>10</v>
      </c>
      <c r="D11532" t="s">
        <v>25281</v>
      </c>
      <c r="E11532" t="s">
        <v>34217</v>
      </c>
      <c r="F11532">
        <v>4</v>
      </c>
      <c r="G11532" t="s">
        <v>14</v>
      </c>
      <c r="H11532" t="s">
        <v>25282</v>
      </c>
      <c r="I11532" t="s">
        <v>30540</v>
      </c>
    </row>
    <row r="11533" spans="1:9">
      <c r="A11533" s="1">
        <v>9.4063368861498797E-2</v>
      </c>
      <c r="B11533" s="1"/>
      <c r="C11533">
        <v>10</v>
      </c>
      <c r="D11533" t="s">
        <v>25281</v>
      </c>
      <c r="E11533" t="s">
        <v>34217</v>
      </c>
      <c r="F11533">
        <v>4</v>
      </c>
      <c r="G11533" t="s">
        <v>14</v>
      </c>
      <c r="H11533" t="s">
        <v>25282</v>
      </c>
      <c r="I11533" t="s">
        <v>30540</v>
      </c>
    </row>
    <row r="11534" spans="1:9">
      <c r="A11534" s="1">
        <v>0.60851704860392108</v>
      </c>
      <c r="B11534" s="1"/>
      <c r="C11534">
        <v>13</v>
      </c>
      <c r="D11534" t="s">
        <v>25277</v>
      </c>
      <c r="E11534" t="s">
        <v>34218</v>
      </c>
      <c r="F11534">
        <v>4</v>
      </c>
      <c r="G11534" t="s">
        <v>2</v>
      </c>
      <c r="H11534" t="s">
        <v>25278</v>
      </c>
      <c r="I11534" t="s">
        <v>30540</v>
      </c>
    </row>
    <row r="11535" spans="1:9">
      <c r="A11535" s="1">
        <v>0.40114314590252376</v>
      </c>
      <c r="B11535" s="1"/>
      <c r="C11535">
        <v>7</v>
      </c>
      <c r="D11535" t="s">
        <v>25275</v>
      </c>
      <c r="E11535" t="s">
        <v>34218</v>
      </c>
      <c r="F11535">
        <v>4</v>
      </c>
      <c r="G11535" t="s">
        <v>14</v>
      </c>
      <c r="H11535" t="s">
        <v>25276</v>
      </c>
      <c r="I11535" t="s">
        <v>30540</v>
      </c>
    </row>
    <row r="11536" spans="1:9">
      <c r="A11536" s="1">
        <v>0.48633221560852202</v>
      </c>
      <c r="B11536" s="1"/>
      <c r="C11536">
        <v>7</v>
      </c>
      <c r="D11536" t="s">
        <v>25275</v>
      </c>
      <c r="E11536" t="s">
        <v>34218</v>
      </c>
      <c r="F11536">
        <v>4</v>
      </c>
      <c r="G11536" t="s">
        <v>14</v>
      </c>
      <c r="H11536" t="s">
        <v>25276</v>
      </c>
      <c r="I11536" t="s">
        <v>30540</v>
      </c>
    </row>
    <row r="11537" spans="1:9">
      <c r="A11537" s="1">
        <v>0.4011496381309414</v>
      </c>
      <c r="B11537" s="1"/>
      <c r="C11537">
        <v>13</v>
      </c>
      <c r="D11537" t="s">
        <v>25277</v>
      </c>
      <c r="E11537" t="s">
        <v>34218</v>
      </c>
      <c r="F11537">
        <v>4</v>
      </c>
      <c r="G11537" t="s">
        <v>2</v>
      </c>
      <c r="H11537" t="s">
        <v>25278</v>
      </c>
      <c r="I11537" t="s">
        <v>30540</v>
      </c>
    </row>
    <row r="11538" spans="1:9">
      <c r="A11538" s="1">
        <v>0.35266118281811309</v>
      </c>
      <c r="B11538" s="1"/>
      <c r="C11538">
        <v>15</v>
      </c>
      <c r="D11538" t="s">
        <v>25279</v>
      </c>
      <c r="E11538" t="s">
        <v>34218</v>
      </c>
      <c r="F11538">
        <v>3</v>
      </c>
      <c r="G11538" t="s">
        <v>14</v>
      </c>
      <c r="H11538" t="s">
        <v>25280</v>
      </c>
      <c r="I11538" t="s">
        <v>30540</v>
      </c>
    </row>
    <row r="11539" spans="1:9">
      <c r="A11539" s="1">
        <v>0.80940921568188473</v>
      </c>
      <c r="B11539" s="1"/>
      <c r="C11539">
        <v>15</v>
      </c>
      <c r="D11539" t="s">
        <v>25279</v>
      </c>
      <c r="E11539" t="s">
        <v>34218</v>
      </c>
      <c r="F11539">
        <v>3</v>
      </c>
      <c r="G11539" t="s">
        <v>14</v>
      </c>
      <c r="H11539" t="s">
        <v>25280</v>
      </c>
      <c r="I11539" t="s">
        <v>30540</v>
      </c>
    </row>
    <row r="11540" spans="1:9">
      <c r="A11540" s="1">
        <v>0.90268394507347915</v>
      </c>
      <c r="B11540" s="1"/>
      <c r="C11540">
        <v>15</v>
      </c>
      <c r="D11540" t="s">
        <v>25271</v>
      </c>
      <c r="E11540" t="s">
        <v>34219</v>
      </c>
      <c r="F11540">
        <v>5</v>
      </c>
      <c r="G11540" t="s">
        <v>14</v>
      </c>
      <c r="H11540" t="s">
        <v>25272</v>
      </c>
      <c r="I11540" t="s">
        <v>30540</v>
      </c>
    </row>
    <row r="11541" spans="1:9">
      <c r="A11541" s="1">
        <v>0.68525746333160176</v>
      </c>
      <c r="B11541" s="1"/>
      <c r="C11541">
        <v>7</v>
      </c>
      <c r="D11541" t="s">
        <v>25269</v>
      </c>
      <c r="E11541" t="s">
        <v>34219</v>
      </c>
      <c r="F11541">
        <v>5</v>
      </c>
      <c r="G11541" t="s">
        <v>10</v>
      </c>
      <c r="H11541" t="s">
        <v>25270</v>
      </c>
      <c r="I11541" t="s">
        <v>30540</v>
      </c>
    </row>
    <row r="11542" spans="1:9">
      <c r="A11542" s="1">
        <v>0.40948520818036038</v>
      </c>
      <c r="B11542" s="1"/>
      <c r="C11542">
        <v>17</v>
      </c>
      <c r="D11542" t="s">
        <v>25273</v>
      </c>
      <c r="E11542" t="s">
        <v>34219</v>
      </c>
      <c r="F11542">
        <v>5</v>
      </c>
      <c r="G11542" t="s">
        <v>762</v>
      </c>
      <c r="H11542" t="s">
        <v>25274</v>
      </c>
      <c r="I11542" t="s">
        <v>30540</v>
      </c>
    </row>
    <row r="11543" spans="1:9">
      <c r="A11543" s="1">
        <v>0.59144578533754122</v>
      </c>
      <c r="B11543" s="1"/>
      <c r="C11543">
        <v>15</v>
      </c>
      <c r="D11543" t="s">
        <v>25271</v>
      </c>
      <c r="E11543" t="s">
        <v>34219</v>
      </c>
      <c r="F11543">
        <v>5</v>
      </c>
      <c r="G11543" t="s">
        <v>14</v>
      </c>
      <c r="H11543" t="s">
        <v>25272</v>
      </c>
      <c r="I11543" t="s">
        <v>30540</v>
      </c>
    </row>
    <row r="11544" spans="1:9">
      <c r="A11544" s="1">
        <v>0.13319514838115754</v>
      </c>
      <c r="B11544" s="1"/>
      <c r="C11544">
        <v>7</v>
      </c>
      <c r="D11544" t="s">
        <v>25269</v>
      </c>
      <c r="E11544" t="s">
        <v>34219</v>
      </c>
      <c r="F11544">
        <v>5</v>
      </c>
      <c r="G11544" t="s">
        <v>10</v>
      </c>
      <c r="H11544" t="s">
        <v>25270</v>
      </c>
      <c r="I11544" t="s">
        <v>30540</v>
      </c>
    </row>
    <row r="11545" spans="1:9">
      <c r="A11545" s="1">
        <v>0.28463076151753952</v>
      </c>
      <c r="B11545" s="1"/>
      <c r="C11545">
        <v>17</v>
      </c>
      <c r="D11545" t="s">
        <v>25273</v>
      </c>
      <c r="E11545" t="s">
        <v>34219</v>
      </c>
      <c r="F11545">
        <v>5</v>
      </c>
      <c r="G11545" t="s">
        <v>762</v>
      </c>
      <c r="H11545" t="s">
        <v>25274</v>
      </c>
      <c r="I11545" t="s">
        <v>30540</v>
      </c>
    </row>
    <row r="11546" spans="1:9">
      <c r="A11546" s="1">
        <v>0.10048151012311746</v>
      </c>
      <c r="B11546" s="1"/>
      <c r="C11546">
        <v>2</v>
      </c>
      <c r="D11546" t="s">
        <v>25265</v>
      </c>
      <c r="E11546" t="s">
        <v>34220</v>
      </c>
      <c r="F11546">
        <v>4</v>
      </c>
      <c r="G11546" t="s">
        <v>9</v>
      </c>
      <c r="H11546" t="s">
        <v>25266</v>
      </c>
      <c r="I11546" t="s">
        <v>30540</v>
      </c>
    </row>
    <row r="11547" spans="1:9">
      <c r="A11547" s="1">
        <v>0.4905285350743227</v>
      </c>
      <c r="B11547" s="1"/>
      <c r="C11547">
        <v>2</v>
      </c>
      <c r="D11547" t="s">
        <v>25265</v>
      </c>
      <c r="E11547" t="s">
        <v>34220</v>
      </c>
      <c r="F11547">
        <v>4</v>
      </c>
      <c r="G11547" t="s">
        <v>9</v>
      </c>
      <c r="H11547" t="s">
        <v>25266</v>
      </c>
      <c r="I11547" t="s">
        <v>30540</v>
      </c>
    </row>
    <row r="11548" spans="1:9">
      <c r="A11548" s="1">
        <v>0.86746020639234023</v>
      </c>
      <c r="B11548" s="1"/>
      <c r="C11548">
        <v>16</v>
      </c>
      <c r="D11548" t="s">
        <v>25267</v>
      </c>
      <c r="E11548" t="s">
        <v>34220</v>
      </c>
      <c r="F11548">
        <v>3</v>
      </c>
      <c r="G11548" t="s">
        <v>14</v>
      </c>
      <c r="H11548" t="s">
        <v>25268</v>
      </c>
      <c r="I11548" t="s">
        <v>30540</v>
      </c>
    </row>
    <row r="11549" spans="1:9">
      <c r="A11549" s="1">
        <v>3.030864859675686E-2</v>
      </c>
      <c r="B11549" s="1"/>
      <c r="C11549">
        <v>16</v>
      </c>
      <c r="D11549" t="s">
        <v>25267</v>
      </c>
      <c r="E11549" t="s">
        <v>34220</v>
      </c>
      <c r="F11549">
        <v>3</v>
      </c>
      <c r="G11549" t="s">
        <v>14</v>
      </c>
      <c r="H11549" t="s">
        <v>25268</v>
      </c>
      <c r="I11549" t="s">
        <v>30540</v>
      </c>
    </row>
    <row r="11550" spans="1:9">
      <c r="A11550" s="1">
        <v>0.30294677719086271</v>
      </c>
      <c r="B11550" s="1"/>
      <c r="C11550">
        <v>2</v>
      </c>
      <c r="D11550" t="s">
        <v>25259</v>
      </c>
      <c r="E11550" t="s">
        <v>34221</v>
      </c>
      <c r="F11550">
        <v>4</v>
      </c>
      <c r="G11550" t="s">
        <v>9</v>
      </c>
      <c r="H11550" t="s">
        <v>25260</v>
      </c>
      <c r="I11550" t="s">
        <v>30540</v>
      </c>
    </row>
    <row r="11551" spans="1:9">
      <c r="A11551" s="1">
        <v>0.45262735304024448</v>
      </c>
      <c r="B11551" s="1"/>
      <c r="C11551">
        <v>20</v>
      </c>
      <c r="D11551" t="s">
        <v>25263</v>
      </c>
      <c r="E11551" t="s">
        <v>34221</v>
      </c>
      <c r="F11551">
        <v>4</v>
      </c>
      <c r="G11551" t="s">
        <v>14</v>
      </c>
      <c r="H11551" t="s">
        <v>25264</v>
      </c>
      <c r="I11551" t="s">
        <v>30540</v>
      </c>
    </row>
    <row r="11552" spans="1:9">
      <c r="A11552" s="1">
        <v>0.83983032218314513</v>
      </c>
      <c r="B11552" s="1"/>
      <c r="C11552">
        <v>6</v>
      </c>
      <c r="D11552" t="s">
        <v>25261</v>
      </c>
      <c r="E11552" t="s">
        <v>34221</v>
      </c>
      <c r="F11552">
        <v>4</v>
      </c>
      <c r="G11552" t="s">
        <v>14</v>
      </c>
      <c r="H11552" t="s">
        <v>25262</v>
      </c>
      <c r="I11552" t="s">
        <v>30540</v>
      </c>
    </row>
    <row r="11553" spans="1:9">
      <c r="A11553" s="1">
        <v>0.49176504065763338</v>
      </c>
      <c r="B11553" s="1"/>
      <c r="C11553">
        <v>18</v>
      </c>
      <c r="D11553" t="s">
        <v>25257</v>
      </c>
      <c r="E11553" t="s">
        <v>34222</v>
      </c>
      <c r="F11553">
        <v>4</v>
      </c>
      <c r="G11553" t="s">
        <v>14</v>
      </c>
      <c r="H11553" t="s">
        <v>25258</v>
      </c>
      <c r="I11553" t="s">
        <v>30540</v>
      </c>
    </row>
    <row r="11554" spans="1:9">
      <c r="A11554" s="1">
        <v>0.321340327153119</v>
      </c>
      <c r="B11554" s="1"/>
      <c r="C11554">
        <v>15</v>
      </c>
      <c r="D11554" t="s">
        <v>25255</v>
      </c>
      <c r="E11554" t="s">
        <v>34222</v>
      </c>
      <c r="F11554">
        <v>3</v>
      </c>
      <c r="G11554" t="s">
        <v>1</v>
      </c>
      <c r="H11554" t="s">
        <v>25256</v>
      </c>
      <c r="I11554" t="s">
        <v>30540</v>
      </c>
    </row>
    <row r="11555" spans="1:9">
      <c r="A11555" s="1">
        <v>0.86452343443722757</v>
      </c>
      <c r="B11555" s="1"/>
      <c r="C11555">
        <v>20</v>
      </c>
      <c r="D11555" t="s">
        <v>25253</v>
      </c>
      <c r="E11555" t="s">
        <v>34223</v>
      </c>
      <c r="F11555">
        <v>5</v>
      </c>
      <c r="G11555" t="s">
        <v>14</v>
      </c>
      <c r="H11555" t="s">
        <v>25254</v>
      </c>
      <c r="I11555" t="s">
        <v>30540</v>
      </c>
    </row>
    <row r="11556" spans="1:9">
      <c r="A11556" s="1">
        <v>0.75398260681546236</v>
      </c>
      <c r="B11556" s="1"/>
      <c r="C11556">
        <v>9</v>
      </c>
      <c r="D11556" t="s">
        <v>25249</v>
      </c>
      <c r="E11556" t="s">
        <v>34223</v>
      </c>
      <c r="F11556">
        <v>5</v>
      </c>
      <c r="G11556" t="s">
        <v>14</v>
      </c>
      <c r="H11556" t="s">
        <v>25250</v>
      </c>
      <c r="I11556" t="s">
        <v>30540</v>
      </c>
    </row>
    <row r="11557" spans="1:9">
      <c r="A11557" s="1">
        <v>0.39544098535725647</v>
      </c>
      <c r="B11557" s="1"/>
      <c r="C11557">
        <v>10</v>
      </c>
      <c r="D11557" t="s">
        <v>25251</v>
      </c>
      <c r="E11557" t="s">
        <v>34223</v>
      </c>
      <c r="F11557">
        <v>4</v>
      </c>
      <c r="G11557" t="s">
        <v>14</v>
      </c>
      <c r="H11557" t="s">
        <v>25252</v>
      </c>
      <c r="I11557" t="s">
        <v>30540</v>
      </c>
    </row>
    <row r="11558" spans="1:9">
      <c r="A11558" s="1">
        <v>0.87123013052530074</v>
      </c>
      <c r="B11558" s="1"/>
      <c r="C11558">
        <v>8</v>
      </c>
      <c r="D11558" t="s">
        <v>25243</v>
      </c>
      <c r="E11558" t="s">
        <v>34224</v>
      </c>
      <c r="F11558">
        <v>4</v>
      </c>
      <c r="G11558" t="s">
        <v>1426</v>
      </c>
      <c r="H11558" t="s">
        <v>25244</v>
      </c>
      <c r="I11558" t="s">
        <v>30540</v>
      </c>
    </row>
    <row r="11559" spans="1:9">
      <c r="A11559" s="1">
        <v>6.9562176188203706E-3</v>
      </c>
      <c r="B11559" s="1"/>
      <c r="C11559">
        <v>1</v>
      </c>
      <c r="D11559" t="s">
        <v>25239</v>
      </c>
      <c r="E11559" t="s">
        <v>34224</v>
      </c>
      <c r="F11559">
        <v>4</v>
      </c>
      <c r="G11559" t="s">
        <v>10</v>
      </c>
      <c r="H11559" t="s">
        <v>25240</v>
      </c>
      <c r="I11559" t="s">
        <v>30540</v>
      </c>
    </row>
    <row r="11560" spans="1:9">
      <c r="A11560" s="1">
        <v>0.4298958974151722</v>
      </c>
      <c r="B11560" s="1"/>
      <c r="C11560">
        <v>12</v>
      </c>
      <c r="D11560" t="s">
        <v>25245</v>
      </c>
      <c r="E11560" t="s">
        <v>34224</v>
      </c>
      <c r="F11560">
        <v>4</v>
      </c>
      <c r="G11560" t="s">
        <v>1431</v>
      </c>
      <c r="H11560" t="s">
        <v>25246</v>
      </c>
      <c r="I11560" t="s">
        <v>30540</v>
      </c>
    </row>
    <row r="11561" spans="1:9">
      <c r="A11561" s="1">
        <v>0.16542203490739316</v>
      </c>
      <c r="B11561" s="1"/>
      <c r="C11561">
        <v>2</v>
      </c>
      <c r="D11561" t="s">
        <v>25241</v>
      </c>
      <c r="E11561" t="s">
        <v>34224</v>
      </c>
      <c r="F11561">
        <v>3</v>
      </c>
      <c r="G11561" t="s">
        <v>762</v>
      </c>
      <c r="H11561" t="s">
        <v>25242</v>
      </c>
      <c r="I11561" t="s">
        <v>30540</v>
      </c>
    </row>
    <row r="11562" spans="1:9">
      <c r="A11562" s="1">
        <v>0.32529483497602651</v>
      </c>
      <c r="B11562" s="1"/>
      <c r="C11562">
        <v>15</v>
      </c>
      <c r="D11562" t="s">
        <v>25235</v>
      </c>
      <c r="E11562" t="s">
        <v>34225</v>
      </c>
      <c r="F11562">
        <v>4</v>
      </c>
      <c r="G11562" t="s">
        <v>14</v>
      </c>
      <c r="H11562" t="s">
        <v>25236</v>
      </c>
      <c r="I11562" t="s">
        <v>30540</v>
      </c>
    </row>
    <row r="11563" spans="1:9">
      <c r="A11563" s="1">
        <v>4.9815784309540923E-2</v>
      </c>
      <c r="B11563" s="1"/>
      <c r="C11563">
        <v>17</v>
      </c>
      <c r="D11563" t="s">
        <v>25237</v>
      </c>
      <c r="E11563" t="s">
        <v>34225</v>
      </c>
      <c r="F11563">
        <v>4</v>
      </c>
      <c r="G11563" t="s">
        <v>14</v>
      </c>
      <c r="H11563" t="s">
        <v>25238</v>
      </c>
      <c r="I11563" t="s">
        <v>30540</v>
      </c>
    </row>
    <row r="11564" spans="1:9">
      <c r="A11564" s="1">
        <v>0.13990983493880427</v>
      </c>
      <c r="B11564" s="1"/>
      <c r="C11564">
        <v>10</v>
      </c>
      <c r="D11564" t="s">
        <v>25231</v>
      </c>
      <c r="E11564" t="s">
        <v>34226</v>
      </c>
      <c r="F11564">
        <v>4</v>
      </c>
      <c r="G11564" t="s">
        <v>14</v>
      </c>
      <c r="H11564" t="s">
        <v>25232</v>
      </c>
      <c r="I11564" t="s">
        <v>30540</v>
      </c>
    </row>
    <row r="11565" spans="1:9">
      <c r="A11565" s="1">
        <v>0.36209957699564199</v>
      </c>
      <c r="B11565" s="1"/>
      <c r="C11565">
        <v>6</v>
      </c>
      <c r="D11565" t="s">
        <v>25229</v>
      </c>
      <c r="E11565" t="s">
        <v>34226</v>
      </c>
      <c r="F11565">
        <v>4</v>
      </c>
      <c r="G11565" t="s">
        <v>9</v>
      </c>
      <c r="H11565" t="s">
        <v>25230</v>
      </c>
      <c r="I11565" t="s">
        <v>30540</v>
      </c>
    </row>
    <row r="11566" spans="1:9">
      <c r="A11566" s="1">
        <v>0.99967139478880251</v>
      </c>
      <c r="B11566" s="1"/>
      <c r="C11566">
        <v>5</v>
      </c>
      <c r="D11566" t="s">
        <v>25227</v>
      </c>
      <c r="E11566" t="s">
        <v>34226</v>
      </c>
      <c r="F11566">
        <v>4</v>
      </c>
      <c r="G11566" t="s">
        <v>9</v>
      </c>
      <c r="H11566" t="s">
        <v>25228</v>
      </c>
      <c r="I11566" t="s">
        <v>30540</v>
      </c>
    </row>
    <row r="11567" spans="1:9">
      <c r="A11567" s="1">
        <v>0.24348467122682349</v>
      </c>
      <c r="B11567" s="1"/>
      <c r="C11567">
        <v>13</v>
      </c>
      <c r="D11567" t="s">
        <v>25225</v>
      </c>
      <c r="E11567" t="s">
        <v>34227</v>
      </c>
      <c r="F11567">
        <v>5</v>
      </c>
      <c r="G11567" t="s">
        <v>14</v>
      </c>
      <c r="H11567" t="s">
        <v>25226</v>
      </c>
      <c r="I11567" t="s">
        <v>30540</v>
      </c>
    </row>
    <row r="11568" spans="1:9">
      <c r="A11568" s="1">
        <v>0.78540063994850318</v>
      </c>
      <c r="B11568" s="1"/>
      <c r="C11568">
        <v>12</v>
      </c>
      <c r="D11568" t="s">
        <v>25223</v>
      </c>
      <c r="E11568" t="s">
        <v>34227</v>
      </c>
      <c r="F11568">
        <v>4</v>
      </c>
      <c r="G11568" t="s">
        <v>14</v>
      </c>
      <c r="H11568" t="s">
        <v>25224</v>
      </c>
      <c r="I11568" t="s">
        <v>30540</v>
      </c>
    </row>
    <row r="11569" spans="1:9">
      <c r="A11569" s="1">
        <v>0.96950155253050563</v>
      </c>
      <c r="B11569" s="1"/>
      <c r="C11569">
        <v>3</v>
      </c>
      <c r="D11569" t="s">
        <v>25221</v>
      </c>
      <c r="E11569" t="s">
        <v>34227</v>
      </c>
      <c r="F11569">
        <v>4</v>
      </c>
      <c r="G11569" t="s">
        <v>14</v>
      </c>
      <c r="H11569" t="s">
        <v>25222</v>
      </c>
      <c r="I11569" t="s">
        <v>30540</v>
      </c>
    </row>
    <row r="11570" spans="1:9">
      <c r="A11570" s="1">
        <v>0.25677195731749014</v>
      </c>
      <c r="B11570" s="1"/>
      <c r="C11570">
        <v>10</v>
      </c>
      <c r="D11570" t="s">
        <v>25215</v>
      </c>
      <c r="E11570" t="s">
        <v>34228</v>
      </c>
      <c r="F11570">
        <v>4</v>
      </c>
      <c r="G11570" t="s">
        <v>14</v>
      </c>
      <c r="H11570" t="s">
        <v>25216</v>
      </c>
      <c r="I11570" t="s">
        <v>30540</v>
      </c>
    </row>
    <row r="11571" spans="1:9">
      <c r="A11571" s="1">
        <v>0.67273011605289523</v>
      </c>
      <c r="B11571" s="1"/>
      <c r="C11571">
        <v>17</v>
      </c>
      <c r="D11571" t="s">
        <v>25217</v>
      </c>
      <c r="E11571" t="s">
        <v>34228</v>
      </c>
      <c r="F11571">
        <v>4</v>
      </c>
      <c r="G11571" t="s">
        <v>14</v>
      </c>
      <c r="H11571" t="s">
        <v>25218</v>
      </c>
      <c r="I11571" t="s">
        <v>30540</v>
      </c>
    </row>
    <row r="11572" spans="1:9">
      <c r="A11572" s="1">
        <v>0.9572971726237185</v>
      </c>
      <c r="B11572" s="1"/>
      <c r="C11572">
        <v>20</v>
      </c>
      <c r="D11572" t="s">
        <v>25219</v>
      </c>
      <c r="E11572" t="s">
        <v>34228</v>
      </c>
      <c r="F11572">
        <v>4</v>
      </c>
      <c r="G11572" t="s">
        <v>14</v>
      </c>
      <c r="H11572" t="s">
        <v>25220</v>
      </c>
      <c r="I11572" t="s">
        <v>30540</v>
      </c>
    </row>
    <row r="11573" spans="1:9">
      <c r="A11573" s="1">
        <v>0.61926151450950995</v>
      </c>
      <c r="B11573" s="1"/>
      <c r="C11573">
        <v>14</v>
      </c>
      <c r="D11573" t="s">
        <v>25209</v>
      </c>
      <c r="E11573" t="s">
        <v>34229</v>
      </c>
      <c r="F11573">
        <v>5</v>
      </c>
      <c r="G11573" t="s">
        <v>14</v>
      </c>
      <c r="H11573" t="s">
        <v>25210</v>
      </c>
      <c r="I11573" t="s">
        <v>30540</v>
      </c>
    </row>
    <row r="11574" spans="1:9">
      <c r="A11574" s="1">
        <v>0.1578410599843566</v>
      </c>
      <c r="B11574" s="1"/>
      <c r="C11574">
        <v>17</v>
      </c>
      <c r="D11574" t="s">
        <v>25211</v>
      </c>
      <c r="E11574" t="s">
        <v>34229</v>
      </c>
      <c r="F11574">
        <v>4</v>
      </c>
      <c r="G11574" t="s">
        <v>769</v>
      </c>
      <c r="H11574" t="s">
        <v>25212</v>
      </c>
      <c r="I11574" t="s">
        <v>30540</v>
      </c>
    </row>
    <row r="11575" spans="1:9">
      <c r="A11575" s="1">
        <v>0.60298295294468618</v>
      </c>
      <c r="B11575" s="1"/>
      <c r="C11575">
        <v>11</v>
      </c>
      <c r="D11575" t="s">
        <v>25203</v>
      </c>
      <c r="E11575" t="s">
        <v>34230</v>
      </c>
      <c r="F11575">
        <v>5</v>
      </c>
      <c r="G11575" t="s">
        <v>14</v>
      </c>
      <c r="H11575" t="s">
        <v>25204</v>
      </c>
      <c r="I11575" t="s">
        <v>30540</v>
      </c>
    </row>
    <row r="11576" spans="1:9">
      <c r="A11576" s="1">
        <v>9.5223075888560715E-2</v>
      </c>
      <c r="B11576" s="1"/>
      <c r="C11576">
        <v>9</v>
      </c>
      <c r="D11576" t="s">
        <v>25199</v>
      </c>
      <c r="E11576" t="s">
        <v>34230</v>
      </c>
      <c r="F11576">
        <v>5</v>
      </c>
      <c r="G11576" t="s">
        <v>14</v>
      </c>
      <c r="H11576" t="s">
        <v>25200</v>
      </c>
      <c r="I11576" t="s">
        <v>30540</v>
      </c>
    </row>
    <row r="11577" spans="1:9">
      <c r="A11577" s="1">
        <v>0.55788706304237856</v>
      </c>
      <c r="B11577" s="1"/>
      <c r="C11577">
        <v>10</v>
      </c>
      <c r="D11577" t="s">
        <v>25201</v>
      </c>
      <c r="E11577" t="s">
        <v>34230</v>
      </c>
      <c r="F11577">
        <v>4</v>
      </c>
      <c r="G11577" t="s">
        <v>14</v>
      </c>
      <c r="H11577" t="s">
        <v>25202</v>
      </c>
      <c r="I11577" t="s">
        <v>30540</v>
      </c>
    </row>
    <row r="11578" spans="1:9">
      <c r="A11578" s="1">
        <v>0.24755691901339938</v>
      </c>
      <c r="B11578" s="1"/>
      <c r="C11578">
        <v>12</v>
      </c>
      <c r="D11578" t="s">
        <v>25205</v>
      </c>
      <c r="E11578" t="s">
        <v>34230</v>
      </c>
      <c r="F11578">
        <v>4</v>
      </c>
      <c r="G11578" t="s">
        <v>14</v>
      </c>
      <c r="H11578" t="s">
        <v>25206</v>
      </c>
      <c r="I11578" t="s">
        <v>30540</v>
      </c>
    </row>
    <row r="11579" spans="1:9">
      <c r="A11579" s="1">
        <v>0.37718996473873634</v>
      </c>
      <c r="B11579" s="1"/>
      <c r="C11579">
        <v>19</v>
      </c>
      <c r="D11579" t="s">
        <v>25207</v>
      </c>
      <c r="E11579" t="s">
        <v>34230</v>
      </c>
      <c r="F11579">
        <v>4</v>
      </c>
      <c r="G11579" t="s">
        <v>15</v>
      </c>
      <c r="H11579" t="s">
        <v>25208</v>
      </c>
      <c r="I11579" t="s">
        <v>30540</v>
      </c>
    </row>
    <row r="11580" spans="1:9">
      <c r="A11580" s="1">
        <v>0.2001073659791367</v>
      </c>
      <c r="B11580" s="1"/>
      <c r="C11580">
        <v>15</v>
      </c>
      <c r="D11580" t="s">
        <v>25193</v>
      </c>
      <c r="E11580" t="s">
        <v>34231</v>
      </c>
      <c r="F11580">
        <v>5</v>
      </c>
      <c r="G11580" t="s">
        <v>14</v>
      </c>
      <c r="H11580" t="s">
        <v>25194</v>
      </c>
      <c r="I11580" t="s">
        <v>30540</v>
      </c>
    </row>
    <row r="11581" spans="1:9">
      <c r="A11581" s="1">
        <v>0.6490344668702932</v>
      </c>
      <c r="B11581" s="1"/>
      <c r="C11581">
        <v>16</v>
      </c>
      <c r="D11581" t="s">
        <v>25195</v>
      </c>
      <c r="E11581" t="s">
        <v>34231</v>
      </c>
      <c r="F11581">
        <v>4</v>
      </c>
      <c r="G11581" t="s">
        <v>9</v>
      </c>
      <c r="H11581" t="s">
        <v>25196</v>
      </c>
      <c r="I11581" t="s">
        <v>30540</v>
      </c>
    </row>
    <row r="11582" spans="1:9">
      <c r="A11582" s="1">
        <v>0.9099393640774206</v>
      </c>
      <c r="B11582" s="1"/>
      <c r="C11582">
        <v>12</v>
      </c>
      <c r="D11582" t="s">
        <v>25191</v>
      </c>
      <c r="E11582" t="s">
        <v>34231</v>
      </c>
      <c r="F11582">
        <v>4</v>
      </c>
      <c r="G11582" t="s">
        <v>14</v>
      </c>
      <c r="H11582" t="s">
        <v>25192</v>
      </c>
      <c r="I11582" t="s">
        <v>30540</v>
      </c>
    </row>
    <row r="11583" spans="1:9">
      <c r="A11583" s="1">
        <v>4.1606948998919702E-2</v>
      </c>
      <c r="B11583" s="1"/>
      <c r="C11583">
        <v>9</v>
      </c>
      <c r="D11583" t="s">
        <v>25189</v>
      </c>
      <c r="E11583" t="s">
        <v>34231</v>
      </c>
      <c r="F11583">
        <v>4</v>
      </c>
      <c r="G11583" t="s">
        <v>9</v>
      </c>
      <c r="H11583" t="s">
        <v>25190</v>
      </c>
      <c r="I11583" t="s">
        <v>30540</v>
      </c>
    </row>
    <row r="11584" spans="1:9">
      <c r="A11584" s="1">
        <v>0.93070029822120959</v>
      </c>
      <c r="B11584" s="1"/>
      <c r="C11584">
        <v>17</v>
      </c>
      <c r="D11584" t="s">
        <v>25197</v>
      </c>
      <c r="E11584" t="s">
        <v>34231</v>
      </c>
      <c r="F11584">
        <v>3</v>
      </c>
      <c r="G11584" t="s">
        <v>14</v>
      </c>
      <c r="H11584" t="s">
        <v>25198</v>
      </c>
      <c r="I11584" t="s">
        <v>30540</v>
      </c>
    </row>
    <row r="11585" spans="1:9">
      <c r="A11585" s="1">
        <v>0.61114334398495918</v>
      </c>
      <c r="B11585" s="1"/>
      <c r="C11585">
        <v>3</v>
      </c>
      <c r="D11585" t="s">
        <v>25187</v>
      </c>
      <c r="E11585" t="s">
        <v>34231</v>
      </c>
      <c r="F11585">
        <v>3</v>
      </c>
      <c r="G11585" t="s">
        <v>14</v>
      </c>
      <c r="H11585" t="s">
        <v>25188</v>
      </c>
      <c r="I11585" t="s">
        <v>30540</v>
      </c>
    </row>
    <row r="11586" spans="1:9">
      <c r="A11586" s="1">
        <v>0.89160802174646603</v>
      </c>
      <c r="B11586" s="1"/>
      <c r="C11586">
        <v>4</v>
      </c>
      <c r="D11586" t="s">
        <v>25177</v>
      </c>
      <c r="E11586" t="s">
        <v>34232</v>
      </c>
      <c r="F11586">
        <v>5</v>
      </c>
      <c r="G11586" t="s">
        <v>14</v>
      </c>
      <c r="H11586" t="s">
        <v>25178</v>
      </c>
      <c r="I11586" t="s">
        <v>30540</v>
      </c>
    </row>
    <row r="11587" spans="1:9">
      <c r="A11587" s="1">
        <v>0.74147213757436348</v>
      </c>
      <c r="B11587" s="1"/>
      <c r="C11587">
        <v>13</v>
      </c>
      <c r="D11587" t="s">
        <v>25183</v>
      </c>
      <c r="E11587" t="s">
        <v>34232</v>
      </c>
      <c r="F11587">
        <v>5</v>
      </c>
      <c r="G11587" t="s">
        <v>14</v>
      </c>
      <c r="H11587" t="s">
        <v>25184</v>
      </c>
      <c r="I11587" t="s">
        <v>30540</v>
      </c>
    </row>
    <row r="11588" spans="1:9">
      <c r="A11588" s="1">
        <v>0.61740467320366077</v>
      </c>
      <c r="B11588" s="1"/>
      <c r="C11588">
        <v>7</v>
      </c>
      <c r="D11588" t="s">
        <v>25179</v>
      </c>
      <c r="E11588" t="s">
        <v>34232</v>
      </c>
      <c r="F11588">
        <v>4</v>
      </c>
      <c r="G11588" t="s">
        <v>14</v>
      </c>
      <c r="H11588" t="s">
        <v>25180</v>
      </c>
      <c r="I11588" t="s">
        <v>30540</v>
      </c>
    </row>
    <row r="11589" spans="1:9">
      <c r="A11589" s="1">
        <v>9.532329948708862E-2</v>
      </c>
      <c r="B11589" s="1"/>
      <c r="C11589">
        <v>12</v>
      </c>
      <c r="D11589" t="s">
        <v>25181</v>
      </c>
      <c r="E11589" t="s">
        <v>34232</v>
      </c>
      <c r="F11589">
        <v>4</v>
      </c>
      <c r="G11589" t="s">
        <v>14</v>
      </c>
      <c r="H11589" t="s">
        <v>25182</v>
      </c>
      <c r="I11589" t="s">
        <v>30540</v>
      </c>
    </row>
    <row r="11590" spans="1:9">
      <c r="A11590" s="1">
        <v>0.43898417220874775</v>
      </c>
      <c r="B11590" s="1"/>
      <c r="C11590">
        <v>17</v>
      </c>
      <c r="D11590" t="s">
        <v>25185</v>
      </c>
      <c r="E11590" t="s">
        <v>34232</v>
      </c>
      <c r="F11590">
        <v>4</v>
      </c>
      <c r="G11590" t="s">
        <v>1</v>
      </c>
      <c r="H11590" t="s">
        <v>25186</v>
      </c>
      <c r="I11590" t="s">
        <v>30540</v>
      </c>
    </row>
    <row r="11591" spans="1:9">
      <c r="A11591" s="1">
        <v>0.92409405686996049</v>
      </c>
      <c r="B11591" s="1"/>
      <c r="C11591">
        <v>16</v>
      </c>
      <c r="D11591" t="s">
        <v>25175</v>
      </c>
      <c r="E11591" t="s">
        <v>34233</v>
      </c>
      <c r="F11591">
        <v>5</v>
      </c>
      <c r="G11591" t="s">
        <v>14</v>
      </c>
      <c r="H11591" t="s">
        <v>25176</v>
      </c>
      <c r="I11591" t="s">
        <v>30540</v>
      </c>
    </row>
    <row r="11592" spans="1:9">
      <c r="A11592" s="1">
        <v>0.25065731664770174</v>
      </c>
      <c r="B11592" s="1"/>
      <c r="C11592">
        <v>14</v>
      </c>
      <c r="D11592" t="s">
        <v>25173</v>
      </c>
      <c r="E11592" t="s">
        <v>34233</v>
      </c>
      <c r="F11592">
        <v>4</v>
      </c>
      <c r="G11592" t="s">
        <v>14</v>
      </c>
      <c r="H11592" t="s">
        <v>25174</v>
      </c>
      <c r="I11592" t="s">
        <v>30540</v>
      </c>
    </row>
    <row r="11593" spans="1:9">
      <c r="A11593" s="1">
        <v>0.73927174673510798</v>
      </c>
      <c r="B11593" s="1"/>
      <c r="C11593">
        <v>9</v>
      </c>
      <c r="D11593" t="s">
        <v>25171</v>
      </c>
      <c r="E11593" t="s">
        <v>34233</v>
      </c>
      <c r="F11593">
        <v>4</v>
      </c>
      <c r="G11593" t="s">
        <v>15</v>
      </c>
      <c r="H11593" t="s">
        <v>25172</v>
      </c>
      <c r="I11593" t="s">
        <v>30540</v>
      </c>
    </row>
    <row r="11594" spans="1:9">
      <c r="A11594" s="1">
        <v>0.44165480335726393</v>
      </c>
      <c r="B11594" s="1"/>
      <c r="C11594">
        <v>8</v>
      </c>
      <c r="D11594" t="s">
        <v>25169</v>
      </c>
      <c r="E11594" t="s">
        <v>34233</v>
      </c>
      <c r="F11594">
        <v>3</v>
      </c>
      <c r="G11594" t="s">
        <v>14</v>
      </c>
      <c r="H11594" t="s">
        <v>25170</v>
      </c>
      <c r="I11594" t="s">
        <v>30540</v>
      </c>
    </row>
    <row r="11595" spans="1:9">
      <c r="A11595" s="1">
        <v>0.44726233820763783</v>
      </c>
      <c r="B11595" s="1"/>
      <c r="C11595">
        <v>12</v>
      </c>
      <c r="D11595" t="s">
        <v>25161</v>
      </c>
      <c r="E11595" t="s">
        <v>34234</v>
      </c>
      <c r="F11595">
        <v>5</v>
      </c>
      <c r="G11595" t="s">
        <v>14</v>
      </c>
      <c r="H11595" t="s">
        <v>25162</v>
      </c>
      <c r="I11595" t="s">
        <v>30540</v>
      </c>
    </row>
    <row r="11596" spans="1:9">
      <c r="A11596" s="1">
        <v>0.51570908159905371</v>
      </c>
      <c r="B11596" s="1"/>
      <c r="C11596">
        <v>1</v>
      </c>
      <c r="D11596" t="s">
        <v>25159</v>
      </c>
      <c r="E11596" t="s">
        <v>34234</v>
      </c>
      <c r="F11596">
        <v>5</v>
      </c>
      <c r="G11596" t="s">
        <v>10</v>
      </c>
      <c r="H11596" t="s">
        <v>25160</v>
      </c>
      <c r="I11596" t="s">
        <v>30540</v>
      </c>
    </row>
    <row r="11597" spans="1:9">
      <c r="A11597" s="1">
        <v>0.1730044817178229</v>
      </c>
      <c r="B11597" s="1"/>
      <c r="C11597">
        <v>15</v>
      </c>
      <c r="D11597" t="s">
        <v>25165</v>
      </c>
      <c r="E11597" t="s">
        <v>34234</v>
      </c>
      <c r="F11597">
        <v>4</v>
      </c>
      <c r="G11597" t="s">
        <v>766</v>
      </c>
      <c r="H11597" t="s">
        <v>25166</v>
      </c>
      <c r="I11597" t="s">
        <v>30540</v>
      </c>
    </row>
    <row r="11598" spans="1:9">
      <c r="A11598" s="1">
        <v>0.32545812550472419</v>
      </c>
      <c r="B11598" s="1"/>
      <c r="C11598">
        <v>17</v>
      </c>
      <c r="D11598" t="s">
        <v>25167</v>
      </c>
      <c r="E11598" t="s">
        <v>34234</v>
      </c>
      <c r="F11598">
        <v>4</v>
      </c>
      <c r="G11598" t="s">
        <v>2</v>
      </c>
      <c r="H11598" t="s">
        <v>25168</v>
      </c>
      <c r="I11598" t="s">
        <v>30540</v>
      </c>
    </row>
    <row r="11599" spans="1:9">
      <c r="A11599" s="1">
        <v>0.49276864498118078</v>
      </c>
      <c r="B11599" s="1"/>
      <c r="C11599">
        <v>13</v>
      </c>
      <c r="D11599" t="s">
        <v>25163</v>
      </c>
      <c r="E11599" t="s">
        <v>34234</v>
      </c>
      <c r="F11599">
        <v>3</v>
      </c>
      <c r="G11599" t="s">
        <v>1426</v>
      </c>
      <c r="H11599" t="s">
        <v>25164</v>
      </c>
      <c r="I11599" t="s">
        <v>30540</v>
      </c>
    </row>
    <row r="11600" spans="1:9">
      <c r="A11600" s="1">
        <v>0.83910398919135643</v>
      </c>
      <c r="B11600" s="1"/>
      <c r="C11600">
        <v>5</v>
      </c>
      <c r="D11600" t="s">
        <v>25157</v>
      </c>
      <c r="E11600" t="s">
        <v>34235</v>
      </c>
      <c r="F11600">
        <v>4</v>
      </c>
      <c r="G11600" t="s">
        <v>14</v>
      </c>
      <c r="H11600" t="s">
        <v>25158</v>
      </c>
      <c r="I11600" t="s">
        <v>30540</v>
      </c>
    </row>
    <row r="11601" spans="1:9">
      <c r="A11601" s="1">
        <v>0.67340810704321863</v>
      </c>
      <c r="B11601" s="1"/>
      <c r="C11601">
        <v>2</v>
      </c>
      <c r="D11601" t="s">
        <v>25151</v>
      </c>
      <c r="E11601" t="s">
        <v>34236</v>
      </c>
      <c r="F11601">
        <v>5</v>
      </c>
      <c r="G11601" t="s">
        <v>15</v>
      </c>
      <c r="H11601" t="s">
        <v>25152</v>
      </c>
      <c r="I11601" t="s">
        <v>30540</v>
      </c>
    </row>
    <row r="11602" spans="1:9">
      <c r="A11602" s="1">
        <v>0.93397752237863674</v>
      </c>
      <c r="B11602" s="1"/>
      <c r="C11602">
        <v>11</v>
      </c>
      <c r="D11602" t="s">
        <v>25153</v>
      </c>
      <c r="E11602" t="s">
        <v>34236</v>
      </c>
      <c r="F11602">
        <v>4</v>
      </c>
      <c r="G11602" t="s">
        <v>14</v>
      </c>
      <c r="H11602" t="s">
        <v>25154</v>
      </c>
      <c r="I11602" t="s">
        <v>30540</v>
      </c>
    </row>
    <row r="11603" spans="1:9">
      <c r="A11603" s="1">
        <v>0.9746842662668741</v>
      </c>
      <c r="B11603" s="1"/>
      <c r="C11603">
        <v>13</v>
      </c>
      <c r="D11603" t="s">
        <v>25155</v>
      </c>
      <c r="E11603" t="s">
        <v>34236</v>
      </c>
      <c r="F11603">
        <v>4</v>
      </c>
      <c r="G11603" t="s">
        <v>14</v>
      </c>
      <c r="H11603" t="s">
        <v>25156</v>
      </c>
      <c r="I11603" t="s">
        <v>30540</v>
      </c>
    </row>
    <row r="11604" spans="1:9">
      <c r="A11604" s="1">
        <v>8.0502431225551674E-2</v>
      </c>
      <c r="B11604" s="1"/>
      <c r="C11604">
        <v>3</v>
      </c>
      <c r="D11604" t="s">
        <v>25143</v>
      </c>
      <c r="E11604" t="s">
        <v>34237</v>
      </c>
      <c r="F11604">
        <v>4</v>
      </c>
      <c r="G11604" t="s">
        <v>14</v>
      </c>
      <c r="H11604" t="s">
        <v>25144</v>
      </c>
      <c r="I11604" t="s">
        <v>30540</v>
      </c>
    </row>
    <row r="11605" spans="1:9">
      <c r="A11605" s="1">
        <v>0.53520948050907724</v>
      </c>
      <c r="B11605" s="1"/>
      <c r="C11605">
        <v>11</v>
      </c>
      <c r="D11605" t="s">
        <v>25147</v>
      </c>
      <c r="E11605" t="s">
        <v>34237</v>
      </c>
      <c r="F11605">
        <v>4</v>
      </c>
      <c r="G11605" t="s">
        <v>14</v>
      </c>
      <c r="H11605" t="s">
        <v>25148</v>
      </c>
      <c r="I11605" t="s">
        <v>30540</v>
      </c>
    </row>
    <row r="11606" spans="1:9">
      <c r="A11606" s="1">
        <v>0.60581567342541631</v>
      </c>
      <c r="B11606" s="1"/>
      <c r="C11606">
        <v>5</v>
      </c>
      <c r="D11606" t="s">
        <v>25145</v>
      </c>
      <c r="E11606" t="s">
        <v>34237</v>
      </c>
      <c r="F11606">
        <v>4</v>
      </c>
      <c r="G11606" t="s">
        <v>2</v>
      </c>
      <c r="H11606" t="s">
        <v>25146</v>
      </c>
      <c r="I11606" t="s">
        <v>30540</v>
      </c>
    </row>
    <row r="11607" spans="1:9">
      <c r="A11607" s="1">
        <v>0.2206765700109633</v>
      </c>
      <c r="B11607" s="1"/>
      <c r="C11607">
        <v>15</v>
      </c>
      <c r="D11607" t="s">
        <v>25139</v>
      </c>
      <c r="E11607" t="s">
        <v>34238</v>
      </c>
      <c r="F11607">
        <v>5</v>
      </c>
      <c r="G11607" t="s">
        <v>14</v>
      </c>
      <c r="H11607" t="s">
        <v>25140</v>
      </c>
      <c r="I11607" t="s">
        <v>30540</v>
      </c>
    </row>
    <row r="11608" spans="1:9">
      <c r="A11608" s="1">
        <v>0.29137061878019577</v>
      </c>
      <c r="B11608" s="1"/>
      <c r="C11608">
        <v>17</v>
      </c>
      <c r="D11608" t="s">
        <v>25141</v>
      </c>
      <c r="E11608" t="s">
        <v>34238</v>
      </c>
      <c r="F11608">
        <v>4</v>
      </c>
      <c r="G11608" t="s">
        <v>14</v>
      </c>
      <c r="H11608" t="s">
        <v>25142</v>
      </c>
      <c r="I11608" t="s">
        <v>30540</v>
      </c>
    </row>
    <row r="11609" spans="1:9">
      <c r="A11609" s="1">
        <v>0.96463858334414188</v>
      </c>
      <c r="B11609" s="1"/>
      <c r="C11609">
        <v>2</v>
      </c>
      <c r="D11609" t="s">
        <v>25133</v>
      </c>
      <c r="E11609" t="s">
        <v>34238</v>
      </c>
      <c r="F11609">
        <v>4</v>
      </c>
      <c r="G11609" t="s">
        <v>14</v>
      </c>
      <c r="H11609" t="s">
        <v>25134</v>
      </c>
      <c r="I11609" t="s">
        <v>30540</v>
      </c>
    </row>
    <row r="11610" spans="1:9">
      <c r="A11610" s="1">
        <v>0.63780455536637681</v>
      </c>
      <c r="B11610" s="1"/>
      <c r="C11610">
        <v>4</v>
      </c>
      <c r="D11610" t="s">
        <v>25135</v>
      </c>
      <c r="E11610" t="s">
        <v>34238</v>
      </c>
      <c r="F11610">
        <v>4</v>
      </c>
      <c r="G11610" t="s">
        <v>14</v>
      </c>
      <c r="H11610" t="s">
        <v>25136</v>
      </c>
      <c r="I11610" t="s">
        <v>30540</v>
      </c>
    </row>
    <row r="11611" spans="1:9">
      <c r="A11611" s="1">
        <v>0.15814421761307607</v>
      </c>
      <c r="B11611" s="1"/>
      <c r="C11611">
        <v>14</v>
      </c>
      <c r="D11611" t="s">
        <v>25137</v>
      </c>
      <c r="E11611" t="s">
        <v>34238</v>
      </c>
      <c r="F11611">
        <v>3</v>
      </c>
      <c r="G11611" t="s">
        <v>15</v>
      </c>
      <c r="H11611" t="s">
        <v>25138</v>
      </c>
      <c r="I11611" t="s">
        <v>30540</v>
      </c>
    </row>
    <row r="11612" spans="1:9">
      <c r="A11612" s="1">
        <v>8.3242961790596426E-2</v>
      </c>
      <c r="B11612" s="1"/>
      <c r="C11612">
        <v>2</v>
      </c>
      <c r="D11612" t="s">
        <v>25131</v>
      </c>
      <c r="E11612" t="s">
        <v>34239</v>
      </c>
      <c r="F11612">
        <v>4</v>
      </c>
      <c r="G11612" t="s">
        <v>10</v>
      </c>
      <c r="H11612" t="s">
        <v>25132</v>
      </c>
      <c r="I11612" t="s">
        <v>30540</v>
      </c>
    </row>
    <row r="11613" spans="1:9">
      <c r="A11613" s="1">
        <v>0.39119536510685771</v>
      </c>
      <c r="B11613" s="1"/>
      <c r="C11613">
        <v>19</v>
      </c>
      <c r="D11613" t="s">
        <v>25129</v>
      </c>
      <c r="E11613" t="s">
        <v>34240</v>
      </c>
      <c r="F11613">
        <v>5</v>
      </c>
      <c r="G11613" t="s">
        <v>14</v>
      </c>
      <c r="H11613" t="s">
        <v>25130</v>
      </c>
      <c r="I11613" t="s">
        <v>30540</v>
      </c>
    </row>
    <row r="11614" spans="1:9">
      <c r="A11614" s="1">
        <v>0.28261527266737185</v>
      </c>
      <c r="B11614" s="1"/>
      <c r="C11614">
        <v>5</v>
      </c>
      <c r="D11614" t="s">
        <v>25123</v>
      </c>
      <c r="E11614" t="s">
        <v>34240</v>
      </c>
      <c r="F11614">
        <v>4</v>
      </c>
      <c r="G11614" t="s">
        <v>14</v>
      </c>
      <c r="H11614" t="s">
        <v>25124</v>
      </c>
      <c r="I11614" t="s">
        <v>30540</v>
      </c>
    </row>
    <row r="11615" spans="1:9">
      <c r="A11615" s="1">
        <v>0.19946130972271892</v>
      </c>
      <c r="B11615" s="1"/>
      <c r="C11615">
        <v>8</v>
      </c>
      <c r="D11615" t="s">
        <v>25125</v>
      </c>
      <c r="E11615" t="s">
        <v>34240</v>
      </c>
      <c r="F11615">
        <v>4</v>
      </c>
      <c r="G11615" t="s">
        <v>14</v>
      </c>
      <c r="H11615" t="s">
        <v>25126</v>
      </c>
      <c r="I11615" t="s">
        <v>30540</v>
      </c>
    </row>
    <row r="11616" spans="1:9">
      <c r="A11616" s="1">
        <v>0.12190915190188545</v>
      </c>
      <c r="B11616" s="1"/>
      <c r="C11616">
        <v>15</v>
      </c>
      <c r="D11616" t="s">
        <v>25127</v>
      </c>
      <c r="E11616" t="s">
        <v>34240</v>
      </c>
      <c r="F11616">
        <v>3</v>
      </c>
      <c r="G11616" t="s">
        <v>14</v>
      </c>
      <c r="H11616" t="s">
        <v>25128</v>
      </c>
      <c r="I11616" t="s">
        <v>30540</v>
      </c>
    </row>
    <row r="11617" spans="1:9">
      <c r="A11617" s="1">
        <v>1.1915777706135167E-2</v>
      </c>
      <c r="B11617" s="1"/>
      <c r="C11617">
        <v>20</v>
      </c>
      <c r="D11617" t="s">
        <v>25121</v>
      </c>
      <c r="E11617" t="s">
        <v>34241</v>
      </c>
      <c r="F11617">
        <v>5</v>
      </c>
      <c r="G11617" t="s">
        <v>14</v>
      </c>
      <c r="H11617" t="s">
        <v>25122</v>
      </c>
      <c r="I11617" t="s">
        <v>30540</v>
      </c>
    </row>
    <row r="11618" spans="1:9">
      <c r="A11618" s="1">
        <v>0.70267027017702932</v>
      </c>
      <c r="B11618" s="1"/>
      <c r="C11618">
        <v>15</v>
      </c>
      <c r="D11618" t="s">
        <v>25117</v>
      </c>
      <c r="E11618" t="s">
        <v>34241</v>
      </c>
      <c r="F11618">
        <v>4</v>
      </c>
      <c r="G11618" t="s">
        <v>14</v>
      </c>
      <c r="H11618" t="s">
        <v>25118</v>
      </c>
      <c r="I11618" t="s">
        <v>30540</v>
      </c>
    </row>
    <row r="11619" spans="1:9">
      <c r="A11619" s="1">
        <v>0.85135076167483614</v>
      </c>
      <c r="B11619" s="1"/>
      <c r="C11619">
        <v>13</v>
      </c>
      <c r="D11619" t="s">
        <v>25115</v>
      </c>
      <c r="E11619" t="s">
        <v>34241</v>
      </c>
      <c r="F11619">
        <v>4</v>
      </c>
      <c r="G11619" t="s">
        <v>14</v>
      </c>
      <c r="H11619" t="s">
        <v>25116</v>
      </c>
      <c r="I11619" t="s">
        <v>30540</v>
      </c>
    </row>
    <row r="11620" spans="1:9">
      <c r="A11620" s="1">
        <v>0.30683121440804761</v>
      </c>
      <c r="B11620" s="1"/>
      <c r="C11620">
        <v>1</v>
      </c>
      <c r="D11620" t="s">
        <v>25111</v>
      </c>
      <c r="E11620" t="s">
        <v>34241</v>
      </c>
      <c r="F11620">
        <v>3</v>
      </c>
      <c r="G11620" t="s">
        <v>2</v>
      </c>
      <c r="H11620" t="s">
        <v>25112</v>
      </c>
      <c r="I11620" t="s">
        <v>30540</v>
      </c>
    </row>
    <row r="11621" spans="1:9">
      <c r="A11621" s="1">
        <v>0.95173987512572189</v>
      </c>
      <c r="B11621" s="1"/>
      <c r="C11621">
        <v>17</v>
      </c>
      <c r="D11621" t="s">
        <v>25107</v>
      </c>
      <c r="E11621" t="s">
        <v>34242</v>
      </c>
      <c r="F11621">
        <v>5</v>
      </c>
      <c r="G11621" t="s">
        <v>14</v>
      </c>
      <c r="H11621" t="s">
        <v>25108</v>
      </c>
      <c r="I11621" t="s">
        <v>30540</v>
      </c>
    </row>
    <row r="11622" spans="1:9">
      <c r="A11622" s="1">
        <v>0.24692265209815267</v>
      </c>
      <c r="B11622" s="1"/>
      <c r="C11622">
        <v>15</v>
      </c>
      <c r="D11622" t="s">
        <v>25103</v>
      </c>
      <c r="E11622" t="s">
        <v>34242</v>
      </c>
      <c r="F11622">
        <v>5</v>
      </c>
      <c r="G11622" t="s">
        <v>14</v>
      </c>
      <c r="H11622" t="s">
        <v>25104</v>
      </c>
      <c r="I11622" t="s">
        <v>30540</v>
      </c>
    </row>
    <row r="11623" spans="1:9">
      <c r="A11623" s="1">
        <v>0.1416509664481701</v>
      </c>
      <c r="B11623" s="1"/>
      <c r="C11623">
        <v>20</v>
      </c>
      <c r="D11623" t="s">
        <v>25109</v>
      </c>
      <c r="E11623" t="s">
        <v>34242</v>
      </c>
      <c r="F11623">
        <v>4</v>
      </c>
      <c r="G11623" t="s">
        <v>14</v>
      </c>
      <c r="H11623" t="s">
        <v>25110</v>
      </c>
      <c r="I11623" t="s">
        <v>30540</v>
      </c>
    </row>
    <row r="11624" spans="1:9">
      <c r="A11624" s="1">
        <v>0.46424445652482937</v>
      </c>
      <c r="B11624" s="1"/>
      <c r="C11624">
        <v>16</v>
      </c>
      <c r="D11624" t="s">
        <v>25105</v>
      </c>
      <c r="E11624" t="s">
        <v>34242</v>
      </c>
      <c r="F11624">
        <v>4</v>
      </c>
      <c r="G11624" t="s">
        <v>14</v>
      </c>
      <c r="H11624" t="s">
        <v>25106</v>
      </c>
      <c r="I11624" t="s">
        <v>30540</v>
      </c>
    </row>
    <row r="11625" spans="1:9">
      <c r="A11625" s="1">
        <v>0.88477548691204455</v>
      </c>
      <c r="B11625" s="1"/>
      <c r="C11625">
        <v>15</v>
      </c>
      <c r="D11625" t="s">
        <v>25099</v>
      </c>
      <c r="E11625" t="s">
        <v>34243</v>
      </c>
      <c r="F11625">
        <v>5</v>
      </c>
      <c r="G11625" t="s">
        <v>14</v>
      </c>
      <c r="H11625" t="s">
        <v>25100</v>
      </c>
      <c r="I11625" t="s">
        <v>30540</v>
      </c>
    </row>
    <row r="11626" spans="1:9">
      <c r="A11626" s="1">
        <v>0.22771936439243357</v>
      </c>
      <c r="B11626" s="1"/>
      <c r="C11626">
        <v>2</v>
      </c>
      <c r="D11626" t="s">
        <v>25095</v>
      </c>
      <c r="E11626" t="s">
        <v>34243</v>
      </c>
      <c r="F11626">
        <v>5</v>
      </c>
      <c r="G11626" t="s">
        <v>14</v>
      </c>
      <c r="H11626" t="s">
        <v>25096</v>
      </c>
      <c r="I11626" t="s">
        <v>30540</v>
      </c>
    </row>
    <row r="11627" spans="1:9">
      <c r="A11627" s="1">
        <v>0.7048273784922281</v>
      </c>
      <c r="B11627" s="1"/>
      <c r="C11627">
        <v>6</v>
      </c>
      <c r="D11627" t="s">
        <v>25097</v>
      </c>
      <c r="E11627" t="s">
        <v>34243</v>
      </c>
      <c r="F11627">
        <v>4</v>
      </c>
      <c r="G11627" t="s">
        <v>14</v>
      </c>
      <c r="H11627" t="s">
        <v>25098</v>
      </c>
      <c r="I11627" t="s">
        <v>30540</v>
      </c>
    </row>
    <row r="11628" spans="1:9">
      <c r="A11628" s="1">
        <v>0.66525064148388902</v>
      </c>
      <c r="B11628" s="1"/>
      <c r="C11628">
        <v>8</v>
      </c>
      <c r="D11628" t="s">
        <v>25091</v>
      </c>
      <c r="E11628" t="s">
        <v>34244</v>
      </c>
      <c r="F11628">
        <v>5</v>
      </c>
      <c r="G11628" t="s">
        <v>769</v>
      </c>
      <c r="H11628" t="s">
        <v>25092</v>
      </c>
      <c r="I11628" t="s">
        <v>30540</v>
      </c>
    </row>
    <row r="11629" spans="1:9">
      <c r="A11629" s="1">
        <v>0.95589822062016983</v>
      </c>
      <c r="B11629" s="1"/>
      <c r="C11629">
        <v>6</v>
      </c>
      <c r="D11629" t="s">
        <v>25089</v>
      </c>
      <c r="E11629" t="s">
        <v>34244</v>
      </c>
      <c r="F11629">
        <v>4</v>
      </c>
      <c r="G11629" t="s">
        <v>13</v>
      </c>
      <c r="H11629" t="s">
        <v>25090</v>
      </c>
      <c r="I11629" t="s">
        <v>30540</v>
      </c>
    </row>
    <row r="11630" spans="1:9">
      <c r="A11630" s="1">
        <v>0.73516621355838851</v>
      </c>
      <c r="B11630" s="1"/>
      <c r="C11630">
        <v>1</v>
      </c>
      <c r="D11630" t="s">
        <v>25087</v>
      </c>
      <c r="E11630" t="s">
        <v>34244</v>
      </c>
      <c r="F11630">
        <v>4</v>
      </c>
      <c r="G11630" t="s">
        <v>10</v>
      </c>
      <c r="H11630" t="s">
        <v>25088</v>
      </c>
      <c r="I11630" t="s">
        <v>30540</v>
      </c>
    </row>
    <row r="11631" spans="1:9">
      <c r="A11631" s="1">
        <v>3.8732575819760418E-2</v>
      </c>
      <c r="B11631" s="1"/>
      <c r="C11631">
        <v>14</v>
      </c>
      <c r="D11631" t="s">
        <v>25093</v>
      </c>
      <c r="E11631" t="s">
        <v>34244</v>
      </c>
      <c r="F11631">
        <v>3</v>
      </c>
      <c r="G11631" t="s">
        <v>770</v>
      </c>
      <c r="H11631" t="s">
        <v>25094</v>
      </c>
      <c r="I11631" t="s">
        <v>30540</v>
      </c>
    </row>
    <row r="11632" spans="1:9">
      <c r="A11632" s="1">
        <v>0.66202710841552204</v>
      </c>
      <c r="B11632" s="1"/>
      <c r="C11632">
        <v>11</v>
      </c>
      <c r="D11632" t="s">
        <v>25083</v>
      </c>
      <c r="E11632" t="s">
        <v>34245</v>
      </c>
      <c r="F11632">
        <v>4</v>
      </c>
      <c r="G11632" t="s">
        <v>14</v>
      </c>
      <c r="H11632" t="s">
        <v>25084</v>
      </c>
      <c r="I11632" t="s">
        <v>30540</v>
      </c>
    </row>
    <row r="11633" spans="1:9">
      <c r="A11633" s="1">
        <v>0.13585417865548066</v>
      </c>
      <c r="B11633" s="1"/>
      <c r="C11633">
        <v>17</v>
      </c>
      <c r="D11633" t="s">
        <v>25085</v>
      </c>
      <c r="E11633" t="s">
        <v>34245</v>
      </c>
      <c r="F11633">
        <v>4</v>
      </c>
      <c r="G11633" t="s">
        <v>14</v>
      </c>
      <c r="H11633" t="s">
        <v>25086</v>
      </c>
      <c r="I11633" t="s">
        <v>30540</v>
      </c>
    </row>
    <row r="11634" spans="1:9">
      <c r="A11634" s="1">
        <v>0.58715225440584218</v>
      </c>
      <c r="B11634" s="1"/>
      <c r="C11634">
        <v>6</v>
      </c>
      <c r="D11634" t="s">
        <v>25075</v>
      </c>
      <c r="E11634" t="s">
        <v>34246</v>
      </c>
      <c r="F11634">
        <v>4</v>
      </c>
      <c r="G11634" t="s">
        <v>14</v>
      </c>
      <c r="H11634" t="s">
        <v>25076</v>
      </c>
      <c r="I11634" t="s">
        <v>30540</v>
      </c>
    </row>
    <row r="11635" spans="1:9">
      <c r="A11635" s="1">
        <v>0.6151714457077353</v>
      </c>
      <c r="B11635" s="1"/>
      <c r="C11635">
        <v>7</v>
      </c>
      <c r="D11635" t="s">
        <v>25077</v>
      </c>
      <c r="E11635" t="s">
        <v>34246</v>
      </c>
      <c r="F11635">
        <v>4</v>
      </c>
      <c r="G11635" t="s">
        <v>9</v>
      </c>
      <c r="H11635" t="s">
        <v>25078</v>
      </c>
      <c r="I11635" t="s">
        <v>30540</v>
      </c>
    </row>
    <row r="11636" spans="1:9">
      <c r="A11636" s="1">
        <v>0.19838122999017205</v>
      </c>
      <c r="B11636" s="1"/>
      <c r="C11636">
        <v>5</v>
      </c>
      <c r="D11636" t="s">
        <v>25073</v>
      </c>
      <c r="E11636" t="s">
        <v>34246</v>
      </c>
      <c r="F11636">
        <v>4</v>
      </c>
      <c r="G11636" t="s">
        <v>9</v>
      </c>
      <c r="H11636" t="s">
        <v>25074</v>
      </c>
      <c r="I11636" t="s">
        <v>30540</v>
      </c>
    </row>
    <row r="11637" spans="1:9">
      <c r="A11637" s="1">
        <v>3.3410672263878616E-2</v>
      </c>
      <c r="B11637" s="1"/>
      <c r="C11637">
        <v>14</v>
      </c>
      <c r="D11637" t="s">
        <v>25079</v>
      </c>
      <c r="E11637" t="s">
        <v>34246</v>
      </c>
      <c r="F11637">
        <v>4</v>
      </c>
      <c r="G11637" t="s">
        <v>14</v>
      </c>
      <c r="H11637" t="s">
        <v>25080</v>
      </c>
      <c r="I11637" t="s">
        <v>30540</v>
      </c>
    </row>
    <row r="11638" spans="1:9">
      <c r="A11638" s="1">
        <v>0.95134823660318579</v>
      </c>
      <c r="B11638" s="1"/>
      <c r="C11638">
        <v>13</v>
      </c>
      <c r="D11638" t="s">
        <v>25071</v>
      </c>
      <c r="E11638" t="s">
        <v>34247</v>
      </c>
      <c r="F11638">
        <v>4</v>
      </c>
      <c r="G11638" t="s">
        <v>14</v>
      </c>
      <c r="H11638" t="s">
        <v>25072</v>
      </c>
      <c r="I11638" t="s">
        <v>30540</v>
      </c>
    </row>
    <row r="11639" spans="1:9">
      <c r="A11639" s="1">
        <v>0.36262303632289883</v>
      </c>
      <c r="B11639" s="1"/>
      <c r="C11639">
        <v>5</v>
      </c>
      <c r="D11639" t="s">
        <v>25065</v>
      </c>
      <c r="E11639" t="s">
        <v>34247</v>
      </c>
      <c r="F11639">
        <v>4</v>
      </c>
      <c r="G11639" t="s">
        <v>14</v>
      </c>
      <c r="H11639" t="s">
        <v>25066</v>
      </c>
      <c r="I11639" t="s">
        <v>30540</v>
      </c>
    </row>
    <row r="11640" spans="1:9">
      <c r="A11640" s="1">
        <v>0.95475630153422042</v>
      </c>
      <c r="B11640" s="1"/>
      <c r="C11640">
        <v>4</v>
      </c>
      <c r="D11640" t="s">
        <v>25061</v>
      </c>
      <c r="E11640" t="s">
        <v>34248</v>
      </c>
      <c r="F11640">
        <v>4</v>
      </c>
      <c r="G11640" t="s">
        <v>1</v>
      </c>
      <c r="H11640" t="s">
        <v>25062</v>
      </c>
      <c r="I11640" t="s">
        <v>30540</v>
      </c>
    </row>
    <row r="11641" spans="1:9">
      <c r="A11641" s="1">
        <v>0.24991376163414802</v>
      </c>
      <c r="B11641" s="1"/>
      <c r="C11641">
        <v>6</v>
      </c>
      <c r="D11641" t="s">
        <v>25047</v>
      </c>
      <c r="E11641" t="s">
        <v>34249</v>
      </c>
      <c r="F11641">
        <v>4</v>
      </c>
      <c r="G11641" t="s">
        <v>762</v>
      </c>
      <c r="H11641" t="s">
        <v>25048</v>
      </c>
      <c r="I11641" t="s">
        <v>30540</v>
      </c>
    </row>
    <row r="11642" spans="1:9">
      <c r="A11642" s="1">
        <v>0.75462805316462778</v>
      </c>
      <c r="B11642" s="1"/>
      <c r="C11642">
        <v>7</v>
      </c>
      <c r="D11642" t="s">
        <v>25049</v>
      </c>
      <c r="E11642" t="s">
        <v>34249</v>
      </c>
      <c r="F11642">
        <v>4</v>
      </c>
      <c r="G11642" t="s">
        <v>14</v>
      </c>
      <c r="H11642" t="s">
        <v>25050</v>
      </c>
      <c r="I11642" t="s">
        <v>30540</v>
      </c>
    </row>
    <row r="11643" spans="1:9">
      <c r="A11643" s="1">
        <v>0.62328439487841436</v>
      </c>
      <c r="B11643" s="1"/>
      <c r="C11643">
        <v>12</v>
      </c>
      <c r="D11643" t="s">
        <v>25053</v>
      </c>
      <c r="E11643" t="s">
        <v>34249</v>
      </c>
      <c r="F11643">
        <v>4</v>
      </c>
      <c r="G11643" t="s">
        <v>2229</v>
      </c>
      <c r="H11643" t="s">
        <v>25054</v>
      </c>
      <c r="I11643" t="s">
        <v>30540</v>
      </c>
    </row>
    <row r="11644" spans="1:9">
      <c r="A11644" s="1">
        <v>0.22330217410359987</v>
      </c>
      <c r="B11644" s="1"/>
      <c r="C11644">
        <v>20</v>
      </c>
      <c r="D11644" t="s">
        <v>25059</v>
      </c>
      <c r="E11644" t="s">
        <v>34249</v>
      </c>
      <c r="F11644">
        <v>4</v>
      </c>
      <c r="G11644" t="s">
        <v>14</v>
      </c>
      <c r="H11644" t="s">
        <v>25060</v>
      </c>
      <c r="I11644" t="s">
        <v>30540</v>
      </c>
    </row>
    <row r="11645" spans="1:9">
      <c r="A11645" s="1">
        <v>0.90417856465638624</v>
      </c>
      <c r="B11645" s="1"/>
      <c r="C11645">
        <v>17</v>
      </c>
      <c r="D11645" t="s">
        <v>25057</v>
      </c>
      <c r="E11645" t="s">
        <v>34249</v>
      </c>
      <c r="F11645">
        <v>4</v>
      </c>
      <c r="G11645" t="s">
        <v>10</v>
      </c>
      <c r="H11645" t="s">
        <v>25058</v>
      </c>
      <c r="I11645" t="s">
        <v>30540</v>
      </c>
    </row>
    <row r="11646" spans="1:9">
      <c r="A11646" s="1">
        <v>0.14905386610436033</v>
      </c>
      <c r="B11646" s="1"/>
      <c r="C11646">
        <v>16</v>
      </c>
      <c r="D11646" t="s">
        <v>25055</v>
      </c>
      <c r="E11646" t="s">
        <v>34249</v>
      </c>
      <c r="F11646">
        <v>4</v>
      </c>
      <c r="G11646" t="s">
        <v>2738</v>
      </c>
      <c r="H11646" t="s">
        <v>25056</v>
      </c>
      <c r="I11646" t="s">
        <v>30540</v>
      </c>
    </row>
    <row r="11647" spans="1:9">
      <c r="A11647" s="1">
        <v>0.36157895845432886</v>
      </c>
      <c r="B11647" s="1"/>
      <c r="C11647">
        <v>1</v>
      </c>
      <c r="D11647" t="s">
        <v>25045</v>
      </c>
      <c r="E11647" t="s">
        <v>34249</v>
      </c>
      <c r="F11647">
        <v>3</v>
      </c>
      <c r="G11647" t="s">
        <v>10</v>
      </c>
      <c r="H11647" t="s">
        <v>25046</v>
      </c>
      <c r="I11647" t="s">
        <v>30540</v>
      </c>
    </row>
    <row r="11648" spans="1:9">
      <c r="A11648" s="1">
        <v>0.74523818425879929</v>
      </c>
      <c r="B11648" s="1"/>
      <c r="C11648">
        <v>12</v>
      </c>
      <c r="D11648" t="s">
        <v>25043</v>
      </c>
      <c r="E11648" t="s">
        <v>34250</v>
      </c>
      <c r="F11648">
        <v>5</v>
      </c>
      <c r="G11648" t="s">
        <v>14</v>
      </c>
      <c r="H11648" t="s">
        <v>25044</v>
      </c>
      <c r="I11648" t="s">
        <v>30540</v>
      </c>
    </row>
    <row r="11649" spans="1:9">
      <c r="A11649" s="1">
        <v>0.86215943938046458</v>
      </c>
      <c r="B11649" s="1"/>
      <c r="C11649">
        <v>4</v>
      </c>
      <c r="D11649" t="s">
        <v>25041</v>
      </c>
      <c r="E11649" t="s">
        <v>34250</v>
      </c>
      <c r="F11649">
        <v>4</v>
      </c>
      <c r="G11649" t="s">
        <v>14</v>
      </c>
      <c r="H11649" t="s">
        <v>25042</v>
      </c>
      <c r="I11649" t="s">
        <v>30540</v>
      </c>
    </row>
    <row r="11650" spans="1:9">
      <c r="A11650" s="1">
        <v>0.63629206096949531</v>
      </c>
      <c r="B11650" s="1"/>
      <c r="C11650">
        <v>3</v>
      </c>
      <c r="D11650" t="s">
        <v>25033</v>
      </c>
      <c r="E11650" t="s">
        <v>34252</v>
      </c>
      <c r="F11650">
        <v>4</v>
      </c>
      <c r="G11650" t="s">
        <v>15</v>
      </c>
      <c r="H11650" t="s">
        <v>25034</v>
      </c>
      <c r="I11650" t="s">
        <v>30540</v>
      </c>
    </row>
    <row r="11651" spans="1:9">
      <c r="A11651" s="1">
        <v>0.46851379684951122</v>
      </c>
      <c r="B11651" s="1"/>
      <c r="C11651">
        <v>9</v>
      </c>
      <c r="D11651" t="s">
        <v>25023</v>
      </c>
      <c r="E11651" t="s">
        <v>34253</v>
      </c>
      <c r="F11651">
        <v>4</v>
      </c>
      <c r="G11651" t="s">
        <v>14</v>
      </c>
      <c r="H11651" t="s">
        <v>25024</v>
      </c>
      <c r="I11651" t="s">
        <v>30540</v>
      </c>
    </row>
    <row r="11652" spans="1:9">
      <c r="A11652" s="1">
        <v>0.50639645686367285</v>
      </c>
      <c r="B11652" s="1"/>
      <c r="C11652">
        <v>17</v>
      </c>
      <c r="D11652" t="s">
        <v>25027</v>
      </c>
      <c r="E11652" t="s">
        <v>34253</v>
      </c>
      <c r="F11652">
        <v>4</v>
      </c>
      <c r="G11652" t="s">
        <v>14</v>
      </c>
      <c r="H11652" t="s">
        <v>25028</v>
      </c>
      <c r="I11652" t="s">
        <v>30540</v>
      </c>
    </row>
    <row r="11653" spans="1:9">
      <c r="A11653" s="1">
        <v>2.1243070659109242E-2</v>
      </c>
      <c r="B11653" s="1"/>
      <c r="C11653">
        <v>20</v>
      </c>
      <c r="D11653" t="s">
        <v>25031</v>
      </c>
      <c r="E11653" t="s">
        <v>34253</v>
      </c>
      <c r="F11653">
        <v>4</v>
      </c>
      <c r="G11653" t="s">
        <v>15</v>
      </c>
      <c r="H11653" t="s">
        <v>25032</v>
      </c>
      <c r="I11653" t="s">
        <v>30540</v>
      </c>
    </row>
    <row r="11654" spans="1:9">
      <c r="A11654" s="1">
        <v>0.59898678296434982</v>
      </c>
      <c r="B11654" s="1"/>
      <c r="C11654">
        <v>19</v>
      </c>
      <c r="D11654" t="s">
        <v>25029</v>
      </c>
      <c r="E11654" t="s">
        <v>34253</v>
      </c>
      <c r="F11654">
        <v>4</v>
      </c>
      <c r="G11654" t="s">
        <v>14</v>
      </c>
      <c r="H11654" t="s">
        <v>25030</v>
      </c>
      <c r="I11654" t="s">
        <v>30540</v>
      </c>
    </row>
    <row r="11655" spans="1:9">
      <c r="A11655" s="1">
        <v>0.21731770352055346</v>
      </c>
      <c r="B11655" s="1"/>
      <c r="C11655">
        <v>1</v>
      </c>
      <c r="D11655" t="s">
        <v>25013</v>
      </c>
      <c r="E11655" t="s">
        <v>34254</v>
      </c>
      <c r="F11655">
        <v>4</v>
      </c>
      <c r="G11655" t="s">
        <v>10</v>
      </c>
      <c r="H11655" t="s">
        <v>25014</v>
      </c>
      <c r="I11655" t="s">
        <v>30540</v>
      </c>
    </row>
    <row r="11656" spans="1:9">
      <c r="A11656" s="1">
        <v>0.90728808725042465</v>
      </c>
      <c r="B11656" s="1"/>
      <c r="C11656">
        <v>3</v>
      </c>
      <c r="D11656" t="s">
        <v>25015</v>
      </c>
      <c r="E11656" t="s">
        <v>34254</v>
      </c>
      <c r="F11656">
        <v>3</v>
      </c>
      <c r="G11656" t="s">
        <v>14</v>
      </c>
      <c r="H11656" t="s">
        <v>25016</v>
      </c>
      <c r="I11656" t="s">
        <v>30540</v>
      </c>
    </row>
    <row r="11657" spans="1:9">
      <c r="A11657" s="1">
        <v>0.62654100442383698</v>
      </c>
      <c r="B11657" s="1"/>
      <c r="C11657">
        <v>11</v>
      </c>
      <c r="D11657" t="s">
        <v>25005</v>
      </c>
      <c r="E11657" t="s">
        <v>34255</v>
      </c>
      <c r="F11657">
        <v>5</v>
      </c>
      <c r="G11657" t="s">
        <v>14</v>
      </c>
      <c r="H11657" t="s">
        <v>25006</v>
      </c>
      <c r="I11657" t="s">
        <v>30540</v>
      </c>
    </row>
    <row r="11658" spans="1:9">
      <c r="A11658" s="1">
        <v>0.27501122872213246</v>
      </c>
      <c r="B11658" s="1"/>
      <c r="C11658">
        <v>8</v>
      </c>
      <c r="D11658" t="s">
        <v>25003</v>
      </c>
      <c r="E11658" t="s">
        <v>34255</v>
      </c>
      <c r="F11658">
        <v>5</v>
      </c>
      <c r="G11658" t="s">
        <v>15</v>
      </c>
      <c r="H11658" t="s">
        <v>25004</v>
      </c>
      <c r="I11658" t="s">
        <v>30540</v>
      </c>
    </row>
    <row r="11659" spans="1:9">
      <c r="A11659" s="1">
        <v>0.63019441752604244</v>
      </c>
      <c r="B11659" s="1"/>
      <c r="C11659">
        <v>18</v>
      </c>
      <c r="D11659" t="s">
        <v>25011</v>
      </c>
      <c r="E11659" t="s">
        <v>34255</v>
      </c>
      <c r="F11659">
        <v>4</v>
      </c>
      <c r="G11659" t="s">
        <v>0</v>
      </c>
      <c r="H11659" t="s">
        <v>25012</v>
      </c>
      <c r="I11659" t="s">
        <v>30540</v>
      </c>
    </row>
    <row r="11660" spans="1:9">
      <c r="A11660" s="1">
        <v>0.88669345242546638</v>
      </c>
      <c r="B11660" s="1"/>
      <c r="C11660">
        <v>11</v>
      </c>
      <c r="D11660" t="s">
        <v>24999</v>
      </c>
      <c r="E11660" t="s">
        <v>34256</v>
      </c>
      <c r="F11660">
        <v>5</v>
      </c>
      <c r="G11660" t="s">
        <v>14</v>
      </c>
      <c r="H11660" t="s">
        <v>25000</v>
      </c>
      <c r="I11660" t="s">
        <v>30540</v>
      </c>
    </row>
    <row r="11661" spans="1:9">
      <c r="A11661" s="1">
        <v>8.8890285025554072E-2</v>
      </c>
      <c r="B11661" s="1"/>
      <c r="C11661">
        <v>16</v>
      </c>
      <c r="D11661" t="s">
        <v>25001</v>
      </c>
      <c r="E11661" t="s">
        <v>34256</v>
      </c>
      <c r="F11661">
        <v>4</v>
      </c>
      <c r="G11661" t="s">
        <v>14</v>
      </c>
      <c r="H11661" t="s">
        <v>25002</v>
      </c>
      <c r="I11661" t="s">
        <v>30540</v>
      </c>
    </row>
    <row r="11662" spans="1:9">
      <c r="A11662" s="1">
        <v>0.94439096368891395</v>
      </c>
      <c r="B11662" s="1"/>
      <c r="C11662">
        <v>9</v>
      </c>
      <c r="D11662" t="s">
        <v>24997</v>
      </c>
      <c r="E11662" t="s">
        <v>34257</v>
      </c>
      <c r="F11662">
        <v>5</v>
      </c>
      <c r="G11662" t="s">
        <v>14</v>
      </c>
      <c r="H11662" t="s">
        <v>24998</v>
      </c>
      <c r="I11662" t="s">
        <v>30540</v>
      </c>
    </row>
    <row r="11663" spans="1:9">
      <c r="A11663" s="1">
        <v>0.38933546583969769</v>
      </c>
      <c r="B11663" s="1"/>
      <c r="C11663">
        <v>7</v>
      </c>
      <c r="D11663" t="s">
        <v>24993</v>
      </c>
      <c r="E11663" t="s">
        <v>34257</v>
      </c>
      <c r="F11663">
        <v>4</v>
      </c>
      <c r="G11663" t="s">
        <v>14</v>
      </c>
      <c r="H11663" t="s">
        <v>24994</v>
      </c>
      <c r="I11663" t="s">
        <v>30540</v>
      </c>
    </row>
    <row r="11664" spans="1:9">
      <c r="A11664" s="1">
        <v>0.22646483093167991</v>
      </c>
      <c r="B11664" s="1"/>
      <c r="C11664">
        <v>8</v>
      </c>
      <c r="D11664" t="s">
        <v>24995</v>
      </c>
      <c r="E11664" t="s">
        <v>34257</v>
      </c>
      <c r="F11664">
        <v>4</v>
      </c>
      <c r="G11664" t="s">
        <v>9</v>
      </c>
      <c r="H11664" t="s">
        <v>24996</v>
      </c>
      <c r="I11664" t="s">
        <v>30540</v>
      </c>
    </row>
    <row r="11665" spans="1:9">
      <c r="A11665" s="1">
        <v>0.13848176789908051</v>
      </c>
      <c r="B11665" s="1"/>
      <c r="C11665">
        <v>6</v>
      </c>
      <c r="D11665" t="s">
        <v>24991</v>
      </c>
      <c r="E11665" t="s">
        <v>34257</v>
      </c>
      <c r="F11665">
        <v>4</v>
      </c>
      <c r="G11665" t="s">
        <v>14</v>
      </c>
      <c r="H11665" t="s">
        <v>24992</v>
      </c>
      <c r="I11665" t="s">
        <v>30540</v>
      </c>
    </row>
    <row r="11666" spans="1:9">
      <c r="A11666" s="1">
        <v>0.37138135504530889</v>
      </c>
      <c r="B11666" s="1"/>
      <c r="C11666">
        <v>9</v>
      </c>
      <c r="D11666" t="s">
        <v>24987</v>
      </c>
      <c r="E11666" t="s">
        <v>34258</v>
      </c>
      <c r="F11666">
        <v>4</v>
      </c>
      <c r="G11666" t="s">
        <v>14</v>
      </c>
      <c r="H11666" t="s">
        <v>24988</v>
      </c>
      <c r="I11666" t="s">
        <v>30540</v>
      </c>
    </row>
    <row r="11667" spans="1:9">
      <c r="A11667" s="1">
        <v>0.19518376800136072</v>
      </c>
      <c r="B11667" s="1"/>
      <c r="C11667">
        <v>8</v>
      </c>
      <c r="D11667" t="s">
        <v>24985</v>
      </c>
      <c r="E11667" t="s">
        <v>34258</v>
      </c>
      <c r="F11667">
        <v>4</v>
      </c>
      <c r="G11667" t="s">
        <v>15</v>
      </c>
      <c r="H11667" t="s">
        <v>24986</v>
      </c>
      <c r="I11667" t="s">
        <v>30540</v>
      </c>
    </row>
    <row r="11668" spans="1:9">
      <c r="A11668" s="1">
        <v>0.94116157606712869</v>
      </c>
      <c r="B11668" s="1"/>
      <c r="C11668">
        <v>3</v>
      </c>
      <c r="D11668" t="s">
        <v>24981</v>
      </c>
      <c r="E11668" t="s">
        <v>34259</v>
      </c>
      <c r="F11668">
        <v>4</v>
      </c>
      <c r="G11668" t="s">
        <v>10</v>
      </c>
      <c r="H11668" t="s">
        <v>24982</v>
      </c>
      <c r="I11668" t="s">
        <v>30540</v>
      </c>
    </row>
    <row r="11669" spans="1:9">
      <c r="A11669" s="1">
        <v>0.51179348742832842</v>
      </c>
      <c r="B11669" s="1"/>
      <c r="C11669">
        <v>2</v>
      </c>
      <c r="D11669" t="s">
        <v>24979</v>
      </c>
      <c r="E11669" t="s">
        <v>34259</v>
      </c>
      <c r="F11669">
        <v>4</v>
      </c>
      <c r="G11669" t="s">
        <v>10</v>
      </c>
      <c r="H11669" t="s">
        <v>24980</v>
      </c>
      <c r="I11669" t="s">
        <v>30540</v>
      </c>
    </row>
    <row r="11670" spans="1:9">
      <c r="A11670" s="1">
        <v>0.10644868915126315</v>
      </c>
      <c r="B11670" s="1"/>
      <c r="C11670">
        <v>5</v>
      </c>
      <c r="D11670" t="s">
        <v>24975</v>
      </c>
      <c r="E11670" t="s">
        <v>34260</v>
      </c>
      <c r="F11670">
        <v>4</v>
      </c>
      <c r="G11670" t="s">
        <v>14</v>
      </c>
      <c r="H11670" t="s">
        <v>24976</v>
      </c>
      <c r="I11670" t="s">
        <v>30540</v>
      </c>
    </row>
    <row r="11671" spans="1:9">
      <c r="A11671" s="1">
        <v>0.36714057448077275</v>
      </c>
      <c r="B11671" s="1"/>
      <c r="C11671">
        <v>10</v>
      </c>
      <c r="D11671" t="s">
        <v>24977</v>
      </c>
      <c r="E11671" t="s">
        <v>34260</v>
      </c>
      <c r="F11671">
        <v>3</v>
      </c>
      <c r="G11671" t="s">
        <v>14</v>
      </c>
      <c r="H11671" t="s">
        <v>24978</v>
      </c>
      <c r="I11671" t="s">
        <v>30540</v>
      </c>
    </row>
    <row r="11672" spans="1:9">
      <c r="A11672" s="1">
        <v>0.49859741795796675</v>
      </c>
      <c r="B11672" s="1"/>
      <c r="C11672">
        <v>20</v>
      </c>
      <c r="D11672" t="s">
        <v>24973</v>
      </c>
      <c r="E11672" t="s">
        <v>34261</v>
      </c>
      <c r="F11672">
        <v>5</v>
      </c>
      <c r="G11672" t="s">
        <v>14</v>
      </c>
      <c r="H11672" t="s">
        <v>24974</v>
      </c>
      <c r="I11672" t="s">
        <v>30540</v>
      </c>
    </row>
    <row r="11673" spans="1:9">
      <c r="A11673" s="1">
        <v>0.84951369870446425</v>
      </c>
      <c r="B11673" s="1"/>
      <c r="C11673">
        <v>15</v>
      </c>
      <c r="D11673" t="s">
        <v>24971</v>
      </c>
      <c r="E11673" t="s">
        <v>34261</v>
      </c>
      <c r="F11673">
        <v>3</v>
      </c>
      <c r="G11673" t="s">
        <v>1</v>
      </c>
      <c r="H11673" t="s">
        <v>24972</v>
      </c>
      <c r="I11673" t="s">
        <v>30540</v>
      </c>
    </row>
    <row r="11674" spans="1:9">
      <c r="A11674" s="1">
        <v>0.28093532780654196</v>
      </c>
      <c r="B11674" s="1"/>
      <c r="C11674">
        <v>15</v>
      </c>
      <c r="D11674" t="s">
        <v>24969</v>
      </c>
      <c r="E11674" t="s">
        <v>34262</v>
      </c>
      <c r="F11674">
        <v>4</v>
      </c>
      <c r="G11674" t="s">
        <v>14</v>
      </c>
      <c r="H11674" t="s">
        <v>24970</v>
      </c>
      <c r="I11674" t="s">
        <v>30540</v>
      </c>
    </row>
    <row r="11675" spans="1:9">
      <c r="A11675" s="1">
        <v>0.78192656367611379</v>
      </c>
      <c r="B11675" s="1"/>
      <c r="C11675">
        <v>14</v>
      </c>
      <c r="D11675" t="s">
        <v>24967</v>
      </c>
      <c r="E11675" t="s">
        <v>34262</v>
      </c>
      <c r="F11675">
        <v>3</v>
      </c>
      <c r="G11675" t="s">
        <v>1</v>
      </c>
      <c r="H11675" t="s">
        <v>24968</v>
      </c>
      <c r="I11675" t="s">
        <v>30540</v>
      </c>
    </row>
    <row r="11676" spans="1:9">
      <c r="A11676" s="1">
        <v>1.2023272595987899E-2</v>
      </c>
      <c r="B11676" s="1"/>
      <c r="C11676">
        <v>16</v>
      </c>
      <c r="D11676" t="s">
        <v>24963</v>
      </c>
      <c r="E11676" t="s">
        <v>34263</v>
      </c>
      <c r="F11676">
        <v>4</v>
      </c>
      <c r="G11676" t="s">
        <v>14</v>
      </c>
      <c r="H11676" t="s">
        <v>24964</v>
      </c>
      <c r="I11676" t="s">
        <v>30540</v>
      </c>
    </row>
    <row r="11677" spans="1:9">
      <c r="A11677" s="1">
        <v>8.0353759597431074E-2</v>
      </c>
      <c r="B11677" s="1"/>
      <c r="C11677">
        <v>12</v>
      </c>
      <c r="D11677" t="s">
        <v>24959</v>
      </c>
      <c r="E11677" t="s">
        <v>34263</v>
      </c>
      <c r="F11677">
        <v>4</v>
      </c>
      <c r="G11677" t="s">
        <v>14</v>
      </c>
      <c r="H11677" t="s">
        <v>24960</v>
      </c>
      <c r="I11677" t="s">
        <v>30540</v>
      </c>
    </row>
    <row r="11678" spans="1:9">
      <c r="A11678" s="1">
        <v>0.17556582678219279</v>
      </c>
      <c r="B11678" s="1"/>
      <c r="C11678">
        <v>14</v>
      </c>
      <c r="D11678" t="s">
        <v>24961</v>
      </c>
      <c r="E11678" t="s">
        <v>34263</v>
      </c>
      <c r="F11678">
        <v>3</v>
      </c>
      <c r="G11678" t="s">
        <v>14</v>
      </c>
      <c r="H11678" t="s">
        <v>24962</v>
      </c>
      <c r="I11678" t="s">
        <v>30540</v>
      </c>
    </row>
    <row r="11679" spans="1:9">
      <c r="A11679" s="1">
        <v>5.8983748096804178E-2</v>
      </c>
      <c r="B11679" s="1"/>
      <c r="C11679">
        <v>9</v>
      </c>
      <c r="D11679" t="s">
        <v>24951</v>
      </c>
      <c r="E11679" t="s">
        <v>34264</v>
      </c>
      <c r="F11679">
        <v>4</v>
      </c>
      <c r="G11679" t="s">
        <v>13</v>
      </c>
      <c r="H11679" t="s">
        <v>24952</v>
      </c>
      <c r="I11679" t="s">
        <v>30540</v>
      </c>
    </row>
    <row r="11680" spans="1:9">
      <c r="A11680" s="1">
        <v>0.5368870901370264</v>
      </c>
      <c r="B11680" s="1"/>
      <c r="C11680">
        <v>11</v>
      </c>
      <c r="D11680" t="s">
        <v>24953</v>
      </c>
      <c r="E11680" t="s">
        <v>34264</v>
      </c>
      <c r="F11680">
        <v>4</v>
      </c>
      <c r="G11680" t="s">
        <v>14</v>
      </c>
      <c r="H11680" t="s">
        <v>24954</v>
      </c>
      <c r="I11680" t="s">
        <v>30540</v>
      </c>
    </row>
    <row r="11681" spans="1:9">
      <c r="A11681" s="1">
        <v>0.1167068559648593</v>
      </c>
      <c r="B11681" s="1"/>
      <c r="C11681">
        <v>13</v>
      </c>
      <c r="D11681" t="s">
        <v>24955</v>
      </c>
      <c r="E11681" t="s">
        <v>34264</v>
      </c>
      <c r="F11681">
        <v>3</v>
      </c>
      <c r="G11681" t="s">
        <v>14</v>
      </c>
      <c r="H11681" t="s">
        <v>24956</v>
      </c>
      <c r="I11681" t="s">
        <v>30540</v>
      </c>
    </row>
    <row r="11682" spans="1:9">
      <c r="A11682" s="1">
        <v>0.2353336784685861</v>
      </c>
      <c r="B11682" s="1"/>
      <c r="C11682">
        <v>9</v>
      </c>
      <c r="D11682" t="s">
        <v>24947</v>
      </c>
      <c r="E11682" t="s">
        <v>34265</v>
      </c>
      <c r="F11682">
        <v>5</v>
      </c>
      <c r="G11682" t="s">
        <v>14</v>
      </c>
      <c r="H11682" t="s">
        <v>24948</v>
      </c>
      <c r="I11682" t="s">
        <v>30540</v>
      </c>
    </row>
    <row r="11683" spans="1:9">
      <c r="A11683" s="1">
        <v>0.11871132378994309</v>
      </c>
      <c r="B11683" s="1"/>
      <c r="C11683">
        <v>5</v>
      </c>
      <c r="D11683" t="s">
        <v>24941</v>
      </c>
      <c r="E11683" t="s">
        <v>34266</v>
      </c>
      <c r="F11683">
        <v>3</v>
      </c>
      <c r="G11683" t="s">
        <v>10</v>
      </c>
      <c r="H11683" t="s">
        <v>24942</v>
      </c>
      <c r="I11683" t="s">
        <v>30540</v>
      </c>
    </row>
    <row r="11684" spans="1:9">
      <c r="A11684" s="1">
        <v>0.21416671334800463</v>
      </c>
      <c r="B11684" s="1"/>
      <c r="C11684">
        <v>8</v>
      </c>
      <c r="D11684" t="s">
        <v>24945</v>
      </c>
      <c r="E11684" t="s">
        <v>34266</v>
      </c>
      <c r="F11684">
        <v>3</v>
      </c>
      <c r="G11684" t="s">
        <v>10</v>
      </c>
      <c r="H11684" t="s">
        <v>24946</v>
      </c>
      <c r="I11684" t="s">
        <v>30540</v>
      </c>
    </row>
    <row r="11685" spans="1:9">
      <c r="A11685" s="1">
        <v>8.4069950838839058E-2</v>
      </c>
      <c r="B11685" s="1"/>
      <c r="C11685">
        <v>15</v>
      </c>
      <c r="D11685" t="s">
        <v>24937</v>
      </c>
      <c r="E11685" t="s">
        <v>34267</v>
      </c>
      <c r="F11685">
        <v>4</v>
      </c>
      <c r="G11685" t="s">
        <v>9</v>
      </c>
      <c r="H11685" t="s">
        <v>24938</v>
      </c>
      <c r="I11685" t="s">
        <v>30540</v>
      </c>
    </row>
    <row r="11686" spans="1:9">
      <c r="A11686" s="1">
        <v>0.87781921264564866</v>
      </c>
      <c r="B11686" s="1"/>
      <c r="C11686">
        <v>6</v>
      </c>
      <c r="D11686" t="s">
        <v>24929</v>
      </c>
      <c r="E11686" t="s">
        <v>34267</v>
      </c>
      <c r="F11686">
        <v>4</v>
      </c>
      <c r="G11686" t="s">
        <v>14</v>
      </c>
      <c r="H11686" t="s">
        <v>24930</v>
      </c>
      <c r="I11686" t="s">
        <v>30540</v>
      </c>
    </row>
    <row r="11687" spans="1:9">
      <c r="A11687" s="1">
        <v>0.64538772916368059</v>
      </c>
      <c r="B11687" s="1"/>
      <c r="C11687">
        <v>3</v>
      </c>
      <c r="D11687" t="s">
        <v>24927</v>
      </c>
      <c r="E11687" t="s">
        <v>34267</v>
      </c>
      <c r="F11687">
        <v>4</v>
      </c>
      <c r="G11687" t="s">
        <v>10</v>
      </c>
      <c r="H11687" t="s">
        <v>24928</v>
      </c>
      <c r="I11687" t="s">
        <v>30540</v>
      </c>
    </row>
    <row r="11688" spans="1:9">
      <c r="A11688" s="1">
        <v>0.35509952739450434</v>
      </c>
      <c r="B11688" s="1"/>
      <c r="C11688">
        <v>7</v>
      </c>
      <c r="D11688" t="s">
        <v>24931</v>
      </c>
      <c r="E11688" t="s">
        <v>34267</v>
      </c>
      <c r="F11688">
        <v>4</v>
      </c>
      <c r="G11688" t="s">
        <v>14</v>
      </c>
      <c r="H11688" t="s">
        <v>24932</v>
      </c>
      <c r="I11688" t="s">
        <v>30540</v>
      </c>
    </row>
    <row r="11689" spans="1:9">
      <c r="A11689" s="1">
        <v>0.60683167497518264</v>
      </c>
      <c r="B11689" s="1"/>
      <c r="C11689">
        <v>18</v>
      </c>
      <c r="D11689" t="s">
        <v>24939</v>
      </c>
      <c r="E11689" t="s">
        <v>34267</v>
      </c>
      <c r="F11689">
        <v>4</v>
      </c>
      <c r="G11689" t="s">
        <v>14</v>
      </c>
      <c r="H11689" t="s">
        <v>24940</v>
      </c>
      <c r="I11689" t="s">
        <v>30540</v>
      </c>
    </row>
    <row r="11690" spans="1:9">
      <c r="A11690" s="1">
        <v>0.74742793998881629</v>
      </c>
      <c r="B11690" s="1"/>
      <c r="C11690">
        <v>14</v>
      </c>
      <c r="D11690" t="s">
        <v>24935</v>
      </c>
      <c r="E11690" t="s">
        <v>34267</v>
      </c>
      <c r="F11690">
        <v>4</v>
      </c>
      <c r="G11690" t="s">
        <v>9</v>
      </c>
      <c r="H11690" t="s">
        <v>24936</v>
      </c>
      <c r="I11690" t="s">
        <v>30540</v>
      </c>
    </row>
    <row r="11691" spans="1:9">
      <c r="A11691" s="1">
        <v>0.4958326966429113</v>
      </c>
      <c r="B11691" s="1"/>
      <c r="C11691">
        <v>12</v>
      </c>
      <c r="D11691" t="s">
        <v>24933</v>
      </c>
      <c r="E11691" t="s">
        <v>34267</v>
      </c>
      <c r="F11691">
        <v>3</v>
      </c>
      <c r="G11691" t="s">
        <v>14</v>
      </c>
      <c r="H11691" t="s">
        <v>24934</v>
      </c>
      <c r="I11691" t="s">
        <v>30540</v>
      </c>
    </row>
    <row r="11692" spans="1:9">
      <c r="A11692" s="1">
        <v>0.18485225292866492</v>
      </c>
      <c r="B11692" s="1"/>
      <c r="C11692">
        <v>6</v>
      </c>
      <c r="D11692" t="s">
        <v>24921</v>
      </c>
      <c r="E11692" t="s">
        <v>34268</v>
      </c>
      <c r="F11692">
        <v>5</v>
      </c>
      <c r="G11692" t="s">
        <v>10</v>
      </c>
      <c r="H11692" t="s">
        <v>24922</v>
      </c>
      <c r="I11692" t="s">
        <v>30540</v>
      </c>
    </row>
    <row r="11693" spans="1:9">
      <c r="A11693" s="1">
        <v>0.3208629118195947</v>
      </c>
      <c r="B11693" s="1"/>
      <c r="C11693">
        <v>10</v>
      </c>
      <c r="D11693" t="s">
        <v>24923</v>
      </c>
      <c r="E11693" t="s">
        <v>34268</v>
      </c>
      <c r="F11693">
        <v>5</v>
      </c>
      <c r="G11693" t="s">
        <v>10</v>
      </c>
      <c r="H11693" t="s">
        <v>24924</v>
      </c>
      <c r="I11693" t="s">
        <v>30540</v>
      </c>
    </row>
    <row r="11694" spans="1:9">
      <c r="A11694" s="1">
        <v>0.73587711277189882</v>
      </c>
      <c r="B11694" s="1"/>
      <c r="C11694">
        <v>13</v>
      </c>
      <c r="D11694" t="s">
        <v>24925</v>
      </c>
      <c r="E11694" t="s">
        <v>34268</v>
      </c>
      <c r="F11694">
        <v>4</v>
      </c>
      <c r="G11694" t="s">
        <v>10</v>
      </c>
      <c r="H11694" t="s">
        <v>24926</v>
      </c>
      <c r="I11694" t="s">
        <v>30540</v>
      </c>
    </row>
    <row r="11695" spans="1:9">
      <c r="A11695" s="1">
        <v>0.94718791327151253</v>
      </c>
      <c r="B11695" s="1"/>
      <c r="C11695">
        <v>15</v>
      </c>
      <c r="D11695" t="s">
        <v>24919</v>
      </c>
      <c r="E11695" t="s">
        <v>34269</v>
      </c>
      <c r="F11695">
        <v>4</v>
      </c>
      <c r="G11695" t="s">
        <v>1426</v>
      </c>
      <c r="H11695" t="s">
        <v>24920</v>
      </c>
      <c r="I11695" t="s">
        <v>30540</v>
      </c>
    </row>
    <row r="11696" spans="1:9">
      <c r="A11696" s="1">
        <v>8.8835848248972726E-2</v>
      </c>
      <c r="B11696" s="1"/>
      <c r="C11696">
        <v>8</v>
      </c>
      <c r="D11696" t="s">
        <v>24915</v>
      </c>
      <c r="E11696" t="s">
        <v>34269</v>
      </c>
      <c r="F11696">
        <v>4</v>
      </c>
      <c r="G11696" t="s">
        <v>9</v>
      </c>
      <c r="H11696" t="s">
        <v>24916</v>
      </c>
      <c r="I11696" t="s">
        <v>30540</v>
      </c>
    </row>
    <row r="11697" spans="1:9">
      <c r="A11697" s="1">
        <v>0.52680286624602901</v>
      </c>
      <c r="B11697" s="1"/>
      <c r="C11697">
        <v>13</v>
      </c>
      <c r="D11697" t="s">
        <v>24917</v>
      </c>
      <c r="E11697" t="s">
        <v>34269</v>
      </c>
      <c r="F11697">
        <v>4</v>
      </c>
      <c r="G11697" t="s">
        <v>2229</v>
      </c>
      <c r="H11697" t="s">
        <v>24918</v>
      </c>
      <c r="I11697" t="s">
        <v>30540</v>
      </c>
    </row>
    <row r="11698" spans="1:9">
      <c r="A11698" s="1">
        <v>0.44172449148250725</v>
      </c>
      <c r="B11698" s="1"/>
      <c r="C11698">
        <v>1</v>
      </c>
      <c r="D11698" t="s">
        <v>24913</v>
      </c>
      <c r="E11698" t="s">
        <v>34269</v>
      </c>
      <c r="F11698">
        <v>3</v>
      </c>
      <c r="G11698" t="s">
        <v>769</v>
      </c>
      <c r="H11698" t="s">
        <v>24914</v>
      </c>
      <c r="I11698" t="s">
        <v>30540</v>
      </c>
    </row>
    <row r="11699" spans="1:9">
      <c r="A11699" s="1">
        <v>0.6325300467469045</v>
      </c>
      <c r="B11699" s="1"/>
      <c r="C11699">
        <v>2</v>
      </c>
      <c r="D11699" t="s">
        <v>24899</v>
      </c>
      <c r="E11699" t="s">
        <v>34270</v>
      </c>
      <c r="F11699">
        <v>4</v>
      </c>
      <c r="G11699" t="s">
        <v>9</v>
      </c>
      <c r="H11699" t="s">
        <v>24900</v>
      </c>
      <c r="I11699" t="s">
        <v>30540</v>
      </c>
    </row>
    <row r="11700" spans="1:9">
      <c r="A11700" s="1">
        <v>0.23716632326995657</v>
      </c>
      <c r="B11700" s="1"/>
      <c r="C11700">
        <v>10</v>
      </c>
      <c r="D11700" t="s">
        <v>24905</v>
      </c>
      <c r="E11700" t="s">
        <v>34270</v>
      </c>
      <c r="F11700">
        <v>4</v>
      </c>
      <c r="G11700" t="s">
        <v>9</v>
      </c>
      <c r="H11700" t="s">
        <v>24906</v>
      </c>
      <c r="I11700" t="s">
        <v>30540</v>
      </c>
    </row>
    <row r="11701" spans="1:9">
      <c r="A11701" s="1">
        <v>0.91103834368570691</v>
      </c>
      <c r="B11701" s="1"/>
      <c r="C11701">
        <v>11</v>
      </c>
      <c r="D11701" t="s">
        <v>24907</v>
      </c>
      <c r="E11701" t="s">
        <v>34270</v>
      </c>
      <c r="F11701">
        <v>4</v>
      </c>
      <c r="G11701" t="s">
        <v>14</v>
      </c>
      <c r="H11701" t="s">
        <v>24908</v>
      </c>
      <c r="I11701" t="s">
        <v>30540</v>
      </c>
    </row>
    <row r="11702" spans="1:9">
      <c r="A11702" s="1">
        <v>7.9749209878137384E-2</v>
      </c>
      <c r="B11702" s="1"/>
      <c r="C11702">
        <v>12</v>
      </c>
      <c r="D11702" t="s">
        <v>24909</v>
      </c>
      <c r="E11702" t="s">
        <v>34270</v>
      </c>
      <c r="F11702">
        <v>4</v>
      </c>
      <c r="G11702" t="s">
        <v>14</v>
      </c>
      <c r="H11702" t="s">
        <v>24910</v>
      </c>
      <c r="I11702" t="s">
        <v>30540</v>
      </c>
    </row>
    <row r="11703" spans="1:9">
      <c r="A11703" s="1">
        <v>6.3015958753406487E-2</v>
      </c>
      <c r="B11703" s="1"/>
      <c r="C11703">
        <v>13</v>
      </c>
      <c r="D11703" t="s">
        <v>24897</v>
      </c>
      <c r="E11703" t="s">
        <v>34271</v>
      </c>
      <c r="F11703">
        <v>5</v>
      </c>
      <c r="G11703" t="s">
        <v>14</v>
      </c>
      <c r="H11703" t="s">
        <v>24898</v>
      </c>
      <c r="I11703" t="s">
        <v>30540</v>
      </c>
    </row>
    <row r="11704" spans="1:9">
      <c r="A11704" s="1">
        <v>0.53227955762945234</v>
      </c>
      <c r="B11704" s="1"/>
      <c r="C11704">
        <v>1</v>
      </c>
      <c r="D11704" t="s">
        <v>24895</v>
      </c>
      <c r="E11704" t="s">
        <v>34271</v>
      </c>
      <c r="F11704">
        <v>3</v>
      </c>
      <c r="G11704" t="s">
        <v>14</v>
      </c>
      <c r="H11704" t="s">
        <v>24896</v>
      </c>
      <c r="I11704" t="s">
        <v>30540</v>
      </c>
    </row>
    <row r="11705" spans="1:9">
      <c r="A11705" s="1">
        <v>0.9597220481504718</v>
      </c>
      <c r="B11705" s="1"/>
      <c r="C11705">
        <v>16</v>
      </c>
      <c r="D11705" t="s">
        <v>24893</v>
      </c>
      <c r="E11705" t="s">
        <v>34272</v>
      </c>
      <c r="F11705">
        <v>5</v>
      </c>
      <c r="G11705" t="s">
        <v>14</v>
      </c>
      <c r="H11705" t="s">
        <v>24894</v>
      </c>
      <c r="I11705" t="s">
        <v>30540</v>
      </c>
    </row>
    <row r="11706" spans="1:9">
      <c r="A11706" s="1">
        <v>0.94876050414823965</v>
      </c>
      <c r="B11706" s="1"/>
      <c r="C11706">
        <v>7</v>
      </c>
      <c r="D11706" t="s">
        <v>24889</v>
      </c>
      <c r="E11706" t="s">
        <v>34272</v>
      </c>
      <c r="F11706">
        <v>4</v>
      </c>
      <c r="G11706" t="s">
        <v>15</v>
      </c>
      <c r="H11706" t="s">
        <v>24890</v>
      </c>
      <c r="I11706" t="s">
        <v>30540</v>
      </c>
    </row>
    <row r="11707" spans="1:9">
      <c r="A11707" s="1">
        <v>0.12331902420857277</v>
      </c>
      <c r="B11707" s="1"/>
      <c r="C11707">
        <v>1</v>
      </c>
      <c r="D11707" t="s">
        <v>24887</v>
      </c>
      <c r="E11707" t="s">
        <v>34273</v>
      </c>
      <c r="F11707">
        <v>5</v>
      </c>
      <c r="G11707" t="s">
        <v>15</v>
      </c>
      <c r="H11707" t="s">
        <v>24888</v>
      </c>
      <c r="I11707" t="s">
        <v>30540</v>
      </c>
    </row>
    <row r="11708" spans="1:9">
      <c r="A11708" s="1">
        <v>0.24514963027324477</v>
      </c>
      <c r="B11708" s="1"/>
      <c r="C11708">
        <v>11</v>
      </c>
      <c r="D11708" t="s">
        <v>28511</v>
      </c>
      <c r="E11708" t="s">
        <v>34274</v>
      </c>
      <c r="F11708">
        <v>5</v>
      </c>
      <c r="G11708" t="s">
        <v>9</v>
      </c>
      <c r="H11708" t="s">
        <v>28512</v>
      </c>
      <c r="I11708" t="s">
        <v>30540</v>
      </c>
    </row>
    <row r="11709" spans="1:9">
      <c r="A11709" s="1">
        <v>0.31038256216781013</v>
      </c>
      <c r="B11709" s="1"/>
      <c r="C11709">
        <v>13</v>
      </c>
      <c r="D11709" t="s">
        <v>28513</v>
      </c>
      <c r="E11709" t="s">
        <v>34274</v>
      </c>
      <c r="F11709">
        <v>4</v>
      </c>
      <c r="G11709" t="s">
        <v>2</v>
      </c>
      <c r="H11709" t="s">
        <v>28514</v>
      </c>
      <c r="I11709" t="s">
        <v>30540</v>
      </c>
    </row>
    <row r="11710" spans="1:9">
      <c r="A11710" s="1">
        <v>0.34344272042247426</v>
      </c>
      <c r="B11710" s="1"/>
      <c r="C11710">
        <v>4</v>
      </c>
      <c r="D11710" t="s">
        <v>28509</v>
      </c>
      <c r="E11710" t="s">
        <v>34274</v>
      </c>
      <c r="F11710">
        <v>4</v>
      </c>
      <c r="G11710" t="s">
        <v>2</v>
      </c>
      <c r="H11710" t="s">
        <v>28510</v>
      </c>
      <c r="I11710" t="s">
        <v>30540</v>
      </c>
    </row>
    <row r="11711" spans="1:9">
      <c r="A11711" s="1">
        <v>0.42417462566106023</v>
      </c>
      <c r="B11711" s="1"/>
      <c r="C11711">
        <v>1</v>
      </c>
      <c r="D11711" t="s">
        <v>28503</v>
      </c>
      <c r="E11711" t="s">
        <v>34274</v>
      </c>
      <c r="F11711">
        <v>4</v>
      </c>
      <c r="G11711" t="s">
        <v>2</v>
      </c>
      <c r="H11711" t="s">
        <v>28504</v>
      </c>
      <c r="I11711" t="s">
        <v>30540</v>
      </c>
    </row>
    <row r="11712" spans="1:9">
      <c r="A11712" s="1">
        <v>0.63535217174809389</v>
      </c>
      <c r="B11712" s="1"/>
      <c r="C11712">
        <v>3</v>
      </c>
      <c r="D11712" t="s">
        <v>28507</v>
      </c>
      <c r="E11712" t="s">
        <v>34274</v>
      </c>
      <c r="F11712">
        <v>3</v>
      </c>
      <c r="G11712" t="s">
        <v>0</v>
      </c>
      <c r="H11712" t="s">
        <v>28508</v>
      </c>
      <c r="I11712" t="s">
        <v>30540</v>
      </c>
    </row>
    <row r="11713" spans="1:9">
      <c r="A11713" s="1">
        <v>0.38828600903297039</v>
      </c>
      <c r="B11713" s="1"/>
      <c r="C11713">
        <v>5</v>
      </c>
      <c r="D11713" t="s">
        <v>28501</v>
      </c>
      <c r="E11713" t="s">
        <v>34275</v>
      </c>
      <c r="F11713">
        <v>4</v>
      </c>
      <c r="G11713" t="s">
        <v>13</v>
      </c>
      <c r="H11713" t="s">
        <v>28502</v>
      </c>
      <c r="I11713" t="s">
        <v>30540</v>
      </c>
    </row>
    <row r="11714" spans="1:9">
      <c r="A11714" s="1">
        <v>2.3031393743191075E-2</v>
      </c>
      <c r="B11714" s="1"/>
      <c r="C11714">
        <v>14</v>
      </c>
      <c r="D11714" t="s">
        <v>28499</v>
      </c>
      <c r="E11714" t="s">
        <v>34276</v>
      </c>
      <c r="F11714">
        <v>5</v>
      </c>
      <c r="G11714" t="s">
        <v>14</v>
      </c>
      <c r="H11714" t="s">
        <v>28500</v>
      </c>
      <c r="I11714" t="s">
        <v>30540</v>
      </c>
    </row>
    <row r="11715" spans="1:9">
      <c r="A11715" s="1">
        <v>0.45402966709544468</v>
      </c>
      <c r="B11715" s="1"/>
      <c r="C11715">
        <v>7</v>
      </c>
      <c r="D11715" t="s">
        <v>28497</v>
      </c>
      <c r="E11715" t="s">
        <v>34276</v>
      </c>
      <c r="F11715">
        <v>3</v>
      </c>
      <c r="G11715" t="s">
        <v>14</v>
      </c>
      <c r="H11715" t="s">
        <v>28498</v>
      </c>
      <c r="I11715" t="s">
        <v>30540</v>
      </c>
    </row>
    <row r="11716" spans="1:9">
      <c r="A11716" s="1">
        <v>0.43419204337161299</v>
      </c>
      <c r="B11716" s="1"/>
      <c r="C11716">
        <v>1</v>
      </c>
      <c r="D11716" t="s">
        <v>28491</v>
      </c>
      <c r="E11716" t="s">
        <v>34277</v>
      </c>
      <c r="F11716">
        <v>4</v>
      </c>
      <c r="G11716" t="s">
        <v>14</v>
      </c>
      <c r="H11716" t="s">
        <v>28492</v>
      </c>
      <c r="I11716" t="s">
        <v>30540</v>
      </c>
    </row>
    <row r="11717" spans="1:9">
      <c r="A11717" s="1">
        <v>0.18727510736026742</v>
      </c>
      <c r="B11717" s="1"/>
      <c r="C11717">
        <v>11</v>
      </c>
      <c r="D11717" t="s">
        <v>28493</v>
      </c>
      <c r="E11717" t="s">
        <v>34277</v>
      </c>
      <c r="F11717">
        <v>3</v>
      </c>
      <c r="G11717" t="s">
        <v>2</v>
      </c>
      <c r="H11717" t="s">
        <v>28494</v>
      </c>
      <c r="I11717" t="s">
        <v>30540</v>
      </c>
    </row>
    <row r="11718" spans="1:9">
      <c r="A11718" s="1">
        <v>0.95167359722766376</v>
      </c>
      <c r="B11718" s="1"/>
      <c r="C11718">
        <v>15</v>
      </c>
      <c r="D11718" t="s">
        <v>28487</v>
      </c>
      <c r="E11718" t="s">
        <v>34278</v>
      </c>
      <c r="F11718">
        <v>4</v>
      </c>
      <c r="G11718" t="s">
        <v>14</v>
      </c>
      <c r="H11718" t="s">
        <v>28488</v>
      </c>
      <c r="I11718" t="s">
        <v>30540</v>
      </c>
    </row>
    <row r="11719" spans="1:9">
      <c r="A11719" s="1">
        <v>0.46435284799047427</v>
      </c>
      <c r="B11719" s="1"/>
      <c r="C11719">
        <v>19</v>
      </c>
      <c r="D11719" t="s">
        <v>28489</v>
      </c>
      <c r="E11719" t="s">
        <v>34278</v>
      </c>
      <c r="F11719">
        <v>4</v>
      </c>
      <c r="G11719" t="s">
        <v>14</v>
      </c>
      <c r="H11719" t="s">
        <v>28490</v>
      </c>
      <c r="I11719" t="s">
        <v>30540</v>
      </c>
    </row>
    <row r="11720" spans="1:9">
      <c r="A11720" s="1">
        <v>0.57512884303737821</v>
      </c>
      <c r="B11720" s="1"/>
      <c r="C11720">
        <v>6</v>
      </c>
      <c r="D11720" t="s">
        <v>28483</v>
      </c>
      <c r="E11720" t="s">
        <v>34278</v>
      </c>
      <c r="F11720">
        <v>3</v>
      </c>
      <c r="G11720" t="s">
        <v>14</v>
      </c>
      <c r="H11720" t="s">
        <v>28484</v>
      </c>
      <c r="I11720" t="s">
        <v>30540</v>
      </c>
    </row>
    <row r="11721" spans="1:9">
      <c r="A11721" s="1">
        <v>0.2976196021307782</v>
      </c>
      <c r="B11721" s="1"/>
      <c r="C11721">
        <v>4</v>
      </c>
      <c r="D11721" t="s">
        <v>28481</v>
      </c>
      <c r="E11721" t="s">
        <v>34279</v>
      </c>
      <c r="F11721">
        <v>4</v>
      </c>
      <c r="G11721" t="s">
        <v>14</v>
      </c>
      <c r="H11721" t="s">
        <v>28482</v>
      </c>
      <c r="I11721" t="s">
        <v>30540</v>
      </c>
    </row>
    <row r="11722" spans="1:9">
      <c r="A11722" s="1">
        <v>0.56205362554237592</v>
      </c>
      <c r="B11722" s="1"/>
      <c r="C11722">
        <v>8</v>
      </c>
      <c r="D11722" t="s">
        <v>28475</v>
      </c>
      <c r="E11722" t="s">
        <v>34280</v>
      </c>
      <c r="F11722">
        <v>4</v>
      </c>
      <c r="G11722" t="s">
        <v>14</v>
      </c>
      <c r="H11722" t="s">
        <v>28476</v>
      </c>
      <c r="I11722" t="s">
        <v>30540</v>
      </c>
    </row>
    <row r="11723" spans="1:9">
      <c r="A11723" s="1">
        <v>0.75451196443037016</v>
      </c>
      <c r="B11723" s="1"/>
      <c r="C11723">
        <v>13</v>
      </c>
      <c r="D11723" t="s">
        <v>28477</v>
      </c>
      <c r="E11723" t="s">
        <v>34280</v>
      </c>
      <c r="F11723">
        <v>4</v>
      </c>
      <c r="G11723" t="s">
        <v>14</v>
      </c>
      <c r="H11723" t="s">
        <v>28478</v>
      </c>
      <c r="I11723" t="s">
        <v>30540</v>
      </c>
    </row>
    <row r="11724" spans="1:9">
      <c r="A11724" s="1">
        <v>0.45443497743150008</v>
      </c>
      <c r="B11724" s="1"/>
      <c r="C11724">
        <v>15</v>
      </c>
      <c r="D11724" t="s">
        <v>28479</v>
      </c>
      <c r="E11724" t="s">
        <v>34280</v>
      </c>
      <c r="F11724">
        <v>3</v>
      </c>
      <c r="G11724" t="s">
        <v>14</v>
      </c>
      <c r="H11724" t="s">
        <v>28480</v>
      </c>
      <c r="I11724" t="s">
        <v>30540</v>
      </c>
    </row>
    <row r="11725" spans="1:9">
      <c r="A11725" s="1">
        <v>0.7042654709007673</v>
      </c>
      <c r="B11725" s="1"/>
      <c r="C11725">
        <v>14</v>
      </c>
      <c r="D11725" t="s">
        <v>28467</v>
      </c>
      <c r="E11725" t="s">
        <v>34281</v>
      </c>
      <c r="F11725">
        <v>4</v>
      </c>
      <c r="G11725" t="s">
        <v>14</v>
      </c>
      <c r="H11725" t="s">
        <v>28468</v>
      </c>
      <c r="I11725" t="s">
        <v>30540</v>
      </c>
    </row>
    <row r="11726" spans="1:9">
      <c r="A11726" s="1">
        <v>0.26211671815638726</v>
      </c>
      <c r="B11726" s="1"/>
      <c r="C11726">
        <v>7</v>
      </c>
      <c r="D11726" t="s">
        <v>28465</v>
      </c>
      <c r="E11726" t="s">
        <v>34281</v>
      </c>
      <c r="F11726">
        <v>4</v>
      </c>
      <c r="G11726" t="s">
        <v>9</v>
      </c>
      <c r="H11726" t="s">
        <v>28466</v>
      </c>
      <c r="I11726" t="s">
        <v>30540</v>
      </c>
    </row>
    <row r="11727" spans="1:9">
      <c r="A11727" s="1">
        <v>0.83113983831227622</v>
      </c>
      <c r="B11727" s="1"/>
      <c r="C11727">
        <v>20</v>
      </c>
      <c r="D11727" t="s">
        <v>28473</v>
      </c>
      <c r="E11727" t="s">
        <v>34281</v>
      </c>
      <c r="F11727">
        <v>4</v>
      </c>
      <c r="G11727" t="s">
        <v>14</v>
      </c>
      <c r="H11727" t="s">
        <v>28474</v>
      </c>
      <c r="I11727" t="s">
        <v>30540</v>
      </c>
    </row>
    <row r="11728" spans="1:9">
      <c r="A11728" s="1">
        <v>0.76885353629255715</v>
      </c>
      <c r="B11728" s="1"/>
      <c r="C11728">
        <v>16</v>
      </c>
      <c r="D11728" t="s">
        <v>28471</v>
      </c>
      <c r="E11728" t="s">
        <v>34281</v>
      </c>
      <c r="F11728">
        <v>3</v>
      </c>
      <c r="G11728" t="s">
        <v>13</v>
      </c>
      <c r="H11728" t="s">
        <v>28472</v>
      </c>
      <c r="I11728" t="s">
        <v>30540</v>
      </c>
    </row>
    <row r="11729" spans="1:9">
      <c r="A11729" s="1">
        <v>0.84414411386937083</v>
      </c>
      <c r="B11729" s="1"/>
      <c r="C11729">
        <v>19</v>
      </c>
      <c r="D11729" t="s">
        <v>28463</v>
      </c>
      <c r="E11729" t="s">
        <v>34282</v>
      </c>
      <c r="F11729">
        <v>5</v>
      </c>
      <c r="G11729" t="s">
        <v>762</v>
      </c>
      <c r="H11729" t="s">
        <v>28464</v>
      </c>
      <c r="I11729" t="s">
        <v>30540</v>
      </c>
    </row>
    <row r="11730" spans="1:9">
      <c r="A11730" s="1">
        <v>0.63815813521760179</v>
      </c>
      <c r="B11730" s="1"/>
      <c r="C11730">
        <v>11</v>
      </c>
      <c r="D11730" t="s">
        <v>28461</v>
      </c>
      <c r="E11730" t="s">
        <v>34282</v>
      </c>
      <c r="F11730">
        <v>5</v>
      </c>
      <c r="G11730" t="s">
        <v>14</v>
      </c>
      <c r="H11730" t="s">
        <v>28462</v>
      </c>
      <c r="I11730" t="s">
        <v>30540</v>
      </c>
    </row>
    <row r="11731" spans="1:9">
      <c r="A11731" s="1">
        <v>0.23587202011310082</v>
      </c>
      <c r="B11731" s="1"/>
      <c r="C11731">
        <v>14</v>
      </c>
      <c r="D11731" t="s">
        <v>28457</v>
      </c>
      <c r="E11731" t="s">
        <v>34283</v>
      </c>
      <c r="F11731">
        <v>5</v>
      </c>
      <c r="G11731" t="s">
        <v>10</v>
      </c>
      <c r="H11731" t="s">
        <v>28458</v>
      </c>
      <c r="I11731" t="s">
        <v>30540</v>
      </c>
    </row>
    <row r="11732" spans="1:9">
      <c r="A11732" s="1">
        <v>0.68637492263925881</v>
      </c>
      <c r="B11732" s="1"/>
      <c r="C11732">
        <v>6</v>
      </c>
      <c r="D11732" t="s">
        <v>28453</v>
      </c>
      <c r="E11732" t="s">
        <v>34283</v>
      </c>
      <c r="F11732">
        <v>4</v>
      </c>
      <c r="G11732" t="s">
        <v>10</v>
      </c>
      <c r="H11732" t="s">
        <v>28454</v>
      </c>
      <c r="I11732" t="s">
        <v>30540</v>
      </c>
    </row>
    <row r="11733" spans="1:9">
      <c r="A11733" s="1">
        <v>0.26710086815065637</v>
      </c>
      <c r="B11733" s="1"/>
      <c r="C11733">
        <v>7</v>
      </c>
      <c r="D11733" t="s">
        <v>28455</v>
      </c>
      <c r="E11733" t="s">
        <v>34283</v>
      </c>
      <c r="F11733">
        <v>4</v>
      </c>
      <c r="G11733" t="s">
        <v>10</v>
      </c>
      <c r="H11733" t="s">
        <v>28456</v>
      </c>
      <c r="I11733" t="s">
        <v>30540</v>
      </c>
    </row>
    <row r="11734" spans="1:9">
      <c r="A11734" s="1">
        <v>0.53984659909480615</v>
      </c>
      <c r="B11734" s="1"/>
      <c r="C11734">
        <v>8</v>
      </c>
      <c r="D11734" t="s">
        <v>28449</v>
      </c>
      <c r="E11734" t="s">
        <v>34284</v>
      </c>
      <c r="F11734">
        <v>4</v>
      </c>
      <c r="G11734" t="s">
        <v>14</v>
      </c>
      <c r="H11734" t="s">
        <v>28450</v>
      </c>
      <c r="I11734" t="s">
        <v>30540</v>
      </c>
    </row>
    <row r="11735" spans="1:9">
      <c r="A11735" s="1">
        <v>0.32560873601512508</v>
      </c>
      <c r="B11735" s="1"/>
      <c r="C11735">
        <v>12</v>
      </c>
      <c r="D11735" t="s">
        <v>28451</v>
      </c>
      <c r="E11735" t="s">
        <v>34284</v>
      </c>
      <c r="F11735">
        <v>4</v>
      </c>
      <c r="G11735" t="s">
        <v>14</v>
      </c>
      <c r="H11735" t="s">
        <v>28452</v>
      </c>
      <c r="I11735" t="s">
        <v>30540</v>
      </c>
    </row>
    <row r="11736" spans="1:9">
      <c r="A11736" s="1">
        <v>0.68432484419493889</v>
      </c>
      <c r="B11736" s="1"/>
      <c r="C11736">
        <v>2</v>
      </c>
      <c r="D11736" t="s">
        <v>28445</v>
      </c>
      <c r="E11736" t="s">
        <v>34284</v>
      </c>
      <c r="F11736">
        <v>4</v>
      </c>
      <c r="G11736" t="s">
        <v>9</v>
      </c>
      <c r="H11736" t="s">
        <v>28446</v>
      </c>
      <c r="I11736" t="s">
        <v>30540</v>
      </c>
    </row>
    <row r="11737" spans="1:9">
      <c r="A11737" s="1">
        <v>0.46525721438722811</v>
      </c>
      <c r="B11737" s="1"/>
      <c r="C11737">
        <v>3</v>
      </c>
      <c r="D11737" t="s">
        <v>28447</v>
      </c>
      <c r="E11737" t="s">
        <v>34284</v>
      </c>
      <c r="F11737">
        <v>4</v>
      </c>
      <c r="G11737" t="s">
        <v>14</v>
      </c>
      <c r="H11737" t="s">
        <v>28448</v>
      </c>
      <c r="I11737" t="s">
        <v>30540</v>
      </c>
    </row>
    <row r="11738" spans="1:9">
      <c r="A11738" s="1">
        <v>0.20557239123561921</v>
      </c>
      <c r="B11738" s="1"/>
      <c r="C11738">
        <v>14</v>
      </c>
      <c r="D11738" t="s">
        <v>28441</v>
      </c>
      <c r="E11738" t="s">
        <v>34285</v>
      </c>
      <c r="F11738">
        <v>5</v>
      </c>
      <c r="G11738" t="s">
        <v>14</v>
      </c>
      <c r="H11738" t="s">
        <v>28442</v>
      </c>
      <c r="I11738" t="s">
        <v>30540</v>
      </c>
    </row>
    <row r="11739" spans="1:9">
      <c r="A11739" s="1">
        <v>0.69533174911411866</v>
      </c>
      <c r="B11739" s="1"/>
      <c r="C11739">
        <v>1</v>
      </c>
      <c r="D11739" t="s">
        <v>28431</v>
      </c>
      <c r="E11739" t="s">
        <v>34285</v>
      </c>
      <c r="F11739">
        <v>4</v>
      </c>
      <c r="G11739" t="s">
        <v>14</v>
      </c>
      <c r="H11739" t="s">
        <v>28432</v>
      </c>
      <c r="I11739" t="s">
        <v>30540</v>
      </c>
    </row>
    <row r="11740" spans="1:9">
      <c r="A11740" s="1">
        <v>1.8330867331200595E-2</v>
      </c>
      <c r="B11740" s="1"/>
      <c r="C11740">
        <v>6</v>
      </c>
      <c r="D11740" t="s">
        <v>28435</v>
      </c>
      <c r="E11740" t="s">
        <v>34285</v>
      </c>
      <c r="F11740">
        <v>4</v>
      </c>
      <c r="G11740" t="s">
        <v>0</v>
      </c>
      <c r="H11740" t="s">
        <v>28436</v>
      </c>
      <c r="I11740" t="s">
        <v>30540</v>
      </c>
    </row>
    <row r="11741" spans="1:9">
      <c r="A11741" s="1">
        <v>0.27226018562239696</v>
      </c>
      <c r="B11741" s="1"/>
      <c r="C11741">
        <v>3</v>
      </c>
      <c r="D11741" t="s">
        <v>28433</v>
      </c>
      <c r="E11741" t="s">
        <v>34285</v>
      </c>
      <c r="F11741">
        <v>4</v>
      </c>
      <c r="G11741" t="s">
        <v>14</v>
      </c>
      <c r="H11741" t="s">
        <v>28434</v>
      </c>
      <c r="I11741" t="s">
        <v>30540</v>
      </c>
    </row>
    <row r="11742" spans="1:9">
      <c r="A11742" s="1">
        <v>0.53095982349731508</v>
      </c>
      <c r="B11742" s="1"/>
      <c r="C11742">
        <v>9</v>
      </c>
      <c r="D11742" t="s">
        <v>28437</v>
      </c>
      <c r="E11742" t="s">
        <v>34285</v>
      </c>
      <c r="F11742">
        <v>4</v>
      </c>
      <c r="G11742" t="s">
        <v>14</v>
      </c>
      <c r="H11742" t="s">
        <v>28438</v>
      </c>
      <c r="I11742" t="s">
        <v>30540</v>
      </c>
    </row>
    <row r="11743" spans="1:9">
      <c r="A11743" s="1">
        <v>0.89409644200658778</v>
      </c>
      <c r="B11743" s="1"/>
      <c r="C11743">
        <v>10</v>
      </c>
      <c r="D11743" t="s">
        <v>28439</v>
      </c>
      <c r="E11743" t="s">
        <v>34285</v>
      </c>
      <c r="F11743">
        <v>4</v>
      </c>
      <c r="G11743" t="s">
        <v>1</v>
      </c>
      <c r="H11743" t="s">
        <v>28440</v>
      </c>
      <c r="I11743" t="s">
        <v>30540</v>
      </c>
    </row>
    <row r="11744" spans="1:9">
      <c r="A11744" s="1">
        <v>4.6134055150104047E-2</v>
      </c>
      <c r="B11744" s="1"/>
      <c r="C11744">
        <v>15</v>
      </c>
      <c r="D11744" t="s">
        <v>28443</v>
      </c>
      <c r="E11744" t="s">
        <v>34285</v>
      </c>
      <c r="F11744">
        <v>4</v>
      </c>
      <c r="G11744" t="s">
        <v>14</v>
      </c>
      <c r="H11744" t="s">
        <v>28444</v>
      </c>
      <c r="I11744" t="s">
        <v>30540</v>
      </c>
    </row>
    <row r="11745" spans="1:9">
      <c r="A11745" s="1">
        <v>0.66344069710707376</v>
      </c>
      <c r="B11745" s="1"/>
      <c r="C11745">
        <v>13</v>
      </c>
      <c r="D11745" t="s">
        <v>28427</v>
      </c>
      <c r="E11745" t="s">
        <v>34286</v>
      </c>
      <c r="F11745">
        <v>5</v>
      </c>
      <c r="G11745" t="s">
        <v>10</v>
      </c>
      <c r="H11745" t="s">
        <v>28428</v>
      </c>
      <c r="I11745" t="s">
        <v>30540</v>
      </c>
    </row>
    <row r="11746" spans="1:9">
      <c r="A11746" s="1">
        <v>0.71935690365067406</v>
      </c>
      <c r="B11746" s="1"/>
      <c r="C11746">
        <v>14</v>
      </c>
      <c r="D11746" t="s">
        <v>28429</v>
      </c>
      <c r="E11746" t="s">
        <v>34286</v>
      </c>
      <c r="F11746">
        <v>5</v>
      </c>
      <c r="G11746" t="s">
        <v>10</v>
      </c>
      <c r="H11746" t="s">
        <v>28430</v>
      </c>
      <c r="I11746" t="s">
        <v>30540</v>
      </c>
    </row>
    <row r="11747" spans="1:9">
      <c r="A11747" s="1">
        <v>0.25087969134048094</v>
      </c>
      <c r="B11747" s="1"/>
      <c r="C11747">
        <v>8</v>
      </c>
      <c r="D11747" t="s">
        <v>28423</v>
      </c>
      <c r="E11747" t="s">
        <v>34286</v>
      </c>
      <c r="F11747">
        <v>4</v>
      </c>
      <c r="G11747" t="s">
        <v>10</v>
      </c>
      <c r="H11747" t="s">
        <v>28424</v>
      </c>
      <c r="I11747" t="s">
        <v>30540</v>
      </c>
    </row>
    <row r="11748" spans="1:9">
      <c r="A11748" s="1">
        <v>0.64909542366187623</v>
      </c>
      <c r="B11748" s="1"/>
      <c r="C11748">
        <v>20</v>
      </c>
      <c r="D11748" t="s">
        <v>28421</v>
      </c>
      <c r="E11748" t="s">
        <v>34287</v>
      </c>
      <c r="F11748">
        <v>4</v>
      </c>
      <c r="G11748" t="s">
        <v>14</v>
      </c>
      <c r="H11748" t="s">
        <v>28422</v>
      </c>
      <c r="I11748" t="s">
        <v>30540</v>
      </c>
    </row>
    <row r="11749" spans="1:9">
      <c r="A11749" s="1">
        <v>0.76801489092690112</v>
      </c>
      <c r="B11749" s="1"/>
      <c r="C11749">
        <v>4</v>
      </c>
      <c r="D11749" t="s">
        <v>28415</v>
      </c>
      <c r="E11749" t="s">
        <v>34287</v>
      </c>
      <c r="F11749">
        <v>4</v>
      </c>
      <c r="G11749" t="s">
        <v>10</v>
      </c>
      <c r="H11749" t="s">
        <v>28416</v>
      </c>
      <c r="I11749" t="s">
        <v>30540</v>
      </c>
    </row>
    <row r="11750" spans="1:9">
      <c r="A11750" s="1">
        <v>0.44544026436745376</v>
      </c>
      <c r="B11750" s="1"/>
      <c r="C11750">
        <v>12</v>
      </c>
      <c r="D11750" t="s">
        <v>28419</v>
      </c>
      <c r="E11750" t="s">
        <v>34287</v>
      </c>
      <c r="F11750">
        <v>4</v>
      </c>
      <c r="G11750" t="s">
        <v>1431</v>
      </c>
      <c r="H11750" t="s">
        <v>28420</v>
      </c>
      <c r="I11750" t="s">
        <v>30540</v>
      </c>
    </row>
    <row r="11751" spans="1:9">
      <c r="A11751" s="1">
        <v>2.9983200712894176E-3</v>
      </c>
      <c r="B11751" s="1"/>
      <c r="C11751">
        <v>12</v>
      </c>
      <c r="D11751" t="s">
        <v>28413</v>
      </c>
      <c r="E11751" t="s">
        <v>34288</v>
      </c>
      <c r="F11751">
        <v>5</v>
      </c>
      <c r="G11751" t="s">
        <v>14</v>
      </c>
      <c r="H11751" t="s">
        <v>28414</v>
      </c>
      <c r="I11751" t="s">
        <v>30540</v>
      </c>
    </row>
    <row r="11752" spans="1:9">
      <c r="A11752" s="1">
        <v>7.5582053825754558E-3</v>
      </c>
      <c r="B11752" s="1"/>
      <c r="C11752">
        <v>5</v>
      </c>
      <c r="D11752" t="s">
        <v>28411</v>
      </c>
      <c r="E11752" t="s">
        <v>34288</v>
      </c>
      <c r="F11752">
        <v>5</v>
      </c>
      <c r="G11752" t="s">
        <v>14</v>
      </c>
      <c r="H11752" t="s">
        <v>28412</v>
      </c>
      <c r="I11752" t="s">
        <v>30540</v>
      </c>
    </row>
    <row r="11753" spans="1:9">
      <c r="A11753" s="1">
        <v>0.96684751026519089</v>
      </c>
      <c r="B11753" s="1"/>
      <c r="C11753">
        <v>1</v>
      </c>
      <c r="D11753" t="s">
        <v>28409</v>
      </c>
      <c r="E11753" t="s">
        <v>34288</v>
      </c>
      <c r="F11753">
        <v>3</v>
      </c>
      <c r="G11753" t="s">
        <v>14</v>
      </c>
      <c r="H11753" t="s">
        <v>28410</v>
      </c>
      <c r="I11753" t="s">
        <v>30540</v>
      </c>
    </row>
    <row r="11754" spans="1:9">
      <c r="A11754" s="1">
        <v>0.96688271790225344</v>
      </c>
      <c r="B11754" s="1"/>
      <c r="C11754">
        <v>7</v>
      </c>
      <c r="D11754" t="s">
        <v>28401</v>
      </c>
      <c r="E11754" t="s">
        <v>34290</v>
      </c>
      <c r="F11754">
        <v>5</v>
      </c>
      <c r="G11754" t="s">
        <v>14</v>
      </c>
      <c r="H11754" t="s">
        <v>28402</v>
      </c>
      <c r="I11754" t="s">
        <v>30540</v>
      </c>
    </row>
    <row r="11755" spans="1:9">
      <c r="A11755" s="1">
        <v>0.35256152940551777</v>
      </c>
      <c r="B11755" s="1"/>
      <c r="C11755">
        <v>1</v>
      </c>
      <c r="D11755" t="s">
        <v>28399</v>
      </c>
      <c r="E11755" t="s">
        <v>34290</v>
      </c>
      <c r="F11755">
        <v>5</v>
      </c>
      <c r="G11755" t="s">
        <v>14</v>
      </c>
      <c r="H11755" t="s">
        <v>28400</v>
      </c>
      <c r="I11755" t="s">
        <v>30540</v>
      </c>
    </row>
    <row r="11756" spans="1:9">
      <c r="A11756" s="1">
        <v>0.43331172452658251</v>
      </c>
      <c r="B11756" s="1"/>
      <c r="C11756">
        <v>12</v>
      </c>
      <c r="D11756" t="s">
        <v>28403</v>
      </c>
      <c r="E11756" t="s">
        <v>34290</v>
      </c>
      <c r="F11756">
        <v>4</v>
      </c>
      <c r="G11756" t="s">
        <v>1</v>
      </c>
      <c r="H11756" t="s">
        <v>28404</v>
      </c>
      <c r="I11756" t="s">
        <v>30540</v>
      </c>
    </row>
    <row r="11757" spans="1:9">
      <c r="A11757" s="1">
        <v>0.98328061365950281</v>
      </c>
      <c r="B11757" s="1"/>
      <c r="C11757">
        <v>8</v>
      </c>
      <c r="D11757" t="s">
        <v>28389</v>
      </c>
      <c r="E11757" t="s">
        <v>34291</v>
      </c>
      <c r="F11757">
        <v>5</v>
      </c>
      <c r="G11757" t="s">
        <v>9</v>
      </c>
      <c r="H11757" t="s">
        <v>28390</v>
      </c>
      <c r="I11757" t="s">
        <v>30540</v>
      </c>
    </row>
    <row r="11758" spans="1:9">
      <c r="A11758" s="1">
        <v>0.16158417717227491</v>
      </c>
      <c r="B11758" s="1"/>
      <c r="C11758">
        <v>10</v>
      </c>
      <c r="D11758" t="s">
        <v>28393</v>
      </c>
      <c r="E11758" t="s">
        <v>34291</v>
      </c>
      <c r="F11758">
        <v>5</v>
      </c>
      <c r="G11758" t="s">
        <v>14</v>
      </c>
      <c r="H11758" t="s">
        <v>28394</v>
      </c>
      <c r="I11758" t="s">
        <v>30540</v>
      </c>
    </row>
    <row r="11759" spans="1:9">
      <c r="A11759" s="1">
        <v>0.51553590900132995</v>
      </c>
      <c r="B11759" s="1"/>
      <c r="C11759">
        <v>17</v>
      </c>
      <c r="D11759" t="s">
        <v>28397</v>
      </c>
      <c r="E11759" t="s">
        <v>34291</v>
      </c>
      <c r="F11759">
        <v>4</v>
      </c>
      <c r="G11759" t="s">
        <v>14</v>
      </c>
      <c r="H11759" t="s">
        <v>28398</v>
      </c>
      <c r="I11759" t="s">
        <v>30540</v>
      </c>
    </row>
    <row r="11760" spans="1:9">
      <c r="A11760" s="1">
        <v>0.56869869410616603</v>
      </c>
      <c r="B11760" s="1"/>
      <c r="C11760">
        <v>9</v>
      </c>
      <c r="D11760" t="s">
        <v>28391</v>
      </c>
      <c r="E11760" t="s">
        <v>34291</v>
      </c>
      <c r="F11760">
        <v>4</v>
      </c>
      <c r="G11760" t="s">
        <v>14</v>
      </c>
      <c r="H11760" t="s">
        <v>28392</v>
      </c>
      <c r="I11760" t="s">
        <v>30540</v>
      </c>
    </row>
    <row r="11761" spans="1:9">
      <c r="A11761" s="1">
        <v>0.5591059604191787</v>
      </c>
      <c r="B11761" s="1"/>
      <c r="C11761">
        <v>15</v>
      </c>
      <c r="D11761" t="s">
        <v>28395</v>
      </c>
      <c r="E11761" t="s">
        <v>34291</v>
      </c>
      <c r="F11761">
        <v>4</v>
      </c>
      <c r="G11761" t="s">
        <v>0</v>
      </c>
      <c r="H11761" t="s">
        <v>28396</v>
      </c>
      <c r="I11761" t="s">
        <v>30540</v>
      </c>
    </row>
    <row r="11762" spans="1:9">
      <c r="A11762" s="1">
        <v>0.11286927354554521</v>
      </c>
      <c r="B11762" s="1"/>
      <c r="C11762">
        <v>17</v>
      </c>
      <c r="D11762" t="s">
        <v>28383</v>
      </c>
      <c r="E11762" t="s">
        <v>34292</v>
      </c>
      <c r="F11762">
        <v>4</v>
      </c>
      <c r="G11762" t="s">
        <v>14</v>
      </c>
      <c r="H11762" t="s">
        <v>28384</v>
      </c>
      <c r="I11762" t="s">
        <v>30540</v>
      </c>
    </row>
    <row r="11763" spans="1:9">
      <c r="A11763" s="1">
        <v>0.95604658203040871</v>
      </c>
      <c r="B11763" s="1"/>
      <c r="C11763">
        <v>11</v>
      </c>
      <c r="D11763" t="s">
        <v>28379</v>
      </c>
      <c r="E11763" t="s">
        <v>34292</v>
      </c>
      <c r="F11763">
        <v>4</v>
      </c>
      <c r="G11763" t="s">
        <v>2738</v>
      </c>
      <c r="H11763" t="s">
        <v>28380</v>
      </c>
      <c r="I11763" t="s">
        <v>30540</v>
      </c>
    </row>
    <row r="11764" spans="1:9">
      <c r="A11764" s="1">
        <v>0.57595788293179517</v>
      </c>
      <c r="B11764" s="1"/>
      <c r="C11764">
        <v>20</v>
      </c>
      <c r="D11764" t="s">
        <v>28385</v>
      </c>
      <c r="E11764" t="s">
        <v>34292</v>
      </c>
      <c r="F11764">
        <v>4</v>
      </c>
      <c r="G11764" t="s">
        <v>14</v>
      </c>
      <c r="H11764" t="s">
        <v>28386</v>
      </c>
      <c r="I11764" t="s">
        <v>30540</v>
      </c>
    </row>
    <row r="11765" spans="1:9">
      <c r="A11765" s="1">
        <v>0.60870746019100652</v>
      </c>
      <c r="B11765" s="1"/>
      <c r="C11765">
        <v>16</v>
      </c>
      <c r="D11765" t="s">
        <v>28381</v>
      </c>
      <c r="E11765" t="s">
        <v>34292</v>
      </c>
      <c r="F11765">
        <v>4</v>
      </c>
      <c r="G11765" t="s">
        <v>14</v>
      </c>
      <c r="H11765" t="s">
        <v>28382</v>
      </c>
      <c r="I11765" t="s">
        <v>30540</v>
      </c>
    </row>
    <row r="11766" spans="1:9">
      <c r="A11766" s="1">
        <v>0.37938117655965742</v>
      </c>
      <c r="B11766" s="1"/>
      <c r="C11766">
        <v>7</v>
      </c>
      <c r="D11766" t="s">
        <v>28373</v>
      </c>
      <c r="E11766" t="s">
        <v>34293</v>
      </c>
      <c r="F11766">
        <v>5</v>
      </c>
      <c r="G11766" t="s">
        <v>14</v>
      </c>
      <c r="H11766" t="s">
        <v>28374</v>
      </c>
      <c r="I11766" t="s">
        <v>30540</v>
      </c>
    </row>
    <row r="11767" spans="1:9">
      <c r="A11767" s="1">
        <v>0.94100656428342355</v>
      </c>
      <c r="B11767" s="1"/>
      <c r="C11767">
        <v>13</v>
      </c>
      <c r="D11767" t="s">
        <v>28377</v>
      </c>
      <c r="E11767" t="s">
        <v>34293</v>
      </c>
      <c r="F11767">
        <v>4</v>
      </c>
      <c r="G11767" t="s">
        <v>9</v>
      </c>
      <c r="H11767" t="s">
        <v>28378</v>
      </c>
      <c r="I11767" t="s">
        <v>30540</v>
      </c>
    </row>
    <row r="11768" spans="1:9">
      <c r="A11768" s="1">
        <v>0.91262750109419755</v>
      </c>
      <c r="B11768" s="1"/>
      <c r="C11768">
        <v>10</v>
      </c>
      <c r="D11768" t="s">
        <v>28375</v>
      </c>
      <c r="E11768" t="s">
        <v>34293</v>
      </c>
      <c r="F11768">
        <v>4</v>
      </c>
      <c r="G11768" t="s">
        <v>1</v>
      </c>
      <c r="H11768" t="s">
        <v>28376</v>
      </c>
      <c r="I11768" t="s">
        <v>30540</v>
      </c>
    </row>
    <row r="11769" spans="1:9">
      <c r="A11769" s="1">
        <v>0.63226297927284403</v>
      </c>
      <c r="B11769" s="1"/>
      <c r="C11769">
        <v>5</v>
      </c>
      <c r="D11769" t="s">
        <v>28371</v>
      </c>
      <c r="E11769" t="s">
        <v>34293</v>
      </c>
      <c r="F11769">
        <v>4</v>
      </c>
      <c r="G11769" t="s">
        <v>14</v>
      </c>
      <c r="H11769" t="s">
        <v>28372</v>
      </c>
      <c r="I11769" t="s">
        <v>30540</v>
      </c>
    </row>
    <row r="11770" spans="1:9">
      <c r="A11770" s="1">
        <v>0.18624029166172318</v>
      </c>
      <c r="B11770" s="1"/>
      <c r="C11770">
        <v>5</v>
      </c>
      <c r="D11770" t="s">
        <v>28365</v>
      </c>
      <c r="E11770" t="s">
        <v>34294</v>
      </c>
      <c r="F11770">
        <v>4</v>
      </c>
      <c r="G11770" t="s">
        <v>2</v>
      </c>
      <c r="H11770" t="s">
        <v>28366</v>
      </c>
      <c r="I11770" t="s">
        <v>30540</v>
      </c>
    </row>
    <row r="11771" spans="1:9">
      <c r="A11771" s="1">
        <v>0.17785505473189411</v>
      </c>
      <c r="B11771" s="1"/>
      <c r="C11771">
        <v>9</v>
      </c>
      <c r="D11771" t="s">
        <v>28367</v>
      </c>
      <c r="E11771" t="s">
        <v>34294</v>
      </c>
      <c r="F11771">
        <v>4</v>
      </c>
      <c r="G11771" t="s">
        <v>14</v>
      </c>
      <c r="H11771" t="s">
        <v>28368</v>
      </c>
      <c r="I11771" t="s">
        <v>30540</v>
      </c>
    </row>
    <row r="11772" spans="1:9">
      <c r="A11772" s="1">
        <v>0.84507743382976297</v>
      </c>
      <c r="B11772" s="1"/>
      <c r="C11772">
        <v>13</v>
      </c>
      <c r="D11772" t="s">
        <v>28369</v>
      </c>
      <c r="E11772" t="s">
        <v>34294</v>
      </c>
      <c r="F11772">
        <v>3</v>
      </c>
      <c r="G11772" t="s">
        <v>1</v>
      </c>
      <c r="H11772" t="s">
        <v>28370</v>
      </c>
      <c r="I11772" t="s">
        <v>30540</v>
      </c>
    </row>
    <row r="11773" spans="1:9">
      <c r="A11773" s="1">
        <v>0.84493791454363754</v>
      </c>
      <c r="B11773" s="1"/>
      <c r="C11773">
        <v>15</v>
      </c>
      <c r="D11773" t="s">
        <v>28363</v>
      </c>
      <c r="E11773" t="s">
        <v>34295</v>
      </c>
      <c r="F11773">
        <v>5</v>
      </c>
      <c r="G11773" t="s">
        <v>14</v>
      </c>
      <c r="H11773" t="s">
        <v>28364</v>
      </c>
      <c r="I11773" t="s">
        <v>30540</v>
      </c>
    </row>
    <row r="11774" spans="1:9">
      <c r="A11774" s="1">
        <v>0.86255828846750471</v>
      </c>
      <c r="B11774" s="1"/>
      <c r="C11774">
        <v>11</v>
      </c>
      <c r="D11774" t="s">
        <v>28361</v>
      </c>
      <c r="E11774" t="s">
        <v>34295</v>
      </c>
      <c r="F11774">
        <v>4</v>
      </c>
      <c r="G11774" t="s">
        <v>14</v>
      </c>
      <c r="H11774" t="s">
        <v>28362</v>
      </c>
      <c r="I11774" t="s">
        <v>30540</v>
      </c>
    </row>
    <row r="11775" spans="1:9">
      <c r="A11775" s="1">
        <v>7.1794159273307456E-2</v>
      </c>
      <c r="B11775" s="1"/>
      <c r="C11775">
        <v>8</v>
      </c>
      <c r="D11775" t="s">
        <v>28357</v>
      </c>
      <c r="E11775" t="s">
        <v>34295</v>
      </c>
      <c r="F11775">
        <v>4</v>
      </c>
      <c r="G11775" t="s">
        <v>14</v>
      </c>
      <c r="H11775" t="s">
        <v>28358</v>
      </c>
      <c r="I11775" t="s">
        <v>30540</v>
      </c>
    </row>
    <row r="11776" spans="1:9">
      <c r="A11776" s="1">
        <v>0.71641814522244318</v>
      </c>
      <c r="B11776" s="1"/>
      <c r="C11776">
        <v>10</v>
      </c>
      <c r="D11776" t="s">
        <v>28359</v>
      </c>
      <c r="E11776" t="s">
        <v>34295</v>
      </c>
      <c r="F11776">
        <v>4</v>
      </c>
      <c r="G11776" t="s">
        <v>14</v>
      </c>
      <c r="H11776" t="s">
        <v>28360</v>
      </c>
      <c r="I11776" t="s">
        <v>30540</v>
      </c>
    </row>
    <row r="11777" spans="1:9">
      <c r="A11777" s="1">
        <v>0.31180989476729126</v>
      </c>
      <c r="B11777" s="1"/>
      <c r="C11777">
        <v>19</v>
      </c>
      <c r="D11777" t="s">
        <v>28355</v>
      </c>
      <c r="E11777" t="s">
        <v>34296</v>
      </c>
      <c r="F11777">
        <v>5</v>
      </c>
      <c r="G11777" t="s">
        <v>14</v>
      </c>
      <c r="H11777" t="s">
        <v>28356</v>
      </c>
      <c r="I11777" t="s">
        <v>30540</v>
      </c>
    </row>
    <row r="11778" spans="1:9">
      <c r="A11778" s="1">
        <v>0.83722587908210888</v>
      </c>
      <c r="B11778" s="1"/>
      <c r="C11778">
        <v>8</v>
      </c>
      <c r="D11778" t="s">
        <v>28349</v>
      </c>
      <c r="E11778" t="s">
        <v>34296</v>
      </c>
      <c r="F11778">
        <v>4</v>
      </c>
      <c r="G11778" t="s">
        <v>15</v>
      </c>
      <c r="H11778" t="s">
        <v>28350</v>
      </c>
      <c r="I11778" t="s">
        <v>30540</v>
      </c>
    </row>
    <row r="11779" spans="1:9">
      <c r="A11779" s="1">
        <v>0.81488094771462727</v>
      </c>
      <c r="B11779" s="1"/>
      <c r="C11779">
        <v>4</v>
      </c>
      <c r="D11779" t="s">
        <v>28347</v>
      </c>
      <c r="E11779" t="s">
        <v>34296</v>
      </c>
      <c r="F11779">
        <v>4</v>
      </c>
      <c r="G11779" t="s">
        <v>10</v>
      </c>
      <c r="H11779" t="s">
        <v>28348</v>
      </c>
      <c r="I11779" t="s">
        <v>30540</v>
      </c>
    </row>
    <row r="11780" spans="1:9">
      <c r="A11780" s="1">
        <v>0.1639137181162974</v>
      </c>
      <c r="B11780" s="1"/>
      <c r="C11780">
        <v>17</v>
      </c>
      <c r="D11780" t="s">
        <v>28353</v>
      </c>
      <c r="E11780" t="s">
        <v>34296</v>
      </c>
      <c r="F11780">
        <v>4</v>
      </c>
      <c r="G11780" t="s">
        <v>14</v>
      </c>
      <c r="H11780" t="s">
        <v>28354</v>
      </c>
      <c r="I11780" t="s">
        <v>30540</v>
      </c>
    </row>
    <row r="11781" spans="1:9">
      <c r="A11781" s="1">
        <v>0.57310502605775393</v>
      </c>
      <c r="B11781" s="1"/>
      <c r="C11781">
        <v>9</v>
      </c>
      <c r="D11781" t="s">
        <v>28351</v>
      </c>
      <c r="E11781" t="s">
        <v>34296</v>
      </c>
      <c r="F11781">
        <v>4</v>
      </c>
      <c r="G11781" t="s">
        <v>1</v>
      </c>
      <c r="H11781" t="s">
        <v>28352</v>
      </c>
      <c r="I11781" t="s">
        <v>30540</v>
      </c>
    </row>
    <row r="11782" spans="1:9">
      <c r="A11782" s="1">
        <v>0.57493164745230496</v>
      </c>
      <c r="B11782" s="1"/>
      <c r="C11782">
        <v>19</v>
      </c>
      <c r="D11782" t="s">
        <v>28343</v>
      </c>
      <c r="E11782" t="s">
        <v>34297</v>
      </c>
      <c r="F11782">
        <v>5</v>
      </c>
      <c r="G11782" t="s">
        <v>14</v>
      </c>
      <c r="H11782" t="s">
        <v>28344</v>
      </c>
      <c r="I11782" t="s">
        <v>30540</v>
      </c>
    </row>
    <row r="11783" spans="1:9">
      <c r="A11783" s="1">
        <v>0.74431226924866911</v>
      </c>
      <c r="B11783" s="1"/>
      <c r="C11783">
        <v>5</v>
      </c>
      <c r="D11783" t="s">
        <v>28337</v>
      </c>
      <c r="E11783" t="s">
        <v>34297</v>
      </c>
      <c r="F11783">
        <v>5</v>
      </c>
      <c r="G11783" t="s">
        <v>14</v>
      </c>
      <c r="H11783" t="s">
        <v>28338</v>
      </c>
      <c r="I11783" t="s">
        <v>30540</v>
      </c>
    </row>
    <row r="11784" spans="1:9">
      <c r="A11784" s="1">
        <v>0.73575925460814739</v>
      </c>
      <c r="B11784" s="1"/>
      <c r="C11784">
        <v>11</v>
      </c>
      <c r="D11784" t="s">
        <v>28341</v>
      </c>
      <c r="E11784" t="s">
        <v>34297</v>
      </c>
      <c r="F11784">
        <v>4</v>
      </c>
      <c r="G11784" t="s">
        <v>10</v>
      </c>
      <c r="H11784" t="s">
        <v>28342</v>
      </c>
      <c r="I11784" t="s">
        <v>30540</v>
      </c>
    </row>
    <row r="11785" spans="1:9">
      <c r="A11785" s="1">
        <v>0.67919169272517232</v>
      </c>
      <c r="B11785" s="1"/>
      <c r="C11785">
        <v>6</v>
      </c>
      <c r="D11785" t="s">
        <v>28339</v>
      </c>
      <c r="E11785" t="s">
        <v>34297</v>
      </c>
      <c r="F11785">
        <v>4</v>
      </c>
      <c r="G11785" t="s">
        <v>2</v>
      </c>
      <c r="H11785" t="s">
        <v>28340</v>
      </c>
      <c r="I11785" t="s">
        <v>30540</v>
      </c>
    </row>
    <row r="11786" spans="1:9">
      <c r="A11786" s="1">
        <v>0.98476267611649049</v>
      </c>
      <c r="B11786" s="1"/>
      <c r="C11786">
        <v>20</v>
      </c>
      <c r="D11786" t="s">
        <v>28345</v>
      </c>
      <c r="E11786" t="s">
        <v>34297</v>
      </c>
      <c r="F11786">
        <v>4</v>
      </c>
      <c r="G11786" t="s">
        <v>2738</v>
      </c>
      <c r="H11786" t="s">
        <v>28346</v>
      </c>
      <c r="I11786" t="s">
        <v>30540</v>
      </c>
    </row>
    <row r="11787" spans="1:9">
      <c r="A11787" s="1">
        <v>0.17692360318652345</v>
      </c>
      <c r="B11787" s="1"/>
      <c r="C11787">
        <v>6</v>
      </c>
      <c r="D11787" t="s">
        <v>28327</v>
      </c>
      <c r="E11787" t="s">
        <v>34298</v>
      </c>
      <c r="F11787">
        <v>5</v>
      </c>
      <c r="G11787" t="s">
        <v>10</v>
      </c>
      <c r="H11787" t="s">
        <v>28328</v>
      </c>
      <c r="I11787" t="s">
        <v>30540</v>
      </c>
    </row>
    <row r="11788" spans="1:9">
      <c r="A11788" s="1">
        <v>0.36706649399235836</v>
      </c>
      <c r="B11788" s="1"/>
      <c r="C11788">
        <v>11</v>
      </c>
      <c r="D11788" t="s">
        <v>28329</v>
      </c>
      <c r="E11788" t="s">
        <v>34298</v>
      </c>
      <c r="F11788">
        <v>5</v>
      </c>
      <c r="G11788" t="s">
        <v>10</v>
      </c>
      <c r="H11788" t="s">
        <v>28330</v>
      </c>
      <c r="I11788" t="s">
        <v>30540</v>
      </c>
    </row>
    <row r="11789" spans="1:9">
      <c r="A11789" s="1">
        <v>0.51105276655826071</v>
      </c>
      <c r="B11789" s="1"/>
      <c r="C11789">
        <v>15</v>
      </c>
      <c r="D11789" t="s">
        <v>28333</v>
      </c>
      <c r="E11789" t="s">
        <v>34298</v>
      </c>
      <c r="F11789">
        <v>4</v>
      </c>
      <c r="G11789" t="s">
        <v>10</v>
      </c>
      <c r="H11789" t="s">
        <v>28334</v>
      </c>
      <c r="I11789" t="s">
        <v>30540</v>
      </c>
    </row>
    <row r="11790" spans="1:9">
      <c r="A11790" s="1">
        <v>0.51899646929204057</v>
      </c>
      <c r="B11790" s="1"/>
      <c r="C11790">
        <v>17</v>
      </c>
      <c r="D11790" t="s">
        <v>28335</v>
      </c>
      <c r="E11790" t="s">
        <v>34298</v>
      </c>
      <c r="F11790">
        <v>4</v>
      </c>
      <c r="G11790" t="s">
        <v>0</v>
      </c>
      <c r="H11790" t="s">
        <v>28336</v>
      </c>
      <c r="I11790" t="s">
        <v>30540</v>
      </c>
    </row>
    <row r="11791" spans="1:9">
      <c r="A11791" s="1">
        <v>0.89849624054024713</v>
      </c>
      <c r="B11791" s="1"/>
      <c r="C11791">
        <v>13</v>
      </c>
      <c r="D11791" t="s">
        <v>28331</v>
      </c>
      <c r="E11791" t="s">
        <v>34298</v>
      </c>
      <c r="F11791">
        <v>3</v>
      </c>
      <c r="G11791" t="s">
        <v>0</v>
      </c>
      <c r="H11791" t="s">
        <v>28332</v>
      </c>
      <c r="I11791" t="s">
        <v>30540</v>
      </c>
    </row>
    <row r="11792" spans="1:9">
      <c r="A11792" s="1">
        <v>0.66445459197897339</v>
      </c>
      <c r="B11792" s="1"/>
      <c r="C11792">
        <v>14</v>
      </c>
      <c r="D11792" t="s">
        <v>28323</v>
      </c>
      <c r="E11792" t="s">
        <v>34299</v>
      </c>
      <c r="F11792">
        <v>4</v>
      </c>
      <c r="G11792" t="s">
        <v>14</v>
      </c>
      <c r="H11792" t="s">
        <v>28324</v>
      </c>
      <c r="I11792" t="s">
        <v>30540</v>
      </c>
    </row>
    <row r="11793" spans="1:9">
      <c r="A11793" s="1">
        <v>7.3454256586710009E-2</v>
      </c>
      <c r="B11793" s="1"/>
      <c r="C11793">
        <v>8</v>
      </c>
      <c r="D11793" t="s">
        <v>28321</v>
      </c>
      <c r="E11793" t="s">
        <v>34299</v>
      </c>
      <c r="F11793">
        <v>4</v>
      </c>
      <c r="G11793" t="s">
        <v>14</v>
      </c>
      <c r="H11793" t="s">
        <v>28322</v>
      </c>
      <c r="I11793" t="s">
        <v>30540</v>
      </c>
    </row>
    <row r="11794" spans="1:9">
      <c r="A11794" s="1">
        <v>0.53533115905015316</v>
      </c>
      <c r="B11794" s="1"/>
      <c r="C11794">
        <v>3</v>
      </c>
      <c r="D11794" t="s">
        <v>28319</v>
      </c>
      <c r="E11794" t="s">
        <v>34299</v>
      </c>
      <c r="F11794">
        <v>4</v>
      </c>
      <c r="G11794" t="s">
        <v>15</v>
      </c>
      <c r="H11794" t="s">
        <v>28320</v>
      </c>
      <c r="I11794" t="s">
        <v>30540</v>
      </c>
    </row>
    <row r="11795" spans="1:9">
      <c r="A11795" s="1">
        <v>0.66942947059921498</v>
      </c>
      <c r="B11795" s="1"/>
      <c r="C11795">
        <v>15</v>
      </c>
      <c r="D11795" t="s">
        <v>28325</v>
      </c>
      <c r="E11795" t="s">
        <v>34299</v>
      </c>
      <c r="F11795">
        <v>4</v>
      </c>
      <c r="G11795" t="s">
        <v>14</v>
      </c>
      <c r="H11795" t="s">
        <v>28326</v>
      </c>
      <c r="I11795" t="s">
        <v>30540</v>
      </c>
    </row>
    <row r="11796" spans="1:9">
      <c r="A11796" s="1">
        <v>0.73407735488107706</v>
      </c>
      <c r="B11796" s="1"/>
      <c r="C11796">
        <v>8</v>
      </c>
      <c r="D11796" t="s">
        <v>28315</v>
      </c>
      <c r="E11796" t="s">
        <v>34300</v>
      </c>
      <c r="F11796">
        <v>5</v>
      </c>
      <c r="G11796" t="s">
        <v>15</v>
      </c>
      <c r="H11796" t="s">
        <v>28316</v>
      </c>
      <c r="I11796" t="s">
        <v>30540</v>
      </c>
    </row>
    <row r="11797" spans="1:9">
      <c r="A11797" s="1">
        <v>0.42382187901709667</v>
      </c>
      <c r="B11797" s="1"/>
      <c r="C11797">
        <v>4</v>
      </c>
      <c r="D11797" t="s">
        <v>28313</v>
      </c>
      <c r="E11797" t="s">
        <v>34300</v>
      </c>
      <c r="F11797">
        <v>4</v>
      </c>
      <c r="G11797" t="s">
        <v>15</v>
      </c>
      <c r="H11797" t="s">
        <v>28314</v>
      </c>
      <c r="I11797" t="s">
        <v>30540</v>
      </c>
    </row>
    <row r="11798" spans="1:9">
      <c r="A11798" s="1">
        <v>0.69643717633769131</v>
      </c>
      <c r="B11798" s="1"/>
      <c r="C11798">
        <v>9</v>
      </c>
      <c r="D11798" t="s">
        <v>28309</v>
      </c>
      <c r="E11798" t="s">
        <v>34301</v>
      </c>
      <c r="F11798">
        <v>4</v>
      </c>
      <c r="G11798" t="s">
        <v>14</v>
      </c>
      <c r="H11798" t="s">
        <v>28310</v>
      </c>
      <c r="I11798" t="s">
        <v>30540</v>
      </c>
    </row>
    <row r="11799" spans="1:9">
      <c r="A11799" s="1">
        <v>0.7906951606086251</v>
      </c>
      <c r="B11799" s="1"/>
      <c r="C11799">
        <v>3</v>
      </c>
      <c r="D11799" t="s">
        <v>28307</v>
      </c>
      <c r="E11799" t="s">
        <v>34301</v>
      </c>
      <c r="F11799">
        <v>4</v>
      </c>
      <c r="G11799" t="s">
        <v>14</v>
      </c>
      <c r="H11799" t="s">
        <v>28308</v>
      </c>
      <c r="I11799" t="s">
        <v>30540</v>
      </c>
    </row>
    <row r="11800" spans="1:9">
      <c r="A11800" s="1">
        <v>0.81832488224104538</v>
      </c>
      <c r="B11800" s="1"/>
      <c r="C11800">
        <v>2</v>
      </c>
      <c r="D11800" t="s">
        <v>28305</v>
      </c>
      <c r="E11800" t="s">
        <v>34301</v>
      </c>
      <c r="F11800">
        <v>4</v>
      </c>
      <c r="G11800" t="s">
        <v>1</v>
      </c>
      <c r="H11800" t="s">
        <v>28306</v>
      </c>
      <c r="I11800" t="s">
        <v>30540</v>
      </c>
    </row>
    <row r="11801" spans="1:9">
      <c r="A11801" s="1">
        <v>0.53863146292120034</v>
      </c>
      <c r="B11801" s="1"/>
      <c r="C11801">
        <v>12</v>
      </c>
      <c r="D11801" t="s">
        <v>28311</v>
      </c>
      <c r="E11801" t="s">
        <v>34301</v>
      </c>
      <c r="F11801">
        <v>4</v>
      </c>
      <c r="G11801" t="s">
        <v>14</v>
      </c>
      <c r="H11801" t="s">
        <v>28312</v>
      </c>
      <c r="I11801" t="s">
        <v>30540</v>
      </c>
    </row>
    <row r="11802" spans="1:9">
      <c r="A11802" s="1">
        <v>0.44682562205906962</v>
      </c>
      <c r="B11802" s="1"/>
      <c r="C11802">
        <v>19</v>
      </c>
      <c r="D11802" t="s">
        <v>28303</v>
      </c>
      <c r="E11802" t="s">
        <v>34302</v>
      </c>
      <c r="F11802">
        <v>4</v>
      </c>
      <c r="G11802" t="s">
        <v>2738</v>
      </c>
      <c r="H11802" t="s">
        <v>28304</v>
      </c>
      <c r="I11802" t="s">
        <v>30540</v>
      </c>
    </row>
    <row r="11803" spans="1:9">
      <c r="A11803" s="1">
        <v>0.61478452422581165</v>
      </c>
      <c r="B11803" s="1"/>
      <c r="C11803">
        <v>15</v>
      </c>
      <c r="D11803" t="s">
        <v>28301</v>
      </c>
      <c r="E11803" t="s">
        <v>34302</v>
      </c>
      <c r="F11803">
        <v>4</v>
      </c>
      <c r="G11803" t="s">
        <v>2229</v>
      </c>
      <c r="H11803" t="s">
        <v>28302</v>
      </c>
      <c r="I11803" t="s">
        <v>30540</v>
      </c>
    </row>
    <row r="11804" spans="1:9">
      <c r="A11804" s="1">
        <v>8.6982850273084722E-2</v>
      </c>
      <c r="B11804" s="1"/>
      <c r="C11804">
        <v>13</v>
      </c>
      <c r="D11804" t="s">
        <v>28299</v>
      </c>
      <c r="E11804" t="s">
        <v>34302</v>
      </c>
      <c r="F11804">
        <v>4</v>
      </c>
      <c r="G11804" t="s">
        <v>15</v>
      </c>
      <c r="H11804" t="s">
        <v>28300</v>
      </c>
      <c r="I11804" t="s">
        <v>30540</v>
      </c>
    </row>
    <row r="11805" spans="1:9">
      <c r="A11805" s="1">
        <v>0.20890892892229229</v>
      </c>
      <c r="B11805" s="1"/>
      <c r="C11805">
        <v>7</v>
      </c>
      <c r="D11805" t="s">
        <v>28295</v>
      </c>
      <c r="E11805" t="s">
        <v>34302</v>
      </c>
      <c r="F11805">
        <v>4</v>
      </c>
      <c r="G11805" t="s">
        <v>9</v>
      </c>
      <c r="H11805" t="s">
        <v>28296</v>
      </c>
      <c r="I11805" t="s">
        <v>30540</v>
      </c>
    </row>
    <row r="11806" spans="1:9">
      <c r="A11806" s="1">
        <v>0.63887555200877721</v>
      </c>
      <c r="B11806" s="1"/>
      <c r="C11806">
        <v>2</v>
      </c>
      <c r="D11806" t="s">
        <v>28293</v>
      </c>
      <c r="E11806" t="s">
        <v>34302</v>
      </c>
      <c r="F11806">
        <v>4</v>
      </c>
      <c r="G11806" t="s">
        <v>10</v>
      </c>
      <c r="H11806" t="s">
        <v>28294</v>
      </c>
      <c r="I11806" t="s">
        <v>30540</v>
      </c>
    </row>
    <row r="11807" spans="1:9">
      <c r="A11807" s="1">
        <v>0.18978524977487798</v>
      </c>
      <c r="B11807" s="1"/>
      <c r="C11807">
        <v>9</v>
      </c>
      <c r="D11807" t="s">
        <v>28297</v>
      </c>
      <c r="E11807" t="s">
        <v>34302</v>
      </c>
      <c r="F11807">
        <v>4</v>
      </c>
      <c r="G11807" t="s">
        <v>1295</v>
      </c>
      <c r="H11807" t="s">
        <v>28298</v>
      </c>
      <c r="I11807" t="s">
        <v>30540</v>
      </c>
    </row>
    <row r="11808" spans="1:9">
      <c r="A11808" s="1">
        <v>0.93662916002082919</v>
      </c>
      <c r="B11808" s="1"/>
      <c r="C11808">
        <v>10</v>
      </c>
      <c r="D11808" t="s">
        <v>28289</v>
      </c>
      <c r="E11808" t="s">
        <v>34303</v>
      </c>
      <c r="F11808">
        <v>4</v>
      </c>
      <c r="G11808" t="s">
        <v>14</v>
      </c>
      <c r="H11808" t="s">
        <v>28290</v>
      </c>
      <c r="I11808" t="s">
        <v>30540</v>
      </c>
    </row>
    <row r="11809" spans="1:9">
      <c r="A11809" s="1">
        <v>0.27782118053190041</v>
      </c>
      <c r="B11809" s="1"/>
      <c r="C11809">
        <v>16</v>
      </c>
      <c r="D11809" t="s">
        <v>28291</v>
      </c>
      <c r="E11809" t="s">
        <v>34303</v>
      </c>
      <c r="F11809">
        <v>4</v>
      </c>
      <c r="G11809" t="s">
        <v>9</v>
      </c>
      <c r="H11809" t="s">
        <v>28292</v>
      </c>
      <c r="I11809" t="s">
        <v>30540</v>
      </c>
    </row>
    <row r="11810" spans="1:9">
      <c r="A11810" s="1">
        <v>0.9611191892348806</v>
      </c>
      <c r="B11810" s="1"/>
      <c r="C11810">
        <v>16</v>
      </c>
      <c r="D11810" t="s">
        <v>28285</v>
      </c>
      <c r="E11810" t="s">
        <v>34304</v>
      </c>
      <c r="F11810">
        <v>4</v>
      </c>
      <c r="G11810" t="s">
        <v>14</v>
      </c>
      <c r="H11810" t="s">
        <v>28286</v>
      </c>
      <c r="I11810" t="s">
        <v>30540</v>
      </c>
    </row>
    <row r="11811" spans="1:9">
      <c r="A11811" s="1">
        <v>0.39687522895307858</v>
      </c>
      <c r="B11811" s="1"/>
      <c r="C11811">
        <v>10</v>
      </c>
      <c r="D11811" t="s">
        <v>28281</v>
      </c>
      <c r="E11811" t="s">
        <v>34304</v>
      </c>
      <c r="F11811">
        <v>4</v>
      </c>
      <c r="G11811" t="s">
        <v>14</v>
      </c>
      <c r="H11811" t="s">
        <v>28282</v>
      </c>
      <c r="I11811" t="s">
        <v>30540</v>
      </c>
    </row>
    <row r="11812" spans="1:9">
      <c r="A11812" s="1">
        <v>0.22820015579683128</v>
      </c>
      <c r="B11812" s="1"/>
      <c r="C11812">
        <v>20</v>
      </c>
      <c r="D11812" t="s">
        <v>28287</v>
      </c>
      <c r="E11812" t="s">
        <v>34304</v>
      </c>
      <c r="F11812">
        <v>4</v>
      </c>
      <c r="G11812" t="s">
        <v>15</v>
      </c>
      <c r="H11812" t="s">
        <v>28288</v>
      </c>
      <c r="I11812" t="s">
        <v>30540</v>
      </c>
    </row>
    <row r="11813" spans="1:9">
      <c r="A11813" s="1">
        <v>0.28991997465812736</v>
      </c>
      <c r="B11813" s="1"/>
      <c r="C11813">
        <v>9</v>
      </c>
      <c r="D11813" t="s">
        <v>28279</v>
      </c>
      <c r="E11813" t="s">
        <v>34304</v>
      </c>
      <c r="F11813">
        <v>4</v>
      </c>
      <c r="G11813" t="s">
        <v>14</v>
      </c>
      <c r="H11813" t="s">
        <v>28280</v>
      </c>
      <c r="I11813" t="s">
        <v>30540</v>
      </c>
    </row>
    <row r="11814" spans="1:9">
      <c r="A11814" s="1">
        <v>0.86135966149052401</v>
      </c>
      <c r="B11814" s="1"/>
      <c r="C11814">
        <v>14</v>
      </c>
      <c r="D11814" t="s">
        <v>28283</v>
      </c>
      <c r="E11814" t="s">
        <v>34304</v>
      </c>
      <c r="F11814">
        <v>4</v>
      </c>
      <c r="G11814" t="s">
        <v>14</v>
      </c>
      <c r="H11814" t="s">
        <v>28284</v>
      </c>
      <c r="I11814" t="s">
        <v>30540</v>
      </c>
    </row>
    <row r="11815" spans="1:9">
      <c r="A11815" s="1">
        <v>0.1546659972484673</v>
      </c>
      <c r="B11815" s="1"/>
      <c r="C11815">
        <v>11</v>
      </c>
      <c r="D11815" t="s">
        <v>28275</v>
      </c>
      <c r="E11815" t="s">
        <v>34306</v>
      </c>
      <c r="F11815">
        <v>4</v>
      </c>
      <c r="G11815" t="s">
        <v>14</v>
      </c>
      <c r="H11815" t="s">
        <v>28276</v>
      </c>
      <c r="I11815" t="s">
        <v>30540</v>
      </c>
    </row>
    <row r="11816" spans="1:9">
      <c r="A11816" s="1">
        <v>1.900801849889977E-2</v>
      </c>
      <c r="B11816" s="1"/>
      <c r="C11816">
        <v>10</v>
      </c>
      <c r="D11816" t="s">
        <v>28273</v>
      </c>
      <c r="E11816" t="s">
        <v>34306</v>
      </c>
      <c r="F11816">
        <v>4</v>
      </c>
      <c r="G11816" t="s">
        <v>14</v>
      </c>
      <c r="H11816" t="s">
        <v>28274</v>
      </c>
      <c r="I11816" t="s">
        <v>30540</v>
      </c>
    </row>
    <row r="11817" spans="1:9">
      <c r="A11817" s="1">
        <v>0.72769724922843482</v>
      </c>
      <c r="B11817" s="1"/>
      <c r="C11817">
        <v>19</v>
      </c>
      <c r="D11817" t="s">
        <v>28271</v>
      </c>
      <c r="E11817" t="s">
        <v>34307</v>
      </c>
      <c r="F11817">
        <v>5</v>
      </c>
      <c r="G11817" t="s">
        <v>2229</v>
      </c>
      <c r="H11817" t="s">
        <v>28272</v>
      </c>
      <c r="I11817" t="s">
        <v>30540</v>
      </c>
    </row>
    <row r="11818" spans="1:9">
      <c r="A11818" s="1">
        <v>0.36183263963547352</v>
      </c>
      <c r="B11818" s="1"/>
      <c r="C11818">
        <v>14</v>
      </c>
      <c r="D11818" t="s">
        <v>28267</v>
      </c>
      <c r="E11818" t="s">
        <v>34307</v>
      </c>
      <c r="F11818">
        <v>3</v>
      </c>
      <c r="G11818" t="s">
        <v>14</v>
      </c>
      <c r="H11818" t="s">
        <v>28268</v>
      </c>
      <c r="I11818" t="s">
        <v>30540</v>
      </c>
    </row>
    <row r="11819" spans="1:9">
      <c r="A11819" s="1">
        <v>0.13551930475987206</v>
      </c>
      <c r="B11819" s="1"/>
      <c r="C11819">
        <v>18</v>
      </c>
      <c r="D11819" t="s">
        <v>28269</v>
      </c>
      <c r="E11819" t="s">
        <v>34307</v>
      </c>
      <c r="F11819">
        <v>3</v>
      </c>
      <c r="G11819" t="s">
        <v>14</v>
      </c>
      <c r="H11819" t="s">
        <v>28270</v>
      </c>
      <c r="I11819" t="s">
        <v>30540</v>
      </c>
    </row>
    <row r="11820" spans="1:9">
      <c r="A11820" s="1">
        <v>0.59989357142252708</v>
      </c>
      <c r="B11820" s="1"/>
      <c r="C11820">
        <v>18</v>
      </c>
      <c r="D11820" t="s">
        <v>28263</v>
      </c>
      <c r="E11820" t="s">
        <v>34308</v>
      </c>
      <c r="F11820">
        <v>5</v>
      </c>
      <c r="G11820" t="s">
        <v>14</v>
      </c>
      <c r="H11820" t="s">
        <v>28264</v>
      </c>
      <c r="I11820" t="s">
        <v>30540</v>
      </c>
    </row>
    <row r="11821" spans="1:9">
      <c r="A11821" s="1">
        <v>0.67545730418550065</v>
      </c>
      <c r="B11821" s="1"/>
      <c r="C11821">
        <v>15</v>
      </c>
      <c r="D11821" t="s">
        <v>28259</v>
      </c>
      <c r="E11821" t="s">
        <v>34308</v>
      </c>
      <c r="F11821">
        <v>4</v>
      </c>
      <c r="G11821" t="s">
        <v>14</v>
      </c>
      <c r="H11821" t="s">
        <v>28260</v>
      </c>
      <c r="I11821" t="s">
        <v>30540</v>
      </c>
    </row>
    <row r="11822" spans="1:9">
      <c r="A11822" s="1">
        <v>0.15721770104727351</v>
      </c>
      <c r="B11822" s="1"/>
      <c r="C11822">
        <v>2</v>
      </c>
      <c r="D11822" t="s">
        <v>28257</v>
      </c>
      <c r="E11822" t="s">
        <v>34308</v>
      </c>
      <c r="F11822">
        <v>4</v>
      </c>
      <c r="G11822" t="s">
        <v>14</v>
      </c>
      <c r="H11822" t="s">
        <v>28258</v>
      </c>
      <c r="I11822" t="s">
        <v>30540</v>
      </c>
    </row>
    <row r="11823" spans="1:9">
      <c r="A11823" s="1">
        <v>0.78768691063380358</v>
      </c>
      <c r="B11823" s="1"/>
      <c r="C11823">
        <v>17</v>
      </c>
      <c r="D11823" t="s">
        <v>28261</v>
      </c>
      <c r="E11823" t="s">
        <v>34308</v>
      </c>
      <c r="F11823">
        <v>4</v>
      </c>
      <c r="G11823" t="s">
        <v>14</v>
      </c>
      <c r="H11823" t="s">
        <v>28262</v>
      </c>
      <c r="I11823" t="s">
        <v>30540</v>
      </c>
    </row>
    <row r="11824" spans="1:9">
      <c r="A11824" s="1">
        <v>0.62497893203071742</v>
      </c>
      <c r="B11824" s="1"/>
      <c r="C11824">
        <v>20</v>
      </c>
      <c r="D11824" t="s">
        <v>28255</v>
      </c>
      <c r="E11824" t="s">
        <v>34309</v>
      </c>
      <c r="F11824">
        <v>4</v>
      </c>
      <c r="G11824" t="s">
        <v>14</v>
      </c>
      <c r="H11824" t="s">
        <v>28256</v>
      </c>
      <c r="I11824" t="s">
        <v>30540</v>
      </c>
    </row>
    <row r="11825" spans="1:9">
      <c r="A11825" s="1">
        <v>0.85221944015671647</v>
      </c>
      <c r="B11825" s="1"/>
      <c r="C11825">
        <v>1</v>
      </c>
      <c r="D11825" t="s">
        <v>28249</v>
      </c>
      <c r="E11825" t="s">
        <v>34309</v>
      </c>
      <c r="F11825">
        <v>4</v>
      </c>
      <c r="G11825" t="s">
        <v>9</v>
      </c>
      <c r="H11825" t="s">
        <v>28250</v>
      </c>
      <c r="I11825" t="s">
        <v>30540</v>
      </c>
    </row>
    <row r="11826" spans="1:9">
      <c r="A11826" s="1">
        <v>0.74277053109032598</v>
      </c>
      <c r="B11826" s="1"/>
      <c r="C11826">
        <v>18</v>
      </c>
      <c r="D11826" t="s">
        <v>28253</v>
      </c>
      <c r="E11826" t="s">
        <v>34309</v>
      </c>
      <c r="F11826">
        <v>4</v>
      </c>
      <c r="G11826" t="s">
        <v>14</v>
      </c>
      <c r="H11826" t="s">
        <v>28254</v>
      </c>
      <c r="I11826" t="s">
        <v>30540</v>
      </c>
    </row>
    <row r="11827" spans="1:9">
      <c r="A11827" s="1">
        <v>0.72138103877440563</v>
      </c>
      <c r="B11827" s="1"/>
      <c r="C11827">
        <v>14</v>
      </c>
      <c r="D11827" t="s">
        <v>28251</v>
      </c>
      <c r="E11827" t="s">
        <v>34309</v>
      </c>
      <c r="F11827">
        <v>4</v>
      </c>
      <c r="G11827" t="s">
        <v>14</v>
      </c>
      <c r="H11827" t="s">
        <v>28252</v>
      </c>
      <c r="I11827" t="s">
        <v>30540</v>
      </c>
    </row>
    <row r="11828" spans="1:9">
      <c r="A11828" s="1">
        <v>0.86872906803495886</v>
      </c>
      <c r="B11828" s="1"/>
      <c r="C11828">
        <v>15</v>
      </c>
      <c r="D11828" t="s">
        <v>28243</v>
      </c>
      <c r="E11828" t="s">
        <v>34310</v>
      </c>
      <c r="F11828">
        <v>5</v>
      </c>
      <c r="G11828" t="s">
        <v>14</v>
      </c>
      <c r="H11828" t="s">
        <v>28244</v>
      </c>
      <c r="I11828" t="s">
        <v>30540</v>
      </c>
    </row>
    <row r="11829" spans="1:9">
      <c r="A11829" s="1">
        <v>0.25023492607040076</v>
      </c>
      <c r="B11829" s="1"/>
      <c r="C11829">
        <v>17</v>
      </c>
      <c r="D11829" t="s">
        <v>28245</v>
      </c>
      <c r="E11829" t="s">
        <v>34310</v>
      </c>
      <c r="F11829">
        <v>4</v>
      </c>
      <c r="G11829" t="s">
        <v>14</v>
      </c>
      <c r="H11829" t="s">
        <v>28246</v>
      </c>
      <c r="I11829" t="s">
        <v>30540</v>
      </c>
    </row>
    <row r="11830" spans="1:9">
      <c r="A11830" s="1">
        <v>0.51730906838552693</v>
      </c>
      <c r="B11830" s="1"/>
      <c r="C11830">
        <v>12</v>
      </c>
      <c r="D11830" t="s">
        <v>28237</v>
      </c>
      <c r="E11830" t="s">
        <v>34311</v>
      </c>
      <c r="F11830">
        <v>4</v>
      </c>
      <c r="G11830" t="s">
        <v>766</v>
      </c>
      <c r="H11830" t="s">
        <v>28238</v>
      </c>
      <c r="I11830" t="s">
        <v>30540</v>
      </c>
    </row>
    <row r="11831" spans="1:9">
      <c r="A11831" s="1">
        <v>0.91918345418499903</v>
      </c>
      <c r="B11831" s="1"/>
      <c r="C11831">
        <v>7</v>
      </c>
      <c r="D11831" t="s">
        <v>28235</v>
      </c>
      <c r="E11831" t="s">
        <v>34311</v>
      </c>
      <c r="F11831">
        <v>4</v>
      </c>
      <c r="G11831" t="s">
        <v>9</v>
      </c>
      <c r="H11831" t="s">
        <v>28236</v>
      </c>
      <c r="I11831" t="s">
        <v>30540</v>
      </c>
    </row>
    <row r="11832" spans="1:9">
      <c r="A11832" s="1">
        <v>0.29062685818777412</v>
      </c>
      <c r="B11832" s="1"/>
      <c r="C11832">
        <v>18</v>
      </c>
      <c r="D11832" t="s">
        <v>28241</v>
      </c>
      <c r="E11832" t="s">
        <v>34311</v>
      </c>
      <c r="F11832">
        <v>4</v>
      </c>
      <c r="G11832" t="s">
        <v>9</v>
      </c>
      <c r="H11832" t="s">
        <v>28242</v>
      </c>
      <c r="I11832" t="s">
        <v>30540</v>
      </c>
    </row>
    <row r="11833" spans="1:9">
      <c r="A11833" s="1">
        <v>0.97854523776686586</v>
      </c>
      <c r="B11833" s="1"/>
      <c r="C11833">
        <v>14</v>
      </c>
      <c r="D11833" t="s">
        <v>28239</v>
      </c>
      <c r="E11833" t="s">
        <v>34311</v>
      </c>
      <c r="F11833">
        <v>3</v>
      </c>
      <c r="G11833" t="s">
        <v>762</v>
      </c>
      <c r="H11833" t="s">
        <v>28240</v>
      </c>
      <c r="I11833" t="s">
        <v>30540</v>
      </c>
    </row>
    <row r="11834" spans="1:9">
      <c r="A11834" s="1">
        <v>0.51109173545159192</v>
      </c>
      <c r="B11834" s="1"/>
      <c r="C11834">
        <v>13</v>
      </c>
      <c r="D11834" t="s">
        <v>28229</v>
      </c>
      <c r="E11834" t="s">
        <v>34312</v>
      </c>
      <c r="F11834">
        <v>5</v>
      </c>
      <c r="G11834" t="s">
        <v>9</v>
      </c>
      <c r="H11834" t="s">
        <v>28230</v>
      </c>
      <c r="I11834" t="s">
        <v>30540</v>
      </c>
    </row>
    <row r="11835" spans="1:9">
      <c r="A11835" s="1">
        <v>0.88988989361335991</v>
      </c>
      <c r="B11835" s="1"/>
      <c r="C11835">
        <v>4</v>
      </c>
      <c r="D11835" t="s">
        <v>28223</v>
      </c>
      <c r="E11835" t="s">
        <v>34312</v>
      </c>
      <c r="F11835">
        <v>5</v>
      </c>
      <c r="G11835" t="s">
        <v>15</v>
      </c>
      <c r="H11835" t="s">
        <v>28224</v>
      </c>
      <c r="I11835" t="s">
        <v>30540</v>
      </c>
    </row>
    <row r="11836" spans="1:9">
      <c r="A11836" s="1">
        <v>0.83660512526418085</v>
      </c>
      <c r="B11836" s="1"/>
      <c r="C11836">
        <v>17</v>
      </c>
      <c r="D11836" t="s">
        <v>28233</v>
      </c>
      <c r="E11836" t="s">
        <v>34312</v>
      </c>
      <c r="F11836">
        <v>5</v>
      </c>
      <c r="G11836" t="s">
        <v>9</v>
      </c>
      <c r="H11836" t="s">
        <v>28234</v>
      </c>
      <c r="I11836" t="s">
        <v>30540</v>
      </c>
    </row>
    <row r="11837" spans="1:9">
      <c r="A11837" s="1">
        <v>0.18172412979495423</v>
      </c>
      <c r="B11837" s="1"/>
      <c r="C11837">
        <v>14</v>
      </c>
      <c r="D11837" t="s">
        <v>28231</v>
      </c>
      <c r="E11837" t="s">
        <v>34312</v>
      </c>
      <c r="F11837">
        <v>4</v>
      </c>
      <c r="G11837" t="s">
        <v>9</v>
      </c>
      <c r="H11837" t="s">
        <v>28232</v>
      </c>
      <c r="I11837" t="s">
        <v>30540</v>
      </c>
    </row>
    <row r="11838" spans="1:9">
      <c r="A11838" s="1">
        <v>0.17174684810527774</v>
      </c>
      <c r="B11838" s="1"/>
      <c r="C11838">
        <v>5</v>
      </c>
      <c r="D11838" t="s">
        <v>28225</v>
      </c>
      <c r="E11838" t="s">
        <v>34312</v>
      </c>
      <c r="F11838">
        <v>4</v>
      </c>
      <c r="G11838" t="s">
        <v>2</v>
      </c>
      <c r="H11838" t="s">
        <v>28226</v>
      </c>
      <c r="I11838" t="s">
        <v>30540</v>
      </c>
    </row>
    <row r="11839" spans="1:9">
      <c r="A11839" s="1">
        <v>0.94925212340837872</v>
      </c>
      <c r="B11839" s="1"/>
      <c r="C11839">
        <v>6</v>
      </c>
      <c r="D11839" t="s">
        <v>28227</v>
      </c>
      <c r="E11839" t="s">
        <v>34312</v>
      </c>
      <c r="F11839">
        <v>3</v>
      </c>
      <c r="G11839" t="s">
        <v>9</v>
      </c>
      <c r="H11839" t="s">
        <v>28228</v>
      </c>
      <c r="I11839" t="s">
        <v>30540</v>
      </c>
    </row>
    <row r="11840" spans="1:9">
      <c r="A11840" s="1">
        <v>0.79978776220912828</v>
      </c>
      <c r="B11840" s="1"/>
      <c r="C11840">
        <v>19</v>
      </c>
      <c r="D11840" t="s">
        <v>28221</v>
      </c>
      <c r="E11840" t="s">
        <v>34313</v>
      </c>
      <c r="F11840">
        <v>5</v>
      </c>
      <c r="G11840" t="s">
        <v>9</v>
      </c>
      <c r="H11840" t="s">
        <v>28222</v>
      </c>
      <c r="I11840" t="s">
        <v>30540</v>
      </c>
    </row>
    <row r="11841" spans="1:9">
      <c r="A11841" s="1">
        <v>0.56368936407375636</v>
      </c>
      <c r="B11841" s="1"/>
      <c r="C11841">
        <v>12</v>
      </c>
      <c r="D11841" t="s">
        <v>28217</v>
      </c>
      <c r="E11841" t="s">
        <v>34313</v>
      </c>
      <c r="F11841">
        <v>4</v>
      </c>
      <c r="G11841" t="s">
        <v>9</v>
      </c>
      <c r="H11841" t="s">
        <v>28218</v>
      </c>
      <c r="I11841" t="s">
        <v>30540</v>
      </c>
    </row>
    <row r="11842" spans="1:9">
      <c r="A11842" s="1">
        <v>0.23014569457636269</v>
      </c>
      <c r="B11842" s="1"/>
      <c r="C11842">
        <v>17</v>
      </c>
      <c r="D11842" t="s">
        <v>28219</v>
      </c>
      <c r="E11842" t="s">
        <v>34313</v>
      </c>
      <c r="F11842">
        <v>3</v>
      </c>
      <c r="G11842" t="s">
        <v>9</v>
      </c>
      <c r="H11842" t="s">
        <v>28220</v>
      </c>
      <c r="I11842" t="s">
        <v>30540</v>
      </c>
    </row>
    <row r="11843" spans="1:9">
      <c r="A11843" s="1">
        <v>0.91477456657020084</v>
      </c>
      <c r="B11843" s="1"/>
      <c r="C11843">
        <v>5</v>
      </c>
      <c r="D11843" t="s">
        <v>28209</v>
      </c>
      <c r="E11843" t="s">
        <v>34314</v>
      </c>
      <c r="F11843">
        <v>4</v>
      </c>
      <c r="G11843" t="s">
        <v>9</v>
      </c>
      <c r="H11843" t="s">
        <v>28210</v>
      </c>
      <c r="I11843" t="s">
        <v>30540</v>
      </c>
    </row>
    <row r="11844" spans="1:9">
      <c r="A11844" s="1">
        <v>0.44916229071360525</v>
      </c>
      <c r="B11844" s="1"/>
      <c r="C11844">
        <v>3</v>
      </c>
      <c r="D11844" t="s">
        <v>28207</v>
      </c>
      <c r="E11844" t="s">
        <v>34314</v>
      </c>
      <c r="F11844">
        <v>4</v>
      </c>
      <c r="G11844" t="s">
        <v>15</v>
      </c>
      <c r="H11844" t="s">
        <v>28208</v>
      </c>
      <c r="I11844" t="s">
        <v>30540</v>
      </c>
    </row>
    <row r="11845" spans="1:9">
      <c r="A11845" s="1">
        <v>2.4163902242468116E-2</v>
      </c>
      <c r="B11845" s="1"/>
      <c r="C11845">
        <v>8</v>
      </c>
      <c r="D11845" t="s">
        <v>28211</v>
      </c>
      <c r="E11845" t="s">
        <v>34314</v>
      </c>
      <c r="F11845">
        <v>4</v>
      </c>
      <c r="G11845" t="s">
        <v>15</v>
      </c>
      <c r="H11845" t="s">
        <v>28212</v>
      </c>
      <c r="I11845" t="s">
        <v>30540</v>
      </c>
    </row>
    <row r="11846" spans="1:9">
      <c r="A11846" s="1">
        <v>0.59796119581713048</v>
      </c>
      <c r="B11846" s="1"/>
      <c r="C11846">
        <v>2</v>
      </c>
      <c r="D11846" t="s">
        <v>28205</v>
      </c>
      <c r="E11846" t="s">
        <v>34314</v>
      </c>
      <c r="F11846">
        <v>4</v>
      </c>
      <c r="G11846" t="s">
        <v>9</v>
      </c>
      <c r="H11846" t="s">
        <v>28206</v>
      </c>
      <c r="I11846" t="s">
        <v>30540</v>
      </c>
    </row>
    <row r="11847" spans="1:9">
      <c r="A11847" s="1">
        <v>0.8853716095217149</v>
      </c>
      <c r="B11847" s="1"/>
      <c r="C11847">
        <v>12</v>
      </c>
      <c r="D11847" t="s">
        <v>28213</v>
      </c>
      <c r="E11847" t="s">
        <v>34314</v>
      </c>
      <c r="F11847">
        <v>4</v>
      </c>
      <c r="G11847" t="s">
        <v>10</v>
      </c>
      <c r="H11847" t="s">
        <v>28214</v>
      </c>
      <c r="I11847" t="s">
        <v>30540</v>
      </c>
    </row>
    <row r="11848" spans="1:9">
      <c r="A11848" s="1">
        <v>0.60471106054044921</v>
      </c>
      <c r="B11848" s="1"/>
      <c r="C11848">
        <v>17</v>
      </c>
      <c r="D11848" t="s">
        <v>28199</v>
      </c>
      <c r="E11848" t="s">
        <v>34315</v>
      </c>
      <c r="F11848">
        <v>4</v>
      </c>
      <c r="G11848" t="s">
        <v>9</v>
      </c>
      <c r="H11848" t="s">
        <v>28200</v>
      </c>
      <c r="I11848" t="s">
        <v>30540</v>
      </c>
    </row>
    <row r="11849" spans="1:9">
      <c r="A11849" s="1">
        <v>0.24661386167909216</v>
      </c>
      <c r="B11849" s="1"/>
      <c r="C11849">
        <v>20</v>
      </c>
      <c r="D11849" t="s">
        <v>28203</v>
      </c>
      <c r="E11849" t="s">
        <v>34315</v>
      </c>
      <c r="F11849">
        <v>4</v>
      </c>
      <c r="G11849" t="s">
        <v>9</v>
      </c>
      <c r="H11849" t="s">
        <v>28204</v>
      </c>
      <c r="I11849" t="s">
        <v>30540</v>
      </c>
    </row>
    <row r="11850" spans="1:9">
      <c r="A11850" s="1">
        <v>0.94162922500067736</v>
      </c>
      <c r="B11850" s="1"/>
      <c r="C11850">
        <v>16</v>
      </c>
      <c r="D11850" t="s">
        <v>28197</v>
      </c>
      <c r="E11850" t="s">
        <v>34315</v>
      </c>
      <c r="F11850">
        <v>3</v>
      </c>
      <c r="G11850" t="s">
        <v>9</v>
      </c>
      <c r="H11850" t="s">
        <v>28198</v>
      </c>
      <c r="I11850" t="s">
        <v>30540</v>
      </c>
    </row>
    <row r="11851" spans="1:9">
      <c r="A11851" s="1">
        <v>0.45053673306683983</v>
      </c>
      <c r="B11851" s="1"/>
      <c r="C11851">
        <v>18</v>
      </c>
      <c r="D11851" t="s">
        <v>28201</v>
      </c>
      <c r="E11851" t="s">
        <v>34315</v>
      </c>
      <c r="F11851">
        <v>3</v>
      </c>
      <c r="G11851" t="s">
        <v>9</v>
      </c>
      <c r="H11851" t="s">
        <v>28202</v>
      </c>
      <c r="I11851" t="s">
        <v>30540</v>
      </c>
    </row>
    <row r="11852" spans="1:9">
      <c r="A11852" s="1">
        <v>4.4235079765010732E-2</v>
      </c>
      <c r="B11852" s="1"/>
      <c r="C11852">
        <v>5</v>
      </c>
      <c r="D11852" t="s">
        <v>28191</v>
      </c>
      <c r="E11852" t="s">
        <v>34316</v>
      </c>
      <c r="F11852">
        <v>4</v>
      </c>
      <c r="G11852" t="s">
        <v>9</v>
      </c>
      <c r="H11852" t="s">
        <v>28192</v>
      </c>
      <c r="I11852" t="s">
        <v>30540</v>
      </c>
    </row>
    <row r="11853" spans="1:9">
      <c r="A11853" s="1">
        <v>0.43528050196774115</v>
      </c>
      <c r="B11853" s="1"/>
      <c r="C11853">
        <v>19</v>
      </c>
      <c r="D11853" t="s">
        <v>28193</v>
      </c>
      <c r="E11853" t="s">
        <v>34316</v>
      </c>
      <c r="F11853">
        <v>4</v>
      </c>
      <c r="G11853" t="s">
        <v>9</v>
      </c>
      <c r="H11853" t="s">
        <v>28194</v>
      </c>
      <c r="I11853" t="s">
        <v>30540</v>
      </c>
    </row>
    <row r="11854" spans="1:9">
      <c r="A11854" s="1">
        <v>0.46397238774753946</v>
      </c>
      <c r="B11854" s="1"/>
      <c r="C11854">
        <v>20</v>
      </c>
      <c r="D11854" t="s">
        <v>28195</v>
      </c>
      <c r="E11854" t="s">
        <v>34316</v>
      </c>
      <c r="F11854">
        <v>4</v>
      </c>
      <c r="G11854" t="s">
        <v>2738</v>
      </c>
      <c r="H11854" t="s">
        <v>28196</v>
      </c>
      <c r="I11854" t="s">
        <v>30540</v>
      </c>
    </row>
    <row r="11855" spans="1:9">
      <c r="A11855" s="1">
        <v>0.98457429702551025</v>
      </c>
      <c r="B11855" s="1"/>
      <c r="C11855">
        <v>19</v>
      </c>
      <c r="D11855" t="s">
        <v>28187</v>
      </c>
      <c r="E11855" t="s">
        <v>34317</v>
      </c>
      <c r="F11855">
        <v>4</v>
      </c>
      <c r="G11855" t="s">
        <v>9</v>
      </c>
      <c r="H11855" t="s">
        <v>28188</v>
      </c>
      <c r="I11855" t="s">
        <v>30540</v>
      </c>
    </row>
    <row r="11856" spans="1:9">
      <c r="A11856" s="1">
        <v>0.84988864550712517</v>
      </c>
      <c r="B11856" s="1"/>
      <c r="C11856">
        <v>15</v>
      </c>
      <c r="D11856" t="s">
        <v>28183</v>
      </c>
      <c r="E11856" t="s">
        <v>34317</v>
      </c>
      <c r="F11856">
        <v>4</v>
      </c>
      <c r="G11856" t="s">
        <v>9</v>
      </c>
      <c r="H11856" t="s">
        <v>28184</v>
      </c>
      <c r="I11856" t="s">
        <v>30540</v>
      </c>
    </row>
    <row r="11857" spans="1:9">
      <c r="A11857" s="1">
        <v>0.39547522002864444</v>
      </c>
      <c r="B11857" s="1"/>
      <c r="C11857">
        <v>18</v>
      </c>
      <c r="D11857" t="s">
        <v>28185</v>
      </c>
      <c r="E11857" t="s">
        <v>34317</v>
      </c>
      <c r="F11857">
        <v>4</v>
      </c>
      <c r="G11857" t="s">
        <v>9</v>
      </c>
      <c r="H11857" t="s">
        <v>28186</v>
      </c>
      <c r="I11857" t="s">
        <v>30540</v>
      </c>
    </row>
    <row r="11858" spans="1:9">
      <c r="A11858" s="1">
        <v>0.53800531259964535</v>
      </c>
      <c r="B11858" s="1"/>
      <c r="C11858">
        <v>19</v>
      </c>
      <c r="D11858" t="s">
        <v>28179</v>
      </c>
      <c r="E11858" t="s">
        <v>34318</v>
      </c>
      <c r="F11858">
        <v>4</v>
      </c>
      <c r="G11858" t="s">
        <v>14</v>
      </c>
      <c r="H11858" t="s">
        <v>28180</v>
      </c>
      <c r="I11858" t="s">
        <v>30540</v>
      </c>
    </row>
    <row r="11859" spans="1:9">
      <c r="A11859" s="1">
        <v>0.56825104524263692</v>
      </c>
      <c r="B11859" s="1"/>
      <c r="C11859">
        <v>14</v>
      </c>
      <c r="D11859" t="s">
        <v>28173</v>
      </c>
      <c r="E11859" t="s">
        <v>34318</v>
      </c>
      <c r="F11859">
        <v>4</v>
      </c>
      <c r="G11859" t="s">
        <v>10</v>
      </c>
      <c r="H11859" t="s">
        <v>28174</v>
      </c>
      <c r="I11859" t="s">
        <v>30540</v>
      </c>
    </row>
    <row r="11860" spans="1:9">
      <c r="A11860" s="1">
        <v>0.70295772227826037</v>
      </c>
      <c r="B11860" s="1"/>
      <c r="C11860">
        <v>10</v>
      </c>
      <c r="D11860" t="s">
        <v>28171</v>
      </c>
      <c r="E11860" t="s">
        <v>34318</v>
      </c>
      <c r="F11860">
        <v>4</v>
      </c>
      <c r="G11860" t="s">
        <v>9</v>
      </c>
      <c r="H11860" t="s">
        <v>28172</v>
      </c>
      <c r="I11860" t="s">
        <v>30540</v>
      </c>
    </row>
    <row r="11861" spans="1:9">
      <c r="A11861" s="1">
        <v>0.26480158661042796</v>
      </c>
      <c r="B11861" s="1"/>
      <c r="C11861">
        <v>16</v>
      </c>
      <c r="D11861" t="s">
        <v>28177</v>
      </c>
      <c r="E11861" t="s">
        <v>34318</v>
      </c>
      <c r="F11861">
        <v>4</v>
      </c>
      <c r="G11861" t="s">
        <v>14</v>
      </c>
      <c r="H11861" t="s">
        <v>28178</v>
      </c>
      <c r="I11861" t="s">
        <v>30540</v>
      </c>
    </row>
    <row r="11862" spans="1:9">
      <c r="A11862" s="1">
        <v>0.3011692392792642</v>
      </c>
      <c r="B11862" s="1"/>
      <c r="C11862">
        <v>8</v>
      </c>
      <c r="D11862" t="s">
        <v>28169</v>
      </c>
      <c r="E11862" t="s">
        <v>34318</v>
      </c>
      <c r="F11862">
        <v>3</v>
      </c>
      <c r="G11862" t="s">
        <v>10</v>
      </c>
      <c r="H11862" t="s">
        <v>28170</v>
      </c>
      <c r="I11862" t="s">
        <v>30540</v>
      </c>
    </row>
    <row r="11863" spans="1:9">
      <c r="A11863" s="1">
        <v>6.6113345321525352E-2</v>
      </c>
      <c r="B11863" s="1"/>
      <c r="C11863">
        <v>15</v>
      </c>
      <c r="D11863" t="s">
        <v>28175</v>
      </c>
      <c r="E11863" t="s">
        <v>34318</v>
      </c>
      <c r="F11863">
        <v>3</v>
      </c>
      <c r="G11863" t="s">
        <v>14</v>
      </c>
      <c r="H11863" t="s">
        <v>28176</v>
      </c>
      <c r="I11863" t="s">
        <v>30540</v>
      </c>
    </row>
    <row r="11864" spans="1:9">
      <c r="A11864" s="1">
        <v>0.75122307132682153</v>
      </c>
      <c r="B11864" s="1"/>
      <c r="C11864">
        <v>7</v>
      </c>
      <c r="D11864" t="s">
        <v>28161</v>
      </c>
      <c r="E11864" t="s">
        <v>34319</v>
      </c>
      <c r="F11864">
        <v>5</v>
      </c>
      <c r="G11864" t="s">
        <v>10</v>
      </c>
      <c r="H11864" t="s">
        <v>28162</v>
      </c>
      <c r="I11864" t="s">
        <v>30540</v>
      </c>
    </row>
    <row r="11865" spans="1:9">
      <c r="A11865" s="1">
        <v>0.52709418824255805</v>
      </c>
      <c r="B11865" s="1"/>
      <c r="C11865">
        <v>12</v>
      </c>
      <c r="D11865" t="s">
        <v>28165</v>
      </c>
      <c r="E11865" t="s">
        <v>34319</v>
      </c>
      <c r="F11865">
        <v>4</v>
      </c>
      <c r="G11865" t="s">
        <v>15</v>
      </c>
      <c r="H11865" t="s">
        <v>28166</v>
      </c>
      <c r="I11865" t="s">
        <v>30540</v>
      </c>
    </row>
    <row r="11866" spans="1:9">
      <c r="A11866" s="1">
        <v>0.72494258560060909</v>
      </c>
      <c r="B11866" s="1"/>
      <c r="C11866">
        <v>8</v>
      </c>
      <c r="D11866" t="s">
        <v>28163</v>
      </c>
      <c r="E11866" t="s">
        <v>34319</v>
      </c>
      <c r="F11866">
        <v>4</v>
      </c>
      <c r="G11866" t="s">
        <v>775</v>
      </c>
      <c r="H11866" t="s">
        <v>28164</v>
      </c>
      <c r="I11866" t="s">
        <v>30540</v>
      </c>
    </row>
    <row r="11867" spans="1:9">
      <c r="A11867" s="1">
        <v>0.64570125167143799</v>
      </c>
      <c r="B11867" s="1"/>
      <c r="C11867">
        <v>2</v>
      </c>
      <c r="D11867" t="s">
        <v>28155</v>
      </c>
      <c r="E11867" t="s">
        <v>34320</v>
      </c>
      <c r="F11867">
        <v>5</v>
      </c>
      <c r="G11867" t="s">
        <v>2</v>
      </c>
      <c r="H11867" t="s">
        <v>28156</v>
      </c>
      <c r="I11867" t="s">
        <v>30540</v>
      </c>
    </row>
    <row r="11868" spans="1:9">
      <c r="A11868" s="1">
        <v>0.6005704724633546</v>
      </c>
      <c r="B11868" s="1"/>
      <c r="C11868">
        <v>6</v>
      </c>
      <c r="D11868" t="s">
        <v>28157</v>
      </c>
      <c r="E11868" t="s">
        <v>34320</v>
      </c>
      <c r="F11868">
        <v>5</v>
      </c>
      <c r="G11868" t="s">
        <v>14</v>
      </c>
      <c r="H11868" t="s">
        <v>28158</v>
      </c>
      <c r="I11868" t="s">
        <v>30540</v>
      </c>
    </row>
    <row r="11869" spans="1:9">
      <c r="A11869" s="1">
        <v>0.14272576171223228</v>
      </c>
      <c r="B11869" s="1"/>
      <c r="C11869">
        <v>15</v>
      </c>
      <c r="D11869" t="s">
        <v>28149</v>
      </c>
      <c r="E11869" t="s">
        <v>34321</v>
      </c>
      <c r="F11869">
        <v>4</v>
      </c>
      <c r="G11869" t="s">
        <v>14</v>
      </c>
      <c r="H11869" t="s">
        <v>28150</v>
      </c>
      <c r="I11869" t="s">
        <v>30540</v>
      </c>
    </row>
    <row r="11870" spans="1:9">
      <c r="A11870" s="1">
        <v>0.44504826772679951</v>
      </c>
      <c r="B11870" s="1"/>
      <c r="C11870">
        <v>17</v>
      </c>
      <c r="D11870" t="s">
        <v>28151</v>
      </c>
      <c r="E11870" t="s">
        <v>34321</v>
      </c>
      <c r="F11870">
        <v>4</v>
      </c>
      <c r="G11870" t="s">
        <v>14</v>
      </c>
      <c r="H11870" t="s">
        <v>28152</v>
      </c>
      <c r="I11870" t="s">
        <v>30540</v>
      </c>
    </row>
    <row r="11871" spans="1:9">
      <c r="A11871" s="1">
        <v>0.59455355606967086</v>
      </c>
      <c r="B11871" s="1"/>
      <c r="C11871">
        <v>18</v>
      </c>
      <c r="D11871" t="s">
        <v>28153</v>
      </c>
      <c r="E11871" t="s">
        <v>34321</v>
      </c>
      <c r="F11871">
        <v>4</v>
      </c>
      <c r="G11871" t="s">
        <v>14</v>
      </c>
      <c r="H11871" t="s">
        <v>28154</v>
      </c>
      <c r="I11871" t="s">
        <v>30540</v>
      </c>
    </row>
    <row r="11872" spans="1:9">
      <c r="A11872" s="1">
        <v>9.647901345513854E-2</v>
      </c>
      <c r="B11872" s="1"/>
      <c r="C11872">
        <v>10</v>
      </c>
      <c r="D11872" t="s">
        <v>28141</v>
      </c>
      <c r="E11872" t="s">
        <v>34322</v>
      </c>
      <c r="F11872">
        <v>4</v>
      </c>
      <c r="G11872" t="s">
        <v>14</v>
      </c>
      <c r="H11872" t="s">
        <v>28142</v>
      </c>
      <c r="I11872" t="s">
        <v>30540</v>
      </c>
    </row>
    <row r="11873" spans="1:9">
      <c r="A11873" s="1">
        <v>0.72086476018448953</v>
      </c>
      <c r="B11873" s="1"/>
      <c r="C11873">
        <v>16</v>
      </c>
      <c r="D11873" t="s">
        <v>28143</v>
      </c>
      <c r="E11873" t="s">
        <v>34322</v>
      </c>
      <c r="F11873">
        <v>3</v>
      </c>
      <c r="G11873" t="s">
        <v>14</v>
      </c>
      <c r="H11873" t="s">
        <v>28144</v>
      </c>
      <c r="I11873" t="s">
        <v>30540</v>
      </c>
    </row>
    <row r="11874" spans="1:9">
      <c r="A11874" s="1">
        <v>0.66974795667132292</v>
      </c>
      <c r="B11874" s="1"/>
      <c r="C11874">
        <v>2</v>
      </c>
      <c r="D11874" t="s">
        <v>28133</v>
      </c>
      <c r="E11874" t="s">
        <v>34323</v>
      </c>
      <c r="F11874">
        <v>4</v>
      </c>
      <c r="G11874" t="s">
        <v>2</v>
      </c>
      <c r="H11874" t="s">
        <v>28134</v>
      </c>
      <c r="I11874" t="s">
        <v>30540</v>
      </c>
    </row>
    <row r="11875" spans="1:9">
      <c r="A11875" s="1">
        <v>0.43045909385428294</v>
      </c>
      <c r="B11875" s="1"/>
      <c r="C11875">
        <v>7</v>
      </c>
      <c r="D11875" t="s">
        <v>28137</v>
      </c>
      <c r="E11875" t="s">
        <v>34323</v>
      </c>
      <c r="F11875">
        <v>4</v>
      </c>
      <c r="G11875" t="s">
        <v>1</v>
      </c>
      <c r="H11875" t="s">
        <v>28138</v>
      </c>
      <c r="I11875" t="s">
        <v>30540</v>
      </c>
    </row>
    <row r="11876" spans="1:9">
      <c r="A11876" s="1">
        <v>0.24610410158322282</v>
      </c>
      <c r="B11876" s="1"/>
      <c r="C11876">
        <v>14</v>
      </c>
      <c r="D11876" t="s">
        <v>28139</v>
      </c>
      <c r="E11876" t="s">
        <v>34323</v>
      </c>
      <c r="F11876">
        <v>4</v>
      </c>
      <c r="G11876" t="s">
        <v>14</v>
      </c>
      <c r="H11876" t="s">
        <v>28140</v>
      </c>
      <c r="I11876" t="s">
        <v>30540</v>
      </c>
    </row>
    <row r="11877" spans="1:9">
      <c r="A11877" s="1">
        <v>0.59082737863818446</v>
      </c>
      <c r="B11877" s="1"/>
      <c r="C11877">
        <v>20</v>
      </c>
      <c r="D11877" t="s">
        <v>28131</v>
      </c>
      <c r="E11877" t="s">
        <v>34324</v>
      </c>
      <c r="F11877">
        <v>5</v>
      </c>
      <c r="G11877" t="s">
        <v>2738</v>
      </c>
      <c r="H11877" t="s">
        <v>28132</v>
      </c>
      <c r="I11877" t="s">
        <v>30540</v>
      </c>
    </row>
    <row r="11878" spans="1:9">
      <c r="A11878" s="1">
        <v>0.16671299292090391</v>
      </c>
      <c r="B11878" s="1"/>
      <c r="C11878">
        <v>13</v>
      </c>
      <c r="D11878" t="s">
        <v>28129</v>
      </c>
      <c r="E11878" t="s">
        <v>34324</v>
      </c>
      <c r="F11878">
        <v>5</v>
      </c>
      <c r="G11878" t="s">
        <v>10</v>
      </c>
      <c r="H11878" t="s">
        <v>28130</v>
      </c>
      <c r="I11878" t="s">
        <v>30540</v>
      </c>
    </row>
    <row r="11879" spans="1:9">
      <c r="A11879" s="1">
        <v>0.34861481765662927</v>
      </c>
      <c r="B11879" s="1"/>
      <c r="C11879">
        <v>9</v>
      </c>
      <c r="D11879" t="s">
        <v>28125</v>
      </c>
      <c r="E11879" t="s">
        <v>34324</v>
      </c>
      <c r="F11879">
        <v>5</v>
      </c>
      <c r="G11879" t="s">
        <v>9</v>
      </c>
      <c r="H11879" t="s">
        <v>28126</v>
      </c>
      <c r="I11879" t="s">
        <v>30540</v>
      </c>
    </row>
    <row r="11880" spans="1:9">
      <c r="A11880" s="1">
        <v>0.46460402616328711</v>
      </c>
      <c r="B11880" s="1"/>
      <c r="C11880">
        <v>12</v>
      </c>
      <c r="D11880" t="s">
        <v>28119</v>
      </c>
      <c r="E11880" t="s">
        <v>34325</v>
      </c>
      <c r="F11880">
        <v>5</v>
      </c>
      <c r="G11880" t="s">
        <v>0</v>
      </c>
      <c r="H11880" t="s">
        <v>28120</v>
      </c>
      <c r="I11880" t="s">
        <v>30540</v>
      </c>
    </row>
    <row r="11881" spans="1:9">
      <c r="A11881" s="1">
        <v>0.93500232910875736</v>
      </c>
      <c r="B11881" s="1"/>
      <c r="C11881">
        <v>11</v>
      </c>
      <c r="D11881" t="s">
        <v>28117</v>
      </c>
      <c r="E11881" t="s">
        <v>34325</v>
      </c>
      <c r="F11881">
        <v>4</v>
      </c>
      <c r="G11881" t="s">
        <v>14</v>
      </c>
      <c r="H11881" t="s">
        <v>28118</v>
      </c>
      <c r="I11881" t="s">
        <v>30540</v>
      </c>
    </row>
    <row r="11882" spans="1:9">
      <c r="A11882" s="1">
        <v>0.9272916869203599</v>
      </c>
      <c r="B11882" s="1"/>
      <c r="C11882">
        <v>3</v>
      </c>
      <c r="D11882" t="s">
        <v>28115</v>
      </c>
      <c r="E11882" t="s">
        <v>34325</v>
      </c>
      <c r="F11882">
        <v>4</v>
      </c>
      <c r="G11882" t="s">
        <v>13</v>
      </c>
      <c r="H11882" t="s">
        <v>28116</v>
      </c>
      <c r="I11882" t="s">
        <v>30540</v>
      </c>
    </row>
    <row r="11883" spans="1:9">
      <c r="A11883" s="1">
        <v>0.54402923013511595</v>
      </c>
      <c r="B11883" s="1"/>
      <c r="C11883">
        <v>13</v>
      </c>
      <c r="D11883" t="s">
        <v>28121</v>
      </c>
      <c r="E11883" t="s">
        <v>34325</v>
      </c>
      <c r="F11883">
        <v>4</v>
      </c>
      <c r="G11883" t="s">
        <v>9</v>
      </c>
      <c r="H11883" t="s">
        <v>28122</v>
      </c>
      <c r="I11883" t="s">
        <v>30540</v>
      </c>
    </row>
    <row r="11884" spans="1:9">
      <c r="A11884" s="1">
        <v>0.98405785261736467</v>
      </c>
      <c r="B11884" s="1"/>
      <c r="C11884">
        <v>20</v>
      </c>
      <c r="D11884" t="s">
        <v>28113</v>
      </c>
      <c r="E11884" t="s">
        <v>34326</v>
      </c>
      <c r="F11884">
        <v>5</v>
      </c>
      <c r="G11884" t="s">
        <v>14</v>
      </c>
      <c r="H11884" t="s">
        <v>28114</v>
      </c>
      <c r="I11884" t="s">
        <v>30540</v>
      </c>
    </row>
    <row r="11885" spans="1:9">
      <c r="A11885" s="1">
        <v>0.95049777067078078</v>
      </c>
      <c r="B11885" s="1"/>
      <c r="C11885">
        <v>19</v>
      </c>
      <c r="D11885" t="s">
        <v>28111</v>
      </c>
      <c r="E11885" t="s">
        <v>34326</v>
      </c>
      <c r="F11885">
        <v>4</v>
      </c>
      <c r="G11885" t="s">
        <v>14</v>
      </c>
      <c r="H11885" t="s">
        <v>28112</v>
      </c>
      <c r="I11885" t="s">
        <v>30540</v>
      </c>
    </row>
    <row r="11886" spans="1:9">
      <c r="A11886" s="1">
        <v>0.17452272377165667</v>
      </c>
      <c r="B11886" s="1"/>
      <c r="C11886">
        <v>8</v>
      </c>
      <c r="D11886" t="s">
        <v>28105</v>
      </c>
      <c r="E11886" t="s">
        <v>34326</v>
      </c>
      <c r="F11886">
        <v>3</v>
      </c>
      <c r="G11886" t="s">
        <v>14</v>
      </c>
      <c r="H11886" t="s">
        <v>28106</v>
      </c>
      <c r="I11886" t="s">
        <v>30540</v>
      </c>
    </row>
    <row r="11887" spans="1:9">
      <c r="A11887" s="1">
        <v>7.7218340187202528E-2</v>
      </c>
      <c r="B11887" s="1"/>
      <c r="C11887">
        <v>17</v>
      </c>
      <c r="D11887" t="s">
        <v>28109</v>
      </c>
      <c r="E11887" t="s">
        <v>34326</v>
      </c>
      <c r="F11887">
        <v>3</v>
      </c>
      <c r="G11887" t="s">
        <v>14</v>
      </c>
      <c r="H11887" t="s">
        <v>28110</v>
      </c>
      <c r="I11887" t="s">
        <v>30540</v>
      </c>
    </row>
    <row r="11888" spans="1:9">
      <c r="A11888" s="1">
        <v>0.51616170098703429</v>
      </c>
      <c r="B11888" s="1"/>
      <c r="C11888">
        <v>10</v>
      </c>
      <c r="D11888" t="s">
        <v>28107</v>
      </c>
      <c r="E11888" t="s">
        <v>34326</v>
      </c>
      <c r="F11888">
        <v>3</v>
      </c>
      <c r="G11888" t="s">
        <v>9</v>
      </c>
      <c r="H11888" t="s">
        <v>28108</v>
      </c>
      <c r="I11888" t="s">
        <v>30540</v>
      </c>
    </row>
    <row r="11889" spans="1:9">
      <c r="A11889" s="1">
        <v>0.5284639010197304</v>
      </c>
      <c r="B11889" s="1"/>
      <c r="C11889">
        <v>5</v>
      </c>
      <c r="D11889" t="s">
        <v>28095</v>
      </c>
      <c r="E11889" t="s">
        <v>34327</v>
      </c>
      <c r="F11889">
        <v>4</v>
      </c>
      <c r="G11889" t="s">
        <v>2</v>
      </c>
      <c r="H11889" t="s">
        <v>28096</v>
      </c>
      <c r="I11889" t="s">
        <v>30540</v>
      </c>
    </row>
    <row r="11890" spans="1:9">
      <c r="A11890" s="1">
        <v>0.93478589595049044</v>
      </c>
      <c r="B11890" s="1"/>
      <c r="C11890">
        <v>14</v>
      </c>
      <c r="D11890" t="s">
        <v>28101</v>
      </c>
      <c r="E11890" t="s">
        <v>34327</v>
      </c>
      <c r="F11890">
        <v>4</v>
      </c>
      <c r="G11890" t="s">
        <v>14</v>
      </c>
      <c r="H11890" t="s">
        <v>28102</v>
      </c>
      <c r="I11890" t="s">
        <v>30540</v>
      </c>
    </row>
    <row r="11891" spans="1:9">
      <c r="A11891" s="1">
        <v>0.52248676521179171</v>
      </c>
      <c r="B11891" s="1"/>
      <c r="C11891">
        <v>6</v>
      </c>
      <c r="D11891" t="s">
        <v>28097</v>
      </c>
      <c r="E11891" t="s">
        <v>34327</v>
      </c>
      <c r="F11891">
        <v>4</v>
      </c>
      <c r="G11891" t="s">
        <v>14</v>
      </c>
      <c r="H11891" t="s">
        <v>28098</v>
      </c>
      <c r="I11891" t="s">
        <v>30540</v>
      </c>
    </row>
    <row r="11892" spans="1:9">
      <c r="A11892" s="1">
        <v>8.6865986809879336E-2</v>
      </c>
      <c r="B11892" s="1"/>
      <c r="C11892">
        <v>8</v>
      </c>
      <c r="D11892" t="s">
        <v>28099</v>
      </c>
      <c r="E11892" t="s">
        <v>34327</v>
      </c>
      <c r="F11892">
        <v>4</v>
      </c>
      <c r="G11892" t="s">
        <v>9</v>
      </c>
      <c r="H11892" t="s">
        <v>28100</v>
      </c>
      <c r="I11892" t="s">
        <v>30540</v>
      </c>
    </row>
    <row r="11893" spans="1:9">
      <c r="A11893" s="1">
        <v>0.4571866413489305</v>
      </c>
      <c r="B11893" s="1"/>
      <c r="C11893">
        <v>20</v>
      </c>
      <c r="D11893" t="s">
        <v>28103</v>
      </c>
      <c r="E11893" t="s">
        <v>34327</v>
      </c>
      <c r="F11893">
        <v>4</v>
      </c>
      <c r="G11893" t="s">
        <v>9</v>
      </c>
      <c r="H11893" t="s">
        <v>28104</v>
      </c>
      <c r="I11893" t="s">
        <v>30540</v>
      </c>
    </row>
    <row r="11894" spans="1:9">
      <c r="A11894" s="1">
        <v>0.60936929798343797</v>
      </c>
      <c r="B11894" s="1"/>
      <c r="C11894">
        <v>8</v>
      </c>
      <c r="D11894" t="s">
        <v>28087</v>
      </c>
      <c r="E11894" t="s">
        <v>34328</v>
      </c>
      <c r="F11894">
        <v>5</v>
      </c>
      <c r="G11894" t="s">
        <v>14</v>
      </c>
      <c r="H11894" t="s">
        <v>28088</v>
      </c>
      <c r="I11894" t="s">
        <v>30540</v>
      </c>
    </row>
    <row r="11895" spans="1:9">
      <c r="A11895" s="1">
        <v>0.81163538242209521</v>
      </c>
      <c r="B11895" s="1"/>
      <c r="C11895">
        <v>16</v>
      </c>
      <c r="D11895" t="s">
        <v>28093</v>
      </c>
      <c r="E11895" t="s">
        <v>34328</v>
      </c>
      <c r="F11895">
        <v>4</v>
      </c>
      <c r="G11895" t="s">
        <v>14</v>
      </c>
      <c r="H11895" t="s">
        <v>28094</v>
      </c>
      <c r="I11895" t="s">
        <v>30540</v>
      </c>
    </row>
    <row r="11896" spans="1:9">
      <c r="A11896" s="1">
        <v>0.56769037040038217</v>
      </c>
      <c r="B11896" s="1"/>
      <c r="C11896">
        <v>9</v>
      </c>
      <c r="D11896" t="s">
        <v>28089</v>
      </c>
      <c r="E11896" t="s">
        <v>34328</v>
      </c>
      <c r="F11896">
        <v>3</v>
      </c>
      <c r="G11896" t="s">
        <v>1</v>
      </c>
      <c r="H11896" t="s">
        <v>28090</v>
      </c>
      <c r="I11896" t="s">
        <v>30540</v>
      </c>
    </row>
    <row r="11897" spans="1:9">
      <c r="A11897" s="1">
        <v>0.30584923757820814</v>
      </c>
      <c r="B11897" s="1"/>
      <c r="C11897">
        <v>13</v>
      </c>
      <c r="D11897" t="s">
        <v>28091</v>
      </c>
      <c r="E11897" t="s">
        <v>34328</v>
      </c>
      <c r="F11897">
        <v>3</v>
      </c>
      <c r="G11897" t="s">
        <v>14</v>
      </c>
      <c r="H11897" t="s">
        <v>28092</v>
      </c>
      <c r="I11897" t="s">
        <v>30540</v>
      </c>
    </row>
    <row r="11898" spans="1:9">
      <c r="A11898" s="1">
        <v>0.68454030881519434</v>
      </c>
      <c r="B11898" s="1"/>
      <c r="C11898">
        <v>8</v>
      </c>
      <c r="D11898" t="s">
        <v>28079</v>
      </c>
      <c r="E11898" t="s">
        <v>34329</v>
      </c>
      <c r="F11898">
        <v>4</v>
      </c>
      <c r="G11898" t="s">
        <v>775</v>
      </c>
      <c r="H11898" t="s">
        <v>28080</v>
      </c>
      <c r="I11898" t="s">
        <v>30540</v>
      </c>
    </row>
    <row r="11899" spans="1:9">
      <c r="A11899" s="1">
        <v>0.38346375201965321</v>
      </c>
      <c r="B11899" s="1"/>
      <c r="C11899">
        <v>20</v>
      </c>
      <c r="D11899" t="s">
        <v>28085</v>
      </c>
      <c r="E11899" t="s">
        <v>34329</v>
      </c>
      <c r="F11899">
        <v>4</v>
      </c>
      <c r="G11899" t="s">
        <v>769</v>
      </c>
      <c r="H11899" t="s">
        <v>28086</v>
      </c>
      <c r="I11899" t="s">
        <v>30540</v>
      </c>
    </row>
    <row r="11900" spans="1:9">
      <c r="A11900" s="1">
        <v>0.53090579792300563</v>
      </c>
      <c r="B11900" s="1"/>
      <c r="C11900">
        <v>3</v>
      </c>
      <c r="D11900" t="s">
        <v>28077</v>
      </c>
      <c r="E11900" t="s">
        <v>34329</v>
      </c>
      <c r="F11900">
        <v>4</v>
      </c>
      <c r="G11900" t="s">
        <v>10</v>
      </c>
      <c r="H11900" t="s">
        <v>28078</v>
      </c>
      <c r="I11900" t="s">
        <v>30540</v>
      </c>
    </row>
    <row r="11901" spans="1:9">
      <c r="A11901" s="1">
        <v>0.29165936891067534</v>
      </c>
      <c r="B11901" s="1"/>
      <c r="C11901">
        <v>17</v>
      </c>
      <c r="D11901" t="s">
        <v>28083</v>
      </c>
      <c r="E11901" t="s">
        <v>34329</v>
      </c>
      <c r="F11901">
        <v>4</v>
      </c>
      <c r="G11901" t="s">
        <v>14</v>
      </c>
      <c r="H11901" t="s">
        <v>28084</v>
      </c>
      <c r="I11901" t="s">
        <v>30540</v>
      </c>
    </row>
    <row r="11902" spans="1:9">
      <c r="A11902" s="1">
        <v>0.82471218727994777</v>
      </c>
      <c r="B11902" s="1"/>
      <c r="C11902">
        <v>2</v>
      </c>
      <c r="D11902" t="s">
        <v>28075</v>
      </c>
      <c r="E11902" t="s">
        <v>34329</v>
      </c>
      <c r="F11902">
        <v>4</v>
      </c>
      <c r="G11902" t="s">
        <v>15</v>
      </c>
      <c r="H11902" t="s">
        <v>28076</v>
      </c>
      <c r="I11902" t="s">
        <v>30540</v>
      </c>
    </row>
    <row r="11903" spans="1:9">
      <c r="A11903" s="1">
        <v>0.89876994751233508</v>
      </c>
      <c r="B11903" s="1"/>
      <c r="C11903">
        <v>14</v>
      </c>
      <c r="D11903" t="s">
        <v>28081</v>
      </c>
      <c r="E11903" t="s">
        <v>34329</v>
      </c>
      <c r="F11903">
        <v>3</v>
      </c>
      <c r="G11903" t="s">
        <v>766</v>
      </c>
      <c r="H11903" t="s">
        <v>28082</v>
      </c>
      <c r="I11903" t="s">
        <v>30540</v>
      </c>
    </row>
    <row r="11904" spans="1:9">
      <c r="A11904" s="1">
        <v>0.95424613352842602</v>
      </c>
      <c r="B11904" s="1"/>
      <c r="C11904">
        <v>15</v>
      </c>
      <c r="D11904" t="s">
        <v>28073</v>
      </c>
      <c r="E11904" t="s">
        <v>34330</v>
      </c>
      <c r="F11904">
        <v>5</v>
      </c>
      <c r="G11904" t="s">
        <v>14</v>
      </c>
      <c r="H11904" t="s">
        <v>28074</v>
      </c>
      <c r="I11904" t="s">
        <v>30540</v>
      </c>
    </row>
    <row r="11905" spans="1:9">
      <c r="A11905" s="1">
        <v>0.16826384564231733</v>
      </c>
      <c r="B11905" s="1"/>
      <c r="C11905">
        <v>13</v>
      </c>
      <c r="D11905" t="s">
        <v>28071</v>
      </c>
      <c r="E11905" t="s">
        <v>34330</v>
      </c>
      <c r="F11905">
        <v>4</v>
      </c>
      <c r="G11905" t="s">
        <v>14</v>
      </c>
      <c r="H11905" t="s">
        <v>28072</v>
      </c>
      <c r="I11905" t="s">
        <v>30540</v>
      </c>
    </row>
    <row r="11906" spans="1:9">
      <c r="A11906" s="1">
        <v>0.57318938466605429</v>
      </c>
      <c r="B11906" s="1"/>
      <c r="C11906">
        <v>2</v>
      </c>
      <c r="D11906" t="s">
        <v>28067</v>
      </c>
      <c r="E11906" t="s">
        <v>34330</v>
      </c>
      <c r="F11906">
        <v>4</v>
      </c>
      <c r="G11906" t="s">
        <v>2</v>
      </c>
      <c r="H11906" t="s">
        <v>28068</v>
      </c>
      <c r="I11906" t="s">
        <v>30540</v>
      </c>
    </row>
    <row r="11907" spans="1:9">
      <c r="A11907" s="1">
        <v>0.12571536123043037</v>
      </c>
      <c r="B11907" s="1"/>
      <c r="C11907">
        <v>4</v>
      </c>
      <c r="D11907" t="s">
        <v>28069</v>
      </c>
      <c r="E11907" t="s">
        <v>34330</v>
      </c>
      <c r="F11907">
        <v>4</v>
      </c>
      <c r="G11907" t="s">
        <v>15</v>
      </c>
      <c r="H11907" t="s">
        <v>28070</v>
      </c>
      <c r="I11907" t="s">
        <v>30540</v>
      </c>
    </row>
    <row r="11908" spans="1:9">
      <c r="A11908" s="1">
        <v>0.41523432158635265</v>
      </c>
      <c r="B11908" s="1"/>
      <c r="C11908">
        <v>10</v>
      </c>
      <c r="D11908" t="s">
        <v>28059</v>
      </c>
      <c r="E11908" t="s">
        <v>34331</v>
      </c>
      <c r="F11908">
        <v>5</v>
      </c>
      <c r="G11908" t="s">
        <v>14</v>
      </c>
      <c r="H11908" t="s">
        <v>28060</v>
      </c>
      <c r="I11908" t="s">
        <v>30540</v>
      </c>
    </row>
    <row r="11909" spans="1:9">
      <c r="A11909" s="1">
        <v>8.6346504002860258E-2</v>
      </c>
      <c r="B11909" s="1"/>
      <c r="C11909">
        <v>18</v>
      </c>
      <c r="D11909" t="s">
        <v>28065</v>
      </c>
      <c r="E11909" t="s">
        <v>34331</v>
      </c>
      <c r="F11909">
        <v>4</v>
      </c>
      <c r="G11909" t="s">
        <v>14</v>
      </c>
      <c r="H11909" t="s">
        <v>28066</v>
      </c>
      <c r="I11909" t="s">
        <v>30540</v>
      </c>
    </row>
    <row r="11910" spans="1:9">
      <c r="A11910" s="1">
        <v>0.198901657575978</v>
      </c>
      <c r="B11910" s="1"/>
      <c r="C11910">
        <v>8</v>
      </c>
      <c r="D11910" t="s">
        <v>28057</v>
      </c>
      <c r="E11910" t="s">
        <v>34331</v>
      </c>
      <c r="F11910">
        <v>4</v>
      </c>
      <c r="G11910" t="s">
        <v>15</v>
      </c>
      <c r="H11910" t="s">
        <v>28058</v>
      </c>
      <c r="I11910" t="s">
        <v>30540</v>
      </c>
    </row>
    <row r="11911" spans="1:9">
      <c r="A11911" s="1">
        <v>0.52111150247917493</v>
      </c>
      <c r="B11911" s="1"/>
      <c r="C11911">
        <v>16</v>
      </c>
      <c r="D11911" t="s">
        <v>28061</v>
      </c>
      <c r="E11911" t="s">
        <v>34331</v>
      </c>
      <c r="F11911">
        <v>4</v>
      </c>
      <c r="G11911" t="s">
        <v>9</v>
      </c>
      <c r="H11911" t="s">
        <v>28062</v>
      </c>
      <c r="I11911" t="s">
        <v>30540</v>
      </c>
    </row>
    <row r="11912" spans="1:9">
      <c r="A11912" s="1">
        <v>0.65954169194563084</v>
      </c>
      <c r="B11912" s="1"/>
      <c r="C11912">
        <v>17</v>
      </c>
      <c r="D11912" t="s">
        <v>28063</v>
      </c>
      <c r="E11912" t="s">
        <v>34331</v>
      </c>
      <c r="F11912">
        <v>4</v>
      </c>
      <c r="G11912" t="s">
        <v>14</v>
      </c>
      <c r="H11912" t="s">
        <v>28064</v>
      </c>
      <c r="I11912" t="s">
        <v>30540</v>
      </c>
    </row>
    <row r="11913" spans="1:9">
      <c r="A11913" s="1">
        <v>0.20877048170175327</v>
      </c>
      <c r="B11913" s="1"/>
      <c r="C11913">
        <v>2</v>
      </c>
      <c r="D11913" t="s">
        <v>28049</v>
      </c>
      <c r="E11913" t="s">
        <v>34332</v>
      </c>
      <c r="F11913">
        <v>5</v>
      </c>
      <c r="G11913" t="s">
        <v>2229</v>
      </c>
      <c r="H11913" t="s">
        <v>28050</v>
      </c>
      <c r="I11913" t="s">
        <v>30540</v>
      </c>
    </row>
    <row r="11914" spans="1:9">
      <c r="A11914" s="1">
        <v>0.6209211080058199</v>
      </c>
      <c r="B11914" s="1"/>
      <c r="C11914">
        <v>10</v>
      </c>
      <c r="D11914" t="s">
        <v>28055</v>
      </c>
      <c r="E11914" t="s">
        <v>34332</v>
      </c>
      <c r="F11914">
        <v>4</v>
      </c>
      <c r="G11914" t="s">
        <v>771</v>
      </c>
      <c r="H11914" t="s">
        <v>28056</v>
      </c>
      <c r="I11914" t="s">
        <v>30540</v>
      </c>
    </row>
    <row r="11915" spans="1:9">
      <c r="A11915" s="1">
        <v>0.18090300519368996</v>
      </c>
      <c r="B11915" s="1"/>
      <c r="C11915">
        <v>4</v>
      </c>
      <c r="D11915" t="s">
        <v>28053</v>
      </c>
      <c r="E11915" t="s">
        <v>34332</v>
      </c>
      <c r="F11915">
        <v>4</v>
      </c>
      <c r="G11915" t="s">
        <v>766</v>
      </c>
      <c r="H11915" t="s">
        <v>28054</v>
      </c>
      <c r="I11915" t="s">
        <v>30540</v>
      </c>
    </row>
    <row r="11916" spans="1:9">
      <c r="A11916" s="1">
        <v>0.48127898501947386</v>
      </c>
      <c r="B11916" s="1"/>
      <c r="C11916">
        <v>3</v>
      </c>
      <c r="D11916" t="s">
        <v>28051</v>
      </c>
      <c r="E11916" t="s">
        <v>34332</v>
      </c>
      <c r="F11916">
        <v>4</v>
      </c>
      <c r="G11916" t="s">
        <v>15</v>
      </c>
      <c r="H11916" t="s">
        <v>28052</v>
      </c>
      <c r="I11916" t="s">
        <v>30540</v>
      </c>
    </row>
    <row r="11917" spans="1:9">
      <c r="A11917" s="1">
        <v>0.37711343567982514</v>
      </c>
      <c r="B11917" s="1"/>
      <c r="C11917">
        <v>16</v>
      </c>
      <c r="D11917" t="s">
        <v>28045</v>
      </c>
      <c r="E11917" t="s">
        <v>34333</v>
      </c>
      <c r="F11917">
        <v>5</v>
      </c>
      <c r="G11917" t="s">
        <v>14</v>
      </c>
      <c r="H11917" t="s">
        <v>28046</v>
      </c>
      <c r="I11917" t="s">
        <v>30540</v>
      </c>
    </row>
    <row r="11918" spans="1:9">
      <c r="A11918" s="1">
        <v>0.9067593891832455</v>
      </c>
      <c r="B11918" s="1"/>
      <c r="C11918">
        <v>1</v>
      </c>
      <c r="D11918" t="s">
        <v>28039</v>
      </c>
      <c r="E11918" t="s">
        <v>34333</v>
      </c>
      <c r="F11918">
        <v>4</v>
      </c>
      <c r="G11918" t="s">
        <v>10</v>
      </c>
      <c r="H11918" t="s">
        <v>28040</v>
      </c>
      <c r="I11918" t="s">
        <v>30540</v>
      </c>
    </row>
    <row r="11919" spans="1:9">
      <c r="A11919" s="1">
        <v>0.23875292276894089</v>
      </c>
      <c r="B11919" s="1"/>
      <c r="C11919">
        <v>12</v>
      </c>
      <c r="D11919" t="s">
        <v>28041</v>
      </c>
      <c r="E11919" t="s">
        <v>34333</v>
      </c>
      <c r="F11919">
        <v>4</v>
      </c>
      <c r="G11919" t="s">
        <v>14</v>
      </c>
      <c r="H11919" t="s">
        <v>28042</v>
      </c>
      <c r="I11919" t="s">
        <v>30540</v>
      </c>
    </row>
    <row r="11920" spans="1:9">
      <c r="A11920" s="1">
        <v>9.2256107241931118E-2</v>
      </c>
      <c r="B11920" s="1"/>
      <c r="C11920">
        <v>13</v>
      </c>
      <c r="D11920" t="s">
        <v>28043</v>
      </c>
      <c r="E11920" t="s">
        <v>34333</v>
      </c>
      <c r="F11920">
        <v>4</v>
      </c>
      <c r="G11920" t="s">
        <v>14</v>
      </c>
      <c r="H11920" t="s">
        <v>28044</v>
      </c>
      <c r="I11920" t="s">
        <v>30540</v>
      </c>
    </row>
    <row r="11921" spans="1:9">
      <c r="A11921" s="1">
        <v>0.43847270079458456</v>
      </c>
      <c r="B11921" s="1"/>
      <c r="C11921">
        <v>19</v>
      </c>
      <c r="D11921" t="s">
        <v>28047</v>
      </c>
      <c r="E11921" t="s">
        <v>34333</v>
      </c>
      <c r="F11921">
        <v>3</v>
      </c>
      <c r="G11921" t="s">
        <v>14</v>
      </c>
      <c r="H11921" t="s">
        <v>28048</v>
      </c>
      <c r="I11921" t="s">
        <v>30540</v>
      </c>
    </row>
    <row r="11922" spans="1:9">
      <c r="A11922" s="1">
        <v>0.50104048362287679</v>
      </c>
      <c r="B11922" s="1"/>
      <c r="C11922">
        <v>12</v>
      </c>
      <c r="D11922" t="s">
        <v>28033</v>
      </c>
      <c r="E11922" t="s">
        <v>34334</v>
      </c>
      <c r="F11922">
        <v>5</v>
      </c>
      <c r="G11922" t="s">
        <v>14</v>
      </c>
      <c r="H11922" t="s">
        <v>28034</v>
      </c>
      <c r="I11922" t="s">
        <v>30540</v>
      </c>
    </row>
    <row r="11923" spans="1:9">
      <c r="A11923" s="1">
        <v>2.2833680658540745E-2</v>
      </c>
      <c r="B11923" s="1"/>
      <c r="C11923">
        <v>14</v>
      </c>
      <c r="D11923" t="s">
        <v>28037</v>
      </c>
      <c r="E11923" t="s">
        <v>34334</v>
      </c>
      <c r="F11923">
        <v>4</v>
      </c>
      <c r="G11923" t="s">
        <v>14</v>
      </c>
      <c r="H11923" t="s">
        <v>28038</v>
      </c>
      <c r="I11923" t="s">
        <v>30540</v>
      </c>
    </row>
    <row r="11924" spans="1:9">
      <c r="A11924" s="1">
        <v>0.15141630505465953</v>
      </c>
      <c r="B11924" s="1"/>
      <c r="C11924">
        <v>8</v>
      </c>
      <c r="D11924" t="s">
        <v>28031</v>
      </c>
      <c r="E11924" t="s">
        <v>34334</v>
      </c>
      <c r="F11924">
        <v>4</v>
      </c>
      <c r="G11924" t="s">
        <v>14</v>
      </c>
      <c r="H11924" t="s">
        <v>28032</v>
      </c>
      <c r="I11924" t="s">
        <v>30540</v>
      </c>
    </row>
    <row r="11925" spans="1:9">
      <c r="A11925" s="1">
        <v>0.58752946570900433</v>
      </c>
      <c r="B11925" s="1"/>
      <c r="C11925">
        <v>13</v>
      </c>
      <c r="D11925" t="s">
        <v>28035</v>
      </c>
      <c r="E11925" t="s">
        <v>34334</v>
      </c>
      <c r="F11925">
        <v>4</v>
      </c>
      <c r="G11925" t="s">
        <v>0</v>
      </c>
      <c r="H11925" t="s">
        <v>28036</v>
      </c>
      <c r="I11925" t="s">
        <v>30540</v>
      </c>
    </row>
    <row r="11926" spans="1:9">
      <c r="A11926" s="1">
        <v>0.35014625085020645</v>
      </c>
      <c r="B11926" s="1"/>
      <c r="C11926">
        <v>14</v>
      </c>
      <c r="D11926" t="s">
        <v>28029</v>
      </c>
      <c r="E11926" t="s">
        <v>34335</v>
      </c>
      <c r="F11926">
        <v>3</v>
      </c>
      <c r="G11926" t="s">
        <v>14</v>
      </c>
      <c r="H11926" t="s">
        <v>28030</v>
      </c>
      <c r="I11926" t="s">
        <v>30540</v>
      </c>
    </row>
    <row r="11927" spans="1:9">
      <c r="A11927" s="1">
        <v>0.60001745200755241</v>
      </c>
      <c r="B11927" s="1"/>
      <c r="C11927">
        <v>14</v>
      </c>
      <c r="D11927" t="s">
        <v>28027</v>
      </c>
      <c r="E11927" t="s">
        <v>34336</v>
      </c>
      <c r="F11927">
        <v>5</v>
      </c>
      <c r="G11927" t="s">
        <v>14</v>
      </c>
      <c r="H11927" t="s">
        <v>28028</v>
      </c>
      <c r="I11927" t="s">
        <v>30540</v>
      </c>
    </row>
    <row r="11928" spans="1:9">
      <c r="A11928" s="1">
        <v>0.2373909408427286</v>
      </c>
      <c r="B11928" s="1"/>
      <c r="C11928">
        <v>2</v>
      </c>
      <c r="D11928" t="s">
        <v>28021</v>
      </c>
      <c r="E11928" t="s">
        <v>34336</v>
      </c>
      <c r="F11928">
        <v>4</v>
      </c>
      <c r="G11928" t="s">
        <v>2</v>
      </c>
      <c r="H11928" t="s">
        <v>28022</v>
      </c>
      <c r="I11928" t="s">
        <v>30540</v>
      </c>
    </row>
    <row r="11929" spans="1:9">
      <c r="A11929" s="1">
        <v>0.73523527827222535</v>
      </c>
      <c r="B11929" s="1"/>
      <c r="C11929">
        <v>6</v>
      </c>
      <c r="D11929" t="s">
        <v>28023</v>
      </c>
      <c r="E11929" t="s">
        <v>34336</v>
      </c>
      <c r="F11929">
        <v>4</v>
      </c>
      <c r="G11929" t="s">
        <v>15</v>
      </c>
      <c r="H11929" t="s">
        <v>28024</v>
      </c>
      <c r="I11929" t="s">
        <v>30540</v>
      </c>
    </row>
    <row r="11930" spans="1:9">
      <c r="A11930" s="1">
        <v>0.93433907407703898</v>
      </c>
      <c r="B11930" s="1"/>
      <c r="C11930">
        <v>9</v>
      </c>
      <c r="D11930" t="s">
        <v>28025</v>
      </c>
      <c r="E11930" t="s">
        <v>34336</v>
      </c>
      <c r="F11930">
        <v>4</v>
      </c>
      <c r="G11930" t="s">
        <v>9</v>
      </c>
      <c r="H11930" t="s">
        <v>28026</v>
      </c>
      <c r="I11930" t="s">
        <v>30540</v>
      </c>
    </row>
    <row r="11931" spans="1:9">
      <c r="A11931" s="1">
        <v>0.67418201852571069</v>
      </c>
      <c r="B11931" s="1"/>
      <c r="C11931">
        <v>1</v>
      </c>
      <c r="D11931" t="s">
        <v>28015</v>
      </c>
      <c r="E11931" t="s">
        <v>34337</v>
      </c>
      <c r="F11931">
        <v>4</v>
      </c>
      <c r="G11931" t="s">
        <v>10</v>
      </c>
      <c r="H11931" t="s">
        <v>28016</v>
      </c>
      <c r="I11931" t="s">
        <v>30540</v>
      </c>
    </row>
    <row r="11932" spans="1:9">
      <c r="A11932" s="1">
        <v>0.76852741606246011</v>
      </c>
      <c r="B11932" s="1"/>
      <c r="C11932">
        <v>9</v>
      </c>
      <c r="D11932" t="s">
        <v>28019</v>
      </c>
      <c r="E11932" t="s">
        <v>34337</v>
      </c>
      <c r="F11932">
        <v>4</v>
      </c>
      <c r="G11932" t="s">
        <v>14</v>
      </c>
      <c r="H11932" t="s">
        <v>28020</v>
      </c>
      <c r="I11932" t="s">
        <v>30540</v>
      </c>
    </row>
    <row r="11933" spans="1:9">
      <c r="A11933" s="1">
        <v>0.53521784035757436</v>
      </c>
      <c r="B11933" s="1"/>
      <c r="C11933">
        <v>16</v>
      </c>
      <c r="D11933" t="s">
        <v>28011</v>
      </c>
      <c r="E11933" t="s">
        <v>34338</v>
      </c>
      <c r="F11933">
        <v>5</v>
      </c>
      <c r="G11933" t="s">
        <v>14</v>
      </c>
      <c r="H11933" t="s">
        <v>28012</v>
      </c>
      <c r="I11933" t="s">
        <v>30540</v>
      </c>
    </row>
    <row r="11934" spans="1:9">
      <c r="A11934" s="1">
        <v>0.43841432313132644</v>
      </c>
      <c r="B11934" s="1"/>
      <c r="C11934">
        <v>17</v>
      </c>
      <c r="D11934" t="s">
        <v>28013</v>
      </c>
      <c r="E11934" t="s">
        <v>34338</v>
      </c>
      <c r="F11934">
        <v>4</v>
      </c>
      <c r="G11934" t="s">
        <v>14</v>
      </c>
      <c r="H11934" t="s">
        <v>28014</v>
      </c>
      <c r="I11934" t="s">
        <v>30540</v>
      </c>
    </row>
    <row r="11935" spans="1:9">
      <c r="A11935" s="1">
        <v>0.88051369019286685</v>
      </c>
      <c r="B11935" s="1"/>
      <c r="C11935">
        <v>5</v>
      </c>
      <c r="D11935" t="s">
        <v>28007</v>
      </c>
      <c r="E11935" t="s">
        <v>34338</v>
      </c>
      <c r="F11935">
        <v>4</v>
      </c>
      <c r="G11935" t="s">
        <v>14</v>
      </c>
      <c r="H11935" t="s">
        <v>28008</v>
      </c>
      <c r="I11935" t="s">
        <v>30540</v>
      </c>
    </row>
    <row r="11936" spans="1:9">
      <c r="A11936" s="1">
        <v>0.14508139062214176</v>
      </c>
      <c r="B11936" s="1"/>
      <c r="C11936">
        <v>14</v>
      </c>
      <c r="D11936" t="s">
        <v>28009</v>
      </c>
      <c r="E11936" t="s">
        <v>34338</v>
      </c>
      <c r="F11936">
        <v>4</v>
      </c>
      <c r="G11936" t="s">
        <v>1</v>
      </c>
      <c r="H11936" t="s">
        <v>28010</v>
      </c>
      <c r="I11936" t="s">
        <v>30540</v>
      </c>
    </row>
    <row r="11937" spans="1:9">
      <c r="A11937" s="1">
        <v>0.18437122111588256</v>
      </c>
      <c r="B11937" s="1"/>
      <c r="C11937">
        <v>17</v>
      </c>
      <c r="D11937" t="s">
        <v>28003</v>
      </c>
      <c r="E11937" t="s">
        <v>34339</v>
      </c>
      <c r="F11937">
        <v>4</v>
      </c>
      <c r="G11937" t="s">
        <v>14</v>
      </c>
      <c r="H11937" t="s">
        <v>28004</v>
      </c>
      <c r="I11937" t="s">
        <v>30540</v>
      </c>
    </row>
    <row r="11938" spans="1:9">
      <c r="A11938" s="1">
        <v>0.45930512284516378</v>
      </c>
      <c r="B11938" s="1"/>
      <c r="C11938">
        <v>10</v>
      </c>
      <c r="D11938" t="s">
        <v>27999</v>
      </c>
      <c r="E11938" t="s">
        <v>34339</v>
      </c>
      <c r="F11938">
        <v>4</v>
      </c>
      <c r="G11938" t="s">
        <v>14</v>
      </c>
      <c r="H11938" t="s">
        <v>28000</v>
      </c>
      <c r="I11938" t="s">
        <v>30540</v>
      </c>
    </row>
    <row r="11939" spans="1:9">
      <c r="A11939" s="1">
        <v>0.38085815867187522</v>
      </c>
      <c r="B11939" s="1"/>
      <c r="C11939">
        <v>5</v>
      </c>
      <c r="D11939" t="s">
        <v>27997</v>
      </c>
      <c r="E11939" t="s">
        <v>34339</v>
      </c>
      <c r="F11939">
        <v>4</v>
      </c>
      <c r="G11939" t="s">
        <v>9</v>
      </c>
      <c r="H11939" t="s">
        <v>27998</v>
      </c>
      <c r="I11939" t="s">
        <v>30540</v>
      </c>
    </row>
    <row r="11940" spans="1:9">
      <c r="A11940" s="1">
        <v>0.76317893296692896</v>
      </c>
      <c r="B11940" s="1"/>
      <c r="C11940">
        <v>18</v>
      </c>
      <c r="D11940" t="s">
        <v>28005</v>
      </c>
      <c r="E11940" t="s">
        <v>34339</v>
      </c>
      <c r="F11940">
        <v>3</v>
      </c>
      <c r="G11940" t="s">
        <v>14</v>
      </c>
      <c r="H11940" t="s">
        <v>28006</v>
      </c>
      <c r="I11940" t="s">
        <v>30540</v>
      </c>
    </row>
    <row r="11941" spans="1:9">
      <c r="A11941" s="1">
        <v>0.84402564060459484</v>
      </c>
      <c r="B11941" s="1"/>
      <c r="C11941">
        <v>1</v>
      </c>
      <c r="D11941" t="s">
        <v>27993</v>
      </c>
      <c r="E11941" t="s">
        <v>34340</v>
      </c>
      <c r="F11941">
        <v>4</v>
      </c>
      <c r="G11941" t="s">
        <v>10</v>
      </c>
      <c r="H11941" t="s">
        <v>27994</v>
      </c>
      <c r="I11941" t="s">
        <v>30540</v>
      </c>
    </row>
    <row r="11942" spans="1:9">
      <c r="A11942" s="1">
        <v>0.63645776888348415</v>
      </c>
      <c r="B11942" s="1"/>
      <c r="C11942">
        <v>9</v>
      </c>
      <c r="D11942" t="s">
        <v>27995</v>
      </c>
      <c r="E11942" t="s">
        <v>34340</v>
      </c>
      <c r="F11942">
        <v>4</v>
      </c>
      <c r="G11942" t="s">
        <v>14</v>
      </c>
      <c r="H11942" t="s">
        <v>27996</v>
      </c>
      <c r="I11942" t="s">
        <v>30540</v>
      </c>
    </row>
    <row r="11943" spans="1:9">
      <c r="A11943" s="1">
        <v>0.75366588627071929</v>
      </c>
      <c r="B11943" s="1"/>
      <c r="C11943">
        <v>3</v>
      </c>
      <c r="D11943" t="s">
        <v>27985</v>
      </c>
      <c r="E11943" t="s">
        <v>34342</v>
      </c>
      <c r="F11943">
        <v>5</v>
      </c>
      <c r="G11943" t="s">
        <v>14</v>
      </c>
      <c r="H11943" t="s">
        <v>27986</v>
      </c>
      <c r="I11943" t="s">
        <v>30540</v>
      </c>
    </row>
    <row r="11944" spans="1:9">
      <c r="A11944" s="1">
        <v>3.738336741834436E-2</v>
      </c>
      <c r="B11944" s="1"/>
      <c r="C11944">
        <v>13</v>
      </c>
      <c r="D11944" t="s">
        <v>27989</v>
      </c>
      <c r="E11944" t="s">
        <v>34342</v>
      </c>
      <c r="F11944">
        <v>5</v>
      </c>
      <c r="G11944" t="s">
        <v>2738</v>
      </c>
      <c r="H11944" t="s">
        <v>27990</v>
      </c>
      <c r="I11944" t="s">
        <v>30540</v>
      </c>
    </row>
    <row r="11945" spans="1:9">
      <c r="A11945" s="1">
        <v>0.93314859286042162</v>
      </c>
      <c r="B11945" s="1"/>
      <c r="C11945">
        <v>10</v>
      </c>
      <c r="D11945" t="s">
        <v>27987</v>
      </c>
      <c r="E11945" t="s">
        <v>34342</v>
      </c>
      <c r="F11945">
        <v>4</v>
      </c>
      <c r="G11945" t="s">
        <v>14</v>
      </c>
      <c r="H11945" t="s">
        <v>27988</v>
      </c>
      <c r="I11945" t="s">
        <v>30540</v>
      </c>
    </row>
    <row r="11946" spans="1:9">
      <c r="A11946" s="1">
        <v>0.23908149778954668</v>
      </c>
      <c r="B11946" s="1"/>
      <c r="C11946">
        <v>13</v>
      </c>
      <c r="D11946" t="s">
        <v>27983</v>
      </c>
      <c r="E11946" t="s">
        <v>34343</v>
      </c>
      <c r="F11946">
        <v>5</v>
      </c>
      <c r="G11946" t="s">
        <v>0</v>
      </c>
      <c r="H11946" t="s">
        <v>27984</v>
      </c>
      <c r="I11946" t="s">
        <v>30540</v>
      </c>
    </row>
    <row r="11947" spans="1:9">
      <c r="A11947" s="1">
        <v>0.28659433663383127</v>
      </c>
      <c r="B11947" s="1"/>
      <c r="C11947">
        <v>9</v>
      </c>
      <c r="D11947" t="s">
        <v>27975</v>
      </c>
      <c r="E11947" t="s">
        <v>34344</v>
      </c>
      <c r="F11947">
        <v>5</v>
      </c>
      <c r="G11947" t="s">
        <v>14</v>
      </c>
      <c r="H11947" t="s">
        <v>27976</v>
      </c>
      <c r="I11947" t="s">
        <v>30540</v>
      </c>
    </row>
    <row r="11948" spans="1:9">
      <c r="A11948" s="1">
        <v>0.55099157792957465</v>
      </c>
      <c r="B11948" s="1"/>
      <c r="C11948">
        <v>12</v>
      </c>
      <c r="D11948" t="s">
        <v>27977</v>
      </c>
      <c r="E11948" t="s">
        <v>34344</v>
      </c>
      <c r="F11948">
        <v>4</v>
      </c>
      <c r="G11948" t="s">
        <v>14</v>
      </c>
      <c r="H11948" t="s">
        <v>27978</v>
      </c>
      <c r="I11948" t="s">
        <v>30540</v>
      </c>
    </row>
    <row r="11949" spans="1:9">
      <c r="A11949" s="1">
        <v>0.50732914765127135</v>
      </c>
      <c r="B11949" s="1"/>
      <c r="C11949">
        <v>6</v>
      </c>
      <c r="D11949" t="s">
        <v>27973</v>
      </c>
      <c r="E11949" t="s">
        <v>34344</v>
      </c>
      <c r="F11949">
        <v>4</v>
      </c>
      <c r="G11949" t="s">
        <v>14</v>
      </c>
      <c r="H11949" t="s">
        <v>27974</v>
      </c>
      <c r="I11949" t="s">
        <v>30540</v>
      </c>
    </row>
    <row r="11950" spans="1:9">
      <c r="A11950" s="1">
        <v>0.46281948081164859</v>
      </c>
      <c r="B11950" s="1"/>
      <c r="C11950">
        <v>2</v>
      </c>
      <c r="D11950" t="s">
        <v>27961</v>
      </c>
      <c r="E11950" t="s">
        <v>34345</v>
      </c>
      <c r="F11950">
        <v>5</v>
      </c>
      <c r="G11950" t="s">
        <v>2</v>
      </c>
      <c r="H11950" t="s">
        <v>27962</v>
      </c>
      <c r="I11950" t="s">
        <v>30540</v>
      </c>
    </row>
    <row r="11951" spans="1:9">
      <c r="A11951" s="1">
        <v>0.62957365843023494</v>
      </c>
      <c r="B11951" s="1"/>
      <c r="C11951">
        <v>14</v>
      </c>
      <c r="D11951" t="s">
        <v>27967</v>
      </c>
      <c r="E11951" t="s">
        <v>34345</v>
      </c>
      <c r="F11951">
        <v>4</v>
      </c>
      <c r="G11951" t="s">
        <v>14</v>
      </c>
      <c r="H11951" t="s">
        <v>27968</v>
      </c>
      <c r="I11951" t="s">
        <v>30540</v>
      </c>
    </row>
    <row r="11952" spans="1:9">
      <c r="A11952" s="1">
        <v>0.60270520515184112</v>
      </c>
      <c r="B11952" s="1"/>
      <c r="C11952">
        <v>17</v>
      </c>
      <c r="D11952" t="s">
        <v>27971</v>
      </c>
      <c r="E11952" t="s">
        <v>34345</v>
      </c>
      <c r="F11952">
        <v>4</v>
      </c>
      <c r="G11952" t="s">
        <v>1</v>
      </c>
      <c r="H11952" t="s">
        <v>27972</v>
      </c>
      <c r="I11952" t="s">
        <v>30540</v>
      </c>
    </row>
    <row r="11953" spans="1:9">
      <c r="A11953" s="1">
        <v>0.96997201536904354</v>
      </c>
      <c r="B11953" s="1"/>
      <c r="C11953">
        <v>6</v>
      </c>
      <c r="D11953" t="s">
        <v>27963</v>
      </c>
      <c r="E11953" t="s">
        <v>34345</v>
      </c>
      <c r="F11953">
        <v>4</v>
      </c>
      <c r="G11953" t="s">
        <v>15</v>
      </c>
      <c r="H11953" t="s">
        <v>27964</v>
      </c>
      <c r="I11953" t="s">
        <v>30540</v>
      </c>
    </row>
    <row r="11954" spans="1:9">
      <c r="A11954" s="1">
        <v>0.55851622608154849</v>
      </c>
      <c r="B11954" s="1"/>
      <c r="C11954">
        <v>16</v>
      </c>
      <c r="D11954" t="s">
        <v>27969</v>
      </c>
      <c r="E11954" t="s">
        <v>34345</v>
      </c>
      <c r="F11954">
        <v>4</v>
      </c>
      <c r="G11954" t="s">
        <v>14</v>
      </c>
      <c r="H11954" t="s">
        <v>27970</v>
      </c>
      <c r="I11954" t="s">
        <v>30540</v>
      </c>
    </row>
    <row r="11955" spans="1:9">
      <c r="A11955" s="1">
        <v>0.5312986214791654</v>
      </c>
      <c r="B11955" s="1"/>
      <c r="C11955">
        <v>10</v>
      </c>
      <c r="D11955" t="s">
        <v>27965</v>
      </c>
      <c r="E11955" t="s">
        <v>34345</v>
      </c>
      <c r="F11955">
        <v>4</v>
      </c>
      <c r="G11955" t="s">
        <v>14</v>
      </c>
      <c r="H11955" t="s">
        <v>27966</v>
      </c>
      <c r="I11955" t="s">
        <v>30540</v>
      </c>
    </row>
    <row r="11956" spans="1:9">
      <c r="A11956" s="1">
        <v>0.6559807284236977</v>
      </c>
      <c r="B11956" s="1"/>
      <c r="C11956">
        <v>9</v>
      </c>
      <c r="D11956" t="s">
        <v>27955</v>
      </c>
      <c r="E11956" t="s">
        <v>34346</v>
      </c>
      <c r="F11956">
        <v>5</v>
      </c>
      <c r="G11956" t="s">
        <v>10</v>
      </c>
      <c r="H11956" t="s">
        <v>27956</v>
      </c>
      <c r="I11956" t="s">
        <v>30540</v>
      </c>
    </row>
    <row r="11957" spans="1:9">
      <c r="A11957" s="1">
        <v>0.44856589350497322</v>
      </c>
      <c r="B11957" s="1"/>
      <c r="C11957">
        <v>11</v>
      </c>
      <c r="D11957" t="s">
        <v>27957</v>
      </c>
      <c r="E11957" t="s">
        <v>34346</v>
      </c>
      <c r="F11957">
        <v>4</v>
      </c>
      <c r="G11957" t="s">
        <v>14</v>
      </c>
      <c r="H11957" t="s">
        <v>27958</v>
      </c>
      <c r="I11957" t="s">
        <v>30540</v>
      </c>
    </row>
    <row r="11958" spans="1:9">
      <c r="A11958" s="1">
        <v>0.69909477920248497</v>
      </c>
      <c r="B11958" s="1"/>
      <c r="C11958">
        <v>6</v>
      </c>
      <c r="D11958" t="s">
        <v>27953</v>
      </c>
      <c r="E11958" t="s">
        <v>34346</v>
      </c>
      <c r="F11958">
        <v>4</v>
      </c>
      <c r="G11958" t="s">
        <v>14</v>
      </c>
      <c r="H11958" t="s">
        <v>27954</v>
      </c>
      <c r="I11958" t="s">
        <v>30540</v>
      </c>
    </row>
    <row r="11959" spans="1:9">
      <c r="A11959" s="1">
        <v>0.48575718708519977</v>
      </c>
      <c r="B11959" s="1"/>
      <c r="C11959">
        <v>20</v>
      </c>
      <c r="D11959" t="s">
        <v>27959</v>
      </c>
      <c r="E11959" t="s">
        <v>34346</v>
      </c>
      <c r="F11959">
        <v>4</v>
      </c>
      <c r="G11959" t="s">
        <v>14</v>
      </c>
      <c r="H11959" t="s">
        <v>27960</v>
      </c>
      <c r="I11959" t="s">
        <v>30540</v>
      </c>
    </row>
    <row r="11960" spans="1:9">
      <c r="A11960" s="1">
        <v>0.82207374528085264</v>
      </c>
      <c r="B11960" s="1"/>
      <c r="C11960">
        <v>10</v>
      </c>
      <c r="D11960" t="s">
        <v>27943</v>
      </c>
      <c r="E11960" t="s">
        <v>34347</v>
      </c>
      <c r="F11960">
        <v>5</v>
      </c>
      <c r="G11960" t="s">
        <v>2738</v>
      </c>
      <c r="H11960" t="s">
        <v>27944</v>
      </c>
      <c r="I11960" t="s">
        <v>30540</v>
      </c>
    </row>
    <row r="11961" spans="1:9">
      <c r="A11961" s="1">
        <v>0.38662854320151441</v>
      </c>
      <c r="B11961" s="1"/>
      <c r="C11961">
        <v>19</v>
      </c>
      <c r="D11961" t="s">
        <v>27949</v>
      </c>
      <c r="E11961" t="s">
        <v>34347</v>
      </c>
      <c r="F11961">
        <v>4</v>
      </c>
      <c r="G11961" t="s">
        <v>3107</v>
      </c>
      <c r="H11961" t="s">
        <v>27950</v>
      </c>
      <c r="I11961" t="s">
        <v>30540</v>
      </c>
    </row>
    <row r="11962" spans="1:9">
      <c r="A11962" s="1">
        <v>0.52744913174823604</v>
      </c>
      <c r="B11962" s="1"/>
      <c r="C11962">
        <v>3</v>
      </c>
      <c r="D11962" t="s">
        <v>27941</v>
      </c>
      <c r="E11962" t="s">
        <v>34347</v>
      </c>
      <c r="F11962">
        <v>4</v>
      </c>
      <c r="G11962" t="s">
        <v>14</v>
      </c>
      <c r="H11962" t="s">
        <v>27942</v>
      </c>
      <c r="I11962" t="s">
        <v>30540</v>
      </c>
    </row>
    <row r="11963" spans="1:9">
      <c r="A11963" s="1">
        <v>0.21595022286274101</v>
      </c>
      <c r="B11963" s="1"/>
      <c r="C11963">
        <v>11</v>
      </c>
      <c r="D11963" t="s">
        <v>27945</v>
      </c>
      <c r="E11963" t="s">
        <v>34347</v>
      </c>
      <c r="F11963">
        <v>4</v>
      </c>
      <c r="G11963" t="s">
        <v>766</v>
      </c>
      <c r="H11963" t="s">
        <v>27946</v>
      </c>
      <c r="I11963" t="s">
        <v>30540</v>
      </c>
    </row>
    <row r="11964" spans="1:9">
      <c r="A11964" s="1">
        <v>0.84482745228767608</v>
      </c>
      <c r="B11964" s="1"/>
      <c r="C11964">
        <v>1</v>
      </c>
      <c r="D11964" t="s">
        <v>27939</v>
      </c>
      <c r="E11964" t="s">
        <v>34347</v>
      </c>
      <c r="F11964">
        <v>4</v>
      </c>
      <c r="G11964" t="s">
        <v>762</v>
      </c>
      <c r="H11964" t="s">
        <v>27940</v>
      </c>
      <c r="I11964" t="s">
        <v>30540</v>
      </c>
    </row>
    <row r="11965" spans="1:9">
      <c r="A11965" s="1">
        <v>0.19467994965061364</v>
      </c>
      <c r="B11965" s="1"/>
      <c r="C11965">
        <v>20</v>
      </c>
      <c r="D11965" t="s">
        <v>27951</v>
      </c>
      <c r="E11965" t="s">
        <v>34347</v>
      </c>
      <c r="F11965">
        <v>3</v>
      </c>
      <c r="G11965" t="s">
        <v>14</v>
      </c>
      <c r="H11965" t="s">
        <v>27952</v>
      </c>
      <c r="I11965" t="s">
        <v>30540</v>
      </c>
    </row>
    <row r="11966" spans="1:9">
      <c r="A11966" s="1">
        <v>0.69117338759491043</v>
      </c>
      <c r="B11966" s="1"/>
      <c r="C11966">
        <v>17</v>
      </c>
      <c r="D11966" t="s">
        <v>27937</v>
      </c>
      <c r="E11966" t="s">
        <v>34348</v>
      </c>
      <c r="F11966">
        <v>5</v>
      </c>
      <c r="G11966" t="s">
        <v>14</v>
      </c>
      <c r="H11966" t="s">
        <v>27938</v>
      </c>
      <c r="I11966" t="s">
        <v>30540</v>
      </c>
    </row>
    <row r="11967" spans="1:9">
      <c r="A11967" s="1">
        <v>0.88564764535717744</v>
      </c>
      <c r="B11967" s="1"/>
      <c r="C11967">
        <v>9</v>
      </c>
      <c r="D11967" t="s">
        <v>27933</v>
      </c>
      <c r="E11967" t="s">
        <v>34348</v>
      </c>
      <c r="F11967">
        <v>4</v>
      </c>
      <c r="G11967" t="s">
        <v>10</v>
      </c>
      <c r="H11967" t="s">
        <v>27934</v>
      </c>
      <c r="I11967" t="s">
        <v>30540</v>
      </c>
    </row>
    <row r="11968" spans="1:9">
      <c r="A11968" s="1">
        <v>0.20572571637691484</v>
      </c>
      <c r="B11968" s="1"/>
      <c r="C11968">
        <v>2</v>
      </c>
      <c r="D11968" t="s">
        <v>27927</v>
      </c>
      <c r="E11968" t="s">
        <v>34349</v>
      </c>
      <c r="F11968">
        <v>5</v>
      </c>
      <c r="G11968" t="s">
        <v>14</v>
      </c>
      <c r="H11968" t="s">
        <v>27928</v>
      </c>
      <c r="I11968" t="s">
        <v>30540</v>
      </c>
    </row>
    <row r="11969" spans="1:9">
      <c r="A11969" s="1">
        <v>0.60198435350647483</v>
      </c>
      <c r="B11969" s="1"/>
      <c r="C11969">
        <v>8</v>
      </c>
      <c r="D11969" t="s">
        <v>27929</v>
      </c>
      <c r="E11969" t="s">
        <v>34349</v>
      </c>
      <c r="F11969">
        <v>5</v>
      </c>
      <c r="G11969" t="s">
        <v>14</v>
      </c>
      <c r="H11969" t="s">
        <v>27930</v>
      </c>
      <c r="I11969" t="s">
        <v>30540</v>
      </c>
    </row>
    <row r="11970" spans="1:9">
      <c r="A11970" s="1">
        <v>0.68260420730033211</v>
      </c>
      <c r="B11970" s="1"/>
      <c r="C11970">
        <v>10</v>
      </c>
      <c r="D11970" t="s">
        <v>27931</v>
      </c>
      <c r="E11970" t="s">
        <v>34349</v>
      </c>
      <c r="F11970">
        <v>4</v>
      </c>
      <c r="G11970" t="s">
        <v>14</v>
      </c>
      <c r="H11970" t="s">
        <v>27932</v>
      </c>
      <c r="I11970" t="s">
        <v>30540</v>
      </c>
    </row>
    <row r="11971" spans="1:9">
      <c r="A11971" s="1">
        <v>0.70465510008542076</v>
      </c>
      <c r="B11971" s="1"/>
      <c r="C11971">
        <v>16</v>
      </c>
      <c r="D11971" t="s">
        <v>27923</v>
      </c>
      <c r="E11971" t="s">
        <v>34350</v>
      </c>
      <c r="F11971">
        <v>4</v>
      </c>
      <c r="G11971" t="s">
        <v>14</v>
      </c>
      <c r="H11971" t="s">
        <v>27924</v>
      </c>
      <c r="I11971" t="s">
        <v>30540</v>
      </c>
    </row>
    <row r="11972" spans="1:9">
      <c r="A11972" s="1">
        <v>0.25265938401814314</v>
      </c>
      <c r="B11972" s="1"/>
      <c r="C11972">
        <v>8</v>
      </c>
      <c r="D11972" t="s">
        <v>27921</v>
      </c>
      <c r="E11972" t="s">
        <v>34350</v>
      </c>
      <c r="F11972">
        <v>4</v>
      </c>
      <c r="G11972" t="s">
        <v>15</v>
      </c>
      <c r="H11972" t="s">
        <v>27922</v>
      </c>
      <c r="I11972" t="s">
        <v>30540</v>
      </c>
    </row>
    <row r="11973" spans="1:9">
      <c r="A11973" s="1">
        <v>0.78097983635410384</v>
      </c>
      <c r="B11973" s="1"/>
      <c r="C11973">
        <v>17</v>
      </c>
      <c r="D11973" t="s">
        <v>27925</v>
      </c>
      <c r="E11973" t="s">
        <v>34350</v>
      </c>
      <c r="F11973">
        <v>4</v>
      </c>
      <c r="G11973" t="s">
        <v>14</v>
      </c>
      <c r="H11973" t="s">
        <v>27926</v>
      </c>
      <c r="I11973" t="s">
        <v>30540</v>
      </c>
    </row>
    <row r="11974" spans="1:9">
      <c r="A11974" s="1">
        <v>0.90811079117819948</v>
      </c>
      <c r="B11974" s="1"/>
      <c r="C11974">
        <v>18</v>
      </c>
      <c r="D11974" t="s">
        <v>27917</v>
      </c>
      <c r="E11974" t="s">
        <v>34351</v>
      </c>
      <c r="F11974">
        <v>5</v>
      </c>
      <c r="G11974" t="s">
        <v>762</v>
      </c>
      <c r="H11974" t="s">
        <v>27918</v>
      </c>
      <c r="I11974" t="s">
        <v>30540</v>
      </c>
    </row>
    <row r="11975" spans="1:9">
      <c r="A11975" s="1">
        <v>0.31665746837041997</v>
      </c>
      <c r="B11975" s="1"/>
      <c r="C11975">
        <v>15</v>
      </c>
      <c r="D11975" t="s">
        <v>27915</v>
      </c>
      <c r="E11975" t="s">
        <v>34351</v>
      </c>
      <c r="F11975">
        <v>4</v>
      </c>
      <c r="G11975" t="s">
        <v>10</v>
      </c>
      <c r="H11975" t="s">
        <v>27916</v>
      </c>
      <c r="I11975" t="s">
        <v>30540</v>
      </c>
    </row>
    <row r="11976" spans="1:9">
      <c r="A11976" s="1">
        <v>0.62877733564749605</v>
      </c>
      <c r="B11976" s="1"/>
      <c r="C11976">
        <v>4</v>
      </c>
      <c r="D11976" t="s">
        <v>27909</v>
      </c>
      <c r="E11976" t="s">
        <v>34351</v>
      </c>
      <c r="F11976">
        <v>4</v>
      </c>
      <c r="G11976" t="s">
        <v>10</v>
      </c>
      <c r="H11976" t="s">
        <v>27910</v>
      </c>
      <c r="I11976" t="s">
        <v>30540</v>
      </c>
    </row>
    <row r="11977" spans="1:9">
      <c r="A11977" s="1">
        <v>0.5808029440198933</v>
      </c>
      <c r="B11977" s="1"/>
      <c r="C11977">
        <v>13</v>
      </c>
      <c r="D11977" t="s">
        <v>27913</v>
      </c>
      <c r="E11977" t="s">
        <v>34351</v>
      </c>
      <c r="F11977">
        <v>4</v>
      </c>
      <c r="G11977" t="s">
        <v>1431</v>
      </c>
      <c r="H11977" t="s">
        <v>27914</v>
      </c>
      <c r="I11977" t="s">
        <v>30540</v>
      </c>
    </row>
    <row r="11978" spans="1:9">
      <c r="A11978" s="1">
        <v>0.82886074549000321</v>
      </c>
      <c r="B11978" s="1"/>
      <c r="C11978">
        <v>20</v>
      </c>
      <c r="D11978" t="s">
        <v>27919</v>
      </c>
      <c r="E11978" t="s">
        <v>34351</v>
      </c>
      <c r="F11978">
        <v>4</v>
      </c>
      <c r="G11978" t="s">
        <v>2</v>
      </c>
      <c r="H11978" t="s">
        <v>27920</v>
      </c>
      <c r="I11978" t="s">
        <v>30540</v>
      </c>
    </row>
    <row r="11979" spans="1:9">
      <c r="A11979" s="1">
        <v>0.61054035463373479</v>
      </c>
      <c r="B11979" s="1"/>
      <c r="C11979">
        <v>5</v>
      </c>
      <c r="D11979" t="s">
        <v>27911</v>
      </c>
      <c r="E11979" t="s">
        <v>34351</v>
      </c>
      <c r="F11979">
        <v>3</v>
      </c>
      <c r="G11979" t="s">
        <v>15</v>
      </c>
      <c r="H11979" t="s">
        <v>27912</v>
      </c>
      <c r="I11979" t="s">
        <v>30540</v>
      </c>
    </row>
    <row r="11980" spans="1:9">
      <c r="A11980" s="1">
        <v>0.5391517936427106</v>
      </c>
      <c r="B11980" s="1"/>
      <c r="C11980">
        <v>6</v>
      </c>
      <c r="D11980" t="s">
        <v>27903</v>
      </c>
      <c r="E11980" t="s">
        <v>34352</v>
      </c>
      <c r="F11980">
        <v>5</v>
      </c>
      <c r="G11980" t="s">
        <v>14</v>
      </c>
      <c r="H11980" t="s">
        <v>27904</v>
      </c>
      <c r="I11980" t="s">
        <v>30540</v>
      </c>
    </row>
    <row r="11981" spans="1:9">
      <c r="A11981" s="1">
        <v>0.51604197950073294</v>
      </c>
      <c r="B11981" s="1"/>
      <c r="C11981">
        <v>16</v>
      </c>
      <c r="D11981" t="s">
        <v>27907</v>
      </c>
      <c r="E11981" t="s">
        <v>34352</v>
      </c>
      <c r="F11981">
        <v>5</v>
      </c>
      <c r="G11981" t="s">
        <v>1</v>
      </c>
      <c r="H11981" t="s">
        <v>27908</v>
      </c>
      <c r="I11981" t="s">
        <v>30540</v>
      </c>
    </row>
    <row r="11982" spans="1:9">
      <c r="A11982" s="1">
        <v>0.28905029481101174</v>
      </c>
      <c r="B11982" s="1"/>
      <c r="C11982">
        <v>13</v>
      </c>
      <c r="D11982" t="s">
        <v>27905</v>
      </c>
      <c r="E11982" t="s">
        <v>34352</v>
      </c>
      <c r="F11982">
        <v>4</v>
      </c>
      <c r="G11982" t="s">
        <v>0</v>
      </c>
      <c r="H11982" t="s">
        <v>27906</v>
      </c>
      <c r="I11982" t="s">
        <v>30540</v>
      </c>
    </row>
    <row r="11983" spans="1:9">
      <c r="A11983" s="1">
        <v>0.43258810763671918</v>
      </c>
      <c r="B11983" s="1"/>
      <c r="C11983">
        <v>2</v>
      </c>
      <c r="D11983" t="s">
        <v>27895</v>
      </c>
      <c r="E11983" t="s">
        <v>34353</v>
      </c>
      <c r="F11983">
        <v>5</v>
      </c>
      <c r="G11983" t="s">
        <v>14</v>
      </c>
      <c r="H11983" t="s">
        <v>27896</v>
      </c>
      <c r="I11983" t="s">
        <v>30540</v>
      </c>
    </row>
    <row r="11984" spans="1:9">
      <c r="A11984" s="1">
        <v>0.31603827843692467</v>
      </c>
      <c r="B11984" s="1"/>
      <c r="C11984">
        <v>11</v>
      </c>
      <c r="D11984" t="s">
        <v>27899</v>
      </c>
      <c r="E11984" t="s">
        <v>34353</v>
      </c>
      <c r="F11984">
        <v>4</v>
      </c>
      <c r="G11984" t="s">
        <v>9</v>
      </c>
      <c r="H11984" t="s">
        <v>27900</v>
      </c>
      <c r="I11984" t="s">
        <v>30540</v>
      </c>
    </row>
    <row r="11985" spans="1:9">
      <c r="A11985" s="1">
        <v>0.19603653032468393</v>
      </c>
      <c r="B11985" s="1"/>
      <c r="C11985">
        <v>6</v>
      </c>
      <c r="D11985" t="s">
        <v>27897</v>
      </c>
      <c r="E11985" t="s">
        <v>34353</v>
      </c>
      <c r="F11985">
        <v>4</v>
      </c>
      <c r="G11985" t="s">
        <v>9</v>
      </c>
      <c r="H11985" t="s">
        <v>27898</v>
      </c>
      <c r="I11985" t="s">
        <v>30540</v>
      </c>
    </row>
    <row r="11986" spans="1:9">
      <c r="A11986" s="1">
        <v>0.65229556844969949</v>
      </c>
      <c r="B11986" s="1"/>
      <c r="C11986">
        <v>12</v>
      </c>
      <c r="D11986" t="s">
        <v>27901</v>
      </c>
      <c r="E11986" t="s">
        <v>34353</v>
      </c>
      <c r="F11986">
        <v>3</v>
      </c>
      <c r="G11986" t="s">
        <v>9</v>
      </c>
      <c r="H11986" t="s">
        <v>27902</v>
      </c>
      <c r="I11986" t="s">
        <v>30540</v>
      </c>
    </row>
    <row r="11987" spans="1:9">
      <c r="A11987" s="1">
        <v>0.50591429267519572</v>
      </c>
      <c r="B11987" s="1"/>
      <c r="C11987">
        <v>6</v>
      </c>
      <c r="D11987" t="s">
        <v>27889</v>
      </c>
      <c r="E11987" t="s">
        <v>34354</v>
      </c>
      <c r="F11987">
        <v>4</v>
      </c>
      <c r="G11987" t="s">
        <v>9</v>
      </c>
      <c r="H11987" t="s">
        <v>27890</v>
      </c>
      <c r="I11987" t="s">
        <v>30540</v>
      </c>
    </row>
    <row r="11988" spans="1:9">
      <c r="A11988" s="1">
        <v>0.65806606064943374</v>
      </c>
      <c r="B11988" s="1"/>
      <c r="C11988">
        <v>9</v>
      </c>
      <c r="D11988" t="s">
        <v>27891</v>
      </c>
      <c r="E11988" t="s">
        <v>34354</v>
      </c>
      <c r="F11988">
        <v>4</v>
      </c>
      <c r="G11988" t="s">
        <v>14</v>
      </c>
      <c r="H11988" t="s">
        <v>27892</v>
      </c>
      <c r="I11988" t="s">
        <v>30540</v>
      </c>
    </row>
    <row r="11989" spans="1:9">
      <c r="A11989" s="1">
        <v>0.33983646955858415</v>
      </c>
      <c r="B11989" s="1"/>
      <c r="C11989">
        <v>16</v>
      </c>
      <c r="D11989" t="s">
        <v>27893</v>
      </c>
      <c r="E11989" t="s">
        <v>34354</v>
      </c>
      <c r="F11989">
        <v>4</v>
      </c>
      <c r="G11989" t="s">
        <v>14</v>
      </c>
      <c r="H11989" t="s">
        <v>27894</v>
      </c>
      <c r="I11989" t="s">
        <v>30540</v>
      </c>
    </row>
    <row r="11990" spans="1:9">
      <c r="A11990" s="1">
        <v>0.42199241227039397</v>
      </c>
      <c r="B11990" s="1"/>
      <c r="C11990">
        <v>11</v>
      </c>
      <c r="D11990" t="s">
        <v>27883</v>
      </c>
      <c r="E11990" t="s">
        <v>34355</v>
      </c>
      <c r="F11990">
        <v>4</v>
      </c>
      <c r="G11990" t="s">
        <v>1</v>
      </c>
      <c r="H11990" t="s">
        <v>27884</v>
      </c>
      <c r="I11990" t="s">
        <v>30540</v>
      </c>
    </row>
    <row r="11991" spans="1:9">
      <c r="A11991" s="1">
        <v>0.39236018795547023</v>
      </c>
      <c r="B11991" s="1"/>
      <c r="C11991">
        <v>8</v>
      </c>
      <c r="D11991" t="s">
        <v>27879</v>
      </c>
      <c r="E11991" t="s">
        <v>34355</v>
      </c>
      <c r="F11991">
        <v>4</v>
      </c>
      <c r="G11991" t="s">
        <v>762</v>
      </c>
      <c r="H11991" t="s">
        <v>27880</v>
      </c>
      <c r="I11991" t="s">
        <v>30540</v>
      </c>
    </row>
    <row r="11992" spans="1:9">
      <c r="A11992" s="1">
        <v>7.870220541236872E-2</v>
      </c>
      <c r="B11992" s="1"/>
      <c r="C11992">
        <v>14</v>
      </c>
      <c r="D11992" t="s">
        <v>27887</v>
      </c>
      <c r="E11992" t="s">
        <v>34355</v>
      </c>
      <c r="F11992">
        <v>4</v>
      </c>
      <c r="G11992" t="s">
        <v>2</v>
      </c>
      <c r="H11992" t="s">
        <v>27888</v>
      </c>
      <c r="I11992" t="s">
        <v>30540</v>
      </c>
    </row>
    <row r="11993" spans="1:9">
      <c r="A11993" s="1">
        <v>0.29662828801674201</v>
      </c>
      <c r="B11993" s="1"/>
      <c r="C11993">
        <v>10</v>
      </c>
      <c r="D11993" t="s">
        <v>27881</v>
      </c>
      <c r="E11993" t="s">
        <v>34355</v>
      </c>
      <c r="F11993">
        <v>4</v>
      </c>
      <c r="G11993" t="s">
        <v>770</v>
      </c>
      <c r="H11993" t="s">
        <v>27882</v>
      </c>
      <c r="I11993" t="s">
        <v>30540</v>
      </c>
    </row>
    <row r="11994" spans="1:9">
      <c r="A11994" s="1">
        <v>6.8996279961040519E-2</v>
      </c>
      <c r="B11994" s="1"/>
      <c r="C11994">
        <v>12</v>
      </c>
      <c r="D11994" t="s">
        <v>27885</v>
      </c>
      <c r="E11994" t="s">
        <v>34355</v>
      </c>
      <c r="F11994">
        <v>4</v>
      </c>
      <c r="G11994" t="s">
        <v>14</v>
      </c>
      <c r="H11994" t="s">
        <v>27886</v>
      </c>
      <c r="I11994" t="s">
        <v>30540</v>
      </c>
    </row>
    <row r="11995" spans="1:9">
      <c r="A11995" s="1">
        <v>0.54740879512912677</v>
      </c>
      <c r="B11995" s="1"/>
      <c r="C11995">
        <v>8</v>
      </c>
      <c r="D11995" t="s">
        <v>27871</v>
      </c>
      <c r="E11995" t="s">
        <v>34356</v>
      </c>
      <c r="F11995">
        <v>4</v>
      </c>
      <c r="G11995" t="s">
        <v>9</v>
      </c>
      <c r="H11995" t="s">
        <v>27872</v>
      </c>
      <c r="I11995" t="s">
        <v>30540</v>
      </c>
    </row>
    <row r="11996" spans="1:9">
      <c r="A11996" s="1">
        <v>0.60455664381468743</v>
      </c>
      <c r="B11996" s="1"/>
      <c r="C11996">
        <v>9</v>
      </c>
      <c r="D11996" t="s">
        <v>27873</v>
      </c>
      <c r="E11996" t="s">
        <v>34356</v>
      </c>
      <c r="F11996">
        <v>4</v>
      </c>
      <c r="G11996" t="s">
        <v>14</v>
      </c>
      <c r="H11996" t="s">
        <v>27874</v>
      </c>
      <c r="I11996" t="s">
        <v>30540</v>
      </c>
    </row>
    <row r="11997" spans="1:9">
      <c r="A11997" s="1">
        <v>0.81205831328555766</v>
      </c>
      <c r="B11997" s="1"/>
      <c r="C11997">
        <v>13</v>
      </c>
      <c r="D11997" t="s">
        <v>27875</v>
      </c>
      <c r="E11997" t="s">
        <v>34356</v>
      </c>
      <c r="F11997">
        <v>4</v>
      </c>
      <c r="G11997" t="s">
        <v>14</v>
      </c>
      <c r="H11997" t="s">
        <v>27876</v>
      </c>
      <c r="I11997" t="s">
        <v>30540</v>
      </c>
    </row>
    <row r="11998" spans="1:9">
      <c r="A11998" s="1">
        <v>0.90795841642567399</v>
      </c>
      <c r="B11998" s="1"/>
      <c r="C11998">
        <v>6</v>
      </c>
      <c r="D11998" t="s">
        <v>27869</v>
      </c>
      <c r="E11998" t="s">
        <v>34356</v>
      </c>
      <c r="F11998">
        <v>3</v>
      </c>
      <c r="G11998" t="s">
        <v>14</v>
      </c>
      <c r="H11998" t="s">
        <v>27870</v>
      </c>
      <c r="I11998" t="s">
        <v>30540</v>
      </c>
    </row>
    <row r="11999" spans="1:9">
      <c r="A11999" s="1">
        <v>0.13978966465641096</v>
      </c>
      <c r="B11999" s="1"/>
      <c r="C11999">
        <v>15</v>
      </c>
      <c r="D11999" t="s">
        <v>27865</v>
      </c>
      <c r="E11999" t="s">
        <v>34357</v>
      </c>
      <c r="F11999">
        <v>4</v>
      </c>
      <c r="G11999" t="s">
        <v>2</v>
      </c>
      <c r="H11999" t="s">
        <v>27866</v>
      </c>
      <c r="I11999" t="s">
        <v>30540</v>
      </c>
    </row>
    <row r="12000" spans="1:9">
      <c r="A12000" s="1">
        <v>0.57489075515484378</v>
      </c>
      <c r="B12000" s="1"/>
      <c r="C12000">
        <v>7</v>
      </c>
      <c r="D12000" t="s">
        <v>27861</v>
      </c>
      <c r="E12000" t="s">
        <v>34357</v>
      </c>
      <c r="F12000">
        <v>4</v>
      </c>
      <c r="G12000" t="s">
        <v>14</v>
      </c>
      <c r="H12000" t="s">
        <v>27862</v>
      </c>
      <c r="I12000" t="s">
        <v>30540</v>
      </c>
    </row>
    <row r="12001" spans="1:9">
      <c r="A12001" s="1">
        <v>0.42178932044737105</v>
      </c>
      <c r="B12001" s="1"/>
      <c r="C12001">
        <v>16</v>
      </c>
      <c r="D12001" t="s">
        <v>27867</v>
      </c>
      <c r="E12001" t="s">
        <v>34357</v>
      </c>
      <c r="F12001">
        <v>4</v>
      </c>
      <c r="G12001" t="s">
        <v>14</v>
      </c>
      <c r="H12001" t="s">
        <v>27868</v>
      </c>
      <c r="I12001" t="s">
        <v>30540</v>
      </c>
    </row>
    <row r="12002" spans="1:9">
      <c r="A12002" s="1">
        <v>0.1538719409928393</v>
      </c>
      <c r="B12002" s="1"/>
      <c r="C12002">
        <v>6</v>
      </c>
      <c r="D12002" t="s">
        <v>27859</v>
      </c>
      <c r="E12002" t="s">
        <v>34357</v>
      </c>
      <c r="F12002">
        <v>4</v>
      </c>
      <c r="G12002" t="s">
        <v>9</v>
      </c>
      <c r="H12002" t="s">
        <v>27860</v>
      </c>
      <c r="I12002" t="s">
        <v>30540</v>
      </c>
    </row>
    <row r="12003" spans="1:9">
      <c r="A12003" s="1">
        <v>0.41376074592407908</v>
      </c>
      <c r="B12003" s="1"/>
      <c r="C12003">
        <v>13</v>
      </c>
      <c r="D12003" t="s">
        <v>27863</v>
      </c>
      <c r="E12003" t="s">
        <v>34357</v>
      </c>
      <c r="F12003">
        <v>4</v>
      </c>
      <c r="G12003" t="s">
        <v>14</v>
      </c>
      <c r="H12003" t="s">
        <v>27864</v>
      </c>
      <c r="I12003" t="s">
        <v>30540</v>
      </c>
    </row>
    <row r="12004" spans="1:9">
      <c r="A12004" s="1">
        <v>0.87384919278666251</v>
      </c>
      <c r="B12004" s="1"/>
      <c r="C12004">
        <v>2</v>
      </c>
      <c r="D12004" t="s">
        <v>27851</v>
      </c>
      <c r="E12004" t="s">
        <v>34358</v>
      </c>
      <c r="F12004">
        <v>5</v>
      </c>
      <c r="G12004" t="s">
        <v>10</v>
      </c>
      <c r="H12004" t="s">
        <v>27852</v>
      </c>
      <c r="I12004" t="s">
        <v>30540</v>
      </c>
    </row>
    <row r="12005" spans="1:9">
      <c r="A12005" s="1">
        <v>0.25093805143804837</v>
      </c>
      <c r="B12005" s="1"/>
      <c r="C12005">
        <v>8</v>
      </c>
      <c r="D12005" t="s">
        <v>27855</v>
      </c>
      <c r="E12005" t="s">
        <v>34358</v>
      </c>
      <c r="F12005">
        <v>4</v>
      </c>
      <c r="G12005" t="s">
        <v>9</v>
      </c>
      <c r="H12005" t="s">
        <v>27856</v>
      </c>
      <c r="I12005" t="s">
        <v>30540</v>
      </c>
    </row>
    <row r="12006" spans="1:9">
      <c r="A12006" s="1">
        <v>0.49251916577914079</v>
      </c>
      <c r="B12006" s="1"/>
      <c r="C12006">
        <v>9</v>
      </c>
      <c r="D12006" t="s">
        <v>27857</v>
      </c>
      <c r="E12006" t="s">
        <v>34358</v>
      </c>
      <c r="F12006">
        <v>4</v>
      </c>
      <c r="G12006" t="s">
        <v>14</v>
      </c>
      <c r="H12006" t="s">
        <v>27858</v>
      </c>
      <c r="I12006" t="s">
        <v>30540</v>
      </c>
    </row>
    <row r="12007" spans="1:9">
      <c r="A12007" s="1">
        <v>0.63938342731771913</v>
      </c>
      <c r="B12007" s="1"/>
      <c r="C12007">
        <v>5</v>
      </c>
      <c r="D12007" t="s">
        <v>27853</v>
      </c>
      <c r="E12007" t="s">
        <v>34358</v>
      </c>
      <c r="F12007">
        <v>4</v>
      </c>
      <c r="G12007" t="s">
        <v>9</v>
      </c>
      <c r="H12007" t="s">
        <v>27854</v>
      </c>
      <c r="I12007" t="s">
        <v>30540</v>
      </c>
    </row>
    <row r="12008" spans="1:9">
      <c r="A12008" s="1">
        <v>0.73229893803610968</v>
      </c>
      <c r="B12008" s="1"/>
      <c r="C12008">
        <v>1</v>
      </c>
      <c r="D12008" t="s">
        <v>27849</v>
      </c>
      <c r="E12008" t="s">
        <v>34358</v>
      </c>
      <c r="F12008">
        <v>4</v>
      </c>
      <c r="G12008" t="s">
        <v>2</v>
      </c>
      <c r="H12008" t="s">
        <v>27850</v>
      </c>
      <c r="I12008" t="s">
        <v>30540</v>
      </c>
    </row>
    <row r="12009" spans="1:9">
      <c r="A12009" s="1">
        <v>0.67147360971887982</v>
      </c>
      <c r="B12009" s="1"/>
      <c r="C12009">
        <v>14</v>
      </c>
      <c r="D12009" t="s">
        <v>27841</v>
      </c>
      <c r="E12009" t="s">
        <v>34359</v>
      </c>
      <c r="F12009">
        <v>5</v>
      </c>
      <c r="G12009" t="s">
        <v>14</v>
      </c>
      <c r="H12009" t="s">
        <v>27842</v>
      </c>
      <c r="I12009" t="s">
        <v>30540</v>
      </c>
    </row>
    <row r="12010" spans="1:9">
      <c r="A12010" s="1">
        <v>0.30721242321654563</v>
      </c>
      <c r="B12010" s="1"/>
      <c r="C12010">
        <v>8</v>
      </c>
      <c r="D12010" t="s">
        <v>27839</v>
      </c>
      <c r="E12010" t="s">
        <v>34359</v>
      </c>
      <c r="F12010">
        <v>5</v>
      </c>
      <c r="G12010" t="s">
        <v>14</v>
      </c>
      <c r="H12010" t="s">
        <v>27840</v>
      </c>
      <c r="I12010" t="s">
        <v>30540</v>
      </c>
    </row>
    <row r="12011" spans="1:9">
      <c r="A12011" s="1">
        <v>0.84448083402321106</v>
      </c>
      <c r="B12011" s="1"/>
      <c r="C12011">
        <v>18</v>
      </c>
      <c r="D12011" t="s">
        <v>27845</v>
      </c>
      <c r="E12011" t="s">
        <v>34359</v>
      </c>
      <c r="F12011">
        <v>4</v>
      </c>
      <c r="G12011" t="s">
        <v>15</v>
      </c>
      <c r="H12011" t="s">
        <v>27846</v>
      </c>
      <c r="I12011" t="s">
        <v>30540</v>
      </c>
    </row>
    <row r="12012" spans="1:9">
      <c r="A12012" s="1">
        <v>0.41961505900758533</v>
      </c>
      <c r="B12012" s="1"/>
      <c r="C12012">
        <v>17</v>
      </c>
      <c r="D12012" t="s">
        <v>27843</v>
      </c>
      <c r="E12012" t="s">
        <v>34359</v>
      </c>
      <c r="F12012">
        <v>4</v>
      </c>
      <c r="G12012" t="s">
        <v>14</v>
      </c>
      <c r="H12012" t="s">
        <v>27844</v>
      </c>
      <c r="I12012" t="s">
        <v>30540</v>
      </c>
    </row>
    <row r="12013" spans="1:9">
      <c r="A12013" s="1">
        <v>0.83479212737236752</v>
      </c>
      <c r="B12013" s="1"/>
      <c r="C12013">
        <v>13</v>
      </c>
      <c r="D12013" t="s">
        <v>27833</v>
      </c>
      <c r="E12013" t="s">
        <v>34360</v>
      </c>
      <c r="F12013">
        <v>5</v>
      </c>
      <c r="G12013" t="s">
        <v>1295</v>
      </c>
      <c r="H12013" t="s">
        <v>27834</v>
      </c>
      <c r="I12013" t="s">
        <v>30540</v>
      </c>
    </row>
    <row r="12014" spans="1:9">
      <c r="A12014" s="1">
        <v>0.31079799951143561</v>
      </c>
      <c r="B12014" s="1"/>
      <c r="C12014">
        <v>7</v>
      </c>
      <c r="D12014" t="s">
        <v>27831</v>
      </c>
      <c r="E12014" t="s">
        <v>34360</v>
      </c>
      <c r="F12014">
        <v>4</v>
      </c>
      <c r="G12014" t="s">
        <v>1431</v>
      </c>
      <c r="H12014" t="s">
        <v>27832</v>
      </c>
      <c r="I12014" t="s">
        <v>30540</v>
      </c>
    </row>
    <row r="12015" spans="1:9">
      <c r="A12015" s="1">
        <v>0.77139336691697247</v>
      </c>
      <c r="B12015" s="1"/>
      <c r="C12015">
        <v>9</v>
      </c>
      <c r="D12015" t="s">
        <v>27827</v>
      </c>
      <c r="E12015" t="s">
        <v>34361</v>
      </c>
      <c r="F12015">
        <v>4</v>
      </c>
      <c r="G12015" t="s">
        <v>14</v>
      </c>
      <c r="H12015" t="s">
        <v>27828</v>
      </c>
      <c r="I12015" t="s">
        <v>30540</v>
      </c>
    </row>
    <row r="12016" spans="1:9">
      <c r="A12016" s="1">
        <v>0.63747502295705916</v>
      </c>
      <c r="B12016" s="1"/>
      <c r="C12016">
        <v>14</v>
      </c>
      <c r="D12016" t="s">
        <v>27829</v>
      </c>
      <c r="E12016" t="s">
        <v>34361</v>
      </c>
      <c r="F12016">
        <v>3</v>
      </c>
      <c r="G12016" t="s">
        <v>14</v>
      </c>
      <c r="H12016" t="s">
        <v>27830</v>
      </c>
      <c r="I12016" t="s">
        <v>30540</v>
      </c>
    </row>
    <row r="12017" spans="1:9">
      <c r="A12017" s="1">
        <v>0.4362516261976177</v>
      </c>
      <c r="B12017" s="1"/>
      <c r="C12017">
        <v>11</v>
      </c>
      <c r="D12017" t="s">
        <v>27821</v>
      </c>
      <c r="E12017" t="s">
        <v>34362</v>
      </c>
      <c r="F12017">
        <v>4</v>
      </c>
      <c r="G12017" t="s">
        <v>14</v>
      </c>
      <c r="H12017" t="s">
        <v>27822</v>
      </c>
      <c r="I12017" t="s">
        <v>30540</v>
      </c>
    </row>
    <row r="12018" spans="1:9">
      <c r="A12018" s="1">
        <v>0.71868204470796604</v>
      </c>
      <c r="B12018" s="1"/>
      <c r="C12018">
        <v>17</v>
      </c>
      <c r="D12018" t="s">
        <v>27823</v>
      </c>
      <c r="E12018" t="s">
        <v>34362</v>
      </c>
      <c r="F12018">
        <v>4</v>
      </c>
      <c r="G12018" t="s">
        <v>1</v>
      </c>
      <c r="H12018" t="s">
        <v>27824</v>
      </c>
      <c r="I12018" t="s">
        <v>30540</v>
      </c>
    </row>
    <row r="12019" spans="1:9">
      <c r="A12019" s="1">
        <v>0.62504300117827594</v>
      </c>
      <c r="B12019" s="1"/>
      <c r="C12019">
        <v>18</v>
      </c>
      <c r="D12019" t="s">
        <v>27819</v>
      </c>
      <c r="E12019" t="s">
        <v>34363</v>
      </c>
      <c r="F12019">
        <v>5</v>
      </c>
      <c r="G12019" t="s">
        <v>14</v>
      </c>
      <c r="H12019" t="s">
        <v>27820</v>
      </c>
      <c r="I12019" t="s">
        <v>30540</v>
      </c>
    </row>
    <row r="12020" spans="1:9">
      <c r="A12020" s="1">
        <v>8.7798989661758808E-2</v>
      </c>
      <c r="B12020" s="1"/>
      <c r="C12020">
        <v>1</v>
      </c>
      <c r="D12020" t="s">
        <v>27807</v>
      </c>
      <c r="E12020" t="s">
        <v>34363</v>
      </c>
      <c r="F12020">
        <v>5</v>
      </c>
      <c r="G12020" t="s">
        <v>2</v>
      </c>
      <c r="H12020" t="s">
        <v>27808</v>
      </c>
      <c r="I12020" t="s">
        <v>30540</v>
      </c>
    </row>
    <row r="12021" spans="1:9">
      <c r="A12021" s="1">
        <v>0.18735505061612301</v>
      </c>
      <c r="B12021" s="1"/>
      <c r="C12021">
        <v>16</v>
      </c>
      <c r="D12021" t="s">
        <v>27815</v>
      </c>
      <c r="E12021" t="s">
        <v>34363</v>
      </c>
      <c r="F12021">
        <v>4</v>
      </c>
      <c r="G12021" t="s">
        <v>9</v>
      </c>
      <c r="H12021" t="s">
        <v>27816</v>
      </c>
      <c r="I12021" t="s">
        <v>30540</v>
      </c>
    </row>
    <row r="12022" spans="1:9">
      <c r="A12022" s="1">
        <v>0.49408773235163639</v>
      </c>
      <c r="B12022" s="1"/>
      <c r="C12022">
        <v>14</v>
      </c>
      <c r="D12022" t="s">
        <v>27813</v>
      </c>
      <c r="E12022" t="s">
        <v>34363</v>
      </c>
      <c r="F12022">
        <v>4</v>
      </c>
      <c r="G12022" t="s">
        <v>14</v>
      </c>
      <c r="H12022" t="s">
        <v>27814</v>
      </c>
      <c r="I12022" t="s">
        <v>30540</v>
      </c>
    </row>
    <row r="12023" spans="1:9">
      <c r="A12023" s="1">
        <v>0.80312458635873063</v>
      </c>
      <c r="B12023" s="1"/>
      <c r="C12023">
        <v>8</v>
      </c>
      <c r="D12023" t="s">
        <v>27809</v>
      </c>
      <c r="E12023" t="s">
        <v>34363</v>
      </c>
      <c r="F12023">
        <v>4</v>
      </c>
      <c r="G12023" t="s">
        <v>14</v>
      </c>
      <c r="H12023" t="s">
        <v>27810</v>
      </c>
      <c r="I12023" t="s">
        <v>30540</v>
      </c>
    </row>
    <row r="12024" spans="1:9">
      <c r="A12024" s="1">
        <v>0.2668056185994655</v>
      </c>
      <c r="B12024" s="1"/>
      <c r="C12024">
        <v>12</v>
      </c>
      <c r="D12024" t="s">
        <v>27811</v>
      </c>
      <c r="E12024" t="s">
        <v>34363</v>
      </c>
      <c r="F12024">
        <v>4</v>
      </c>
      <c r="G12024" t="s">
        <v>14</v>
      </c>
      <c r="H12024" t="s">
        <v>27812</v>
      </c>
      <c r="I12024" t="s">
        <v>30540</v>
      </c>
    </row>
    <row r="12025" spans="1:9">
      <c r="A12025" s="1">
        <v>0.5621254944314239</v>
      </c>
      <c r="B12025" s="1"/>
      <c r="C12025">
        <v>17</v>
      </c>
      <c r="D12025" t="s">
        <v>27817</v>
      </c>
      <c r="E12025" t="s">
        <v>34363</v>
      </c>
      <c r="F12025">
        <v>3</v>
      </c>
      <c r="G12025" t="s">
        <v>14</v>
      </c>
      <c r="H12025" t="s">
        <v>27818</v>
      </c>
      <c r="I12025" t="s">
        <v>30540</v>
      </c>
    </row>
    <row r="12026" spans="1:9">
      <c r="A12026" s="1">
        <v>0.67709816239832044</v>
      </c>
      <c r="B12026" s="1"/>
      <c r="C12026">
        <v>12</v>
      </c>
      <c r="D12026" t="s">
        <v>27801</v>
      </c>
      <c r="E12026" t="s">
        <v>34364</v>
      </c>
      <c r="F12026">
        <v>5</v>
      </c>
      <c r="G12026" t="s">
        <v>14</v>
      </c>
      <c r="H12026" t="s">
        <v>27802</v>
      </c>
      <c r="I12026" t="s">
        <v>30540</v>
      </c>
    </row>
    <row r="12027" spans="1:9">
      <c r="A12027" s="1">
        <v>0.95916026798094767</v>
      </c>
      <c r="B12027" s="1"/>
      <c r="C12027">
        <v>13</v>
      </c>
      <c r="D12027" t="s">
        <v>27803</v>
      </c>
      <c r="E12027" t="s">
        <v>34364</v>
      </c>
      <c r="F12027">
        <v>5</v>
      </c>
      <c r="G12027" t="s">
        <v>14</v>
      </c>
      <c r="H12027" t="s">
        <v>27804</v>
      </c>
      <c r="I12027" t="s">
        <v>30540</v>
      </c>
    </row>
    <row r="12028" spans="1:9">
      <c r="A12028" s="1">
        <v>0.47400816714373073</v>
      </c>
      <c r="B12028" s="1"/>
      <c r="C12028">
        <v>10</v>
      </c>
      <c r="D12028" t="s">
        <v>27799</v>
      </c>
      <c r="E12028" t="s">
        <v>34364</v>
      </c>
      <c r="F12028">
        <v>4</v>
      </c>
      <c r="G12028" t="s">
        <v>14</v>
      </c>
      <c r="H12028" t="s">
        <v>27800</v>
      </c>
      <c r="I12028" t="s">
        <v>30540</v>
      </c>
    </row>
    <row r="12029" spans="1:9">
      <c r="A12029" s="1">
        <v>0.1666838234240926</v>
      </c>
      <c r="B12029" s="1"/>
      <c r="C12029">
        <v>15</v>
      </c>
      <c r="D12029" t="s">
        <v>27805</v>
      </c>
      <c r="E12029" t="s">
        <v>34364</v>
      </c>
      <c r="F12029">
        <v>4</v>
      </c>
      <c r="G12029" t="s">
        <v>14</v>
      </c>
      <c r="H12029" t="s">
        <v>27806</v>
      </c>
      <c r="I12029" t="s">
        <v>30540</v>
      </c>
    </row>
    <row r="12030" spans="1:9">
      <c r="A12030" s="1">
        <v>0.16965992801236895</v>
      </c>
      <c r="B12030" s="1"/>
      <c r="C12030">
        <v>13</v>
      </c>
      <c r="D12030" t="s">
        <v>27797</v>
      </c>
      <c r="E12030" t="s">
        <v>34365</v>
      </c>
      <c r="F12030">
        <v>4</v>
      </c>
      <c r="G12030" t="s">
        <v>2738</v>
      </c>
      <c r="H12030" t="s">
        <v>27798</v>
      </c>
      <c r="I12030" t="s">
        <v>30540</v>
      </c>
    </row>
    <row r="12031" spans="1:9">
      <c r="A12031" s="1">
        <v>0.71456584100439258</v>
      </c>
      <c r="B12031" s="1"/>
      <c r="C12031">
        <v>12</v>
      </c>
      <c r="D12031" t="s">
        <v>27795</v>
      </c>
      <c r="E12031" t="s">
        <v>34365</v>
      </c>
      <c r="F12031">
        <v>4</v>
      </c>
      <c r="G12031" t="s">
        <v>14</v>
      </c>
      <c r="H12031" t="s">
        <v>27796</v>
      </c>
      <c r="I12031" t="s">
        <v>30540</v>
      </c>
    </row>
    <row r="12032" spans="1:9">
      <c r="A12032" s="1">
        <v>0.59197123197101154</v>
      </c>
      <c r="B12032" s="1"/>
      <c r="C12032">
        <v>1</v>
      </c>
      <c r="D12032" t="s">
        <v>27781</v>
      </c>
      <c r="E12032" t="s">
        <v>34366</v>
      </c>
      <c r="F12032">
        <v>5</v>
      </c>
      <c r="G12032" t="s">
        <v>0</v>
      </c>
      <c r="H12032" t="s">
        <v>27782</v>
      </c>
      <c r="I12032" t="s">
        <v>30540</v>
      </c>
    </row>
    <row r="12033" spans="1:9">
      <c r="A12033" s="1">
        <v>0.34307223313661761</v>
      </c>
      <c r="B12033" s="1"/>
      <c r="C12033">
        <v>13</v>
      </c>
      <c r="D12033" t="s">
        <v>27791</v>
      </c>
      <c r="E12033" t="s">
        <v>34366</v>
      </c>
      <c r="F12033">
        <v>5</v>
      </c>
      <c r="G12033" t="s">
        <v>14</v>
      </c>
      <c r="H12033" t="s">
        <v>27792</v>
      </c>
      <c r="I12033" t="s">
        <v>30540</v>
      </c>
    </row>
    <row r="12034" spans="1:9">
      <c r="A12034" s="1">
        <v>0.82221884874861229</v>
      </c>
      <c r="B12034" s="1"/>
      <c r="C12034">
        <v>7</v>
      </c>
      <c r="D12034" t="s">
        <v>27787</v>
      </c>
      <c r="E12034" t="s">
        <v>34366</v>
      </c>
      <c r="F12034">
        <v>4</v>
      </c>
      <c r="G12034" t="s">
        <v>9</v>
      </c>
      <c r="H12034" t="s">
        <v>27788</v>
      </c>
      <c r="I12034" t="s">
        <v>30540</v>
      </c>
    </row>
    <row r="12035" spans="1:9">
      <c r="A12035" s="1">
        <v>0.98934807568105232</v>
      </c>
      <c r="B12035" s="1"/>
      <c r="C12035">
        <v>8</v>
      </c>
      <c r="D12035" t="s">
        <v>27789</v>
      </c>
      <c r="E12035" t="s">
        <v>34366</v>
      </c>
      <c r="F12035">
        <v>4</v>
      </c>
      <c r="G12035" t="s">
        <v>9</v>
      </c>
      <c r="H12035" t="s">
        <v>27790</v>
      </c>
      <c r="I12035" t="s">
        <v>30540</v>
      </c>
    </row>
    <row r="12036" spans="1:9">
      <c r="A12036" s="1">
        <v>0.1490197061058941</v>
      </c>
      <c r="B12036" s="1"/>
      <c r="C12036">
        <v>4</v>
      </c>
      <c r="D12036" t="s">
        <v>27783</v>
      </c>
      <c r="E12036" t="s">
        <v>34366</v>
      </c>
      <c r="F12036">
        <v>4</v>
      </c>
      <c r="G12036" t="s">
        <v>10</v>
      </c>
      <c r="H12036" t="s">
        <v>27784</v>
      </c>
      <c r="I12036" t="s">
        <v>30540</v>
      </c>
    </row>
    <row r="12037" spans="1:9">
      <c r="A12037" s="1">
        <v>0.82019308405038394</v>
      </c>
      <c r="B12037" s="1"/>
      <c r="C12037">
        <v>6</v>
      </c>
      <c r="D12037" t="s">
        <v>27785</v>
      </c>
      <c r="E12037" t="s">
        <v>34366</v>
      </c>
      <c r="F12037">
        <v>4</v>
      </c>
      <c r="G12037" t="s">
        <v>14</v>
      </c>
      <c r="H12037" t="s">
        <v>27786</v>
      </c>
      <c r="I12037" t="s">
        <v>30540</v>
      </c>
    </row>
    <row r="12038" spans="1:9">
      <c r="A12038" s="1">
        <v>0.59773568329454407</v>
      </c>
      <c r="B12038" s="1"/>
      <c r="C12038">
        <v>10</v>
      </c>
      <c r="D12038" t="s">
        <v>27777</v>
      </c>
      <c r="E12038" t="s">
        <v>34367</v>
      </c>
      <c r="F12038">
        <v>5</v>
      </c>
      <c r="G12038" t="s">
        <v>14</v>
      </c>
      <c r="H12038" t="s">
        <v>27778</v>
      </c>
      <c r="I12038" t="s">
        <v>30540</v>
      </c>
    </row>
    <row r="12039" spans="1:9">
      <c r="A12039" s="1">
        <v>0.7456013914886046</v>
      </c>
      <c r="B12039" s="1"/>
      <c r="C12039">
        <v>19</v>
      </c>
      <c r="D12039" t="s">
        <v>27773</v>
      </c>
      <c r="E12039" t="s">
        <v>34368</v>
      </c>
      <c r="F12039">
        <v>4</v>
      </c>
      <c r="G12039" t="s">
        <v>769</v>
      </c>
      <c r="H12039" t="s">
        <v>27774</v>
      </c>
      <c r="I12039" t="s">
        <v>30540</v>
      </c>
    </row>
    <row r="12040" spans="1:9">
      <c r="A12040" s="1">
        <v>0.93607011342206281</v>
      </c>
      <c r="B12040" s="1"/>
      <c r="C12040">
        <v>1</v>
      </c>
      <c r="D12040" t="s">
        <v>27761</v>
      </c>
      <c r="E12040" t="s">
        <v>34368</v>
      </c>
      <c r="F12040">
        <v>4</v>
      </c>
      <c r="G12040" t="s">
        <v>14</v>
      </c>
      <c r="H12040" t="s">
        <v>27762</v>
      </c>
      <c r="I12040" t="s">
        <v>30540</v>
      </c>
    </row>
    <row r="12041" spans="1:9">
      <c r="A12041" s="1">
        <v>8.2503468482003406E-2</v>
      </c>
      <c r="B12041" s="1"/>
      <c r="C12041">
        <v>4</v>
      </c>
      <c r="D12041" t="s">
        <v>27763</v>
      </c>
      <c r="E12041" t="s">
        <v>34368</v>
      </c>
      <c r="F12041">
        <v>4</v>
      </c>
      <c r="G12041" t="s">
        <v>14</v>
      </c>
      <c r="H12041" t="s">
        <v>27764</v>
      </c>
      <c r="I12041" t="s">
        <v>30540</v>
      </c>
    </row>
    <row r="12042" spans="1:9">
      <c r="A12042" s="1">
        <v>0.75229265966172221</v>
      </c>
      <c r="B12042" s="1"/>
      <c r="C12042">
        <v>5</v>
      </c>
      <c r="D12042" t="s">
        <v>27765</v>
      </c>
      <c r="E12042" t="s">
        <v>34368</v>
      </c>
      <c r="F12042">
        <v>4</v>
      </c>
      <c r="G12042" t="s">
        <v>10</v>
      </c>
      <c r="H12042" t="s">
        <v>27766</v>
      </c>
      <c r="I12042" t="s">
        <v>30540</v>
      </c>
    </row>
    <row r="12043" spans="1:9">
      <c r="A12043" s="1">
        <v>0.53099148011157626</v>
      </c>
      <c r="B12043" s="1"/>
      <c r="C12043">
        <v>11</v>
      </c>
      <c r="D12043" t="s">
        <v>27769</v>
      </c>
      <c r="E12043" t="s">
        <v>34368</v>
      </c>
      <c r="F12043">
        <v>4</v>
      </c>
      <c r="G12043" t="s">
        <v>9</v>
      </c>
      <c r="H12043" t="s">
        <v>27770</v>
      </c>
      <c r="I12043" t="s">
        <v>30540</v>
      </c>
    </row>
    <row r="12044" spans="1:9">
      <c r="A12044" s="1">
        <v>0.81067685100516429</v>
      </c>
      <c r="B12044" s="1"/>
      <c r="C12044">
        <v>8</v>
      </c>
      <c r="D12044" t="s">
        <v>27757</v>
      </c>
      <c r="E12044" t="s">
        <v>34369</v>
      </c>
      <c r="F12044">
        <v>5</v>
      </c>
      <c r="G12044" t="s">
        <v>14</v>
      </c>
      <c r="H12044" t="s">
        <v>27758</v>
      </c>
      <c r="I12044" t="s">
        <v>30540</v>
      </c>
    </row>
    <row r="12045" spans="1:9">
      <c r="A12045" s="1">
        <v>5.2892906351517888E-2</v>
      </c>
      <c r="B12045" s="1"/>
      <c r="C12045">
        <v>2</v>
      </c>
      <c r="D12045" t="s">
        <v>27753</v>
      </c>
      <c r="E12045" t="s">
        <v>34369</v>
      </c>
      <c r="F12045">
        <v>5</v>
      </c>
      <c r="G12045" t="s">
        <v>2</v>
      </c>
      <c r="H12045" t="s">
        <v>27754</v>
      </c>
      <c r="I12045" t="s">
        <v>30540</v>
      </c>
    </row>
    <row r="12046" spans="1:9">
      <c r="A12046" s="1">
        <v>0.69409321062434581</v>
      </c>
      <c r="B12046" s="1"/>
      <c r="C12046">
        <v>9</v>
      </c>
      <c r="D12046" t="s">
        <v>27759</v>
      </c>
      <c r="E12046" t="s">
        <v>34369</v>
      </c>
      <c r="F12046">
        <v>4</v>
      </c>
      <c r="G12046" t="s">
        <v>14</v>
      </c>
      <c r="H12046" t="s">
        <v>27760</v>
      </c>
      <c r="I12046" t="s">
        <v>30540</v>
      </c>
    </row>
    <row r="12047" spans="1:9">
      <c r="A12047" s="1">
        <v>7.2000708267434543E-2</v>
      </c>
      <c r="B12047" s="1"/>
      <c r="C12047">
        <v>3</v>
      </c>
      <c r="D12047" t="s">
        <v>27755</v>
      </c>
      <c r="E12047" t="s">
        <v>34369</v>
      </c>
      <c r="F12047">
        <v>4</v>
      </c>
      <c r="G12047" t="s">
        <v>10</v>
      </c>
      <c r="H12047" t="s">
        <v>27756</v>
      </c>
      <c r="I12047" t="s">
        <v>30540</v>
      </c>
    </row>
    <row r="12048" spans="1:9">
      <c r="A12048" s="1">
        <v>0.5178917582101471</v>
      </c>
      <c r="B12048" s="1"/>
      <c r="C12048">
        <v>12</v>
      </c>
      <c r="D12048" t="s">
        <v>27743</v>
      </c>
      <c r="E12048" t="s">
        <v>34370</v>
      </c>
      <c r="F12048">
        <v>5</v>
      </c>
      <c r="G12048" t="s">
        <v>9</v>
      </c>
      <c r="H12048" t="s">
        <v>27744</v>
      </c>
      <c r="I12048" t="s">
        <v>30540</v>
      </c>
    </row>
    <row r="12049" spans="1:9">
      <c r="A12049" s="1">
        <v>0.26583370271111906</v>
      </c>
      <c r="B12049" s="1"/>
      <c r="C12049">
        <v>2</v>
      </c>
      <c r="D12049" t="s">
        <v>27741</v>
      </c>
      <c r="E12049" t="s">
        <v>34370</v>
      </c>
      <c r="F12049">
        <v>5</v>
      </c>
      <c r="G12049" t="s">
        <v>2</v>
      </c>
      <c r="H12049" t="s">
        <v>27742</v>
      </c>
      <c r="I12049" t="s">
        <v>30540</v>
      </c>
    </row>
    <row r="12050" spans="1:9">
      <c r="A12050" s="1">
        <v>0.79005993622956217</v>
      </c>
      <c r="B12050" s="1"/>
      <c r="C12050">
        <v>16</v>
      </c>
      <c r="D12050" t="s">
        <v>27749</v>
      </c>
      <c r="E12050" t="s">
        <v>34370</v>
      </c>
      <c r="F12050">
        <v>5</v>
      </c>
      <c r="G12050" t="s">
        <v>14</v>
      </c>
      <c r="H12050" t="s">
        <v>27750</v>
      </c>
      <c r="I12050" t="s">
        <v>30540</v>
      </c>
    </row>
    <row r="12051" spans="1:9">
      <c r="A12051" s="1">
        <v>0.11208673786857781</v>
      </c>
      <c r="B12051" s="1"/>
      <c r="C12051">
        <v>15</v>
      </c>
      <c r="D12051" t="s">
        <v>27747</v>
      </c>
      <c r="E12051" t="s">
        <v>34370</v>
      </c>
      <c r="F12051">
        <v>4</v>
      </c>
      <c r="G12051" t="s">
        <v>0</v>
      </c>
      <c r="H12051" t="s">
        <v>27748</v>
      </c>
      <c r="I12051" t="s">
        <v>30540</v>
      </c>
    </row>
    <row r="12052" spans="1:9">
      <c r="A12052" s="1">
        <v>0.35879600343838269</v>
      </c>
      <c r="B12052" s="1"/>
      <c r="C12052">
        <v>13</v>
      </c>
      <c r="D12052" t="s">
        <v>27745</v>
      </c>
      <c r="E12052" t="s">
        <v>34370</v>
      </c>
      <c r="F12052">
        <v>4</v>
      </c>
      <c r="G12052" t="s">
        <v>14</v>
      </c>
      <c r="H12052" t="s">
        <v>27746</v>
      </c>
      <c r="I12052" t="s">
        <v>30540</v>
      </c>
    </row>
    <row r="12053" spans="1:9">
      <c r="A12053" s="1">
        <v>1.3699936973326277E-2</v>
      </c>
      <c r="B12053" s="1"/>
      <c r="C12053">
        <v>18</v>
      </c>
      <c r="D12053" t="s">
        <v>27751</v>
      </c>
      <c r="E12053" t="s">
        <v>34370</v>
      </c>
      <c r="F12053">
        <v>4</v>
      </c>
      <c r="G12053" t="s">
        <v>14</v>
      </c>
      <c r="H12053" t="s">
        <v>27752</v>
      </c>
      <c r="I12053" t="s">
        <v>30540</v>
      </c>
    </row>
    <row r="12054" spans="1:9">
      <c r="A12054" s="1">
        <v>0.65725488838272939</v>
      </c>
      <c r="B12054" s="1"/>
      <c r="C12054">
        <v>11</v>
      </c>
      <c r="D12054" t="s">
        <v>27735</v>
      </c>
      <c r="E12054" t="s">
        <v>34371</v>
      </c>
      <c r="F12054">
        <v>4</v>
      </c>
      <c r="G12054" t="s">
        <v>14</v>
      </c>
      <c r="H12054" t="s">
        <v>27736</v>
      </c>
      <c r="I12054" t="s">
        <v>30540</v>
      </c>
    </row>
    <row r="12055" spans="1:9">
      <c r="A12055" s="1">
        <v>0.34021899104267805</v>
      </c>
      <c r="B12055" s="1"/>
      <c r="C12055">
        <v>14</v>
      </c>
      <c r="D12055" t="s">
        <v>27737</v>
      </c>
      <c r="E12055" t="s">
        <v>34371</v>
      </c>
      <c r="F12055">
        <v>4</v>
      </c>
      <c r="G12055" t="s">
        <v>14</v>
      </c>
      <c r="H12055" t="s">
        <v>27738</v>
      </c>
      <c r="I12055" t="s">
        <v>30540</v>
      </c>
    </row>
    <row r="12056" spans="1:9">
      <c r="A12056" s="1">
        <v>0.79459380042564309</v>
      </c>
      <c r="B12056" s="1"/>
      <c r="C12056">
        <v>19</v>
      </c>
      <c r="D12056" t="s">
        <v>27739</v>
      </c>
      <c r="E12056" t="s">
        <v>34371</v>
      </c>
      <c r="F12056">
        <v>4</v>
      </c>
      <c r="G12056" t="s">
        <v>14</v>
      </c>
      <c r="H12056" t="s">
        <v>27740</v>
      </c>
      <c r="I12056" t="s">
        <v>30540</v>
      </c>
    </row>
    <row r="12057" spans="1:9">
      <c r="A12057" s="1">
        <v>0.79729938710965254</v>
      </c>
      <c r="B12057" s="1"/>
      <c r="C12057">
        <v>3</v>
      </c>
      <c r="D12057" t="s">
        <v>27731</v>
      </c>
      <c r="E12057" t="s">
        <v>34371</v>
      </c>
      <c r="F12057">
        <v>4</v>
      </c>
      <c r="G12057" t="s">
        <v>2</v>
      </c>
      <c r="H12057" t="s">
        <v>27732</v>
      </c>
      <c r="I12057" t="s">
        <v>30540</v>
      </c>
    </row>
    <row r="12058" spans="1:9">
      <c r="A12058" s="1">
        <v>0.27031902154287957</v>
      </c>
      <c r="B12058" s="1"/>
      <c r="C12058">
        <v>7</v>
      </c>
      <c r="D12058" t="s">
        <v>27725</v>
      </c>
      <c r="E12058" t="s">
        <v>34372</v>
      </c>
      <c r="F12058">
        <v>5</v>
      </c>
      <c r="G12058" t="s">
        <v>9</v>
      </c>
      <c r="H12058" t="s">
        <v>27726</v>
      </c>
      <c r="I12058" t="s">
        <v>30540</v>
      </c>
    </row>
    <row r="12059" spans="1:9">
      <c r="A12059" s="1">
        <v>0.11734649068159519</v>
      </c>
      <c r="B12059" s="1"/>
      <c r="C12059">
        <v>9</v>
      </c>
      <c r="D12059" t="s">
        <v>27727</v>
      </c>
      <c r="E12059" t="s">
        <v>34372</v>
      </c>
      <c r="F12059">
        <v>4</v>
      </c>
      <c r="G12059" t="s">
        <v>14</v>
      </c>
      <c r="H12059" t="s">
        <v>27728</v>
      </c>
      <c r="I12059" t="s">
        <v>30540</v>
      </c>
    </row>
    <row r="12060" spans="1:9">
      <c r="A12060" s="1">
        <v>0.94318626756096791</v>
      </c>
      <c r="B12060" s="1"/>
      <c r="C12060">
        <v>1</v>
      </c>
      <c r="D12060" t="s">
        <v>27721</v>
      </c>
      <c r="E12060" t="s">
        <v>34372</v>
      </c>
      <c r="F12060">
        <v>4</v>
      </c>
      <c r="G12060" t="s">
        <v>2</v>
      </c>
      <c r="H12060" t="s">
        <v>27722</v>
      </c>
      <c r="I12060" t="s">
        <v>30540</v>
      </c>
    </row>
    <row r="12061" spans="1:9">
      <c r="A12061" s="1">
        <v>0.26462785489132246</v>
      </c>
      <c r="B12061" s="1"/>
      <c r="C12061">
        <v>3</v>
      </c>
      <c r="D12061" t="s">
        <v>27723</v>
      </c>
      <c r="E12061" t="s">
        <v>34372</v>
      </c>
      <c r="F12061">
        <v>4</v>
      </c>
      <c r="G12061" t="s">
        <v>14</v>
      </c>
      <c r="H12061" t="s">
        <v>27724</v>
      </c>
      <c r="I12061" t="s">
        <v>30540</v>
      </c>
    </row>
    <row r="12062" spans="1:9">
      <c r="A12062" s="1">
        <v>0.50852932446965882</v>
      </c>
      <c r="B12062" s="1"/>
      <c r="C12062">
        <v>12</v>
      </c>
      <c r="D12062" t="s">
        <v>27729</v>
      </c>
      <c r="E12062" t="s">
        <v>34372</v>
      </c>
      <c r="F12062">
        <v>4</v>
      </c>
      <c r="G12062" t="s">
        <v>14</v>
      </c>
      <c r="H12062" t="s">
        <v>27730</v>
      </c>
      <c r="I12062" t="s">
        <v>30540</v>
      </c>
    </row>
    <row r="12063" spans="1:9">
      <c r="A12063" s="1">
        <v>0.49647126873503922</v>
      </c>
      <c r="B12063" s="1"/>
      <c r="C12063">
        <v>17</v>
      </c>
      <c r="D12063" t="s">
        <v>27719</v>
      </c>
      <c r="E12063" t="s">
        <v>34373</v>
      </c>
      <c r="F12063">
        <v>5</v>
      </c>
      <c r="G12063" t="s">
        <v>2738</v>
      </c>
      <c r="H12063" t="s">
        <v>27720</v>
      </c>
      <c r="I12063" t="s">
        <v>30540</v>
      </c>
    </row>
    <row r="12064" spans="1:9">
      <c r="A12064" s="1">
        <v>8.4935179680255657E-2</v>
      </c>
      <c r="B12064" s="1"/>
      <c r="C12064">
        <v>8</v>
      </c>
      <c r="D12064" t="s">
        <v>27713</v>
      </c>
      <c r="E12064" t="s">
        <v>34373</v>
      </c>
      <c r="F12064">
        <v>5</v>
      </c>
      <c r="G12064" t="s">
        <v>14</v>
      </c>
      <c r="H12064" t="s">
        <v>27714</v>
      </c>
      <c r="I12064" t="s">
        <v>30540</v>
      </c>
    </row>
    <row r="12065" spans="1:9">
      <c r="A12065" s="1">
        <v>0.18837617542308838</v>
      </c>
      <c r="B12065" s="1"/>
      <c r="C12065">
        <v>1</v>
      </c>
      <c r="D12065" t="s">
        <v>27707</v>
      </c>
      <c r="E12065" t="s">
        <v>34373</v>
      </c>
      <c r="F12065">
        <v>4</v>
      </c>
      <c r="G12065" t="s">
        <v>762</v>
      </c>
      <c r="H12065" t="s">
        <v>27708</v>
      </c>
      <c r="I12065" t="s">
        <v>30540</v>
      </c>
    </row>
    <row r="12066" spans="1:9">
      <c r="A12066" s="1">
        <v>0.69209291216998325</v>
      </c>
      <c r="B12066" s="1"/>
      <c r="C12066">
        <v>13</v>
      </c>
      <c r="D12066" t="s">
        <v>27717</v>
      </c>
      <c r="E12066" t="s">
        <v>34373</v>
      </c>
      <c r="F12066">
        <v>4</v>
      </c>
      <c r="G12066" t="s">
        <v>14</v>
      </c>
      <c r="H12066" t="s">
        <v>27718</v>
      </c>
      <c r="I12066" t="s">
        <v>30540</v>
      </c>
    </row>
    <row r="12067" spans="1:9">
      <c r="A12067" s="1">
        <v>0.2170521269164325</v>
      </c>
      <c r="B12067" s="1"/>
      <c r="C12067">
        <v>11</v>
      </c>
      <c r="D12067" t="s">
        <v>27715</v>
      </c>
      <c r="E12067" t="s">
        <v>34373</v>
      </c>
      <c r="F12067">
        <v>4</v>
      </c>
      <c r="G12067" t="s">
        <v>13</v>
      </c>
      <c r="H12067" t="s">
        <v>27716</v>
      </c>
      <c r="I12067" t="s">
        <v>30540</v>
      </c>
    </row>
    <row r="12068" spans="1:9">
      <c r="A12068" s="1">
        <v>0.71776819191313046</v>
      </c>
      <c r="B12068" s="1"/>
      <c r="C12068">
        <v>6</v>
      </c>
      <c r="D12068" t="s">
        <v>27711</v>
      </c>
      <c r="E12068" t="s">
        <v>34373</v>
      </c>
      <c r="F12068">
        <v>3</v>
      </c>
      <c r="G12068" t="s">
        <v>10</v>
      </c>
      <c r="H12068" t="s">
        <v>27712</v>
      </c>
      <c r="I12068" t="s">
        <v>30540</v>
      </c>
    </row>
    <row r="12069" spans="1:9">
      <c r="A12069" s="1">
        <v>0.56711249109512263</v>
      </c>
      <c r="B12069" s="1"/>
      <c r="C12069">
        <v>13</v>
      </c>
      <c r="D12069" t="s">
        <v>27699</v>
      </c>
      <c r="E12069" t="s">
        <v>34374</v>
      </c>
      <c r="F12069">
        <v>5</v>
      </c>
      <c r="G12069" t="s">
        <v>14</v>
      </c>
      <c r="H12069" t="s">
        <v>27700</v>
      </c>
      <c r="I12069" t="s">
        <v>30540</v>
      </c>
    </row>
    <row r="12070" spans="1:9">
      <c r="A12070" s="1">
        <v>0.11464890488810764</v>
      </c>
      <c r="B12070" s="1"/>
      <c r="C12070">
        <v>14</v>
      </c>
      <c r="D12070" t="s">
        <v>27701</v>
      </c>
      <c r="E12070" t="s">
        <v>34374</v>
      </c>
      <c r="F12070">
        <v>4</v>
      </c>
      <c r="G12070" t="s">
        <v>14</v>
      </c>
      <c r="H12070" t="s">
        <v>27702</v>
      </c>
      <c r="I12070" t="s">
        <v>30540</v>
      </c>
    </row>
    <row r="12071" spans="1:9">
      <c r="A12071" s="1">
        <v>0.28950510774513616</v>
      </c>
      <c r="B12071" s="1"/>
      <c r="C12071">
        <v>17</v>
      </c>
      <c r="D12071" t="s">
        <v>27705</v>
      </c>
      <c r="E12071" t="s">
        <v>34374</v>
      </c>
      <c r="F12071">
        <v>4</v>
      </c>
      <c r="G12071" t="s">
        <v>14</v>
      </c>
      <c r="H12071" t="s">
        <v>27706</v>
      </c>
      <c r="I12071" t="s">
        <v>30540</v>
      </c>
    </row>
    <row r="12072" spans="1:9">
      <c r="A12072" s="1">
        <v>5.503627570093983E-2</v>
      </c>
      <c r="B12072" s="1"/>
      <c r="C12072">
        <v>15</v>
      </c>
      <c r="D12072" t="s">
        <v>27703</v>
      </c>
      <c r="E12072" t="s">
        <v>34374</v>
      </c>
      <c r="F12072">
        <v>3</v>
      </c>
      <c r="G12072" t="s">
        <v>0</v>
      </c>
      <c r="H12072" t="s">
        <v>27704</v>
      </c>
      <c r="I12072" t="s">
        <v>30540</v>
      </c>
    </row>
    <row r="12073" spans="1:9">
      <c r="A12073" s="1">
        <v>0.24241019305143519</v>
      </c>
      <c r="B12073" s="1"/>
      <c r="C12073">
        <v>5</v>
      </c>
      <c r="D12073" t="s">
        <v>27693</v>
      </c>
      <c r="E12073" t="s">
        <v>34375</v>
      </c>
      <c r="F12073">
        <v>5</v>
      </c>
      <c r="G12073" t="s">
        <v>9</v>
      </c>
      <c r="H12073" t="s">
        <v>27694</v>
      </c>
      <c r="I12073" t="s">
        <v>30540</v>
      </c>
    </row>
    <row r="12074" spans="1:9">
      <c r="A12074" s="1">
        <v>0.56676987222583486</v>
      </c>
      <c r="B12074" s="1"/>
      <c r="C12074">
        <v>11</v>
      </c>
      <c r="D12074" t="s">
        <v>27697</v>
      </c>
      <c r="E12074" t="s">
        <v>34375</v>
      </c>
      <c r="F12074">
        <v>4</v>
      </c>
      <c r="G12074" t="s">
        <v>15</v>
      </c>
      <c r="H12074" t="s">
        <v>27698</v>
      </c>
      <c r="I12074" t="s">
        <v>30540</v>
      </c>
    </row>
    <row r="12075" spans="1:9">
      <c r="A12075" s="1">
        <v>0.94122331676716664</v>
      </c>
      <c r="B12075" s="1"/>
      <c r="C12075">
        <v>10</v>
      </c>
      <c r="D12075" t="s">
        <v>27695</v>
      </c>
      <c r="E12075" t="s">
        <v>34375</v>
      </c>
      <c r="F12075">
        <v>4</v>
      </c>
      <c r="G12075" t="s">
        <v>9</v>
      </c>
      <c r="H12075" t="s">
        <v>27696</v>
      </c>
      <c r="I12075" t="s">
        <v>30540</v>
      </c>
    </row>
    <row r="12076" spans="1:9">
      <c r="A12076" s="1">
        <v>0.31920958523799925</v>
      </c>
      <c r="B12076" s="1"/>
      <c r="C12076">
        <v>14</v>
      </c>
      <c r="D12076" t="s">
        <v>27689</v>
      </c>
      <c r="E12076" t="s">
        <v>34376</v>
      </c>
      <c r="F12076">
        <v>5</v>
      </c>
      <c r="G12076" t="s">
        <v>14</v>
      </c>
      <c r="H12076" t="s">
        <v>27690</v>
      </c>
      <c r="I12076" t="s">
        <v>30540</v>
      </c>
    </row>
    <row r="12077" spans="1:9">
      <c r="A12077" s="1">
        <v>0.83625554063155993</v>
      </c>
      <c r="B12077" s="1"/>
      <c r="C12077">
        <v>8</v>
      </c>
      <c r="D12077" t="s">
        <v>27685</v>
      </c>
      <c r="E12077" t="s">
        <v>34376</v>
      </c>
      <c r="F12077">
        <v>5</v>
      </c>
      <c r="G12077" t="s">
        <v>9</v>
      </c>
      <c r="H12077" t="s">
        <v>27686</v>
      </c>
      <c r="I12077" t="s">
        <v>30540</v>
      </c>
    </row>
    <row r="12078" spans="1:9">
      <c r="A12078" s="1">
        <v>0.12956144385632562</v>
      </c>
      <c r="B12078" s="1"/>
      <c r="C12078">
        <v>10</v>
      </c>
      <c r="D12078" t="s">
        <v>27687</v>
      </c>
      <c r="E12078" t="s">
        <v>34376</v>
      </c>
      <c r="F12078">
        <v>4</v>
      </c>
      <c r="G12078" t="s">
        <v>14</v>
      </c>
      <c r="H12078" t="s">
        <v>27688</v>
      </c>
      <c r="I12078" t="s">
        <v>30540</v>
      </c>
    </row>
    <row r="12079" spans="1:9">
      <c r="A12079" s="1">
        <v>0.93404613788613244</v>
      </c>
      <c r="B12079" s="1"/>
      <c r="C12079">
        <v>7</v>
      </c>
      <c r="D12079" t="s">
        <v>27683</v>
      </c>
      <c r="E12079" t="s">
        <v>34376</v>
      </c>
      <c r="F12079">
        <v>4</v>
      </c>
      <c r="G12079" t="s">
        <v>14</v>
      </c>
      <c r="H12079" t="s">
        <v>27684</v>
      </c>
      <c r="I12079" t="s">
        <v>30540</v>
      </c>
    </row>
    <row r="12080" spans="1:9">
      <c r="A12080" s="1">
        <v>0.45396745341195743</v>
      </c>
      <c r="B12080" s="1"/>
      <c r="C12080">
        <v>3</v>
      </c>
      <c r="D12080" t="s">
        <v>27681</v>
      </c>
      <c r="E12080" t="s">
        <v>34376</v>
      </c>
      <c r="F12080">
        <v>4</v>
      </c>
      <c r="G12080" t="s">
        <v>1</v>
      </c>
      <c r="H12080" t="s">
        <v>27682</v>
      </c>
      <c r="I12080" t="s">
        <v>30540</v>
      </c>
    </row>
    <row r="12081" spans="1:9">
      <c r="A12081" s="1">
        <v>0.83685563650871908</v>
      </c>
      <c r="B12081" s="1"/>
      <c r="C12081">
        <v>17</v>
      </c>
      <c r="D12081" t="s">
        <v>27691</v>
      </c>
      <c r="E12081" t="s">
        <v>34376</v>
      </c>
      <c r="F12081">
        <v>4</v>
      </c>
      <c r="G12081" t="s">
        <v>0</v>
      </c>
      <c r="H12081" t="s">
        <v>27692</v>
      </c>
      <c r="I12081" t="s">
        <v>30540</v>
      </c>
    </row>
    <row r="12082" spans="1:9">
      <c r="A12082" s="1">
        <v>0.33140975809896478</v>
      </c>
      <c r="B12082" s="1"/>
      <c r="C12082">
        <v>18</v>
      </c>
      <c r="D12082" t="s">
        <v>27677</v>
      </c>
      <c r="E12082" t="s">
        <v>34377</v>
      </c>
      <c r="F12082">
        <v>5</v>
      </c>
      <c r="G12082" t="s">
        <v>15</v>
      </c>
      <c r="H12082" t="s">
        <v>27678</v>
      </c>
      <c r="I12082" t="s">
        <v>30540</v>
      </c>
    </row>
    <row r="12083" spans="1:9">
      <c r="A12083" s="1">
        <v>0.19747739219728588</v>
      </c>
      <c r="B12083" s="1"/>
      <c r="C12083">
        <v>5</v>
      </c>
      <c r="D12083" t="s">
        <v>27671</v>
      </c>
      <c r="E12083" t="s">
        <v>34377</v>
      </c>
      <c r="F12083">
        <v>5</v>
      </c>
      <c r="G12083" t="s">
        <v>14</v>
      </c>
      <c r="H12083" t="s">
        <v>27672</v>
      </c>
      <c r="I12083" t="s">
        <v>30540</v>
      </c>
    </row>
    <row r="12084" spans="1:9">
      <c r="A12084" s="1">
        <v>0.81857989691375754</v>
      </c>
      <c r="B12084" s="1"/>
      <c r="C12084">
        <v>15</v>
      </c>
      <c r="D12084" t="s">
        <v>27675</v>
      </c>
      <c r="E12084" t="s">
        <v>34377</v>
      </c>
      <c r="F12084">
        <v>5</v>
      </c>
      <c r="G12084" t="s">
        <v>14</v>
      </c>
      <c r="H12084" t="s">
        <v>27676</v>
      </c>
      <c r="I12084" t="s">
        <v>30540</v>
      </c>
    </row>
    <row r="12085" spans="1:9">
      <c r="A12085" s="1">
        <v>0.82071814366353835</v>
      </c>
      <c r="B12085" s="1"/>
      <c r="C12085">
        <v>20</v>
      </c>
      <c r="D12085" t="s">
        <v>27679</v>
      </c>
      <c r="E12085" t="s">
        <v>34377</v>
      </c>
      <c r="F12085">
        <v>4</v>
      </c>
      <c r="G12085" t="s">
        <v>14</v>
      </c>
      <c r="H12085" t="s">
        <v>27680</v>
      </c>
      <c r="I12085" t="s">
        <v>30540</v>
      </c>
    </row>
    <row r="12086" spans="1:9">
      <c r="A12086" s="1">
        <v>0.42881537941529602</v>
      </c>
      <c r="B12086" s="1"/>
      <c r="C12086">
        <v>9</v>
      </c>
      <c r="D12086" t="s">
        <v>27673</v>
      </c>
      <c r="E12086" t="s">
        <v>34377</v>
      </c>
      <c r="F12086">
        <v>4</v>
      </c>
      <c r="G12086" t="s">
        <v>9</v>
      </c>
      <c r="H12086" t="s">
        <v>27674</v>
      </c>
      <c r="I12086" t="s">
        <v>30540</v>
      </c>
    </row>
    <row r="12087" spans="1:9">
      <c r="A12087" s="1">
        <v>0.37185641287960647</v>
      </c>
      <c r="B12087" s="1"/>
      <c r="C12087">
        <v>1</v>
      </c>
      <c r="D12087" t="s">
        <v>27669</v>
      </c>
      <c r="E12087" t="s">
        <v>34377</v>
      </c>
      <c r="F12087">
        <v>4</v>
      </c>
      <c r="G12087" t="s">
        <v>14</v>
      </c>
      <c r="H12087" t="s">
        <v>27670</v>
      </c>
      <c r="I12087" t="s">
        <v>30540</v>
      </c>
    </row>
    <row r="12088" spans="1:9">
      <c r="A12088" s="1">
        <v>0.71827658638427272</v>
      </c>
      <c r="B12088" s="1"/>
      <c r="C12088">
        <v>2</v>
      </c>
      <c r="D12088" t="s">
        <v>27665</v>
      </c>
      <c r="E12088" t="s">
        <v>34378</v>
      </c>
      <c r="F12088">
        <v>5</v>
      </c>
      <c r="G12088" t="s">
        <v>10</v>
      </c>
      <c r="H12088" t="s">
        <v>27666</v>
      </c>
      <c r="I12088" t="s">
        <v>30540</v>
      </c>
    </row>
    <row r="12089" spans="1:9">
      <c r="A12089" s="1">
        <v>0.35901444280602235</v>
      </c>
      <c r="B12089" s="1"/>
      <c r="C12089">
        <v>1</v>
      </c>
      <c r="D12089" t="s">
        <v>27663</v>
      </c>
      <c r="E12089" t="s">
        <v>34378</v>
      </c>
      <c r="F12089">
        <v>4</v>
      </c>
      <c r="G12089" t="s">
        <v>1426</v>
      </c>
      <c r="H12089" t="s">
        <v>27664</v>
      </c>
      <c r="I12089" t="s">
        <v>30540</v>
      </c>
    </row>
    <row r="12090" spans="1:9">
      <c r="A12090" s="1">
        <v>0.30058913078571015</v>
      </c>
      <c r="B12090" s="1"/>
      <c r="C12090">
        <v>16</v>
      </c>
      <c r="D12090" t="s">
        <v>27667</v>
      </c>
      <c r="E12090" t="s">
        <v>34378</v>
      </c>
      <c r="F12090">
        <v>4</v>
      </c>
      <c r="G12090" t="s">
        <v>14</v>
      </c>
      <c r="H12090" t="s">
        <v>27668</v>
      </c>
      <c r="I12090" t="s">
        <v>30540</v>
      </c>
    </row>
    <row r="12091" spans="1:9">
      <c r="A12091" s="1">
        <v>0.8517175821015851</v>
      </c>
      <c r="B12091" s="1"/>
      <c r="C12091">
        <v>9</v>
      </c>
      <c r="D12091" t="s">
        <v>27653</v>
      </c>
      <c r="E12091" t="s">
        <v>34379</v>
      </c>
      <c r="F12091">
        <v>5</v>
      </c>
      <c r="G12091" t="s">
        <v>14</v>
      </c>
      <c r="H12091" t="s">
        <v>27654</v>
      </c>
      <c r="I12091" t="s">
        <v>30540</v>
      </c>
    </row>
    <row r="12092" spans="1:9">
      <c r="A12092" s="1">
        <v>0.88743055899104639</v>
      </c>
      <c r="B12092" s="1"/>
      <c r="C12092">
        <v>17</v>
      </c>
      <c r="D12092" t="s">
        <v>27661</v>
      </c>
      <c r="E12092" t="s">
        <v>34379</v>
      </c>
      <c r="F12092">
        <v>4</v>
      </c>
      <c r="G12092" t="s">
        <v>14</v>
      </c>
      <c r="H12092" t="s">
        <v>27662</v>
      </c>
      <c r="I12092" t="s">
        <v>30540</v>
      </c>
    </row>
    <row r="12093" spans="1:9">
      <c r="A12093" s="1">
        <v>0.17231832106558431</v>
      </c>
      <c r="B12093" s="1"/>
      <c r="C12093">
        <v>15</v>
      </c>
      <c r="D12093" t="s">
        <v>27657</v>
      </c>
      <c r="E12093" t="s">
        <v>34379</v>
      </c>
      <c r="F12093">
        <v>4</v>
      </c>
      <c r="G12093" t="s">
        <v>14</v>
      </c>
      <c r="H12093" t="s">
        <v>27658</v>
      </c>
      <c r="I12093" t="s">
        <v>30540</v>
      </c>
    </row>
    <row r="12094" spans="1:9">
      <c r="A12094" s="1">
        <v>0.42501892338183656</v>
      </c>
      <c r="B12094" s="1"/>
      <c r="C12094">
        <v>11</v>
      </c>
      <c r="D12094" t="s">
        <v>27655</v>
      </c>
      <c r="E12094" t="s">
        <v>34379</v>
      </c>
      <c r="F12094">
        <v>3</v>
      </c>
      <c r="G12094" t="s">
        <v>14</v>
      </c>
      <c r="H12094" t="s">
        <v>27656</v>
      </c>
      <c r="I12094" t="s">
        <v>30540</v>
      </c>
    </row>
    <row r="12095" spans="1:9">
      <c r="A12095" s="1">
        <v>0.85355372472221636</v>
      </c>
      <c r="B12095" s="1"/>
      <c r="C12095">
        <v>4</v>
      </c>
      <c r="D12095" t="s">
        <v>27647</v>
      </c>
      <c r="E12095" t="s">
        <v>34380</v>
      </c>
      <c r="F12095">
        <v>4</v>
      </c>
      <c r="G12095" t="s">
        <v>15</v>
      </c>
      <c r="H12095" t="s">
        <v>27648</v>
      </c>
      <c r="I12095" t="s">
        <v>30540</v>
      </c>
    </row>
    <row r="12096" spans="1:9">
      <c r="A12096" s="1">
        <v>0.53091506293538604</v>
      </c>
      <c r="B12096" s="1"/>
      <c r="C12096">
        <v>17</v>
      </c>
      <c r="D12096" t="s">
        <v>27651</v>
      </c>
      <c r="E12096" t="s">
        <v>34380</v>
      </c>
      <c r="F12096">
        <v>4</v>
      </c>
      <c r="G12096" t="s">
        <v>0</v>
      </c>
      <c r="H12096" t="s">
        <v>27652</v>
      </c>
      <c r="I12096" t="s">
        <v>30540</v>
      </c>
    </row>
    <row r="12097" spans="1:9">
      <c r="A12097" s="1">
        <v>0.288894982494033</v>
      </c>
      <c r="B12097" s="1"/>
      <c r="C12097">
        <v>5</v>
      </c>
      <c r="D12097" t="s">
        <v>27649</v>
      </c>
      <c r="E12097" t="s">
        <v>34380</v>
      </c>
      <c r="F12097">
        <v>4</v>
      </c>
      <c r="G12097" t="s">
        <v>10</v>
      </c>
      <c r="H12097" t="s">
        <v>27650</v>
      </c>
      <c r="I12097" t="s">
        <v>30540</v>
      </c>
    </row>
    <row r="12098" spans="1:9">
      <c r="A12098" s="1">
        <v>0.27624297162423117</v>
      </c>
      <c r="B12098" s="1"/>
      <c r="C12098">
        <v>4</v>
      </c>
      <c r="D12098" t="s">
        <v>27645</v>
      </c>
      <c r="E12098" t="s">
        <v>34381</v>
      </c>
      <c r="F12098">
        <v>5</v>
      </c>
      <c r="G12098" t="s">
        <v>10</v>
      </c>
      <c r="H12098" t="s">
        <v>27646</v>
      </c>
      <c r="I12098" t="s">
        <v>30540</v>
      </c>
    </row>
    <row r="12099" spans="1:9">
      <c r="A12099" s="1">
        <v>0.90161611955380483</v>
      </c>
      <c r="B12099" s="1"/>
      <c r="C12099">
        <v>16</v>
      </c>
      <c r="D12099" t="s">
        <v>27643</v>
      </c>
      <c r="E12099" t="s">
        <v>34382</v>
      </c>
      <c r="F12099">
        <v>5</v>
      </c>
      <c r="G12099" t="s">
        <v>14</v>
      </c>
      <c r="H12099" t="s">
        <v>27644</v>
      </c>
      <c r="I12099" t="s">
        <v>30540</v>
      </c>
    </row>
    <row r="12100" spans="1:9">
      <c r="A12100" s="1">
        <v>0.43540743501233037</v>
      </c>
      <c r="B12100" s="1"/>
      <c r="C12100">
        <v>11</v>
      </c>
      <c r="D12100" t="s">
        <v>27639</v>
      </c>
      <c r="E12100" t="s">
        <v>34382</v>
      </c>
      <c r="F12100">
        <v>5</v>
      </c>
      <c r="G12100" t="s">
        <v>14</v>
      </c>
      <c r="H12100" t="s">
        <v>27640</v>
      </c>
      <c r="I12100" t="s">
        <v>30540</v>
      </c>
    </row>
    <row r="12101" spans="1:9">
      <c r="A12101" s="1">
        <v>0.48459622888919973</v>
      </c>
      <c r="B12101" s="1"/>
      <c r="C12101">
        <v>10</v>
      </c>
      <c r="D12101" t="s">
        <v>27637</v>
      </c>
      <c r="E12101" t="s">
        <v>34382</v>
      </c>
      <c r="F12101">
        <v>5</v>
      </c>
      <c r="G12101" t="s">
        <v>14</v>
      </c>
      <c r="H12101" t="s">
        <v>27638</v>
      </c>
      <c r="I12101" t="s">
        <v>30540</v>
      </c>
    </row>
    <row r="12102" spans="1:9">
      <c r="A12102" s="1">
        <v>0.7400442621817529</v>
      </c>
      <c r="B12102" s="1"/>
      <c r="C12102">
        <v>2</v>
      </c>
      <c r="D12102" t="s">
        <v>27635</v>
      </c>
      <c r="E12102" t="s">
        <v>34382</v>
      </c>
      <c r="F12102">
        <v>4</v>
      </c>
      <c r="G12102" t="s">
        <v>2</v>
      </c>
      <c r="H12102" t="s">
        <v>27636</v>
      </c>
      <c r="I12102" t="s">
        <v>30540</v>
      </c>
    </row>
    <row r="12103" spans="1:9">
      <c r="A12103" s="1">
        <v>0.19995104176714817</v>
      </c>
      <c r="B12103" s="1"/>
      <c r="C12103">
        <v>15</v>
      </c>
      <c r="D12103" t="s">
        <v>27641</v>
      </c>
      <c r="E12103" t="s">
        <v>34382</v>
      </c>
      <c r="F12103">
        <v>4</v>
      </c>
      <c r="G12103" t="s">
        <v>9</v>
      </c>
      <c r="H12103" t="s">
        <v>27642</v>
      </c>
      <c r="I12103" t="s">
        <v>30540</v>
      </c>
    </row>
    <row r="12104" spans="1:9">
      <c r="A12104" s="1">
        <v>0.74963686251680739</v>
      </c>
      <c r="B12104" s="1"/>
      <c r="C12104">
        <v>11</v>
      </c>
      <c r="D12104" t="s">
        <v>27629</v>
      </c>
      <c r="E12104" t="s">
        <v>34383</v>
      </c>
      <c r="F12104">
        <v>5</v>
      </c>
      <c r="G12104" t="s">
        <v>14</v>
      </c>
      <c r="H12104" t="s">
        <v>27630</v>
      </c>
      <c r="I12104" t="s">
        <v>30540</v>
      </c>
    </row>
    <row r="12105" spans="1:9">
      <c r="A12105" s="1">
        <v>0.31934070995897224</v>
      </c>
      <c r="B12105" s="1"/>
      <c r="C12105">
        <v>17</v>
      </c>
      <c r="D12105" t="s">
        <v>27631</v>
      </c>
      <c r="E12105" t="s">
        <v>34383</v>
      </c>
      <c r="F12105">
        <v>5</v>
      </c>
      <c r="G12105" t="s">
        <v>2738</v>
      </c>
      <c r="H12105" t="s">
        <v>27632</v>
      </c>
      <c r="I12105" t="s">
        <v>30540</v>
      </c>
    </row>
    <row r="12106" spans="1:9">
      <c r="A12106" s="1">
        <v>0.76301863830867289</v>
      </c>
      <c r="B12106" s="1"/>
      <c r="C12106">
        <v>3</v>
      </c>
      <c r="D12106" t="s">
        <v>27625</v>
      </c>
      <c r="E12106" t="s">
        <v>34384</v>
      </c>
      <c r="F12106">
        <v>4</v>
      </c>
      <c r="G12106" t="s">
        <v>10</v>
      </c>
      <c r="H12106" t="s">
        <v>27626</v>
      </c>
      <c r="I12106" t="s">
        <v>30540</v>
      </c>
    </row>
    <row r="12107" spans="1:9">
      <c r="A12107" s="1">
        <v>0.78797830574440542</v>
      </c>
      <c r="B12107" s="1"/>
      <c r="C12107">
        <v>15</v>
      </c>
      <c r="D12107" t="s">
        <v>27623</v>
      </c>
      <c r="E12107" t="s">
        <v>34385</v>
      </c>
      <c r="F12107">
        <v>4</v>
      </c>
      <c r="G12107" t="s">
        <v>14</v>
      </c>
      <c r="H12107" t="s">
        <v>27624</v>
      </c>
      <c r="I12107" t="s">
        <v>30540</v>
      </c>
    </row>
    <row r="12108" spans="1:9">
      <c r="A12108" s="1">
        <v>0.26862515172015444</v>
      </c>
      <c r="B12108" s="1"/>
      <c r="C12108">
        <v>13</v>
      </c>
      <c r="D12108" t="s">
        <v>27621</v>
      </c>
      <c r="E12108" t="s">
        <v>34385</v>
      </c>
      <c r="F12108">
        <v>4</v>
      </c>
      <c r="G12108" t="s">
        <v>9</v>
      </c>
      <c r="H12108" t="s">
        <v>27622</v>
      </c>
      <c r="I12108" t="s">
        <v>30540</v>
      </c>
    </row>
    <row r="12109" spans="1:9">
      <c r="A12109" s="1">
        <v>0.17333451155893254</v>
      </c>
      <c r="B12109" s="1"/>
      <c r="C12109">
        <v>3</v>
      </c>
      <c r="D12109" t="s">
        <v>27615</v>
      </c>
      <c r="E12109" t="s">
        <v>34386</v>
      </c>
      <c r="F12109">
        <v>3</v>
      </c>
      <c r="G12109" t="s">
        <v>14</v>
      </c>
      <c r="H12109" t="s">
        <v>27616</v>
      </c>
      <c r="I12109" t="s">
        <v>30540</v>
      </c>
    </row>
    <row r="12110" spans="1:9">
      <c r="A12110" s="1">
        <v>0.15532111021925488</v>
      </c>
      <c r="B12110" s="1"/>
      <c r="C12110">
        <v>7</v>
      </c>
      <c r="D12110" t="s">
        <v>27599</v>
      </c>
      <c r="E12110" t="s">
        <v>34387</v>
      </c>
      <c r="F12110">
        <v>5</v>
      </c>
      <c r="G12110" t="s">
        <v>14</v>
      </c>
      <c r="H12110" t="s">
        <v>27600</v>
      </c>
      <c r="I12110" t="s">
        <v>30540</v>
      </c>
    </row>
    <row r="12111" spans="1:9">
      <c r="A12111" s="1">
        <v>0.85132597775939411</v>
      </c>
      <c r="B12111" s="1"/>
      <c r="C12111">
        <v>18</v>
      </c>
      <c r="D12111" t="s">
        <v>27611</v>
      </c>
      <c r="E12111" t="s">
        <v>34387</v>
      </c>
      <c r="F12111">
        <v>4</v>
      </c>
      <c r="G12111" t="s">
        <v>14</v>
      </c>
      <c r="H12111" t="s">
        <v>27612</v>
      </c>
      <c r="I12111" t="s">
        <v>30540</v>
      </c>
    </row>
    <row r="12112" spans="1:9">
      <c r="A12112" s="1">
        <v>2.9404633529219515E-2</v>
      </c>
      <c r="B12112" s="1"/>
      <c r="C12112">
        <v>16</v>
      </c>
      <c r="D12112" t="s">
        <v>27609</v>
      </c>
      <c r="E12112" t="s">
        <v>34387</v>
      </c>
      <c r="F12112">
        <v>4</v>
      </c>
      <c r="G12112" t="s">
        <v>14</v>
      </c>
      <c r="H12112" t="s">
        <v>27610</v>
      </c>
      <c r="I12112" t="s">
        <v>30540</v>
      </c>
    </row>
    <row r="12113" spans="1:9">
      <c r="A12113" s="1">
        <v>0.58642069397383023</v>
      </c>
      <c r="B12113" s="1"/>
      <c r="C12113">
        <v>14</v>
      </c>
      <c r="D12113" t="s">
        <v>27607</v>
      </c>
      <c r="E12113" t="s">
        <v>34387</v>
      </c>
      <c r="F12113">
        <v>4</v>
      </c>
      <c r="G12113" t="s">
        <v>0</v>
      </c>
      <c r="H12113" t="s">
        <v>27608</v>
      </c>
      <c r="I12113" t="s">
        <v>30540</v>
      </c>
    </row>
    <row r="12114" spans="1:9">
      <c r="A12114" s="1">
        <v>0.65238000620620862</v>
      </c>
      <c r="B12114" s="1"/>
      <c r="C12114">
        <v>10</v>
      </c>
      <c r="D12114" t="s">
        <v>27603</v>
      </c>
      <c r="E12114" t="s">
        <v>34387</v>
      </c>
      <c r="F12114">
        <v>4</v>
      </c>
      <c r="G12114" t="s">
        <v>0</v>
      </c>
      <c r="H12114" t="s">
        <v>27604</v>
      </c>
      <c r="I12114" t="s">
        <v>30540</v>
      </c>
    </row>
    <row r="12115" spans="1:9">
      <c r="A12115" s="1">
        <v>0.51580602668092679</v>
      </c>
      <c r="B12115" s="1"/>
      <c r="C12115">
        <v>12</v>
      </c>
      <c r="D12115" t="s">
        <v>27605</v>
      </c>
      <c r="E12115" t="s">
        <v>34387</v>
      </c>
      <c r="F12115">
        <v>3</v>
      </c>
      <c r="G12115" t="s">
        <v>9</v>
      </c>
      <c r="H12115" t="s">
        <v>27606</v>
      </c>
      <c r="I12115" t="s">
        <v>30540</v>
      </c>
    </row>
    <row r="12116" spans="1:9">
      <c r="A12116" s="1">
        <v>0.84704357759312343</v>
      </c>
      <c r="B12116" s="1"/>
      <c r="C12116">
        <v>18</v>
      </c>
      <c r="D12116" t="s">
        <v>27593</v>
      </c>
      <c r="E12116" t="s">
        <v>34388</v>
      </c>
      <c r="F12116">
        <v>5</v>
      </c>
      <c r="G12116" t="s">
        <v>762</v>
      </c>
      <c r="H12116" t="s">
        <v>27594</v>
      </c>
      <c r="I12116" t="s">
        <v>30540</v>
      </c>
    </row>
    <row r="12117" spans="1:9">
      <c r="A12117" s="1">
        <v>0.35914628764040102</v>
      </c>
      <c r="B12117" s="1"/>
      <c r="C12117">
        <v>20</v>
      </c>
      <c r="D12117" t="s">
        <v>27597</v>
      </c>
      <c r="E12117" t="s">
        <v>34388</v>
      </c>
      <c r="F12117">
        <v>4</v>
      </c>
      <c r="G12117" t="s">
        <v>2738</v>
      </c>
      <c r="H12117" t="s">
        <v>27598</v>
      </c>
      <c r="I12117" t="s">
        <v>30540</v>
      </c>
    </row>
    <row r="12118" spans="1:9">
      <c r="A12118" s="1">
        <v>0.6329435979762742</v>
      </c>
      <c r="B12118" s="1"/>
      <c r="C12118">
        <v>3</v>
      </c>
      <c r="D12118" t="s">
        <v>27587</v>
      </c>
      <c r="E12118" t="s">
        <v>34388</v>
      </c>
      <c r="F12118">
        <v>4</v>
      </c>
      <c r="G12118" t="s">
        <v>10</v>
      </c>
      <c r="H12118" t="s">
        <v>27588</v>
      </c>
      <c r="I12118" t="s">
        <v>30540</v>
      </c>
    </row>
    <row r="12119" spans="1:9">
      <c r="A12119" s="1">
        <v>1.9001001866774558E-2</v>
      </c>
      <c r="B12119" s="1"/>
      <c r="C12119">
        <v>4</v>
      </c>
      <c r="D12119" t="s">
        <v>27589</v>
      </c>
      <c r="E12119" t="s">
        <v>34388</v>
      </c>
      <c r="F12119">
        <v>3</v>
      </c>
      <c r="G12119" t="s">
        <v>775</v>
      </c>
      <c r="H12119" t="s">
        <v>27590</v>
      </c>
      <c r="I12119" t="s">
        <v>30540</v>
      </c>
    </row>
    <row r="12120" spans="1:9">
      <c r="A12120" s="1">
        <v>0.7619093027353715</v>
      </c>
      <c r="B12120" s="1"/>
      <c r="C12120">
        <v>6</v>
      </c>
      <c r="D12120" t="s">
        <v>27591</v>
      </c>
      <c r="E12120" t="s">
        <v>34388</v>
      </c>
      <c r="F12120">
        <v>3</v>
      </c>
      <c r="G12120" t="s">
        <v>15</v>
      </c>
      <c r="H12120" t="s">
        <v>27592</v>
      </c>
      <c r="I12120" t="s">
        <v>30540</v>
      </c>
    </row>
    <row r="12121" spans="1:9">
      <c r="A12121" s="1">
        <v>0.28266820671011839</v>
      </c>
      <c r="B12121" s="1"/>
      <c r="C12121">
        <v>15</v>
      </c>
      <c r="D12121" t="s">
        <v>27585</v>
      </c>
      <c r="E12121" t="s">
        <v>34389</v>
      </c>
      <c r="F12121">
        <v>5</v>
      </c>
      <c r="G12121" t="s">
        <v>0</v>
      </c>
      <c r="H12121" t="s">
        <v>27586</v>
      </c>
      <c r="I12121" t="s">
        <v>30540</v>
      </c>
    </row>
    <row r="12122" spans="1:9">
      <c r="A12122" s="1">
        <v>0.25673750209192514</v>
      </c>
      <c r="B12122" s="1"/>
      <c r="C12122">
        <v>13</v>
      </c>
      <c r="D12122" t="s">
        <v>27583</v>
      </c>
      <c r="E12122" t="s">
        <v>34389</v>
      </c>
      <c r="F12122">
        <v>4</v>
      </c>
      <c r="G12122" t="s">
        <v>14</v>
      </c>
      <c r="H12122" t="s">
        <v>27584</v>
      </c>
      <c r="I12122" t="s">
        <v>30540</v>
      </c>
    </row>
    <row r="12123" spans="1:9">
      <c r="A12123" s="1">
        <v>0.52491142646987043</v>
      </c>
      <c r="B12123" s="1"/>
      <c r="C12123">
        <v>10</v>
      </c>
      <c r="D12123" t="s">
        <v>27581</v>
      </c>
      <c r="E12123" t="s">
        <v>34389</v>
      </c>
      <c r="F12123">
        <v>3</v>
      </c>
      <c r="G12123" t="s">
        <v>14</v>
      </c>
      <c r="H12123" t="s">
        <v>27582</v>
      </c>
      <c r="I12123" t="s">
        <v>30540</v>
      </c>
    </row>
    <row r="12124" spans="1:9">
      <c r="A12124" s="1">
        <v>0.95945481278013911</v>
      </c>
      <c r="B12124" s="1"/>
      <c r="C12124">
        <v>19</v>
      </c>
      <c r="D12124" t="s">
        <v>27579</v>
      </c>
      <c r="E12124" t="s">
        <v>34390</v>
      </c>
      <c r="F12124">
        <v>4</v>
      </c>
      <c r="G12124" t="s">
        <v>14</v>
      </c>
      <c r="H12124" t="s">
        <v>27580</v>
      </c>
      <c r="I12124" t="s">
        <v>30540</v>
      </c>
    </row>
    <row r="12125" spans="1:9">
      <c r="A12125" s="1">
        <v>2.360168727810863E-3</v>
      </c>
      <c r="B12125" s="1"/>
      <c r="C12125">
        <v>8</v>
      </c>
      <c r="D12125" t="s">
        <v>27573</v>
      </c>
      <c r="E12125" t="s">
        <v>34390</v>
      </c>
      <c r="F12125">
        <v>4</v>
      </c>
      <c r="G12125" t="s">
        <v>9</v>
      </c>
      <c r="H12125" t="s">
        <v>27574</v>
      </c>
      <c r="I12125" t="s">
        <v>30540</v>
      </c>
    </row>
    <row r="12126" spans="1:9">
      <c r="A12126" s="1">
        <v>0.81499582435817441</v>
      </c>
      <c r="B12126" s="1"/>
      <c r="C12126">
        <v>15</v>
      </c>
      <c r="D12126" t="s">
        <v>27577</v>
      </c>
      <c r="E12126" t="s">
        <v>34390</v>
      </c>
      <c r="F12126">
        <v>4</v>
      </c>
      <c r="G12126" t="s">
        <v>14</v>
      </c>
      <c r="H12126" t="s">
        <v>27578</v>
      </c>
      <c r="I12126" t="s">
        <v>30540</v>
      </c>
    </row>
    <row r="12127" spans="1:9">
      <c r="A12127" s="1">
        <v>0.52867014892468545</v>
      </c>
      <c r="B12127" s="1"/>
      <c r="C12127">
        <v>11</v>
      </c>
      <c r="D12127" t="s">
        <v>27575</v>
      </c>
      <c r="E12127" t="s">
        <v>34390</v>
      </c>
      <c r="F12127">
        <v>4</v>
      </c>
      <c r="G12127" t="s">
        <v>14</v>
      </c>
      <c r="H12127" t="s">
        <v>27576</v>
      </c>
      <c r="I12127" t="s">
        <v>30540</v>
      </c>
    </row>
    <row r="12128" spans="1:9">
      <c r="A12128" s="1">
        <v>0.15884607003353213</v>
      </c>
      <c r="B12128" s="1"/>
      <c r="C12128">
        <v>19</v>
      </c>
      <c r="D12128" t="s">
        <v>27571</v>
      </c>
      <c r="E12128" t="s">
        <v>34391</v>
      </c>
      <c r="F12128">
        <v>4</v>
      </c>
      <c r="G12128" t="s">
        <v>10</v>
      </c>
      <c r="H12128" t="s">
        <v>27572</v>
      </c>
      <c r="I12128" t="s">
        <v>30540</v>
      </c>
    </row>
    <row r="12129" spans="1:9">
      <c r="A12129" s="1">
        <v>0.89782675145150559</v>
      </c>
      <c r="B12129" s="1"/>
      <c r="C12129">
        <v>15</v>
      </c>
      <c r="D12129" t="s">
        <v>27567</v>
      </c>
      <c r="E12129" t="s">
        <v>34391</v>
      </c>
      <c r="F12129">
        <v>4</v>
      </c>
      <c r="G12129" t="s">
        <v>10</v>
      </c>
      <c r="H12129" t="s">
        <v>27568</v>
      </c>
      <c r="I12129" t="s">
        <v>30540</v>
      </c>
    </row>
    <row r="12130" spans="1:9">
      <c r="A12130" s="1">
        <v>6.7423424886607686E-2</v>
      </c>
      <c r="B12130" s="1"/>
      <c r="C12130">
        <v>17</v>
      </c>
      <c r="D12130" t="s">
        <v>27569</v>
      </c>
      <c r="E12130" t="s">
        <v>34391</v>
      </c>
      <c r="F12130">
        <v>4</v>
      </c>
      <c r="G12130" t="s">
        <v>10</v>
      </c>
      <c r="H12130" t="s">
        <v>27570</v>
      </c>
      <c r="I12130" t="s">
        <v>30540</v>
      </c>
    </row>
    <row r="12131" spans="1:9">
      <c r="A12131" s="1">
        <v>0.71091497486658761</v>
      </c>
      <c r="B12131" s="1"/>
      <c r="C12131">
        <v>8</v>
      </c>
      <c r="D12131" t="s">
        <v>27563</v>
      </c>
      <c r="E12131" t="s">
        <v>34392</v>
      </c>
      <c r="F12131">
        <v>5</v>
      </c>
      <c r="G12131" t="s">
        <v>10</v>
      </c>
      <c r="H12131" t="s">
        <v>27564</v>
      </c>
      <c r="I12131" t="s">
        <v>30540</v>
      </c>
    </row>
    <row r="12132" spans="1:9">
      <c r="A12132" s="1">
        <v>0.53333789500705686</v>
      </c>
      <c r="B12132" s="1"/>
      <c r="C12132">
        <v>9</v>
      </c>
      <c r="D12132" t="s">
        <v>27565</v>
      </c>
      <c r="E12132" t="s">
        <v>34392</v>
      </c>
      <c r="F12132">
        <v>4</v>
      </c>
      <c r="G12132" t="s">
        <v>10</v>
      </c>
      <c r="H12132" t="s">
        <v>27566</v>
      </c>
      <c r="I12132" t="s">
        <v>30540</v>
      </c>
    </row>
    <row r="12133" spans="1:9">
      <c r="A12133" s="1">
        <v>0.24711029346644842</v>
      </c>
      <c r="B12133" s="1"/>
      <c r="C12133">
        <v>1</v>
      </c>
      <c r="D12133" t="s">
        <v>27559</v>
      </c>
      <c r="E12133" t="s">
        <v>34393</v>
      </c>
      <c r="F12133">
        <v>5</v>
      </c>
      <c r="G12133" t="s">
        <v>2</v>
      </c>
      <c r="H12133" t="s">
        <v>27560</v>
      </c>
      <c r="I12133" t="s">
        <v>30540</v>
      </c>
    </row>
    <row r="12134" spans="1:9">
      <c r="A12134" s="1">
        <v>0.98181689793129823</v>
      </c>
      <c r="B12134" s="1"/>
      <c r="C12134">
        <v>7</v>
      </c>
      <c r="D12134" t="s">
        <v>27561</v>
      </c>
      <c r="E12134" t="s">
        <v>34393</v>
      </c>
      <c r="F12134">
        <v>4</v>
      </c>
      <c r="G12134" t="s">
        <v>762</v>
      </c>
      <c r="H12134" t="s">
        <v>27562</v>
      </c>
      <c r="I12134" t="s">
        <v>30540</v>
      </c>
    </row>
    <row r="12135" spans="1:9">
      <c r="A12135" s="1">
        <v>0.67785991845028459</v>
      </c>
      <c r="B12135" s="1"/>
      <c r="C12135">
        <v>10</v>
      </c>
      <c r="D12135" t="s">
        <v>27547</v>
      </c>
      <c r="E12135" t="s">
        <v>34394</v>
      </c>
      <c r="F12135">
        <v>5</v>
      </c>
      <c r="G12135" t="s">
        <v>14</v>
      </c>
      <c r="H12135" t="s">
        <v>27548</v>
      </c>
      <c r="I12135" t="s">
        <v>30540</v>
      </c>
    </row>
    <row r="12136" spans="1:9">
      <c r="A12136" s="1">
        <v>0.13990327782040768</v>
      </c>
      <c r="B12136" s="1"/>
      <c r="C12136">
        <v>19</v>
      </c>
      <c r="D12136" t="s">
        <v>27555</v>
      </c>
      <c r="E12136" t="s">
        <v>34394</v>
      </c>
      <c r="F12136">
        <v>4</v>
      </c>
      <c r="G12136" t="s">
        <v>0</v>
      </c>
      <c r="H12136" t="s">
        <v>27556</v>
      </c>
      <c r="I12136" t="s">
        <v>30540</v>
      </c>
    </row>
    <row r="12137" spans="1:9">
      <c r="A12137" s="1">
        <v>0.31322800079976298</v>
      </c>
      <c r="B12137" s="1"/>
      <c r="C12137">
        <v>18</v>
      </c>
      <c r="D12137" t="s">
        <v>27553</v>
      </c>
      <c r="E12137" t="s">
        <v>34394</v>
      </c>
      <c r="F12137">
        <v>4</v>
      </c>
      <c r="G12137" t="s">
        <v>14</v>
      </c>
      <c r="H12137" t="s">
        <v>27554</v>
      </c>
      <c r="I12137" t="s">
        <v>30540</v>
      </c>
    </row>
    <row r="12138" spans="1:9">
      <c r="A12138" s="1">
        <v>0.7835897076987699</v>
      </c>
      <c r="B12138" s="1"/>
      <c r="C12138">
        <v>7</v>
      </c>
      <c r="D12138" t="s">
        <v>27545</v>
      </c>
      <c r="E12138" t="s">
        <v>34394</v>
      </c>
      <c r="F12138">
        <v>4</v>
      </c>
      <c r="G12138" t="s">
        <v>9</v>
      </c>
      <c r="H12138" t="s">
        <v>27546</v>
      </c>
      <c r="I12138" t="s">
        <v>30540</v>
      </c>
    </row>
    <row r="12139" spans="1:9">
      <c r="A12139" s="1">
        <v>0.54977077585600709</v>
      </c>
      <c r="B12139" s="1"/>
      <c r="C12139">
        <v>20</v>
      </c>
      <c r="D12139" t="s">
        <v>27557</v>
      </c>
      <c r="E12139" t="s">
        <v>34394</v>
      </c>
      <c r="F12139">
        <v>4</v>
      </c>
      <c r="G12139" t="s">
        <v>14</v>
      </c>
      <c r="H12139" t="s">
        <v>27558</v>
      </c>
      <c r="I12139" t="s">
        <v>30540</v>
      </c>
    </row>
    <row r="12140" spans="1:9">
      <c r="A12140" s="1">
        <v>0.5571625262273282</v>
      </c>
      <c r="B12140" s="1"/>
      <c r="C12140">
        <v>14</v>
      </c>
      <c r="D12140" t="s">
        <v>27549</v>
      </c>
      <c r="E12140" t="s">
        <v>34394</v>
      </c>
      <c r="F12140">
        <v>4</v>
      </c>
      <c r="G12140" t="s">
        <v>14</v>
      </c>
      <c r="H12140" t="s">
        <v>27550</v>
      </c>
      <c r="I12140" t="s">
        <v>30540</v>
      </c>
    </row>
    <row r="12141" spans="1:9">
      <c r="A12141" s="1">
        <v>0.49662727956436292</v>
      </c>
      <c r="B12141" s="1"/>
      <c r="C12141">
        <v>16</v>
      </c>
      <c r="D12141" t="s">
        <v>27551</v>
      </c>
      <c r="E12141" t="s">
        <v>34394</v>
      </c>
      <c r="F12141">
        <v>4</v>
      </c>
      <c r="G12141" t="s">
        <v>14</v>
      </c>
      <c r="H12141" t="s">
        <v>27552</v>
      </c>
      <c r="I12141" t="s">
        <v>30540</v>
      </c>
    </row>
    <row r="12142" spans="1:9">
      <c r="A12142" s="1">
        <v>0.86262814893426798</v>
      </c>
      <c r="B12142" s="1"/>
      <c r="C12142">
        <v>11</v>
      </c>
      <c r="D12142" t="s">
        <v>27539</v>
      </c>
      <c r="E12142" t="s">
        <v>34395</v>
      </c>
      <c r="F12142">
        <v>5</v>
      </c>
      <c r="G12142" t="s">
        <v>14</v>
      </c>
      <c r="H12142" t="s">
        <v>27540</v>
      </c>
      <c r="I12142" t="s">
        <v>30540</v>
      </c>
    </row>
    <row r="12143" spans="1:9">
      <c r="A12143" s="1">
        <v>0.938768301175536</v>
      </c>
      <c r="B12143" s="1"/>
      <c r="C12143">
        <v>3</v>
      </c>
      <c r="D12143" t="s">
        <v>27535</v>
      </c>
      <c r="E12143" t="s">
        <v>34395</v>
      </c>
      <c r="F12143">
        <v>4</v>
      </c>
      <c r="G12143" t="s">
        <v>9</v>
      </c>
      <c r="H12143" t="s">
        <v>27536</v>
      </c>
      <c r="I12143" t="s">
        <v>30540</v>
      </c>
    </row>
    <row r="12144" spans="1:9">
      <c r="A12144" s="1">
        <v>1.5644134161432177E-3</v>
      </c>
      <c r="B12144" s="1"/>
      <c r="C12144">
        <v>6</v>
      </c>
      <c r="D12144" t="s">
        <v>27537</v>
      </c>
      <c r="E12144" t="s">
        <v>34395</v>
      </c>
      <c r="F12144">
        <v>4</v>
      </c>
      <c r="G12144" t="s">
        <v>15</v>
      </c>
      <c r="H12144" t="s">
        <v>27538</v>
      </c>
      <c r="I12144" t="s">
        <v>30540</v>
      </c>
    </row>
    <row r="12145" spans="1:9">
      <c r="A12145" s="1">
        <v>9.7946672279048963E-2</v>
      </c>
      <c r="B12145" s="1"/>
      <c r="C12145">
        <v>14</v>
      </c>
      <c r="D12145" t="s">
        <v>27541</v>
      </c>
      <c r="E12145" t="s">
        <v>34395</v>
      </c>
      <c r="F12145">
        <v>4</v>
      </c>
      <c r="G12145" t="s">
        <v>14</v>
      </c>
      <c r="H12145" t="s">
        <v>27542</v>
      </c>
      <c r="I12145" t="s">
        <v>30540</v>
      </c>
    </row>
    <row r="12146" spans="1:9">
      <c r="A12146" s="1">
        <v>0.3250169734334406</v>
      </c>
      <c r="B12146" s="1"/>
      <c r="C12146">
        <v>3</v>
      </c>
      <c r="D12146" t="s">
        <v>27525</v>
      </c>
      <c r="E12146" t="s">
        <v>34396</v>
      </c>
      <c r="F12146">
        <v>5</v>
      </c>
      <c r="G12146" t="s">
        <v>14</v>
      </c>
      <c r="H12146" t="s">
        <v>27526</v>
      </c>
      <c r="I12146" t="s">
        <v>30540</v>
      </c>
    </row>
    <row r="12147" spans="1:9">
      <c r="A12147" s="1">
        <v>0.78846185199311158</v>
      </c>
      <c r="B12147" s="1"/>
      <c r="C12147">
        <v>9</v>
      </c>
      <c r="D12147" t="s">
        <v>27531</v>
      </c>
      <c r="E12147" t="s">
        <v>34396</v>
      </c>
      <c r="F12147">
        <v>4</v>
      </c>
      <c r="G12147" t="s">
        <v>14</v>
      </c>
      <c r="H12147" t="s">
        <v>27532</v>
      </c>
      <c r="I12147" t="s">
        <v>30540</v>
      </c>
    </row>
    <row r="12148" spans="1:9">
      <c r="A12148" s="1">
        <v>0.43063342623050005</v>
      </c>
      <c r="B12148" s="1"/>
      <c r="C12148">
        <v>8</v>
      </c>
      <c r="D12148" t="s">
        <v>27529</v>
      </c>
      <c r="E12148" t="s">
        <v>34396</v>
      </c>
      <c r="F12148">
        <v>4</v>
      </c>
      <c r="G12148" t="s">
        <v>14</v>
      </c>
      <c r="H12148" t="s">
        <v>27530</v>
      </c>
      <c r="I12148" t="s">
        <v>30540</v>
      </c>
    </row>
    <row r="12149" spans="1:9">
      <c r="A12149" s="1">
        <v>9.5428715915084839E-2</v>
      </c>
      <c r="B12149" s="1"/>
      <c r="C12149">
        <v>13</v>
      </c>
      <c r="D12149" t="s">
        <v>27533</v>
      </c>
      <c r="E12149" t="s">
        <v>34396</v>
      </c>
      <c r="F12149">
        <v>4</v>
      </c>
      <c r="G12149" t="s">
        <v>14</v>
      </c>
      <c r="H12149" t="s">
        <v>27534</v>
      </c>
      <c r="I12149" t="s">
        <v>30540</v>
      </c>
    </row>
    <row r="12150" spans="1:9">
      <c r="A12150" s="1">
        <v>0.63623395134673488</v>
      </c>
      <c r="B12150" s="1"/>
      <c r="C12150">
        <v>16</v>
      </c>
      <c r="D12150" t="s">
        <v>27523</v>
      </c>
      <c r="E12150" t="s">
        <v>34397</v>
      </c>
      <c r="F12150">
        <v>5</v>
      </c>
      <c r="G12150" t="s">
        <v>14</v>
      </c>
      <c r="H12150" t="s">
        <v>27524</v>
      </c>
      <c r="I12150" t="s">
        <v>30540</v>
      </c>
    </row>
    <row r="12151" spans="1:9">
      <c r="A12151" s="1">
        <v>3.2042083759968198E-2</v>
      </c>
      <c r="B12151" s="1"/>
      <c r="C12151">
        <v>15</v>
      </c>
      <c r="D12151" t="s">
        <v>27521</v>
      </c>
      <c r="E12151" t="s">
        <v>34397</v>
      </c>
      <c r="F12151">
        <v>5</v>
      </c>
      <c r="G12151" t="s">
        <v>14</v>
      </c>
      <c r="H12151" t="s">
        <v>27522</v>
      </c>
      <c r="I12151" t="s">
        <v>30540</v>
      </c>
    </row>
    <row r="12152" spans="1:9">
      <c r="A12152" s="1">
        <v>0.42571964503468318</v>
      </c>
      <c r="B12152" s="1"/>
      <c r="C12152">
        <v>7</v>
      </c>
      <c r="D12152" t="s">
        <v>27515</v>
      </c>
      <c r="E12152" t="s">
        <v>34397</v>
      </c>
      <c r="F12152">
        <v>4</v>
      </c>
      <c r="G12152" t="s">
        <v>9</v>
      </c>
      <c r="H12152" t="s">
        <v>27516</v>
      </c>
      <c r="I12152" t="s">
        <v>30540</v>
      </c>
    </row>
    <row r="12153" spans="1:9">
      <c r="A12153" s="1">
        <v>0.30304262323890019</v>
      </c>
      <c r="B12153" s="1"/>
      <c r="C12153">
        <v>11</v>
      </c>
      <c r="D12153" t="s">
        <v>27517</v>
      </c>
      <c r="E12153" t="s">
        <v>34397</v>
      </c>
      <c r="F12153">
        <v>4</v>
      </c>
      <c r="G12153" t="s">
        <v>14</v>
      </c>
      <c r="H12153" t="s">
        <v>27518</v>
      </c>
      <c r="I12153" t="s">
        <v>30540</v>
      </c>
    </row>
    <row r="12154" spans="1:9">
      <c r="A12154" s="1">
        <v>0.36789287283037941</v>
      </c>
      <c r="B12154" s="1"/>
      <c r="C12154">
        <v>12</v>
      </c>
      <c r="D12154" t="s">
        <v>27519</v>
      </c>
      <c r="E12154" t="s">
        <v>34397</v>
      </c>
      <c r="F12154">
        <v>4</v>
      </c>
      <c r="G12154" t="s">
        <v>14</v>
      </c>
      <c r="H12154" t="s">
        <v>27520</v>
      </c>
      <c r="I12154" t="s">
        <v>30540</v>
      </c>
    </row>
    <row r="12155" spans="1:9">
      <c r="A12155" s="1">
        <v>0.7281222856030598</v>
      </c>
      <c r="B12155" s="1"/>
      <c r="C12155">
        <v>7</v>
      </c>
      <c r="D12155" t="s">
        <v>27511</v>
      </c>
      <c r="E12155" t="s">
        <v>34398</v>
      </c>
      <c r="F12155">
        <v>5</v>
      </c>
      <c r="G12155" t="s">
        <v>766</v>
      </c>
      <c r="H12155" t="s">
        <v>27512</v>
      </c>
      <c r="I12155" t="s">
        <v>30540</v>
      </c>
    </row>
    <row r="12156" spans="1:9">
      <c r="A12156" s="1">
        <v>0.63139210217718889</v>
      </c>
      <c r="B12156" s="1"/>
      <c r="C12156">
        <v>18</v>
      </c>
      <c r="D12156" t="s">
        <v>27513</v>
      </c>
      <c r="E12156" t="s">
        <v>34398</v>
      </c>
      <c r="F12156">
        <v>4</v>
      </c>
      <c r="G12156" t="s">
        <v>14</v>
      </c>
      <c r="H12156" t="s">
        <v>27514</v>
      </c>
      <c r="I12156" t="s">
        <v>30540</v>
      </c>
    </row>
    <row r="12157" spans="1:9">
      <c r="A12157" s="1">
        <v>0.88674144755797824</v>
      </c>
      <c r="B12157" s="1"/>
      <c r="C12157">
        <v>19</v>
      </c>
      <c r="D12157" t="s">
        <v>27509</v>
      </c>
      <c r="E12157" t="s">
        <v>34399</v>
      </c>
      <c r="F12157">
        <v>5</v>
      </c>
      <c r="G12157" t="s">
        <v>0</v>
      </c>
      <c r="H12157" t="s">
        <v>27510</v>
      </c>
      <c r="I12157" t="s">
        <v>30540</v>
      </c>
    </row>
    <row r="12158" spans="1:9">
      <c r="A12158" s="1">
        <v>0.10474307738287891</v>
      </c>
      <c r="B12158" s="1"/>
      <c r="C12158">
        <v>16</v>
      </c>
      <c r="D12158" t="s">
        <v>27507</v>
      </c>
      <c r="E12158" t="s">
        <v>34399</v>
      </c>
      <c r="F12158">
        <v>4</v>
      </c>
      <c r="G12158" t="s">
        <v>14</v>
      </c>
      <c r="H12158" t="s">
        <v>27508</v>
      </c>
      <c r="I12158" t="s">
        <v>30540</v>
      </c>
    </row>
    <row r="12159" spans="1:9">
      <c r="A12159" s="1">
        <v>8.0134279537078301E-2</v>
      </c>
      <c r="B12159" s="1"/>
      <c r="C12159">
        <v>8</v>
      </c>
      <c r="D12159" t="s">
        <v>27505</v>
      </c>
      <c r="E12159" t="s">
        <v>34399</v>
      </c>
      <c r="F12159">
        <v>3</v>
      </c>
      <c r="G12159" t="s">
        <v>14</v>
      </c>
      <c r="H12159" t="s">
        <v>27506</v>
      </c>
      <c r="I12159" t="s">
        <v>30540</v>
      </c>
    </row>
    <row r="12160" spans="1:9">
      <c r="A12160" s="1">
        <v>0.32279765268800342</v>
      </c>
      <c r="B12160" s="1"/>
      <c r="C12160">
        <v>9</v>
      </c>
      <c r="D12160" t="s">
        <v>27503</v>
      </c>
      <c r="E12160" t="s">
        <v>34400</v>
      </c>
      <c r="F12160">
        <v>4</v>
      </c>
      <c r="G12160" t="s">
        <v>9</v>
      </c>
      <c r="H12160" t="s">
        <v>27504</v>
      </c>
      <c r="I12160" t="s">
        <v>30540</v>
      </c>
    </row>
    <row r="12161" spans="1:9">
      <c r="A12161" s="1">
        <v>0.35780834948194828</v>
      </c>
      <c r="B12161" s="1"/>
      <c r="C12161">
        <v>1</v>
      </c>
      <c r="D12161" t="s">
        <v>27499</v>
      </c>
      <c r="E12161" t="s">
        <v>34400</v>
      </c>
      <c r="F12161">
        <v>4</v>
      </c>
      <c r="G12161" t="s">
        <v>14</v>
      </c>
      <c r="H12161" t="s">
        <v>27500</v>
      </c>
      <c r="I12161" t="s">
        <v>30540</v>
      </c>
    </row>
    <row r="12162" spans="1:9">
      <c r="A12162" s="1">
        <v>9.9421294587564213E-2</v>
      </c>
      <c r="B12162" s="1"/>
      <c r="C12162">
        <v>3</v>
      </c>
      <c r="D12162" t="s">
        <v>27501</v>
      </c>
      <c r="E12162" t="s">
        <v>34400</v>
      </c>
      <c r="F12162">
        <v>4</v>
      </c>
      <c r="G12162" t="s">
        <v>14</v>
      </c>
      <c r="H12162" t="s">
        <v>27502</v>
      </c>
      <c r="I12162" t="s">
        <v>30540</v>
      </c>
    </row>
    <row r="12163" spans="1:9">
      <c r="A12163" s="1">
        <v>0.4009342508365088</v>
      </c>
      <c r="B12163" s="1"/>
      <c r="C12163">
        <v>10</v>
      </c>
      <c r="D12163" t="s">
        <v>27493</v>
      </c>
      <c r="E12163" t="s">
        <v>34401</v>
      </c>
      <c r="F12163">
        <v>5</v>
      </c>
      <c r="G12163" t="s">
        <v>14</v>
      </c>
      <c r="H12163" t="s">
        <v>27494</v>
      </c>
      <c r="I12163" t="s">
        <v>30540</v>
      </c>
    </row>
    <row r="12164" spans="1:9">
      <c r="A12164" s="1">
        <v>0.58962911804126239</v>
      </c>
      <c r="B12164" s="1"/>
      <c r="C12164">
        <v>2</v>
      </c>
      <c r="D12164" t="s">
        <v>27491</v>
      </c>
      <c r="E12164" t="s">
        <v>34401</v>
      </c>
      <c r="F12164">
        <v>4</v>
      </c>
      <c r="G12164" t="s">
        <v>2</v>
      </c>
      <c r="H12164" t="s">
        <v>27492</v>
      </c>
      <c r="I12164" t="s">
        <v>30540</v>
      </c>
    </row>
    <row r="12165" spans="1:9">
      <c r="A12165" s="1">
        <v>0.17272118441152351</v>
      </c>
      <c r="B12165" s="1"/>
      <c r="C12165">
        <v>12</v>
      </c>
      <c r="D12165" t="s">
        <v>27495</v>
      </c>
      <c r="E12165" t="s">
        <v>34401</v>
      </c>
      <c r="F12165">
        <v>4</v>
      </c>
      <c r="G12165" t="s">
        <v>14</v>
      </c>
      <c r="H12165" t="s">
        <v>27496</v>
      </c>
      <c r="I12165" t="s">
        <v>30540</v>
      </c>
    </row>
    <row r="12166" spans="1:9">
      <c r="A12166" s="1">
        <v>0.79788920926215079</v>
      </c>
      <c r="B12166" s="1"/>
      <c r="C12166">
        <v>10</v>
      </c>
      <c r="D12166" t="s">
        <v>27489</v>
      </c>
      <c r="E12166" t="s">
        <v>34402</v>
      </c>
      <c r="F12166">
        <v>4</v>
      </c>
      <c r="G12166" t="s">
        <v>14</v>
      </c>
      <c r="H12166" t="s">
        <v>27490</v>
      </c>
      <c r="I12166" t="s">
        <v>30540</v>
      </c>
    </row>
    <row r="12167" spans="1:9">
      <c r="A12167" s="1">
        <v>0.65217145141273092</v>
      </c>
      <c r="B12167" s="1"/>
      <c r="C12167">
        <v>9</v>
      </c>
      <c r="D12167" t="s">
        <v>27485</v>
      </c>
      <c r="E12167" t="s">
        <v>34403</v>
      </c>
      <c r="F12167">
        <v>5</v>
      </c>
      <c r="G12167" t="s">
        <v>2229</v>
      </c>
      <c r="H12167" t="s">
        <v>27486</v>
      </c>
      <c r="I12167" t="s">
        <v>30540</v>
      </c>
    </row>
    <row r="12168" spans="1:9">
      <c r="A12168" s="1">
        <v>0.83875628654590306</v>
      </c>
      <c r="B12168" s="1"/>
      <c r="C12168">
        <v>6</v>
      </c>
      <c r="D12168" t="s">
        <v>27483</v>
      </c>
      <c r="E12168" t="s">
        <v>34403</v>
      </c>
      <c r="F12168">
        <v>4</v>
      </c>
      <c r="G12168" t="s">
        <v>1426</v>
      </c>
      <c r="H12168" t="s">
        <v>27484</v>
      </c>
      <c r="I12168" t="s">
        <v>30540</v>
      </c>
    </row>
    <row r="12169" spans="1:9">
      <c r="A12169" s="1">
        <v>0.24560532333175322</v>
      </c>
      <c r="B12169" s="1"/>
      <c r="C12169">
        <v>4</v>
      </c>
      <c r="D12169" t="s">
        <v>27481</v>
      </c>
      <c r="E12169" t="s">
        <v>34403</v>
      </c>
      <c r="F12169">
        <v>4</v>
      </c>
      <c r="G12169" t="s">
        <v>10</v>
      </c>
      <c r="H12169" t="s">
        <v>27482</v>
      </c>
      <c r="I12169" t="s">
        <v>30540</v>
      </c>
    </row>
    <row r="12170" spans="1:9">
      <c r="A12170" s="1">
        <v>0.56144152207286913</v>
      </c>
      <c r="B12170" s="1"/>
      <c r="C12170">
        <v>20</v>
      </c>
      <c r="D12170" t="s">
        <v>27479</v>
      </c>
      <c r="E12170" t="s">
        <v>34404</v>
      </c>
      <c r="F12170">
        <v>5</v>
      </c>
      <c r="G12170" t="s">
        <v>14</v>
      </c>
      <c r="H12170" t="s">
        <v>27480</v>
      </c>
      <c r="I12170" t="s">
        <v>30540</v>
      </c>
    </row>
    <row r="12171" spans="1:9">
      <c r="A12171" s="1">
        <v>0.48971853120112341</v>
      </c>
      <c r="B12171" s="1"/>
      <c r="C12171">
        <v>2</v>
      </c>
      <c r="D12171" t="s">
        <v>27471</v>
      </c>
      <c r="E12171" t="s">
        <v>34404</v>
      </c>
      <c r="F12171">
        <v>5</v>
      </c>
      <c r="G12171" t="s">
        <v>2</v>
      </c>
      <c r="H12171" t="s">
        <v>27472</v>
      </c>
      <c r="I12171" t="s">
        <v>30540</v>
      </c>
    </row>
    <row r="12172" spans="1:9">
      <c r="A12172" s="1">
        <v>0.94064270447759035</v>
      </c>
      <c r="B12172" s="1"/>
      <c r="C12172">
        <v>16</v>
      </c>
      <c r="D12172" t="s">
        <v>27473</v>
      </c>
      <c r="E12172" t="s">
        <v>34404</v>
      </c>
      <c r="F12172">
        <v>4</v>
      </c>
      <c r="G12172" t="s">
        <v>9</v>
      </c>
      <c r="H12172" t="s">
        <v>27474</v>
      </c>
      <c r="I12172" t="s">
        <v>30540</v>
      </c>
    </row>
    <row r="12173" spans="1:9">
      <c r="A12173" s="1">
        <v>5.975497046247813E-2</v>
      </c>
      <c r="B12173" s="1"/>
      <c r="C12173">
        <v>19</v>
      </c>
      <c r="D12173" t="s">
        <v>27477</v>
      </c>
      <c r="E12173" t="s">
        <v>34404</v>
      </c>
      <c r="F12173">
        <v>4</v>
      </c>
      <c r="G12173" t="s">
        <v>14</v>
      </c>
      <c r="H12173" t="s">
        <v>27478</v>
      </c>
      <c r="I12173" t="s">
        <v>30540</v>
      </c>
    </row>
    <row r="12174" spans="1:9">
      <c r="A12174" s="1">
        <v>0.66819050538074731</v>
      </c>
      <c r="B12174" s="1"/>
      <c r="C12174">
        <v>17</v>
      </c>
      <c r="D12174" t="s">
        <v>27475</v>
      </c>
      <c r="E12174" t="s">
        <v>34404</v>
      </c>
      <c r="F12174">
        <v>4</v>
      </c>
      <c r="G12174" t="s">
        <v>0</v>
      </c>
      <c r="H12174" t="s">
        <v>27476</v>
      </c>
      <c r="I12174" t="s">
        <v>30540</v>
      </c>
    </row>
    <row r="12175" spans="1:9">
      <c r="A12175" s="1">
        <v>8.229624665393287E-2</v>
      </c>
      <c r="B12175" s="1"/>
      <c r="C12175">
        <v>10</v>
      </c>
      <c r="D12175" t="s">
        <v>27463</v>
      </c>
      <c r="E12175" t="s">
        <v>34405</v>
      </c>
      <c r="F12175">
        <v>4</v>
      </c>
      <c r="G12175" t="s">
        <v>9</v>
      </c>
      <c r="H12175" t="s">
        <v>27464</v>
      </c>
      <c r="I12175" t="s">
        <v>30540</v>
      </c>
    </row>
    <row r="12176" spans="1:9">
      <c r="A12176" s="1">
        <v>0.92830017680791843</v>
      </c>
      <c r="B12176" s="1"/>
      <c r="C12176">
        <v>15</v>
      </c>
      <c r="D12176" t="s">
        <v>27467</v>
      </c>
      <c r="E12176" t="s">
        <v>34405</v>
      </c>
      <c r="F12176">
        <v>4</v>
      </c>
      <c r="G12176" t="s">
        <v>14</v>
      </c>
      <c r="H12176" t="s">
        <v>27468</v>
      </c>
      <c r="I12176" t="s">
        <v>30540</v>
      </c>
    </row>
    <row r="12177" spans="1:9">
      <c r="A12177" s="1">
        <v>0.1837482905806842</v>
      </c>
      <c r="B12177" s="1"/>
      <c r="C12177">
        <v>16</v>
      </c>
      <c r="D12177" t="s">
        <v>27469</v>
      </c>
      <c r="E12177" t="s">
        <v>34405</v>
      </c>
      <c r="F12177">
        <v>4</v>
      </c>
      <c r="G12177" t="s">
        <v>14</v>
      </c>
      <c r="H12177" t="s">
        <v>27470</v>
      </c>
      <c r="I12177" t="s">
        <v>30540</v>
      </c>
    </row>
    <row r="12178" spans="1:9">
      <c r="A12178" s="1">
        <v>4.6501691037178605E-2</v>
      </c>
      <c r="B12178" s="1"/>
      <c r="C12178">
        <v>14</v>
      </c>
      <c r="D12178" t="s">
        <v>27465</v>
      </c>
      <c r="E12178" t="s">
        <v>34405</v>
      </c>
      <c r="F12178">
        <v>4</v>
      </c>
      <c r="G12178" t="s">
        <v>14</v>
      </c>
      <c r="H12178" t="s">
        <v>27466</v>
      </c>
      <c r="I12178" t="s">
        <v>30540</v>
      </c>
    </row>
    <row r="12179" spans="1:9">
      <c r="A12179" s="1">
        <v>0.1539553478578819</v>
      </c>
      <c r="B12179" s="1"/>
      <c r="C12179">
        <v>20</v>
      </c>
      <c r="D12179" t="s">
        <v>27461</v>
      </c>
      <c r="E12179" t="s">
        <v>34406</v>
      </c>
      <c r="F12179">
        <v>4</v>
      </c>
      <c r="G12179" t="s">
        <v>2</v>
      </c>
      <c r="H12179" t="s">
        <v>27462</v>
      </c>
      <c r="I12179" t="s">
        <v>30540</v>
      </c>
    </row>
    <row r="12180" spans="1:9">
      <c r="A12180" s="1">
        <v>0.96202531312123374</v>
      </c>
      <c r="B12180" s="1"/>
      <c r="C12180">
        <v>11</v>
      </c>
      <c r="D12180" t="s">
        <v>27457</v>
      </c>
      <c r="E12180" t="s">
        <v>34406</v>
      </c>
      <c r="F12180">
        <v>4</v>
      </c>
      <c r="G12180" t="s">
        <v>14</v>
      </c>
      <c r="H12180" t="s">
        <v>27458</v>
      </c>
      <c r="I12180" t="s">
        <v>30540</v>
      </c>
    </row>
    <row r="12181" spans="1:9">
      <c r="A12181" s="1">
        <v>0.69170539001730136</v>
      </c>
      <c r="B12181" s="1"/>
      <c r="C12181">
        <v>13</v>
      </c>
      <c r="D12181" t="s">
        <v>27459</v>
      </c>
      <c r="E12181" t="s">
        <v>34406</v>
      </c>
      <c r="F12181">
        <v>4</v>
      </c>
      <c r="G12181" t="s">
        <v>14</v>
      </c>
      <c r="H12181" t="s">
        <v>27460</v>
      </c>
      <c r="I12181" t="s">
        <v>30540</v>
      </c>
    </row>
    <row r="12182" spans="1:9">
      <c r="A12182" s="1">
        <v>0.82324963779638505</v>
      </c>
      <c r="B12182" s="1"/>
      <c r="C12182">
        <v>10</v>
      </c>
      <c r="D12182" t="s">
        <v>27451</v>
      </c>
      <c r="E12182" t="s">
        <v>34407</v>
      </c>
      <c r="F12182">
        <v>5</v>
      </c>
      <c r="G12182" t="s">
        <v>14</v>
      </c>
      <c r="H12182" t="s">
        <v>27452</v>
      </c>
      <c r="I12182" t="s">
        <v>30540</v>
      </c>
    </row>
    <row r="12183" spans="1:9">
      <c r="A12183" s="1">
        <v>0.4996463954004885</v>
      </c>
      <c r="B12183" s="1"/>
      <c r="C12183">
        <v>1</v>
      </c>
      <c r="D12183" t="s">
        <v>27443</v>
      </c>
      <c r="E12183" t="s">
        <v>34407</v>
      </c>
      <c r="F12183">
        <v>5</v>
      </c>
      <c r="G12183" t="s">
        <v>2</v>
      </c>
      <c r="H12183" t="s">
        <v>27444</v>
      </c>
      <c r="I12183" t="s">
        <v>30540</v>
      </c>
    </row>
    <row r="12184" spans="1:9">
      <c r="A12184" s="1">
        <v>0.3964824681456417</v>
      </c>
      <c r="B12184" s="1"/>
      <c r="C12184">
        <v>9</v>
      </c>
      <c r="D12184" t="s">
        <v>27449</v>
      </c>
      <c r="E12184" t="s">
        <v>34407</v>
      </c>
      <c r="F12184">
        <v>5</v>
      </c>
      <c r="G12184" t="s">
        <v>1</v>
      </c>
      <c r="H12184" t="s">
        <v>27450</v>
      </c>
      <c r="I12184" t="s">
        <v>30540</v>
      </c>
    </row>
    <row r="12185" spans="1:9">
      <c r="A12185" s="1">
        <v>0.80505884138144279</v>
      </c>
      <c r="B12185" s="1"/>
      <c r="C12185">
        <v>8</v>
      </c>
      <c r="D12185" t="s">
        <v>27447</v>
      </c>
      <c r="E12185" t="s">
        <v>34407</v>
      </c>
      <c r="F12185">
        <v>4</v>
      </c>
      <c r="G12185" t="s">
        <v>14</v>
      </c>
      <c r="H12185" t="s">
        <v>27448</v>
      </c>
      <c r="I12185" t="s">
        <v>30540</v>
      </c>
    </row>
    <row r="12186" spans="1:9">
      <c r="A12186" s="1">
        <v>0.33980892626227643</v>
      </c>
      <c r="B12186" s="1"/>
      <c r="C12186">
        <v>7</v>
      </c>
      <c r="D12186" t="s">
        <v>27445</v>
      </c>
      <c r="E12186" t="s">
        <v>34407</v>
      </c>
      <c r="F12186">
        <v>4</v>
      </c>
      <c r="G12186" t="s">
        <v>14</v>
      </c>
      <c r="H12186" t="s">
        <v>27446</v>
      </c>
      <c r="I12186" t="s">
        <v>30540</v>
      </c>
    </row>
    <row r="12187" spans="1:9">
      <c r="A12187" s="1">
        <v>0.86266156052467868</v>
      </c>
      <c r="B12187" s="1"/>
      <c r="C12187">
        <v>16</v>
      </c>
      <c r="D12187" t="s">
        <v>27453</v>
      </c>
      <c r="E12187" t="s">
        <v>34407</v>
      </c>
      <c r="F12187">
        <v>4</v>
      </c>
      <c r="G12187" t="s">
        <v>0</v>
      </c>
      <c r="H12187" t="s">
        <v>27454</v>
      </c>
      <c r="I12187" t="s">
        <v>30540</v>
      </c>
    </row>
    <row r="12188" spans="1:9">
      <c r="A12188" s="1">
        <v>0.8489675476491737</v>
      </c>
      <c r="B12188" s="1"/>
      <c r="C12188">
        <v>15</v>
      </c>
      <c r="D12188" t="s">
        <v>27439</v>
      </c>
      <c r="E12188" t="s">
        <v>34408</v>
      </c>
      <c r="F12188">
        <v>5</v>
      </c>
      <c r="G12188" t="s">
        <v>0</v>
      </c>
      <c r="H12188" t="s">
        <v>27440</v>
      </c>
      <c r="I12188" t="s">
        <v>30540</v>
      </c>
    </row>
    <row r="12189" spans="1:9">
      <c r="A12189" s="1">
        <v>0.25659495571462765</v>
      </c>
      <c r="B12189" s="1"/>
      <c r="C12189">
        <v>19</v>
      </c>
      <c r="D12189" t="s">
        <v>27441</v>
      </c>
      <c r="E12189" t="s">
        <v>34408</v>
      </c>
      <c r="F12189">
        <v>4</v>
      </c>
      <c r="G12189" t="s">
        <v>14</v>
      </c>
      <c r="H12189" t="s">
        <v>27442</v>
      </c>
      <c r="I12189" t="s">
        <v>30540</v>
      </c>
    </row>
    <row r="12190" spans="1:9">
      <c r="A12190" s="1">
        <v>0.53483332062343392</v>
      </c>
      <c r="B12190" s="1"/>
      <c r="C12190">
        <v>10</v>
      </c>
      <c r="D12190" t="s">
        <v>27437</v>
      </c>
      <c r="E12190" t="s">
        <v>34408</v>
      </c>
      <c r="F12190">
        <v>4</v>
      </c>
      <c r="G12190" t="s">
        <v>14</v>
      </c>
      <c r="H12190" t="s">
        <v>27438</v>
      </c>
      <c r="I12190" t="s">
        <v>30540</v>
      </c>
    </row>
    <row r="12191" spans="1:9">
      <c r="A12191" s="1">
        <v>2.5437929274113924E-2</v>
      </c>
      <c r="B12191" s="1"/>
      <c r="C12191">
        <v>12</v>
      </c>
      <c r="D12191" t="s">
        <v>27435</v>
      </c>
      <c r="E12191" t="s">
        <v>34409</v>
      </c>
      <c r="F12191">
        <v>4</v>
      </c>
      <c r="G12191" t="s">
        <v>13</v>
      </c>
      <c r="H12191" t="s">
        <v>27436</v>
      </c>
      <c r="I12191" t="s">
        <v>30540</v>
      </c>
    </row>
    <row r="12192" spans="1:9">
      <c r="A12192" s="1">
        <v>0.75323218182229501</v>
      </c>
      <c r="B12192" s="1"/>
      <c r="C12192">
        <v>6</v>
      </c>
      <c r="D12192" t="s">
        <v>27429</v>
      </c>
      <c r="E12192" t="s">
        <v>34410</v>
      </c>
      <c r="F12192">
        <v>4</v>
      </c>
      <c r="G12192" t="s">
        <v>15</v>
      </c>
      <c r="H12192" t="s">
        <v>27430</v>
      </c>
      <c r="I12192" t="s">
        <v>30540</v>
      </c>
    </row>
    <row r="12193" spans="1:9">
      <c r="A12193" s="1">
        <v>0.22094546200636467</v>
      </c>
      <c r="B12193" s="1"/>
      <c r="C12193">
        <v>13</v>
      </c>
      <c r="D12193" t="s">
        <v>27431</v>
      </c>
      <c r="E12193" t="s">
        <v>34410</v>
      </c>
      <c r="F12193">
        <v>4</v>
      </c>
      <c r="G12193" t="s">
        <v>14</v>
      </c>
      <c r="H12193" t="s">
        <v>27432</v>
      </c>
      <c r="I12193" t="s">
        <v>30540</v>
      </c>
    </row>
    <row r="12194" spans="1:9">
      <c r="A12194" s="1">
        <v>0.61170836720490718</v>
      </c>
      <c r="B12194" s="1"/>
      <c r="C12194">
        <v>5</v>
      </c>
      <c r="D12194" t="s">
        <v>27427</v>
      </c>
      <c r="E12194" t="s">
        <v>34410</v>
      </c>
      <c r="F12194">
        <v>4</v>
      </c>
      <c r="G12194" t="s">
        <v>9</v>
      </c>
      <c r="H12194" t="s">
        <v>27428</v>
      </c>
      <c r="I12194" t="s">
        <v>30540</v>
      </c>
    </row>
    <row r="12195" spans="1:9">
      <c r="A12195" s="1">
        <v>0.31907576277625427</v>
      </c>
      <c r="B12195" s="1"/>
      <c r="C12195">
        <v>13</v>
      </c>
      <c r="D12195" t="s">
        <v>27425</v>
      </c>
      <c r="E12195" t="s">
        <v>34411</v>
      </c>
      <c r="F12195">
        <v>4</v>
      </c>
      <c r="G12195" t="s">
        <v>2226</v>
      </c>
      <c r="H12195" t="s">
        <v>27426</v>
      </c>
      <c r="I12195" t="s">
        <v>30540</v>
      </c>
    </row>
    <row r="12196" spans="1:9">
      <c r="A12196" s="1">
        <v>0.75239733229238892</v>
      </c>
      <c r="B12196" s="1"/>
      <c r="C12196">
        <v>5</v>
      </c>
      <c r="D12196" t="s">
        <v>27423</v>
      </c>
      <c r="E12196" t="s">
        <v>34411</v>
      </c>
      <c r="F12196">
        <v>4</v>
      </c>
      <c r="G12196" t="s">
        <v>10</v>
      </c>
      <c r="H12196" t="s">
        <v>27424</v>
      </c>
      <c r="I12196" t="s">
        <v>30540</v>
      </c>
    </row>
    <row r="12197" spans="1:9">
      <c r="A12197" s="1">
        <v>0.44610129694909051</v>
      </c>
      <c r="B12197" s="1"/>
      <c r="C12197">
        <v>13</v>
      </c>
      <c r="D12197" t="s">
        <v>27417</v>
      </c>
      <c r="E12197" t="s">
        <v>34412</v>
      </c>
      <c r="F12197">
        <v>4</v>
      </c>
      <c r="G12197" t="s">
        <v>10</v>
      </c>
      <c r="H12197" t="s">
        <v>27418</v>
      </c>
      <c r="I12197" t="s">
        <v>30540</v>
      </c>
    </row>
    <row r="12198" spans="1:9">
      <c r="A12198" s="1">
        <v>0.37291069025454404</v>
      </c>
      <c r="B12198" s="1"/>
      <c r="C12198">
        <v>8</v>
      </c>
      <c r="D12198" t="s">
        <v>27415</v>
      </c>
      <c r="E12198" t="s">
        <v>34412</v>
      </c>
      <c r="F12198">
        <v>4</v>
      </c>
      <c r="G12198" t="s">
        <v>14</v>
      </c>
      <c r="H12198" t="s">
        <v>27416</v>
      </c>
      <c r="I12198" t="s">
        <v>30540</v>
      </c>
    </row>
    <row r="12199" spans="1:9">
      <c r="A12199" s="1">
        <v>0.95323356512945601</v>
      </c>
      <c r="B12199" s="1"/>
      <c r="C12199">
        <v>14</v>
      </c>
      <c r="D12199" t="s">
        <v>27419</v>
      </c>
      <c r="E12199" t="s">
        <v>34412</v>
      </c>
      <c r="F12199">
        <v>4</v>
      </c>
      <c r="G12199" t="s">
        <v>9</v>
      </c>
      <c r="H12199" t="s">
        <v>27420</v>
      </c>
      <c r="I12199" t="s">
        <v>30540</v>
      </c>
    </row>
    <row r="12200" spans="1:9">
      <c r="A12200" s="1">
        <v>0.74330925468279829</v>
      </c>
      <c r="B12200" s="1"/>
      <c r="C12200">
        <v>16</v>
      </c>
      <c r="D12200" t="s">
        <v>27421</v>
      </c>
      <c r="E12200" t="s">
        <v>34412</v>
      </c>
      <c r="F12200">
        <v>4</v>
      </c>
      <c r="G12200" t="s">
        <v>14</v>
      </c>
      <c r="H12200" t="s">
        <v>27422</v>
      </c>
      <c r="I12200" t="s">
        <v>30540</v>
      </c>
    </row>
    <row r="12201" spans="1:9">
      <c r="A12201" s="1">
        <v>0.29684896331837207</v>
      </c>
      <c r="B12201" s="1"/>
      <c r="C12201">
        <v>7</v>
      </c>
      <c r="D12201" t="s">
        <v>27411</v>
      </c>
      <c r="E12201" t="s">
        <v>34413</v>
      </c>
      <c r="F12201">
        <v>4</v>
      </c>
      <c r="G12201" t="s">
        <v>14</v>
      </c>
      <c r="H12201" t="s">
        <v>27412</v>
      </c>
      <c r="I12201" t="s">
        <v>30540</v>
      </c>
    </row>
    <row r="12202" spans="1:9">
      <c r="A12202" s="1">
        <v>0.97534923059466538</v>
      </c>
      <c r="B12202" s="1"/>
      <c r="C12202">
        <v>6</v>
      </c>
      <c r="D12202" t="s">
        <v>27409</v>
      </c>
      <c r="E12202" t="s">
        <v>34413</v>
      </c>
      <c r="F12202">
        <v>4</v>
      </c>
      <c r="G12202" t="s">
        <v>9</v>
      </c>
      <c r="H12202" t="s">
        <v>27410</v>
      </c>
      <c r="I12202" t="s">
        <v>30540</v>
      </c>
    </row>
    <row r="12203" spans="1:9">
      <c r="A12203" s="1">
        <v>0.60999778166841001</v>
      </c>
      <c r="B12203" s="1"/>
      <c r="C12203">
        <v>12</v>
      </c>
      <c r="D12203" t="s">
        <v>27407</v>
      </c>
      <c r="E12203" t="s">
        <v>34414</v>
      </c>
      <c r="F12203">
        <v>4</v>
      </c>
      <c r="G12203" t="s">
        <v>14</v>
      </c>
      <c r="H12203" t="s">
        <v>27408</v>
      </c>
      <c r="I12203" t="s">
        <v>30540</v>
      </c>
    </row>
    <row r="12204" spans="1:9">
      <c r="A12204" s="1">
        <v>0.49023213807361488</v>
      </c>
      <c r="B12204" s="1"/>
      <c r="C12204">
        <v>2</v>
      </c>
      <c r="D12204" t="s">
        <v>27405</v>
      </c>
      <c r="E12204" t="s">
        <v>34414</v>
      </c>
      <c r="F12204">
        <v>4</v>
      </c>
      <c r="G12204" t="s">
        <v>14</v>
      </c>
      <c r="H12204" t="s">
        <v>27406</v>
      </c>
      <c r="I12204" t="s">
        <v>30540</v>
      </c>
    </row>
    <row r="12205" spans="1:9">
      <c r="A12205" s="1">
        <v>0.21287178499087056</v>
      </c>
      <c r="B12205" s="1"/>
      <c r="C12205">
        <v>16</v>
      </c>
      <c r="D12205" t="s">
        <v>27401</v>
      </c>
      <c r="E12205" t="s">
        <v>34415</v>
      </c>
      <c r="F12205">
        <v>4</v>
      </c>
      <c r="G12205" t="s">
        <v>14</v>
      </c>
      <c r="H12205" t="s">
        <v>27402</v>
      </c>
      <c r="I12205" t="s">
        <v>30540</v>
      </c>
    </row>
    <row r="12206" spans="1:9">
      <c r="A12206" s="1">
        <v>0.35004147208591807</v>
      </c>
      <c r="B12206" s="1"/>
      <c r="C12206">
        <v>19</v>
      </c>
      <c r="D12206" t="s">
        <v>27403</v>
      </c>
      <c r="E12206" t="s">
        <v>34415</v>
      </c>
      <c r="F12206">
        <v>4</v>
      </c>
      <c r="G12206" t="s">
        <v>14</v>
      </c>
      <c r="H12206" t="s">
        <v>27404</v>
      </c>
      <c r="I12206" t="s">
        <v>30540</v>
      </c>
    </row>
    <row r="12207" spans="1:9">
      <c r="A12207" s="1">
        <v>0.76579623578328304</v>
      </c>
      <c r="B12207" s="1"/>
      <c r="C12207">
        <v>3</v>
      </c>
      <c r="D12207" t="s">
        <v>27397</v>
      </c>
      <c r="E12207" t="s">
        <v>34415</v>
      </c>
      <c r="F12207">
        <v>4</v>
      </c>
      <c r="G12207" t="s">
        <v>15</v>
      </c>
      <c r="H12207" t="s">
        <v>27398</v>
      </c>
      <c r="I12207" t="s">
        <v>30540</v>
      </c>
    </row>
    <row r="12208" spans="1:9">
      <c r="A12208" s="1">
        <v>0.75543569155143719</v>
      </c>
      <c r="B12208" s="1"/>
      <c r="C12208">
        <v>11</v>
      </c>
      <c r="D12208" t="s">
        <v>27399</v>
      </c>
      <c r="E12208" t="s">
        <v>34415</v>
      </c>
      <c r="F12208">
        <v>4</v>
      </c>
      <c r="G12208" t="s">
        <v>14</v>
      </c>
      <c r="H12208" t="s">
        <v>27400</v>
      </c>
      <c r="I12208" t="s">
        <v>30540</v>
      </c>
    </row>
    <row r="12209" spans="1:9">
      <c r="A12209" s="1">
        <v>0.31887096613847965</v>
      </c>
      <c r="B12209" s="1"/>
      <c r="C12209">
        <v>10</v>
      </c>
      <c r="D12209" t="s">
        <v>27393</v>
      </c>
      <c r="E12209" t="s">
        <v>34416</v>
      </c>
      <c r="F12209">
        <v>4</v>
      </c>
      <c r="G12209" t="s">
        <v>14</v>
      </c>
      <c r="H12209" t="s">
        <v>27394</v>
      </c>
      <c r="I12209" t="s">
        <v>30540</v>
      </c>
    </row>
    <row r="12210" spans="1:9">
      <c r="A12210" s="1">
        <v>0.28137029381906342</v>
      </c>
      <c r="B12210" s="1"/>
      <c r="C12210">
        <v>15</v>
      </c>
      <c r="D12210" t="s">
        <v>27395</v>
      </c>
      <c r="E12210" t="s">
        <v>34416</v>
      </c>
      <c r="F12210">
        <v>4</v>
      </c>
      <c r="G12210" t="s">
        <v>2738</v>
      </c>
      <c r="H12210" t="s">
        <v>27396</v>
      </c>
      <c r="I12210" t="s">
        <v>30540</v>
      </c>
    </row>
    <row r="12211" spans="1:9">
      <c r="A12211" s="1">
        <v>0.13419215584688571</v>
      </c>
      <c r="B12211" s="1"/>
      <c r="C12211">
        <v>7</v>
      </c>
      <c r="D12211" t="s">
        <v>27391</v>
      </c>
      <c r="E12211" t="s">
        <v>34416</v>
      </c>
      <c r="F12211">
        <v>3</v>
      </c>
      <c r="G12211" t="s">
        <v>10</v>
      </c>
      <c r="H12211" t="s">
        <v>27392</v>
      </c>
      <c r="I12211" t="s">
        <v>30540</v>
      </c>
    </row>
    <row r="12212" spans="1:9">
      <c r="A12212" s="1">
        <v>0.7796345629085778</v>
      </c>
      <c r="B12212" s="1"/>
      <c r="C12212">
        <v>9</v>
      </c>
      <c r="D12212" t="s">
        <v>27383</v>
      </c>
      <c r="E12212" t="s">
        <v>34417</v>
      </c>
      <c r="F12212">
        <v>5</v>
      </c>
      <c r="G12212" t="s">
        <v>14</v>
      </c>
      <c r="H12212" t="s">
        <v>27384</v>
      </c>
      <c r="I12212" t="s">
        <v>30540</v>
      </c>
    </row>
    <row r="12213" spans="1:9">
      <c r="A12213" s="1">
        <v>0.18596043502225112</v>
      </c>
      <c r="B12213" s="1"/>
      <c r="C12213">
        <v>16</v>
      </c>
      <c r="D12213" t="s">
        <v>27387</v>
      </c>
      <c r="E12213" t="s">
        <v>34417</v>
      </c>
      <c r="F12213">
        <v>5</v>
      </c>
      <c r="G12213" t="s">
        <v>14</v>
      </c>
      <c r="H12213" t="s">
        <v>27388</v>
      </c>
      <c r="I12213" t="s">
        <v>30540</v>
      </c>
    </row>
    <row r="12214" spans="1:9">
      <c r="A12214" s="1">
        <v>0.22869423330495675</v>
      </c>
      <c r="B12214" s="1"/>
      <c r="C12214">
        <v>15</v>
      </c>
      <c r="D12214" t="s">
        <v>27385</v>
      </c>
      <c r="E12214" t="s">
        <v>34417</v>
      </c>
      <c r="F12214">
        <v>4</v>
      </c>
      <c r="G12214" t="s">
        <v>14</v>
      </c>
      <c r="H12214" t="s">
        <v>27386</v>
      </c>
      <c r="I12214" t="s">
        <v>30540</v>
      </c>
    </row>
    <row r="12215" spans="1:9">
      <c r="A12215" s="1">
        <v>3.0768197023936739E-2</v>
      </c>
      <c r="B12215" s="1"/>
      <c r="C12215">
        <v>6</v>
      </c>
      <c r="D12215" t="s">
        <v>27381</v>
      </c>
      <c r="E12215" t="s">
        <v>34417</v>
      </c>
      <c r="F12215">
        <v>4</v>
      </c>
      <c r="G12215" t="s">
        <v>14</v>
      </c>
      <c r="H12215" t="s">
        <v>27382</v>
      </c>
      <c r="I12215" t="s">
        <v>30540</v>
      </c>
    </row>
    <row r="12216" spans="1:9">
      <c r="A12216" s="1">
        <v>0.90787858425005163</v>
      </c>
      <c r="B12216" s="1"/>
      <c r="C12216">
        <v>19</v>
      </c>
      <c r="D12216" t="s">
        <v>27389</v>
      </c>
      <c r="E12216" t="s">
        <v>34417</v>
      </c>
      <c r="F12216">
        <v>4</v>
      </c>
      <c r="G12216" t="s">
        <v>14</v>
      </c>
      <c r="H12216" t="s">
        <v>27390</v>
      </c>
      <c r="I12216" t="s">
        <v>30540</v>
      </c>
    </row>
    <row r="12217" spans="1:9">
      <c r="A12217" s="1">
        <v>0.81173165048610785</v>
      </c>
      <c r="B12217" s="1"/>
      <c r="C12217">
        <v>20</v>
      </c>
      <c r="D12217" t="s">
        <v>27379</v>
      </c>
      <c r="E12217" t="s">
        <v>34418</v>
      </c>
      <c r="F12217">
        <v>4</v>
      </c>
      <c r="G12217" t="s">
        <v>14</v>
      </c>
      <c r="H12217" t="s">
        <v>27380</v>
      </c>
      <c r="I12217" t="s">
        <v>30540</v>
      </c>
    </row>
    <row r="12218" spans="1:9">
      <c r="A12218" s="1">
        <v>0.23045567552356216</v>
      </c>
      <c r="B12218" s="1"/>
      <c r="C12218">
        <v>14</v>
      </c>
      <c r="D12218" t="s">
        <v>27377</v>
      </c>
      <c r="E12218" t="s">
        <v>34418</v>
      </c>
      <c r="F12218">
        <v>4</v>
      </c>
      <c r="G12218" t="s">
        <v>14</v>
      </c>
      <c r="H12218" t="s">
        <v>27378</v>
      </c>
      <c r="I12218" t="s">
        <v>30540</v>
      </c>
    </row>
    <row r="12219" spans="1:9">
      <c r="A12219" s="1">
        <v>0.29092451906303685</v>
      </c>
      <c r="B12219" s="1"/>
      <c r="C12219">
        <v>5</v>
      </c>
      <c r="D12219" t="s">
        <v>27371</v>
      </c>
      <c r="E12219" t="s">
        <v>34418</v>
      </c>
      <c r="F12219">
        <v>4</v>
      </c>
      <c r="G12219" t="s">
        <v>14</v>
      </c>
      <c r="H12219" t="s">
        <v>27372</v>
      </c>
      <c r="I12219" t="s">
        <v>30540</v>
      </c>
    </row>
    <row r="12220" spans="1:9">
      <c r="A12220" s="1">
        <v>0.73035126361366309</v>
      </c>
      <c r="B12220" s="1"/>
      <c r="C12220">
        <v>2</v>
      </c>
      <c r="D12220" t="s">
        <v>27363</v>
      </c>
      <c r="E12220" t="s">
        <v>34419</v>
      </c>
      <c r="F12220">
        <v>4</v>
      </c>
      <c r="G12220" t="s">
        <v>14</v>
      </c>
      <c r="H12220" t="s">
        <v>27364</v>
      </c>
      <c r="I12220" t="s">
        <v>30540</v>
      </c>
    </row>
    <row r="12221" spans="1:9">
      <c r="A12221" s="1">
        <v>0.76908160419181049</v>
      </c>
      <c r="B12221" s="1"/>
      <c r="C12221">
        <v>1</v>
      </c>
      <c r="D12221" t="s">
        <v>27361</v>
      </c>
      <c r="E12221" t="s">
        <v>34419</v>
      </c>
      <c r="F12221">
        <v>4</v>
      </c>
      <c r="G12221" t="s">
        <v>2</v>
      </c>
      <c r="H12221" t="s">
        <v>27362</v>
      </c>
      <c r="I12221" t="s">
        <v>30540</v>
      </c>
    </row>
    <row r="12222" spans="1:9">
      <c r="A12222" s="1">
        <v>0.40733557036930357</v>
      </c>
      <c r="B12222" s="1"/>
      <c r="C12222">
        <v>18</v>
      </c>
      <c r="D12222" t="s">
        <v>27369</v>
      </c>
      <c r="E12222" t="s">
        <v>34419</v>
      </c>
      <c r="F12222">
        <v>4</v>
      </c>
      <c r="G12222" t="s">
        <v>14</v>
      </c>
      <c r="H12222" t="s">
        <v>27370</v>
      </c>
      <c r="I12222" t="s">
        <v>30540</v>
      </c>
    </row>
    <row r="12223" spans="1:9">
      <c r="A12223" s="1">
        <v>0.62009879218781427</v>
      </c>
      <c r="B12223" s="1"/>
      <c r="C12223">
        <v>10</v>
      </c>
      <c r="D12223" t="s">
        <v>27367</v>
      </c>
      <c r="E12223" t="s">
        <v>34419</v>
      </c>
      <c r="F12223">
        <v>4</v>
      </c>
      <c r="G12223" t="s">
        <v>1</v>
      </c>
      <c r="H12223" t="s">
        <v>27368</v>
      </c>
      <c r="I12223" t="s">
        <v>30540</v>
      </c>
    </row>
    <row r="12224" spans="1:9">
      <c r="A12224" s="1">
        <v>0.79355197266710265</v>
      </c>
      <c r="B12224" s="1"/>
      <c r="C12224">
        <v>5</v>
      </c>
      <c r="D12224" t="s">
        <v>27353</v>
      </c>
      <c r="E12224" t="s">
        <v>34420</v>
      </c>
      <c r="F12224">
        <v>5</v>
      </c>
      <c r="G12224" t="s">
        <v>14</v>
      </c>
      <c r="H12224" t="s">
        <v>27354</v>
      </c>
      <c r="I12224" t="s">
        <v>30540</v>
      </c>
    </row>
    <row r="12225" spans="1:9">
      <c r="A12225" s="1">
        <v>0.14475197551705132</v>
      </c>
      <c r="B12225" s="1"/>
      <c r="C12225">
        <v>7</v>
      </c>
      <c r="D12225" t="s">
        <v>27355</v>
      </c>
      <c r="E12225" t="s">
        <v>34420</v>
      </c>
      <c r="F12225">
        <v>4</v>
      </c>
      <c r="G12225" t="s">
        <v>10</v>
      </c>
      <c r="H12225" t="s">
        <v>27356</v>
      </c>
      <c r="I12225" t="s">
        <v>30540</v>
      </c>
    </row>
    <row r="12226" spans="1:9">
      <c r="A12226" s="1">
        <v>0.57971638968760741</v>
      </c>
      <c r="B12226" s="1"/>
      <c r="C12226">
        <v>14</v>
      </c>
      <c r="D12226" t="s">
        <v>27359</v>
      </c>
      <c r="E12226" t="s">
        <v>34420</v>
      </c>
      <c r="F12226">
        <v>4</v>
      </c>
      <c r="G12226" t="s">
        <v>14</v>
      </c>
      <c r="H12226" t="s">
        <v>27360</v>
      </c>
      <c r="I12226" t="s">
        <v>30540</v>
      </c>
    </row>
    <row r="12227" spans="1:9">
      <c r="A12227" s="1">
        <v>0.5983444664676576</v>
      </c>
      <c r="B12227" s="1"/>
      <c r="C12227">
        <v>9</v>
      </c>
      <c r="D12227" t="s">
        <v>27357</v>
      </c>
      <c r="E12227" t="s">
        <v>34420</v>
      </c>
      <c r="F12227">
        <v>4</v>
      </c>
      <c r="G12227" t="s">
        <v>14</v>
      </c>
      <c r="H12227" t="s">
        <v>27358</v>
      </c>
      <c r="I12227" t="s">
        <v>30540</v>
      </c>
    </row>
    <row r="12228" spans="1:9">
      <c r="A12228" s="1">
        <v>1.1485734623913224E-2</v>
      </c>
      <c r="B12228" s="1"/>
      <c r="C12228">
        <v>7</v>
      </c>
      <c r="D12228" t="s">
        <v>27347</v>
      </c>
      <c r="E12228" t="s">
        <v>34421</v>
      </c>
      <c r="F12228">
        <v>5</v>
      </c>
      <c r="G12228" t="s">
        <v>762</v>
      </c>
      <c r="H12228" t="s">
        <v>27348</v>
      </c>
      <c r="I12228" t="s">
        <v>30540</v>
      </c>
    </row>
    <row r="12229" spans="1:9">
      <c r="A12229" s="1">
        <v>0.76605265536744693</v>
      </c>
      <c r="B12229" s="1"/>
      <c r="C12229">
        <v>3</v>
      </c>
      <c r="D12229" t="s">
        <v>27345</v>
      </c>
      <c r="E12229" t="s">
        <v>34421</v>
      </c>
      <c r="F12229">
        <v>5</v>
      </c>
      <c r="G12229" t="s">
        <v>766</v>
      </c>
      <c r="H12229" t="s">
        <v>27346</v>
      </c>
      <c r="I12229" t="s">
        <v>30540</v>
      </c>
    </row>
    <row r="12230" spans="1:9">
      <c r="A12230" s="1">
        <v>0.53877670563223912</v>
      </c>
      <c r="B12230" s="1"/>
      <c r="C12230">
        <v>19</v>
      </c>
      <c r="D12230" t="s">
        <v>27349</v>
      </c>
      <c r="E12230" t="s">
        <v>34421</v>
      </c>
      <c r="F12230">
        <v>4</v>
      </c>
      <c r="G12230" t="s">
        <v>1426</v>
      </c>
      <c r="H12230" t="s">
        <v>27350</v>
      </c>
      <c r="I12230" t="s">
        <v>30540</v>
      </c>
    </row>
    <row r="12231" spans="1:9">
      <c r="A12231" s="1">
        <v>0.91659259791858794</v>
      </c>
      <c r="B12231" s="1"/>
      <c r="C12231">
        <v>2</v>
      </c>
      <c r="D12231" t="s">
        <v>27343</v>
      </c>
      <c r="E12231" t="s">
        <v>34421</v>
      </c>
      <c r="F12231">
        <v>4</v>
      </c>
      <c r="G12231" t="s">
        <v>10</v>
      </c>
      <c r="H12231" t="s">
        <v>27344</v>
      </c>
      <c r="I12231" t="s">
        <v>30540</v>
      </c>
    </row>
    <row r="12232" spans="1:9">
      <c r="A12232" s="1">
        <v>0.35233783413314301</v>
      </c>
      <c r="B12232" s="1"/>
      <c r="C12232">
        <v>14</v>
      </c>
      <c r="D12232" t="s">
        <v>27339</v>
      </c>
      <c r="E12232" t="s">
        <v>34422</v>
      </c>
      <c r="F12232">
        <v>5</v>
      </c>
      <c r="G12232" t="s">
        <v>14</v>
      </c>
      <c r="H12232" t="s">
        <v>27340</v>
      </c>
      <c r="I12232" t="s">
        <v>30540</v>
      </c>
    </row>
    <row r="12233" spans="1:9">
      <c r="A12233" s="1">
        <v>0.63741764241746912</v>
      </c>
      <c r="B12233" s="1"/>
      <c r="C12233">
        <v>17</v>
      </c>
      <c r="D12233" t="s">
        <v>27341</v>
      </c>
      <c r="E12233" t="s">
        <v>34422</v>
      </c>
      <c r="F12233">
        <v>4</v>
      </c>
      <c r="G12233" t="s">
        <v>14</v>
      </c>
      <c r="H12233" t="s">
        <v>27342</v>
      </c>
      <c r="I12233" t="s">
        <v>30540</v>
      </c>
    </row>
    <row r="12234" spans="1:9">
      <c r="A12234" s="1">
        <v>0.51662294239319029</v>
      </c>
      <c r="B12234" s="1"/>
      <c r="C12234">
        <v>13</v>
      </c>
      <c r="D12234" t="s">
        <v>27337</v>
      </c>
      <c r="E12234" t="s">
        <v>34422</v>
      </c>
      <c r="F12234">
        <v>4</v>
      </c>
      <c r="G12234" t="s">
        <v>14</v>
      </c>
      <c r="H12234" t="s">
        <v>27338</v>
      </c>
      <c r="I12234" t="s">
        <v>30540</v>
      </c>
    </row>
    <row r="12235" spans="1:9">
      <c r="A12235" s="1">
        <v>0.98851988981258088</v>
      </c>
      <c r="B12235" s="1"/>
      <c r="C12235">
        <v>12</v>
      </c>
      <c r="D12235" t="s">
        <v>27335</v>
      </c>
      <c r="E12235" t="s">
        <v>34422</v>
      </c>
      <c r="F12235">
        <v>4</v>
      </c>
      <c r="G12235" t="s">
        <v>0</v>
      </c>
      <c r="H12235" t="s">
        <v>27336</v>
      </c>
      <c r="I12235" t="s">
        <v>30540</v>
      </c>
    </row>
    <row r="12236" spans="1:9">
      <c r="A12236" s="1">
        <v>0.27234540193709678</v>
      </c>
      <c r="B12236" s="1"/>
      <c r="C12236">
        <v>1</v>
      </c>
      <c r="D12236" t="s">
        <v>27329</v>
      </c>
      <c r="E12236" t="s">
        <v>34422</v>
      </c>
      <c r="F12236">
        <v>4</v>
      </c>
      <c r="G12236" t="s">
        <v>2</v>
      </c>
      <c r="H12236" t="s">
        <v>27330</v>
      </c>
      <c r="I12236" t="s">
        <v>30540</v>
      </c>
    </row>
    <row r="12237" spans="1:9">
      <c r="A12237" s="1">
        <v>0.3001657795638325</v>
      </c>
      <c r="B12237" s="1"/>
      <c r="C12237">
        <v>17</v>
      </c>
      <c r="D12237" t="s">
        <v>27325</v>
      </c>
      <c r="E12237" t="s">
        <v>34423</v>
      </c>
      <c r="F12237">
        <v>5</v>
      </c>
      <c r="G12237" t="s">
        <v>9</v>
      </c>
      <c r="H12237" t="s">
        <v>27326</v>
      </c>
      <c r="I12237" t="s">
        <v>30540</v>
      </c>
    </row>
    <row r="12238" spans="1:9">
      <c r="A12238" s="1">
        <v>0.72445778308148934</v>
      </c>
      <c r="B12238" s="1"/>
      <c r="C12238">
        <v>13</v>
      </c>
      <c r="D12238" t="s">
        <v>27321</v>
      </c>
      <c r="E12238" t="s">
        <v>34423</v>
      </c>
      <c r="F12238">
        <v>5</v>
      </c>
      <c r="G12238" t="s">
        <v>14</v>
      </c>
      <c r="H12238" t="s">
        <v>27322</v>
      </c>
      <c r="I12238" t="s">
        <v>30540</v>
      </c>
    </row>
    <row r="12239" spans="1:9">
      <c r="A12239" s="1">
        <v>0.47524319706235207</v>
      </c>
      <c r="B12239" s="1"/>
      <c r="C12239">
        <v>18</v>
      </c>
      <c r="D12239" t="s">
        <v>27327</v>
      </c>
      <c r="E12239" t="s">
        <v>34423</v>
      </c>
      <c r="F12239">
        <v>5</v>
      </c>
      <c r="G12239" t="s">
        <v>14</v>
      </c>
      <c r="H12239" t="s">
        <v>27328</v>
      </c>
      <c r="I12239" t="s">
        <v>30540</v>
      </c>
    </row>
    <row r="12240" spans="1:9">
      <c r="A12240" s="1">
        <v>0.22500814755816678</v>
      </c>
      <c r="B12240" s="1"/>
      <c r="C12240">
        <v>2</v>
      </c>
      <c r="D12240" t="s">
        <v>27319</v>
      </c>
      <c r="E12240" t="s">
        <v>34423</v>
      </c>
      <c r="F12240">
        <v>4</v>
      </c>
      <c r="G12240" t="s">
        <v>2</v>
      </c>
      <c r="H12240" t="s">
        <v>27320</v>
      </c>
      <c r="I12240" t="s">
        <v>30540</v>
      </c>
    </row>
    <row r="12241" spans="1:9">
      <c r="A12241" s="1">
        <v>0.44546685188340651</v>
      </c>
      <c r="B12241" s="1"/>
      <c r="C12241">
        <v>9</v>
      </c>
      <c r="D12241" t="s">
        <v>27315</v>
      </c>
      <c r="E12241" t="s">
        <v>34424</v>
      </c>
      <c r="F12241">
        <v>5</v>
      </c>
      <c r="G12241" t="s">
        <v>14</v>
      </c>
      <c r="H12241" t="s">
        <v>27316</v>
      </c>
      <c r="I12241" t="s">
        <v>30540</v>
      </c>
    </row>
    <row r="12242" spans="1:9">
      <c r="A12242" s="1">
        <v>0.50625696587478963</v>
      </c>
      <c r="B12242" s="1"/>
      <c r="C12242">
        <v>13</v>
      </c>
      <c r="D12242" t="s">
        <v>27317</v>
      </c>
      <c r="E12242" t="s">
        <v>34424</v>
      </c>
      <c r="F12242">
        <v>4</v>
      </c>
      <c r="G12242" t="s">
        <v>14</v>
      </c>
      <c r="H12242" t="s">
        <v>27318</v>
      </c>
      <c r="I12242" t="s">
        <v>30540</v>
      </c>
    </row>
    <row r="12243" spans="1:9">
      <c r="A12243" s="1">
        <v>0.61002144084152532</v>
      </c>
      <c r="B12243" s="1"/>
      <c r="C12243">
        <v>5</v>
      </c>
      <c r="D12243" t="s">
        <v>27309</v>
      </c>
      <c r="E12243" t="s">
        <v>34425</v>
      </c>
      <c r="F12243">
        <v>5</v>
      </c>
      <c r="G12243" t="s">
        <v>14</v>
      </c>
      <c r="H12243" t="s">
        <v>27310</v>
      </c>
      <c r="I12243" t="s">
        <v>30540</v>
      </c>
    </row>
    <row r="12244" spans="1:9">
      <c r="A12244" s="1">
        <v>0.42267169216455103</v>
      </c>
      <c r="B12244" s="1"/>
      <c r="C12244">
        <v>10</v>
      </c>
      <c r="D12244" t="s">
        <v>27311</v>
      </c>
      <c r="E12244" t="s">
        <v>34425</v>
      </c>
      <c r="F12244">
        <v>4</v>
      </c>
      <c r="G12244" t="s">
        <v>14</v>
      </c>
      <c r="H12244" t="s">
        <v>27312</v>
      </c>
      <c r="I12244" t="s">
        <v>30540</v>
      </c>
    </row>
    <row r="12245" spans="1:9">
      <c r="A12245" s="1">
        <v>0.19692724515862259</v>
      </c>
      <c r="B12245" s="1"/>
      <c r="C12245">
        <v>1</v>
      </c>
      <c r="D12245" t="s">
        <v>27307</v>
      </c>
      <c r="E12245" t="s">
        <v>34425</v>
      </c>
      <c r="F12245">
        <v>4</v>
      </c>
      <c r="G12245" t="s">
        <v>2</v>
      </c>
      <c r="H12245" t="s">
        <v>27308</v>
      </c>
      <c r="I12245" t="s">
        <v>30540</v>
      </c>
    </row>
    <row r="12246" spans="1:9">
      <c r="A12246" s="1">
        <v>0.48563697831614405</v>
      </c>
      <c r="B12246" s="1"/>
      <c r="C12246">
        <v>11</v>
      </c>
      <c r="D12246" t="s">
        <v>27301</v>
      </c>
      <c r="E12246" t="s">
        <v>34426</v>
      </c>
      <c r="F12246">
        <v>5</v>
      </c>
      <c r="G12246" t="s">
        <v>2738</v>
      </c>
      <c r="H12246" t="s">
        <v>27302</v>
      </c>
      <c r="I12246" t="s">
        <v>30540</v>
      </c>
    </row>
    <row r="12247" spans="1:9">
      <c r="A12247" s="1">
        <v>0.78183074667451213</v>
      </c>
      <c r="B12247" s="1"/>
      <c r="C12247">
        <v>17</v>
      </c>
      <c r="D12247" t="s">
        <v>27305</v>
      </c>
      <c r="E12247" t="s">
        <v>34426</v>
      </c>
      <c r="F12247">
        <v>4</v>
      </c>
      <c r="G12247" t="s">
        <v>14</v>
      </c>
      <c r="H12247" t="s">
        <v>27306</v>
      </c>
      <c r="I12247" t="s">
        <v>30540</v>
      </c>
    </row>
    <row r="12248" spans="1:9">
      <c r="A12248" s="1">
        <v>0.14974257123165591</v>
      </c>
      <c r="B12248" s="1"/>
      <c r="C12248">
        <v>15</v>
      </c>
      <c r="D12248" t="s">
        <v>27303</v>
      </c>
      <c r="E12248" t="s">
        <v>34426</v>
      </c>
      <c r="F12248">
        <v>4</v>
      </c>
      <c r="G12248" t="s">
        <v>1431</v>
      </c>
      <c r="H12248" t="s">
        <v>27304</v>
      </c>
      <c r="I12248" t="s">
        <v>30540</v>
      </c>
    </row>
    <row r="12249" spans="1:9">
      <c r="A12249" s="1">
        <v>0.98163157302041837</v>
      </c>
      <c r="B12249" s="1"/>
      <c r="C12249">
        <v>1</v>
      </c>
      <c r="D12249" t="s">
        <v>27299</v>
      </c>
      <c r="E12249" t="s">
        <v>34426</v>
      </c>
      <c r="F12249">
        <v>3</v>
      </c>
      <c r="G12249" t="s">
        <v>10</v>
      </c>
      <c r="H12249" t="s">
        <v>27300</v>
      </c>
      <c r="I12249" t="s">
        <v>30540</v>
      </c>
    </row>
    <row r="12250" spans="1:9">
      <c r="A12250" s="1">
        <v>0.61550341620687787</v>
      </c>
      <c r="B12250" s="1"/>
      <c r="C12250">
        <v>9</v>
      </c>
      <c r="D12250" t="s">
        <v>27293</v>
      </c>
      <c r="E12250" t="s">
        <v>34427</v>
      </c>
      <c r="F12250">
        <v>5</v>
      </c>
      <c r="G12250" t="s">
        <v>15</v>
      </c>
      <c r="H12250" t="s">
        <v>27294</v>
      </c>
      <c r="I12250" t="s">
        <v>30540</v>
      </c>
    </row>
    <row r="12251" spans="1:9">
      <c r="A12251" s="1">
        <v>0.67537665803409619</v>
      </c>
      <c r="B12251" s="1"/>
      <c r="C12251">
        <v>3</v>
      </c>
      <c r="D12251" t="s">
        <v>27289</v>
      </c>
      <c r="E12251" t="s">
        <v>34427</v>
      </c>
      <c r="F12251">
        <v>4</v>
      </c>
      <c r="G12251" t="s">
        <v>15</v>
      </c>
      <c r="H12251" t="s">
        <v>27290</v>
      </c>
      <c r="I12251" t="s">
        <v>30540</v>
      </c>
    </row>
    <row r="12252" spans="1:9">
      <c r="A12252" s="1">
        <v>0.76711580411870428</v>
      </c>
      <c r="B12252" s="1"/>
      <c r="C12252">
        <v>2</v>
      </c>
      <c r="D12252" t="s">
        <v>27287</v>
      </c>
      <c r="E12252" t="s">
        <v>34427</v>
      </c>
      <c r="F12252">
        <v>4</v>
      </c>
      <c r="G12252" t="s">
        <v>14</v>
      </c>
      <c r="H12252" t="s">
        <v>27288</v>
      </c>
      <c r="I12252" t="s">
        <v>30540</v>
      </c>
    </row>
    <row r="12253" spans="1:9">
      <c r="A12253" s="1">
        <v>0.66524651200773011</v>
      </c>
      <c r="B12253" s="1"/>
      <c r="C12253">
        <v>7</v>
      </c>
      <c r="D12253" t="s">
        <v>27291</v>
      </c>
      <c r="E12253" t="s">
        <v>34427</v>
      </c>
      <c r="F12253">
        <v>4</v>
      </c>
      <c r="G12253" t="s">
        <v>1</v>
      </c>
      <c r="H12253" t="s">
        <v>27292</v>
      </c>
      <c r="I12253" t="s">
        <v>30540</v>
      </c>
    </row>
    <row r="12254" spans="1:9">
      <c r="A12254" s="1">
        <v>0.14059980005274719</v>
      </c>
      <c r="B12254" s="1"/>
      <c r="C12254">
        <v>12</v>
      </c>
      <c r="D12254" t="s">
        <v>27295</v>
      </c>
      <c r="E12254" t="s">
        <v>34427</v>
      </c>
      <c r="F12254">
        <v>4</v>
      </c>
      <c r="G12254" t="s">
        <v>9</v>
      </c>
      <c r="H12254" t="s">
        <v>27296</v>
      </c>
      <c r="I12254" t="s">
        <v>30540</v>
      </c>
    </row>
    <row r="12255" spans="1:9">
      <c r="A12255" s="1">
        <v>0.38779758674700937</v>
      </c>
      <c r="B12255" s="1"/>
      <c r="C12255">
        <v>19</v>
      </c>
      <c r="D12255" t="s">
        <v>27297</v>
      </c>
      <c r="E12255" t="s">
        <v>34427</v>
      </c>
      <c r="F12255">
        <v>4</v>
      </c>
      <c r="G12255" t="s">
        <v>14</v>
      </c>
      <c r="H12255" t="s">
        <v>27298</v>
      </c>
      <c r="I12255" t="s">
        <v>30540</v>
      </c>
    </row>
    <row r="12256" spans="1:9">
      <c r="A12256" s="1">
        <v>0.87064299728203576</v>
      </c>
      <c r="B12256" s="1"/>
      <c r="C12256">
        <v>10</v>
      </c>
      <c r="D12256" t="s">
        <v>27281</v>
      </c>
      <c r="E12256" t="s">
        <v>34428</v>
      </c>
      <c r="F12256">
        <v>5</v>
      </c>
      <c r="G12256" t="s">
        <v>14</v>
      </c>
      <c r="H12256" t="s">
        <v>27282</v>
      </c>
      <c r="I12256" t="s">
        <v>30540</v>
      </c>
    </row>
    <row r="12257" spans="1:9">
      <c r="A12257" s="1">
        <v>0.69627879525318292</v>
      </c>
      <c r="B12257" s="1"/>
      <c r="C12257">
        <v>15</v>
      </c>
      <c r="D12257" t="s">
        <v>27283</v>
      </c>
      <c r="E12257" t="s">
        <v>34428</v>
      </c>
      <c r="F12257">
        <v>4</v>
      </c>
      <c r="G12257" t="s">
        <v>14</v>
      </c>
      <c r="H12257" t="s">
        <v>27284</v>
      </c>
      <c r="I12257" t="s">
        <v>30540</v>
      </c>
    </row>
    <row r="12258" spans="1:9">
      <c r="A12258" s="1">
        <v>0.23566335914719039</v>
      </c>
      <c r="B12258" s="1"/>
      <c r="C12258">
        <v>17</v>
      </c>
      <c r="D12258" t="s">
        <v>27285</v>
      </c>
      <c r="E12258" t="s">
        <v>34428</v>
      </c>
      <c r="F12258">
        <v>4</v>
      </c>
      <c r="G12258" t="s">
        <v>14</v>
      </c>
      <c r="H12258" t="s">
        <v>27286</v>
      </c>
      <c r="I12258" t="s">
        <v>30540</v>
      </c>
    </row>
    <row r="12259" spans="1:9">
      <c r="A12259" s="1">
        <v>0.54911315677549821</v>
      </c>
      <c r="B12259" s="1"/>
      <c r="C12259">
        <v>14</v>
      </c>
      <c r="D12259" t="s">
        <v>27277</v>
      </c>
      <c r="E12259" t="s">
        <v>34429</v>
      </c>
      <c r="F12259">
        <v>5</v>
      </c>
      <c r="G12259" t="s">
        <v>0</v>
      </c>
      <c r="H12259" t="s">
        <v>27278</v>
      </c>
      <c r="I12259" t="s">
        <v>30540</v>
      </c>
    </row>
    <row r="12260" spans="1:9">
      <c r="A12260" s="1">
        <v>0.76334480345656719</v>
      </c>
      <c r="B12260" s="1"/>
      <c r="C12260">
        <v>11</v>
      </c>
      <c r="D12260" t="s">
        <v>27275</v>
      </c>
      <c r="E12260" t="s">
        <v>34429</v>
      </c>
      <c r="F12260">
        <v>5</v>
      </c>
      <c r="G12260" t="s">
        <v>14</v>
      </c>
      <c r="H12260" t="s">
        <v>27276</v>
      </c>
      <c r="I12260" t="s">
        <v>30540</v>
      </c>
    </row>
    <row r="12261" spans="1:9">
      <c r="A12261" s="1">
        <v>0.730776507974911</v>
      </c>
      <c r="B12261" s="1"/>
      <c r="C12261">
        <v>8</v>
      </c>
      <c r="D12261" t="s">
        <v>27273</v>
      </c>
      <c r="E12261" t="s">
        <v>34429</v>
      </c>
      <c r="F12261">
        <v>5</v>
      </c>
      <c r="G12261" t="s">
        <v>14</v>
      </c>
      <c r="H12261" t="s">
        <v>27274</v>
      </c>
      <c r="I12261" t="s">
        <v>30540</v>
      </c>
    </row>
    <row r="12262" spans="1:9">
      <c r="A12262" s="1">
        <v>0.85466820135094435</v>
      </c>
      <c r="B12262" s="1"/>
      <c r="C12262">
        <v>18</v>
      </c>
      <c r="D12262" t="s">
        <v>27279</v>
      </c>
      <c r="E12262" t="s">
        <v>34429</v>
      </c>
      <c r="F12262">
        <v>4</v>
      </c>
      <c r="G12262" t="s">
        <v>14</v>
      </c>
      <c r="H12262" t="s">
        <v>27280</v>
      </c>
      <c r="I12262" t="s">
        <v>30540</v>
      </c>
    </row>
    <row r="12263" spans="1:9">
      <c r="A12263" s="1">
        <v>0.65853130712128383</v>
      </c>
      <c r="B12263" s="1"/>
      <c r="C12263">
        <v>5</v>
      </c>
      <c r="D12263" t="s">
        <v>27267</v>
      </c>
      <c r="E12263" t="s">
        <v>34430</v>
      </c>
      <c r="F12263">
        <v>5</v>
      </c>
      <c r="G12263" t="s">
        <v>9</v>
      </c>
      <c r="H12263" t="s">
        <v>27268</v>
      </c>
      <c r="I12263" t="s">
        <v>30540</v>
      </c>
    </row>
    <row r="12264" spans="1:9">
      <c r="A12264" s="1">
        <v>0.93262740547038214</v>
      </c>
      <c r="B12264" s="1"/>
      <c r="C12264">
        <v>19</v>
      </c>
      <c r="D12264" t="s">
        <v>27271</v>
      </c>
      <c r="E12264" t="s">
        <v>34430</v>
      </c>
      <c r="F12264">
        <v>4</v>
      </c>
      <c r="G12264" t="s">
        <v>14</v>
      </c>
      <c r="H12264" t="s">
        <v>27272</v>
      </c>
      <c r="I12264" t="s">
        <v>30540</v>
      </c>
    </row>
    <row r="12265" spans="1:9">
      <c r="A12265" s="1">
        <v>0.25084639158241373</v>
      </c>
      <c r="B12265" s="1"/>
      <c r="C12265">
        <v>4</v>
      </c>
      <c r="D12265" t="s">
        <v>27265</v>
      </c>
      <c r="E12265" t="s">
        <v>34430</v>
      </c>
      <c r="F12265">
        <v>4</v>
      </c>
      <c r="G12265" t="s">
        <v>1</v>
      </c>
      <c r="H12265" t="s">
        <v>27266</v>
      </c>
      <c r="I12265" t="s">
        <v>30540</v>
      </c>
    </row>
    <row r="12266" spans="1:9">
      <c r="A12266" s="1">
        <v>0.38338944343912018</v>
      </c>
      <c r="B12266" s="1"/>
      <c r="C12266">
        <v>8</v>
      </c>
      <c r="D12266" t="s">
        <v>27269</v>
      </c>
      <c r="E12266" t="s">
        <v>34430</v>
      </c>
      <c r="F12266">
        <v>4</v>
      </c>
      <c r="G12266" t="s">
        <v>14</v>
      </c>
      <c r="H12266" t="s">
        <v>27270</v>
      </c>
      <c r="I12266" t="s">
        <v>30540</v>
      </c>
    </row>
    <row r="12267" spans="1:9">
      <c r="A12267" s="1">
        <v>0.89562827020134284</v>
      </c>
      <c r="B12267" s="1"/>
      <c r="C12267">
        <v>7</v>
      </c>
      <c r="D12267" t="s">
        <v>27261</v>
      </c>
      <c r="E12267" t="s">
        <v>34431</v>
      </c>
      <c r="F12267">
        <v>4</v>
      </c>
      <c r="G12267" t="s">
        <v>14</v>
      </c>
      <c r="H12267" t="s">
        <v>27262</v>
      </c>
      <c r="I12267" t="s">
        <v>30540</v>
      </c>
    </row>
    <row r="12268" spans="1:9">
      <c r="A12268" s="1">
        <v>0.17804970428523892</v>
      </c>
      <c r="B12268" s="1"/>
      <c r="C12268">
        <v>18</v>
      </c>
      <c r="D12268" t="s">
        <v>27263</v>
      </c>
      <c r="E12268" t="s">
        <v>34431</v>
      </c>
      <c r="F12268">
        <v>4</v>
      </c>
      <c r="G12268" t="s">
        <v>2738</v>
      </c>
      <c r="H12268" t="s">
        <v>27264</v>
      </c>
      <c r="I12268" t="s">
        <v>30540</v>
      </c>
    </row>
    <row r="12269" spans="1:9">
      <c r="A12269" s="1">
        <v>0.96194851256485259</v>
      </c>
      <c r="B12269" s="1"/>
      <c r="C12269">
        <v>5</v>
      </c>
      <c r="D12269" t="s">
        <v>27255</v>
      </c>
      <c r="E12269" t="s">
        <v>34432</v>
      </c>
      <c r="F12269">
        <v>4</v>
      </c>
      <c r="G12269" t="s">
        <v>9</v>
      </c>
      <c r="H12269" t="s">
        <v>27256</v>
      </c>
      <c r="I12269" t="s">
        <v>30540</v>
      </c>
    </row>
    <row r="12270" spans="1:9">
      <c r="A12270" s="1">
        <v>0.81872227934892461</v>
      </c>
      <c r="B12270" s="1"/>
      <c r="C12270">
        <v>4</v>
      </c>
      <c r="D12270" t="s">
        <v>27251</v>
      </c>
      <c r="E12270" t="s">
        <v>34433</v>
      </c>
      <c r="F12270">
        <v>4</v>
      </c>
      <c r="G12270" t="s">
        <v>14</v>
      </c>
      <c r="H12270" t="s">
        <v>27252</v>
      </c>
      <c r="I12270" t="s">
        <v>30540</v>
      </c>
    </row>
    <row r="12271" spans="1:9">
      <c r="A12271" s="1">
        <v>0.66126849091242745</v>
      </c>
      <c r="B12271" s="1"/>
      <c r="C12271">
        <v>13</v>
      </c>
      <c r="D12271" t="s">
        <v>27253</v>
      </c>
      <c r="E12271" t="s">
        <v>34433</v>
      </c>
      <c r="F12271">
        <v>4</v>
      </c>
      <c r="G12271" t="s">
        <v>9</v>
      </c>
      <c r="H12271" t="s">
        <v>27254</v>
      </c>
      <c r="I12271" t="s">
        <v>30540</v>
      </c>
    </row>
    <row r="12272" spans="1:9">
      <c r="A12272" s="1">
        <v>3.2625000962524187E-2</v>
      </c>
      <c r="B12272" s="1"/>
      <c r="C12272">
        <v>6</v>
      </c>
      <c r="D12272" t="s">
        <v>27249</v>
      </c>
      <c r="E12272" t="s">
        <v>34434</v>
      </c>
      <c r="F12272">
        <v>5</v>
      </c>
      <c r="G12272" t="s">
        <v>14</v>
      </c>
      <c r="H12272" t="s">
        <v>27250</v>
      </c>
      <c r="I12272" t="s">
        <v>30540</v>
      </c>
    </row>
    <row r="12273" spans="1:9">
      <c r="A12273" s="1">
        <v>0.96183375781074165</v>
      </c>
      <c r="B12273" s="1"/>
      <c r="C12273">
        <v>5</v>
      </c>
      <c r="D12273" t="s">
        <v>27247</v>
      </c>
      <c r="E12273" t="s">
        <v>34434</v>
      </c>
      <c r="F12273">
        <v>5</v>
      </c>
      <c r="G12273" t="s">
        <v>14</v>
      </c>
      <c r="H12273" t="s">
        <v>27248</v>
      </c>
      <c r="I12273" t="s">
        <v>30540</v>
      </c>
    </row>
    <row r="12274" spans="1:9">
      <c r="A12274" s="1">
        <v>0.37061974555671418</v>
      </c>
      <c r="B12274" s="1"/>
      <c r="C12274">
        <v>3</v>
      </c>
      <c r="D12274" t="s">
        <v>27239</v>
      </c>
      <c r="E12274" t="s">
        <v>34435</v>
      </c>
      <c r="F12274">
        <v>5</v>
      </c>
      <c r="G12274" t="s">
        <v>13</v>
      </c>
      <c r="H12274" t="s">
        <v>27240</v>
      </c>
      <c r="I12274" t="s">
        <v>30540</v>
      </c>
    </row>
    <row r="12275" spans="1:9">
      <c r="A12275" s="1">
        <v>0.54082368255737701</v>
      </c>
      <c r="B12275" s="1"/>
      <c r="C12275">
        <v>18</v>
      </c>
      <c r="D12275" t="s">
        <v>27245</v>
      </c>
      <c r="E12275" t="s">
        <v>34435</v>
      </c>
      <c r="F12275">
        <v>4</v>
      </c>
      <c r="G12275" t="s">
        <v>9</v>
      </c>
      <c r="H12275" t="s">
        <v>27246</v>
      </c>
      <c r="I12275" t="s">
        <v>30540</v>
      </c>
    </row>
    <row r="12276" spans="1:9">
      <c r="A12276" s="1">
        <v>0.94591693212116923</v>
      </c>
      <c r="B12276" s="1"/>
      <c r="C12276">
        <v>8</v>
      </c>
      <c r="D12276" t="s">
        <v>27243</v>
      </c>
      <c r="E12276" t="s">
        <v>34435</v>
      </c>
      <c r="F12276">
        <v>4</v>
      </c>
      <c r="G12276" t="s">
        <v>14</v>
      </c>
      <c r="H12276" t="s">
        <v>27244</v>
      </c>
      <c r="I12276" t="s">
        <v>30540</v>
      </c>
    </row>
    <row r="12277" spans="1:9">
      <c r="A12277" s="1">
        <v>0.27608017922455008</v>
      </c>
      <c r="B12277" s="1"/>
      <c r="C12277">
        <v>7</v>
      </c>
      <c r="D12277" t="s">
        <v>27241</v>
      </c>
      <c r="E12277" t="s">
        <v>34435</v>
      </c>
      <c r="F12277">
        <v>4</v>
      </c>
      <c r="G12277" t="s">
        <v>14</v>
      </c>
      <c r="H12277" t="s">
        <v>27242</v>
      </c>
      <c r="I12277" t="s">
        <v>30540</v>
      </c>
    </row>
    <row r="12278" spans="1:9">
      <c r="A12278" s="1">
        <v>0.65214280619144649</v>
      </c>
      <c r="B12278" s="1"/>
      <c r="C12278">
        <v>19</v>
      </c>
      <c r="D12278" t="s">
        <v>27237</v>
      </c>
      <c r="E12278" t="s">
        <v>34436</v>
      </c>
      <c r="F12278">
        <v>4</v>
      </c>
      <c r="G12278" t="s">
        <v>2738</v>
      </c>
      <c r="H12278" t="s">
        <v>27238</v>
      </c>
      <c r="I12278" t="s">
        <v>30540</v>
      </c>
    </row>
    <row r="12279" spans="1:9">
      <c r="A12279" s="1">
        <v>4.7592612679126955E-2</v>
      </c>
      <c r="B12279" s="1"/>
      <c r="C12279">
        <v>13</v>
      </c>
      <c r="D12279" t="s">
        <v>27235</v>
      </c>
      <c r="E12279" t="s">
        <v>34436</v>
      </c>
      <c r="F12279">
        <v>4</v>
      </c>
      <c r="G12279" t="s">
        <v>14</v>
      </c>
      <c r="H12279" t="s">
        <v>27236</v>
      </c>
      <c r="I12279" t="s">
        <v>30540</v>
      </c>
    </row>
    <row r="12280" spans="1:9">
      <c r="A12280" s="1">
        <v>0.60908011466916057</v>
      </c>
      <c r="B12280" s="1"/>
      <c r="C12280">
        <v>5</v>
      </c>
      <c r="D12280" t="s">
        <v>27233</v>
      </c>
      <c r="E12280" t="s">
        <v>34436</v>
      </c>
      <c r="F12280">
        <v>4</v>
      </c>
      <c r="G12280" t="s">
        <v>14</v>
      </c>
      <c r="H12280" t="s">
        <v>27234</v>
      </c>
      <c r="I12280" t="s">
        <v>30540</v>
      </c>
    </row>
    <row r="12281" spans="1:9">
      <c r="A12281" s="1">
        <v>0.47895213702850581</v>
      </c>
      <c r="B12281" s="1"/>
      <c r="C12281">
        <v>16</v>
      </c>
      <c r="D12281" t="s">
        <v>27231</v>
      </c>
      <c r="E12281" t="s">
        <v>34437</v>
      </c>
      <c r="F12281">
        <v>5</v>
      </c>
      <c r="G12281" t="s">
        <v>14</v>
      </c>
      <c r="H12281" t="s">
        <v>27232</v>
      </c>
      <c r="I12281" t="s">
        <v>30540</v>
      </c>
    </row>
    <row r="12282" spans="1:9">
      <c r="A12282" s="1">
        <v>0.12801575364275042</v>
      </c>
      <c r="B12282" s="1"/>
      <c r="C12282">
        <v>8</v>
      </c>
      <c r="D12282" t="s">
        <v>27229</v>
      </c>
      <c r="E12282" t="s">
        <v>34437</v>
      </c>
      <c r="F12282">
        <v>3</v>
      </c>
      <c r="G12282" t="s">
        <v>14</v>
      </c>
      <c r="H12282" t="s">
        <v>27230</v>
      </c>
      <c r="I12282" t="s">
        <v>30540</v>
      </c>
    </row>
    <row r="12283" spans="1:9">
      <c r="A12283" s="1">
        <v>0.435061206959373</v>
      </c>
      <c r="B12283" s="1"/>
      <c r="C12283">
        <v>16</v>
      </c>
      <c r="D12283" t="s">
        <v>27223</v>
      </c>
      <c r="E12283" t="s">
        <v>34438</v>
      </c>
      <c r="F12283">
        <v>5</v>
      </c>
      <c r="G12283" t="s">
        <v>14</v>
      </c>
      <c r="H12283" t="s">
        <v>27224</v>
      </c>
      <c r="I12283" t="s">
        <v>30540</v>
      </c>
    </row>
    <row r="12284" spans="1:9">
      <c r="A12284" s="1">
        <v>0.23824948577136906</v>
      </c>
      <c r="B12284" s="1"/>
      <c r="C12284">
        <v>20</v>
      </c>
      <c r="D12284" t="s">
        <v>27225</v>
      </c>
      <c r="E12284" t="s">
        <v>34438</v>
      </c>
      <c r="F12284">
        <v>5</v>
      </c>
      <c r="G12284" t="s">
        <v>14</v>
      </c>
      <c r="H12284" t="s">
        <v>27226</v>
      </c>
      <c r="I12284" t="s">
        <v>30540</v>
      </c>
    </row>
    <row r="12285" spans="1:9">
      <c r="A12285" s="1">
        <v>0.70939624732336837</v>
      </c>
      <c r="B12285" s="1"/>
      <c r="C12285">
        <v>11</v>
      </c>
      <c r="D12285" t="s">
        <v>27221</v>
      </c>
      <c r="E12285" t="s">
        <v>34438</v>
      </c>
      <c r="F12285">
        <v>4</v>
      </c>
      <c r="G12285" t="s">
        <v>14</v>
      </c>
      <c r="H12285" t="s">
        <v>27222</v>
      </c>
      <c r="I12285" t="s">
        <v>30540</v>
      </c>
    </row>
    <row r="12286" spans="1:9">
      <c r="A12286" s="1">
        <v>0.9333599178635954</v>
      </c>
      <c r="B12286" s="1"/>
      <c r="C12286">
        <v>13</v>
      </c>
      <c r="D12286" t="s">
        <v>27219</v>
      </c>
      <c r="E12286" t="s">
        <v>34439</v>
      </c>
      <c r="F12286">
        <v>5</v>
      </c>
      <c r="G12286" t="s">
        <v>14</v>
      </c>
      <c r="H12286" t="s">
        <v>27220</v>
      </c>
      <c r="I12286" t="s">
        <v>30540</v>
      </c>
    </row>
    <row r="12287" spans="1:9">
      <c r="A12287" s="1">
        <v>0.93178300314054041</v>
      </c>
      <c r="B12287" s="1"/>
      <c r="C12287">
        <v>8</v>
      </c>
      <c r="D12287" t="s">
        <v>27217</v>
      </c>
      <c r="E12287" t="s">
        <v>34439</v>
      </c>
      <c r="F12287">
        <v>4</v>
      </c>
      <c r="G12287" t="s">
        <v>9</v>
      </c>
      <c r="H12287" t="s">
        <v>27218</v>
      </c>
      <c r="I12287" t="s">
        <v>30540</v>
      </c>
    </row>
    <row r="12288" spans="1:9">
      <c r="A12288" s="1">
        <v>0.27578823747019443</v>
      </c>
      <c r="B12288" s="1"/>
      <c r="C12288">
        <v>2</v>
      </c>
      <c r="D12288" t="s">
        <v>27205</v>
      </c>
      <c r="E12288" t="s">
        <v>34440</v>
      </c>
      <c r="F12288">
        <v>4</v>
      </c>
      <c r="G12288" t="s">
        <v>14</v>
      </c>
      <c r="H12288" t="s">
        <v>27206</v>
      </c>
      <c r="I12288" t="s">
        <v>30540</v>
      </c>
    </row>
    <row r="12289" spans="1:9">
      <c r="A12289" s="1">
        <v>0.40188584433201313</v>
      </c>
      <c r="B12289" s="1"/>
      <c r="C12289">
        <v>16</v>
      </c>
      <c r="D12289" t="s">
        <v>27213</v>
      </c>
      <c r="E12289" t="s">
        <v>34440</v>
      </c>
      <c r="F12289">
        <v>4</v>
      </c>
      <c r="G12289" t="s">
        <v>9</v>
      </c>
      <c r="H12289" t="s">
        <v>27214</v>
      </c>
      <c r="I12289" t="s">
        <v>30540</v>
      </c>
    </row>
    <row r="12290" spans="1:9">
      <c r="A12290" s="1">
        <v>0.18504787914629262</v>
      </c>
      <c r="B12290" s="1"/>
      <c r="C12290">
        <v>12</v>
      </c>
      <c r="D12290" t="s">
        <v>27209</v>
      </c>
      <c r="E12290" t="s">
        <v>34440</v>
      </c>
      <c r="F12290">
        <v>4</v>
      </c>
      <c r="G12290" t="s">
        <v>2</v>
      </c>
      <c r="H12290" t="s">
        <v>27210</v>
      </c>
      <c r="I12290" t="s">
        <v>30540</v>
      </c>
    </row>
    <row r="12291" spans="1:9">
      <c r="A12291" s="1">
        <v>0.98804954931082201</v>
      </c>
      <c r="B12291" s="1"/>
      <c r="C12291">
        <v>13</v>
      </c>
      <c r="D12291" t="s">
        <v>27211</v>
      </c>
      <c r="E12291" t="s">
        <v>34440</v>
      </c>
      <c r="F12291">
        <v>4</v>
      </c>
      <c r="G12291" t="s">
        <v>14</v>
      </c>
      <c r="H12291" t="s">
        <v>27212</v>
      </c>
      <c r="I12291" t="s">
        <v>30540</v>
      </c>
    </row>
    <row r="12292" spans="1:9">
      <c r="A12292" s="1">
        <v>0.23397510744842109</v>
      </c>
      <c r="B12292" s="1"/>
      <c r="C12292">
        <v>9</v>
      </c>
      <c r="D12292" t="s">
        <v>27201</v>
      </c>
      <c r="E12292" t="s">
        <v>34441</v>
      </c>
      <c r="F12292">
        <v>5</v>
      </c>
      <c r="G12292" t="s">
        <v>769</v>
      </c>
      <c r="H12292" t="s">
        <v>27202</v>
      </c>
      <c r="I12292" t="s">
        <v>30540</v>
      </c>
    </row>
    <row r="12293" spans="1:9">
      <c r="A12293" s="1">
        <v>0.36232403155716753</v>
      </c>
      <c r="B12293" s="1"/>
      <c r="C12293">
        <v>17</v>
      </c>
      <c r="D12293" t="s">
        <v>27203</v>
      </c>
      <c r="E12293" t="s">
        <v>34441</v>
      </c>
      <c r="F12293">
        <v>4</v>
      </c>
      <c r="G12293" t="s">
        <v>14</v>
      </c>
      <c r="H12293" t="s">
        <v>27204</v>
      </c>
      <c r="I12293" t="s">
        <v>30540</v>
      </c>
    </row>
    <row r="12294" spans="1:9">
      <c r="A12294" s="1">
        <v>0.78802195687087817</v>
      </c>
      <c r="B12294" s="1"/>
      <c r="C12294">
        <v>4</v>
      </c>
      <c r="D12294" t="s">
        <v>27199</v>
      </c>
      <c r="E12294" t="s">
        <v>34441</v>
      </c>
      <c r="F12294">
        <v>3</v>
      </c>
      <c r="G12294" t="s">
        <v>10</v>
      </c>
      <c r="H12294" t="s">
        <v>27200</v>
      </c>
      <c r="I12294" t="s">
        <v>30540</v>
      </c>
    </row>
    <row r="12295" spans="1:9">
      <c r="A12295" s="1">
        <v>0.42000874531041554</v>
      </c>
      <c r="B12295" s="1"/>
      <c r="C12295">
        <v>7</v>
      </c>
      <c r="D12295" t="s">
        <v>27197</v>
      </c>
      <c r="E12295" t="s">
        <v>34442</v>
      </c>
      <c r="F12295">
        <v>4</v>
      </c>
      <c r="G12295" t="s">
        <v>14</v>
      </c>
      <c r="H12295" t="s">
        <v>27198</v>
      </c>
      <c r="I12295" t="s">
        <v>30540</v>
      </c>
    </row>
    <row r="12296" spans="1:9">
      <c r="A12296" s="1">
        <v>0.69913251101004448</v>
      </c>
      <c r="B12296" s="1"/>
      <c r="C12296">
        <v>8</v>
      </c>
      <c r="D12296" t="s">
        <v>27193</v>
      </c>
      <c r="E12296" t="s">
        <v>34443</v>
      </c>
      <c r="F12296">
        <v>5</v>
      </c>
      <c r="G12296" t="s">
        <v>9</v>
      </c>
      <c r="H12296" t="s">
        <v>27194</v>
      </c>
      <c r="I12296" t="s">
        <v>30540</v>
      </c>
    </row>
    <row r="12297" spans="1:9">
      <c r="A12297" s="1">
        <v>0.67486621306377848</v>
      </c>
      <c r="B12297" s="1"/>
      <c r="C12297">
        <v>4</v>
      </c>
      <c r="D12297" t="s">
        <v>27189</v>
      </c>
      <c r="E12297" t="s">
        <v>34444</v>
      </c>
      <c r="F12297">
        <v>4</v>
      </c>
      <c r="G12297" t="s">
        <v>14</v>
      </c>
      <c r="H12297" t="s">
        <v>27190</v>
      </c>
      <c r="I12297" t="s">
        <v>30540</v>
      </c>
    </row>
    <row r="12298" spans="1:9">
      <c r="A12298" s="1">
        <v>0.20844187761138033</v>
      </c>
      <c r="B12298" s="1"/>
      <c r="C12298">
        <v>13</v>
      </c>
      <c r="D12298" t="s">
        <v>27191</v>
      </c>
      <c r="E12298" t="s">
        <v>34444</v>
      </c>
      <c r="F12298">
        <v>4</v>
      </c>
      <c r="G12298" t="s">
        <v>14</v>
      </c>
      <c r="H12298" t="s">
        <v>27192</v>
      </c>
      <c r="I12298" t="s">
        <v>30540</v>
      </c>
    </row>
    <row r="12299" spans="1:9">
      <c r="A12299" s="1">
        <v>0.32453543807501173</v>
      </c>
      <c r="B12299" s="1"/>
      <c r="C12299">
        <v>11</v>
      </c>
      <c r="D12299" t="s">
        <v>27185</v>
      </c>
      <c r="E12299" t="s">
        <v>34445</v>
      </c>
      <c r="F12299">
        <v>4</v>
      </c>
      <c r="G12299" t="s">
        <v>10</v>
      </c>
      <c r="H12299" t="s">
        <v>27186</v>
      </c>
      <c r="I12299" t="s">
        <v>30540</v>
      </c>
    </row>
    <row r="12300" spans="1:9">
      <c r="A12300" s="1">
        <v>0.91252210096203012</v>
      </c>
      <c r="B12300" s="1"/>
      <c r="C12300">
        <v>2</v>
      </c>
      <c r="D12300" t="s">
        <v>27181</v>
      </c>
      <c r="E12300" t="s">
        <v>34445</v>
      </c>
      <c r="F12300">
        <v>4</v>
      </c>
      <c r="G12300" t="s">
        <v>14</v>
      </c>
      <c r="H12300" t="s">
        <v>27182</v>
      </c>
      <c r="I12300" t="s">
        <v>30540</v>
      </c>
    </row>
    <row r="12301" spans="1:9">
      <c r="A12301" s="1">
        <v>0.3837564692244404</v>
      </c>
      <c r="B12301" s="1"/>
      <c r="C12301">
        <v>6</v>
      </c>
      <c r="D12301" t="s">
        <v>27183</v>
      </c>
      <c r="E12301" t="s">
        <v>34445</v>
      </c>
      <c r="F12301">
        <v>4</v>
      </c>
      <c r="G12301" t="s">
        <v>9</v>
      </c>
      <c r="H12301" t="s">
        <v>27184</v>
      </c>
      <c r="I12301" t="s">
        <v>30540</v>
      </c>
    </row>
    <row r="12302" spans="1:9">
      <c r="A12302" s="1">
        <v>0.24711960957541546</v>
      </c>
      <c r="B12302" s="1"/>
      <c r="C12302">
        <v>17</v>
      </c>
      <c r="D12302" t="s">
        <v>27179</v>
      </c>
      <c r="E12302" t="s">
        <v>34446</v>
      </c>
      <c r="F12302">
        <v>5</v>
      </c>
      <c r="G12302" t="s">
        <v>14</v>
      </c>
      <c r="H12302" t="s">
        <v>27180</v>
      </c>
      <c r="I12302" t="s">
        <v>30540</v>
      </c>
    </row>
    <row r="12303" spans="1:9">
      <c r="A12303" s="1">
        <v>0.64780870810283009</v>
      </c>
      <c r="B12303" s="1"/>
      <c r="C12303">
        <v>9</v>
      </c>
      <c r="D12303" t="s">
        <v>27175</v>
      </c>
      <c r="E12303" t="s">
        <v>34446</v>
      </c>
      <c r="F12303">
        <v>4</v>
      </c>
      <c r="G12303" t="s">
        <v>1431</v>
      </c>
      <c r="H12303" t="s">
        <v>27176</v>
      </c>
      <c r="I12303" t="s">
        <v>30540</v>
      </c>
    </row>
    <row r="12304" spans="1:9">
      <c r="A12304" s="1">
        <v>0.13039721006419402</v>
      </c>
      <c r="B12304" s="1"/>
      <c r="C12304">
        <v>12</v>
      </c>
      <c r="D12304" t="s">
        <v>27171</v>
      </c>
      <c r="E12304" t="s">
        <v>34447</v>
      </c>
      <c r="F12304">
        <v>4</v>
      </c>
      <c r="G12304" t="s">
        <v>2</v>
      </c>
      <c r="H12304" t="s">
        <v>27172</v>
      </c>
      <c r="I12304" t="s">
        <v>30540</v>
      </c>
    </row>
    <row r="12305" spans="1:9">
      <c r="A12305" s="1">
        <v>0.886005650993683</v>
      </c>
      <c r="B12305" s="1"/>
      <c r="C12305">
        <v>1</v>
      </c>
      <c r="D12305" t="s">
        <v>27169</v>
      </c>
      <c r="E12305" t="s">
        <v>34447</v>
      </c>
      <c r="F12305">
        <v>3</v>
      </c>
      <c r="G12305" t="s">
        <v>14</v>
      </c>
      <c r="H12305" t="s">
        <v>27170</v>
      </c>
      <c r="I12305" t="s">
        <v>30540</v>
      </c>
    </row>
    <row r="12306" spans="1:9">
      <c r="A12306" s="1">
        <v>0.27723470555199015</v>
      </c>
      <c r="B12306" s="1"/>
      <c r="C12306">
        <v>13</v>
      </c>
      <c r="D12306" t="s">
        <v>27173</v>
      </c>
      <c r="E12306" t="s">
        <v>34447</v>
      </c>
      <c r="F12306">
        <v>3</v>
      </c>
      <c r="G12306" t="s">
        <v>14</v>
      </c>
      <c r="H12306" t="s">
        <v>27174</v>
      </c>
      <c r="I12306" t="s">
        <v>30540</v>
      </c>
    </row>
    <row r="12307" spans="1:9">
      <c r="A12307" s="1">
        <v>0.60310878324056183</v>
      </c>
      <c r="B12307" s="1"/>
      <c r="C12307">
        <v>19</v>
      </c>
      <c r="D12307" t="s">
        <v>27167</v>
      </c>
      <c r="E12307" t="s">
        <v>34448</v>
      </c>
      <c r="F12307">
        <v>5</v>
      </c>
      <c r="G12307" t="s">
        <v>14</v>
      </c>
      <c r="H12307" t="s">
        <v>27168</v>
      </c>
      <c r="I12307" t="s">
        <v>30540</v>
      </c>
    </row>
    <row r="12308" spans="1:9">
      <c r="A12308" s="1">
        <v>0.70323152402500444</v>
      </c>
      <c r="B12308" s="1"/>
      <c r="C12308">
        <v>9</v>
      </c>
      <c r="D12308" t="s">
        <v>27157</v>
      </c>
      <c r="E12308" t="s">
        <v>34448</v>
      </c>
      <c r="F12308">
        <v>4</v>
      </c>
      <c r="G12308" t="s">
        <v>9</v>
      </c>
      <c r="H12308" t="s">
        <v>27158</v>
      </c>
      <c r="I12308" t="s">
        <v>30540</v>
      </c>
    </row>
    <row r="12309" spans="1:9">
      <c r="A12309" s="1">
        <v>0.82718352792977168</v>
      </c>
      <c r="B12309" s="1"/>
      <c r="C12309">
        <v>11</v>
      </c>
      <c r="D12309" t="s">
        <v>27161</v>
      </c>
      <c r="E12309" t="s">
        <v>34448</v>
      </c>
      <c r="F12309">
        <v>4</v>
      </c>
      <c r="G12309" t="s">
        <v>14</v>
      </c>
      <c r="H12309" t="s">
        <v>27162</v>
      </c>
      <c r="I12309" t="s">
        <v>30540</v>
      </c>
    </row>
    <row r="12310" spans="1:9">
      <c r="A12310" s="1">
        <v>0.70857505803615906</v>
      </c>
      <c r="B12310" s="1"/>
      <c r="C12310">
        <v>6</v>
      </c>
      <c r="D12310" t="s">
        <v>27155</v>
      </c>
      <c r="E12310" t="s">
        <v>34448</v>
      </c>
      <c r="F12310">
        <v>4</v>
      </c>
      <c r="G12310" t="s">
        <v>9</v>
      </c>
      <c r="H12310" t="s">
        <v>27156</v>
      </c>
      <c r="I12310" t="s">
        <v>30540</v>
      </c>
    </row>
    <row r="12311" spans="1:9">
      <c r="A12311" s="1">
        <v>0.59955561211086106</v>
      </c>
      <c r="B12311" s="1"/>
      <c r="C12311">
        <v>10</v>
      </c>
      <c r="D12311" t="s">
        <v>27159</v>
      </c>
      <c r="E12311" t="s">
        <v>34448</v>
      </c>
      <c r="F12311">
        <v>4</v>
      </c>
      <c r="G12311" t="s">
        <v>14</v>
      </c>
      <c r="H12311" t="s">
        <v>27160</v>
      </c>
      <c r="I12311" t="s">
        <v>30540</v>
      </c>
    </row>
    <row r="12312" spans="1:9">
      <c r="A12312" s="1">
        <v>0.29512721736764302</v>
      </c>
      <c r="B12312" s="1"/>
      <c r="C12312">
        <v>16</v>
      </c>
      <c r="D12312" t="s">
        <v>27165</v>
      </c>
      <c r="E12312" t="s">
        <v>34448</v>
      </c>
      <c r="F12312">
        <v>3</v>
      </c>
      <c r="G12312" t="s">
        <v>14</v>
      </c>
      <c r="H12312" t="s">
        <v>27166</v>
      </c>
      <c r="I12312" t="s">
        <v>30540</v>
      </c>
    </row>
    <row r="12313" spans="1:9">
      <c r="A12313" s="1">
        <v>0.37017196750569703</v>
      </c>
      <c r="B12313" s="1"/>
      <c r="C12313">
        <v>14</v>
      </c>
      <c r="D12313" t="s">
        <v>27163</v>
      </c>
      <c r="E12313" t="s">
        <v>34448</v>
      </c>
      <c r="F12313">
        <v>3</v>
      </c>
      <c r="G12313" t="s">
        <v>14</v>
      </c>
      <c r="H12313" t="s">
        <v>27164</v>
      </c>
      <c r="I12313" t="s">
        <v>30540</v>
      </c>
    </row>
    <row r="12314" spans="1:9">
      <c r="A12314" s="1">
        <v>0.97243506817006709</v>
      </c>
      <c r="B12314" s="1"/>
      <c r="C12314">
        <v>16</v>
      </c>
      <c r="D12314" t="s">
        <v>27153</v>
      </c>
      <c r="E12314" t="s">
        <v>34449</v>
      </c>
      <c r="F12314">
        <v>5</v>
      </c>
      <c r="G12314" t="s">
        <v>14</v>
      </c>
      <c r="H12314" t="s">
        <v>27154</v>
      </c>
      <c r="I12314" t="s">
        <v>30540</v>
      </c>
    </row>
    <row r="12315" spans="1:9">
      <c r="A12315" s="1">
        <v>0.61995822800643252</v>
      </c>
      <c r="B12315" s="1"/>
      <c r="C12315">
        <v>3</v>
      </c>
      <c r="D12315" t="s">
        <v>27149</v>
      </c>
      <c r="E12315" t="s">
        <v>34449</v>
      </c>
      <c r="F12315">
        <v>4</v>
      </c>
      <c r="G12315" t="s">
        <v>15</v>
      </c>
      <c r="H12315" t="s">
        <v>27150</v>
      </c>
      <c r="I12315" t="s">
        <v>30540</v>
      </c>
    </row>
    <row r="12316" spans="1:9">
      <c r="A12316" s="1">
        <v>0.10070590749673181</v>
      </c>
      <c r="B12316" s="1"/>
      <c r="C12316">
        <v>12</v>
      </c>
      <c r="D12316" t="s">
        <v>27151</v>
      </c>
      <c r="E12316" t="s">
        <v>34449</v>
      </c>
      <c r="F12316">
        <v>4</v>
      </c>
      <c r="G12316" t="s">
        <v>14</v>
      </c>
      <c r="H12316" t="s">
        <v>27152</v>
      </c>
      <c r="I12316" t="s">
        <v>30540</v>
      </c>
    </row>
    <row r="12317" spans="1:9">
      <c r="A12317" s="1">
        <v>0.38769081619753676</v>
      </c>
      <c r="B12317" s="1"/>
      <c r="C12317">
        <v>8</v>
      </c>
      <c r="D12317" t="s">
        <v>27147</v>
      </c>
      <c r="E12317" t="s">
        <v>34450</v>
      </c>
      <c r="F12317">
        <v>4</v>
      </c>
      <c r="G12317" t="s">
        <v>14</v>
      </c>
      <c r="H12317" t="s">
        <v>27148</v>
      </c>
      <c r="I12317" t="s">
        <v>30540</v>
      </c>
    </row>
    <row r="12318" spans="1:9">
      <c r="A12318" s="1">
        <v>6.2162381679650824E-2</v>
      </c>
      <c r="B12318" s="1"/>
      <c r="C12318">
        <v>6</v>
      </c>
      <c r="D12318" t="s">
        <v>27145</v>
      </c>
      <c r="E12318" t="s">
        <v>34450</v>
      </c>
      <c r="F12318">
        <v>4</v>
      </c>
      <c r="G12318" t="s">
        <v>14</v>
      </c>
      <c r="H12318" t="s">
        <v>27146</v>
      </c>
      <c r="I12318" t="s">
        <v>30540</v>
      </c>
    </row>
    <row r="12319" spans="1:9">
      <c r="A12319" s="1">
        <v>0.54806097521514796</v>
      </c>
      <c r="B12319" s="1"/>
      <c r="C12319">
        <v>4</v>
      </c>
      <c r="D12319" t="s">
        <v>27133</v>
      </c>
      <c r="E12319" t="s">
        <v>34451</v>
      </c>
      <c r="F12319">
        <v>4</v>
      </c>
      <c r="G12319" t="s">
        <v>3107</v>
      </c>
      <c r="H12319" t="s">
        <v>27134</v>
      </c>
      <c r="I12319" t="s">
        <v>30540</v>
      </c>
    </row>
    <row r="12320" spans="1:9">
      <c r="A12320" s="1">
        <v>0.16518281482205921</v>
      </c>
      <c r="B12320" s="1"/>
      <c r="C12320">
        <v>8</v>
      </c>
      <c r="D12320" t="s">
        <v>27139</v>
      </c>
      <c r="E12320" t="s">
        <v>34451</v>
      </c>
      <c r="F12320">
        <v>4</v>
      </c>
      <c r="G12320" t="s">
        <v>3732</v>
      </c>
      <c r="H12320" t="s">
        <v>27140</v>
      </c>
      <c r="I12320" t="s">
        <v>30540</v>
      </c>
    </row>
    <row r="12321" spans="1:9">
      <c r="A12321" s="1">
        <v>0.37724945571676616</v>
      </c>
      <c r="B12321" s="1"/>
      <c r="C12321">
        <v>11</v>
      </c>
      <c r="D12321" t="s">
        <v>27141</v>
      </c>
      <c r="E12321" t="s">
        <v>34451</v>
      </c>
      <c r="F12321">
        <v>4</v>
      </c>
      <c r="G12321" t="s">
        <v>14</v>
      </c>
      <c r="H12321" t="s">
        <v>27142</v>
      </c>
      <c r="I12321" t="s">
        <v>30540</v>
      </c>
    </row>
    <row r="12322" spans="1:9">
      <c r="A12322" s="1">
        <v>0.93630265731835749</v>
      </c>
      <c r="B12322" s="1"/>
      <c r="C12322">
        <v>1</v>
      </c>
      <c r="D12322" t="s">
        <v>27131</v>
      </c>
      <c r="E12322" t="s">
        <v>34451</v>
      </c>
      <c r="F12322">
        <v>4</v>
      </c>
      <c r="G12322" t="s">
        <v>10</v>
      </c>
      <c r="H12322" t="s">
        <v>27132</v>
      </c>
      <c r="I12322" t="s">
        <v>30540</v>
      </c>
    </row>
    <row r="12323" spans="1:9">
      <c r="A12323" s="1">
        <v>0.67822791053677856</v>
      </c>
      <c r="B12323" s="1"/>
      <c r="C12323">
        <v>7</v>
      </c>
      <c r="D12323" t="s">
        <v>27137</v>
      </c>
      <c r="E12323" t="s">
        <v>34451</v>
      </c>
      <c r="F12323">
        <v>4</v>
      </c>
      <c r="G12323" t="s">
        <v>762</v>
      </c>
      <c r="H12323" t="s">
        <v>27138</v>
      </c>
      <c r="I12323" t="s">
        <v>30540</v>
      </c>
    </row>
    <row r="12324" spans="1:9">
      <c r="A12324" s="1">
        <v>0.74552137754463876</v>
      </c>
      <c r="B12324" s="1"/>
      <c r="C12324">
        <v>5</v>
      </c>
      <c r="D12324" t="s">
        <v>27135</v>
      </c>
      <c r="E12324" t="s">
        <v>34451</v>
      </c>
      <c r="F12324">
        <v>4</v>
      </c>
      <c r="G12324" t="s">
        <v>770</v>
      </c>
      <c r="H12324" t="s">
        <v>27136</v>
      </c>
      <c r="I12324" t="s">
        <v>30540</v>
      </c>
    </row>
    <row r="12325" spans="1:9">
      <c r="A12325" s="1">
        <v>0.66833672414767409</v>
      </c>
      <c r="B12325" s="1"/>
      <c r="C12325">
        <v>16</v>
      </c>
      <c r="D12325" t="s">
        <v>27143</v>
      </c>
      <c r="E12325" t="s">
        <v>34451</v>
      </c>
      <c r="F12325">
        <v>4</v>
      </c>
      <c r="G12325" t="s">
        <v>15</v>
      </c>
      <c r="H12325" t="s">
        <v>27144</v>
      </c>
      <c r="I12325" t="s">
        <v>30540</v>
      </c>
    </row>
    <row r="12326" spans="1:9">
      <c r="A12326" s="1">
        <v>8.8820452628840973E-2</v>
      </c>
      <c r="B12326" s="1"/>
      <c r="C12326">
        <v>11</v>
      </c>
      <c r="D12326" t="s">
        <v>27127</v>
      </c>
      <c r="E12326" t="s">
        <v>34452</v>
      </c>
      <c r="F12326">
        <v>4</v>
      </c>
      <c r="G12326" t="s">
        <v>14</v>
      </c>
      <c r="H12326" t="s">
        <v>27128</v>
      </c>
      <c r="I12326" t="s">
        <v>30540</v>
      </c>
    </row>
    <row r="12327" spans="1:9">
      <c r="A12327" s="1">
        <v>0.73354581053753631</v>
      </c>
      <c r="B12327" s="1"/>
      <c r="C12327">
        <v>18</v>
      </c>
      <c r="D12327" t="s">
        <v>27129</v>
      </c>
      <c r="E12327" t="s">
        <v>34452</v>
      </c>
      <c r="F12327">
        <v>4</v>
      </c>
      <c r="G12327" t="s">
        <v>14</v>
      </c>
      <c r="H12327" t="s">
        <v>27130</v>
      </c>
      <c r="I12327" t="s">
        <v>30540</v>
      </c>
    </row>
    <row r="12328" spans="1:9">
      <c r="A12328" s="1">
        <v>0.51456814145358898</v>
      </c>
      <c r="B12328" s="1"/>
      <c r="C12328">
        <v>9</v>
      </c>
      <c r="D12328" t="s">
        <v>27125</v>
      </c>
      <c r="E12328" t="s">
        <v>34452</v>
      </c>
      <c r="F12328">
        <v>3</v>
      </c>
      <c r="G12328" t="s">
        <v>14</v>
      </c>
      <c r="H12328" t="s">
        <v>27126</v>
      </c>
      <c r="I12328" t="s">
        <v>30540</v>
      </c>
    </row>
    <row r="12329" spans="1:9">
      <c r="A12329" s="1">
        <v>0.1271331628603366</v>
      </c>
      <c r="B12329" s="1"/>
      <c r="C12329">
        <v>3</v>
      </c>
      <c r="D12329" t="s">
        <v>27121</v>
      </c>
      <c r="E12329" t="s">
        <v>34453</v>
      </c>
      <c r="F12329">
        <v>4</v>
      </c>
      <c r="G12329" t="s">
        <v>9</v>
      </c>
      <c r="H12329" t="s">
        <v>27122</v>
      </c>
      <c r="I12329" t="s">
        <v>30540</v>
      </c>
    </row>
    <row r="12330" spans="1:9">
      <c r="A12330" s="1">
        <v>0.31910327194022148</v>
      </c>
      <c r="B12330" s="1"/>
      <c r="C12330">
        <v>14</v>
      </c>
      <c r="D12330" t="s">
        <v>27123</v>
      </c>
      <c r="E12330" t="s">
        <v>34453</v>
      </c>
      <c r="F12330">
        <v>4</v>
      </c>
      <c r="G12330" t="s">
        <v>14</v>
      </c>
      <c r="H12330" t="s">
        <v>27124</v>
      </c>
      <c r="I12330" t="s">
        <v>30540</v>
      </c>
    </row>
    <row r="12331" spans="1:9">
      <c r="A12331" s="1">
        <v>0.70667656346231289</v>
      </c>
      <c r="B12331" s="1"/>
      <c r="C12331">
        <v>2</v>
      </c>
      <c r="D12331" t="s">
        <v>27119</v>
      </c>
      <c r="E12331" t="s">
        <v>34453</v>
      </c>
      <c r="F12331">
        <v>4</v>
      </c>
      <c r="G12331" t="s">
        <v>9</v>
      </c>
      <c r="H12331" t="s">
        <v>27120</v>
      </c>
      <c r="I12331" t="s">
        <v>30540</v>
      </c>
    </row>
    <row r="12332" spans="1:9">
      <c r="A12332" s="1">
        <v>0.65006665293913435</v>
      </c>
      <c r="B12332" s="1"/>
      <c r="C12332">
        <v>5</v>
      </c>
      <c r="D12332" t="s">
        <v>27115</v>
      </c>
      <c r="E12332" t="s">
        <v>34454</v>
      </c>
      <c r="F12332">
        <v>4</v>
      </c>
      <c r="G12332" t="s">
        <v>13</v>
      </c>
      <c r="H12332" t="s">
        <v>27116</v>
      </c>
      <c r="I12332" t="s">
        <v>30540</v>
      </c>
    </row>
    <row r="12333" spans="1:9">
      <c r="A12333" s="1">
        <v>0.1380805806724974</v>
      </c>
      <c r="B12333" s="1"/>
      <c r="C12333">
        <v>12</v>
      </c>
      <c r="D12333" t="s">
        <v>27117</v>
      </c>
      <c r="E12333" t="s">
        <v>34454</v>
      </c>
      <c r="F12333">
        <v>4</v>
      </c>
      <c r="G12333" t="s">
        <v>14</v>
      </c>
      <c r="H12333" t="s">
        <v>27118</v>
      </c>
      <c r="I12333" t="s">
        <v>30540</v>
      </c>
    </row>
    <row r="12334" spans="1:9">
      <c r="A12334" s="1">
        <v>0.97802500434289819</v>
      </c>
      <c r="B12334" s="1"/>
      <c r="C12334">
        <v>1</v>
      </c>
      <c r="D12334" t="s">
        <v>27113</v>
      </c>
      <c r="E12334" t="s">
        <v>34454</v>
      </c>
      <c r="F12334">
        <v>3</v>
      </c>
      <c r="G12334" t="s">
        <v>15</v>
      </c>
      <c r="H12334" t="s">
        <v>27114</v>
      </c>
      <c r="I12334" t="s">
        <v>30540</v>
      </c>
    </row>
    <row r="12335" spans="1:9">
      <c r="A12335" s="1">
        <v>0.94526479856210144</v>
      </c>
      <c r="B12335" s="1"/>
      <c r="C12335">
        <v>6</v>
      </c>
      <c r="D12335" t="s">
        <v>27109</v>
      </c>
      <c r="E12335" t="s">
        <v>34455</v>
      </c>
      <c r="F12335">
        <v>4</v>
      </c>
      <c r="G12335" t="s">
        <v>14</v>
      </c>
      <c r="H12335" t="s">
        <v>27110</v>
      </c>
      <c r="I12335" t="s">
        <v>30540</v>
      </c>
    </row>
    <row r="12336" spans="1:9">
      <c r="A12336" s="1">
        <v>0.55747178714013768</v>
      </c>
      <c r="B12336" s="1"/>
      <c r="C12336">
        <v>11</v>
      </c>
      <c r="D12336" t="s">
        <v>27111</v>
      </c>
      <c r="E12336" t="s">
        <v>34455</v>
      </c>
      <c r="F12336">
        <v>4</v>
      </c>
      <c r="G12336" t="s">
        <v>14</v>
      </c>
      <c r="H12336" t="s">
        <v>27112</v>
      </c>
      <c r="I12336" t="s">
        <v>30540</v>
      </c>
    </row>
    <row r="12337" spans="1:9">
      <c r="A12337" s="1">
        <v>0.88680290404282369</v>
      </c>
      <c r="B12337" s="1"/>
      <c r="C12337">
        <v>16</v>
      </c>
      <c r="D12337" t="s">
        <v>27107</v>
      </c>
      <c r="E12337" t="s">
        <v>34456</v>
      </c>
      <c r="F12337">
        <v>4</v>
      </c>
      <c r="G12337" t="s">
        <v>1426</v>
      </c>
      <c r="H12337" t="s">
        <v>27108</v>
      </c>
      <c r="I12337" t="s">
        <v>30540</v>
      </c>
    </row>
    <row r="12338" spans="1:9">
      <c r="A12338" s="1">
        <v>0.21677449198424625</v>
      </c>
      <c r="B12338" s="1"/>
      <c r="C12338">
        <v>1</v>
      </c>
      <c r="D12338" t="s">
        <v>27103</v>
      </c>
      <c r="E12338" t="s">
        <v>34456</v>
      </c>
      <c r="F12338">
        <v>4</v>
      </c>
      <c r="G12338" t="s">
        <v>10</v>
      </c>
      <c r="H12338" t="s">
        <v>27104</v>
      </c>
      <c r="I12338" t="s">
        <v>30540</v>
      </c>
    </row>
    <row r="12339" spans="1:9">
      <c r="A12339" s="1">
        <v>0.73692861181157165</v>
      </c>
      <c r="B12339" s="1"/>
      <c r="C12339">
        <v>11</v>
      </c>
      <c r="D12339" t="s">
        <v>27099</v>
      </c>
      <c r="E12339" t="s">
        <v>34457</v>
      </c>
      <c r="F12339">
        <v>4</v>
      </c>
      <c r="G12339" t="s">
        <v>14</v>
      </c>
      <c r="H12339" t="s">
        <v>27100</v>
      </c>
      <c r="I12339" t="s">
        <v>30540</v>
      </c>
    </row>
    <row r="12340" spans="1:9">
      <c r="A12340" s="1">
        <v>0.61918800742268154</v>
      </c>
      <c r="B12340" s="1"/>
      <c r="C12340">
        <v>15</v>
      </c>
      <c r="D12340" t="s">
        <v>27091</v>
      </c>
      <c r="E12340" t="s">
        <v>34458</v>
      </c>
      <c r="F12340">
        <v>5</v>
      </c>
      <c r="G12340" t="s">
        <v>9</v>
      </c>
      <c r="H12340" t="s">
        <v>27092</v>
      </c>
      <c r="I12340" t="s">
        <v>30540</v>
      </c>
    </row>
    <row r="12341" spans="1:9">
      <c r="A12341" s="1">
        <v>0.23576180591206863</v>
      </c>
      <c r="B12341" s="1"/>
      <c r="C12341">
        <v>19</v>
      </c>
      <c r="D12341" t="s">
        <v>27097</v>
      </c>
      <c r="E12341" t="s">
        <v>34458</v>
      </c>
      <c r="F12341">
        <v>5</v>
      </c>
      <c r="G12341" t="s">
        <v>14</v>
      </c>
      <c r="H12341" t="s">
        <v>27098</v>
      </c>
      <c r="I12341" t="s">
        <v>30540</v>
      </c>
    </row>
    <row r="12342" spans="1:9">
      <c r="A12342" s="1">
        <v>0.11026715243407414</v>
      </c>
      <c r="B12342" s="1"/>
      <c r="C12342">
        <v>17</v>
      </c>
      <c r="D12342" t="s">
        <v>27093</v>
      </c>
      <c r="E12342" t="s">
        <v>34458</v>
      </c>
      <c r="F12342">
        <v>4</v>
      </c>
      <c r="G12342" t="s">
        <v>14</v>
      </c>
      <c r="H12342" t="s">
        <v>27094</v>
      </c>
      <c r="I12342" t="s">
        <v>30540</v>
      </c>
    </row>
    <row r="12343" spans="1:9">
      <c r="A12343" s="1">
        <v>0.40715302528305186</v>
      </c>
      <c r="B12343" s="1"/>
      <c r="C12343">
        <v>18</v>
      </c>
      <c r="D12343" t="s">
        <v>27095</v>
      </c>
      <c r="E12343" t="s">
        <v>34458</v>
      </c>
      <c r="F12343">
        <v>4</v>
      </c>
      <c r="G12343" t="s">
        <v>14</v>
      </c>
      <c r="H12343" t="s">
        <v>27096</v>
      </c>
      <c r="I12343" t="s">
        <v>30540</v>
      </c>
    </row>
    <row r="12344" spans="1:9">
      <c r="A12344" s="1">
        <v>0.10659522939875421</v>
      </c>
      <c r="B12344" s="1"/>
      <c r="C12344">
        <v>5</v>
      </c>
      <c r="D12344" t="s">
        <v>27085</v>
      </c>
      <c r="E12344" t="s">
        <v>34459</v>
      </c>
      <c r="F12344">
        <v>4</v>
      </c>
      <c r="G12344" t="s">
        <v>14</v>
      </c>
      <c r="H12344" t="s">
        <v>27086</v>
      </c>
      <c r="I12344" t="s">
        <v>30540</v>
      </c>
    </row>
    <row r="12345" spans="1:9">
      <c r="A12345" s="1">
        <v>0.17271040503263324</v>
      </c>
      <c r="B12345" s="1"/>
      <c r="C12345">
        <v>13</v>
      </c>
      <c r="D12345" t="s">
        <v>27089</v>
      </c>
      <c r="E12345" t="s">
        <v>34459</v>
      </c>
      <c r="F12345">
        <v>4</v>
      </c>
      <c r="G12345" t="s">
        <v>14</v>
      </c>
      <c r="H12345" t="s">
        <v>27090</v>
      </c>
      <c r="I12345" t="s">
        <v>30540</v>
      </c>
    </row>
    <row r="12346" spans="1:9">
      <c r="A12346" s="1">
        <v>0.25159680610581237</v>
      </c>
      <c r="B12346" s="1"/>
      <c r="C12346">
        <v>10</v>
      </c>
      <c r="D12346" t="s">
        <v>27087</v>
      </c>
      <c r="E12346" t="s">
        <v>34459</v>
      </c>
      <c r="F12346">
        <v>4</v>
      </c>
      <c r="G12346" t="s">
        <v>14</v>
      </c>
      <c r="H12346" t="s">
        <v>27088</v>
      </c>
      <c r="I12346" t="s">
        <v>30540</v>
      </c>
    </row>
    <row r="12347" spans="1:9">
      <c r="A12347" s="1">
        <v>0.68397546992071478</v>
      </c>
      <c r="B12347" s="1"/>
      <c r="C12347">
        <v>4</v>
      </c>
      <c r="D12347" t="s">
        <v>27083</v>
      </c>
      <c r="E12347" t="s">
        <v>34459</v>
      </c>
      <c r="F12347">
        <v>3</v>
      </c>
      <c r="G12347" t="s">
        <v>14</v>
      </c>
      <c r="H12347" t="s">
        <v>27084</v>
      </c>
      <c r="I12347" t="s">
        <v>30540</v>
      </c>
    </row>
    <row r="12348" spans="1:9">
      <c r="A12348" s="1">
        <v>0.16710561557607195</v>
      </c>
      <c r="B12348" s="1"/>
      <c r="C12348">
        <v>4</v>
      </c>
      <c r="D12348" t="s">
        <v>27075</v>
      </c>
      <c r="E12348" t="s">
        <v>34460</v>
      </c>
      <c r="F12348">
        <v>5</v>
      </c>
      <c r="G12348" t="s">
        <v>15</v>
      </c>
      <c r="H12348" t="s">
        <v>27076</v>
      </c>
      <c r="I12348" t="s">
        <v>30540</v>
      </c>
    </row>
    <row r="12349" spans="1:9">
      <c r="A12349" s="1">
        <v>0.61440561654252301</v>
      </c>
      <c r="B12349" s="1"/>
      <c r="C12349">
        <v>8</v>
      </c>
      <c r="D12349" t="s">
        <v>27077</v>
      </c>
      <c r="E12349" t="s">
        <v>34460</v>
      </c>
      <c r="F12349">
        <v>4</v>
      </c>
      <c r="G12349" t="s">
        <v>9</v>
      </c>
      <c r="H12349" t="s">
        <v>27078</v>
      </c>
      <c r="I12349" t="s">
        <v>30540</v>
      </c>
    </row>
    <row r="12350" spans="1:9">
      <c r="A12350" s="1">
        <v>0.12560682814936353</v>
      </c>
      <c r="B12350" s="1"/>
      <c r="C12350">
        <v>12</v>
      </c>
      <c r="D12350" t="s">
        <v>27079</v>
      </c>
      <c r="E12350" t="s">
        <v>34460</v>
      </c>
      <c r="F12350">
        <v>4</v>
      </c>
      <c r="G12350" t="s">
        <v>9</v>
      </c>
      <c r="H12350" t="s">
        <v>27080</v>
      </c>
      <c r="I12350" t="s">
        <v>30540</v>
      </c>
    </row>
    <row r="12351" spans="1:9">
      <c r="A12351" s="1">
        <v>0.36066458847456195</v>
      </c>
      <c r="B12351" s="1"/>
      <c r="C12351">
        <v>13</v>
      </c>
      <c r="D12351" t="s">
        <v>27081</v>
      </c>
      <c r="E12351" t="s">
        <v>34460</v>
      </c>
      <c r="F12351">
        <v>4</v>
      </c>
      <c r="G12351" t="s">
        <v>9</v>
      </c>
      <c r="H12351" t="s">
        <v>27082</v>
      </c>
      <c r="I12351" t="s">
        <v>30540</v>
      </c>
    </row>
    <row r="12352" spans="1:9">
      <c r="A12352" s="1">
        <v>0.15379752487402021</v>
      </c>
      <c r="B12352" s="1"/>
      <c r="C12352">
        <v>14</v>
      </c>
      <c r="D12352" t="s">
        <v>27071</v>
      </c>
      <c r="E12352" t="s">
        <v>34461</v>
      </c>
      <c r="F12352">
        <v>4</v>
      </c>
      <c r="G12352" t="s">
        <v>9</v>
      </c>
      <c r="H12352" t="s">
        <v>27072</v>
      </c>
      <c r="I12352" t="s">
        <v>30540</v>
      </c>
    </row>
    <row r="12353" spans="1:9">
      <c r="A12353" s="1">
        <v>0.44144070037916872</v>
      </c>
      <c r="B12353" s="1"/>
      <c r="C12353">
        <v>18</v>
      </c>
      <c r="D12353" t="s">
        <v>27073</v>
      </c>
      <c r="E12353" t="s">
        <v>34461</v>
      </c>
      <c r="F12353">
        <v>4</v>
      </c>
      <c r="G12353" t="s">
        <v>9</v>
      </c>
      <c r="H12353" t="s">
        <v>27074</v>
      </c>
      <c r="I12353" t="s">
        <v>30540</v>
      </c>
    </row>
    <row r="12354" spans="1:9">
      <c r="A12354" s="1">
        <v>0.27407668304988064</v>
      </c>
      <c r="B12354" s="1"/>
      <c r="C12354">
        <v>13</v>
      </c>
      <c r="D12354" t="s">
        <v>27069</v>
      </c>
      <c r="E12354" t="s">
        <v>34461</v>
      </c>
      <c r="F12354">
        <v>3</v>
      </c>
      <c r="G12354" t="s">
        <v>9</v>
      </c>
      <c r="H12354" t="s">
        <v>27070</v>
      </c>
      <c r="I12354" t="s">
        <v>30540</v>
      </c>
    </row>
    <row r="12355" spans="1:9">
      <c r="A12355" s="1">
        <v>0.92305156914243558</v>
      </c>
      <c r="B12355" s="1"/>
      <c r="C12355">
        <v>11</v>
      </c>
      <c r="D12355" t="s">
        <v>27067</v>
      </c>
      <c r="E12355" t="s">
        <v>34462</v>
      </c>
      <c r="F12355">
        <v>5</v>
      </c>
      <c r="G12355" t="s">
        <v>0</v>
      </c>
      <c r="H12355" t="s">
        <v>27068</v>
      </c>
      <c r="I12355" t="s">
        <v>30540</v>
      </c>
    </row>
    <row r="12356" spans="1:9">
      <c r="A12356" s="1">
        <v>0.64887751459482368</v>
      </c>
      <c r="B12356" s="1"/>
      <c r="C12356">
        <v>2</v>
      </c>
      <c r="D12356" t="s">
        <v>27061</v>
      </c>
      <c r="E12356" t="s">
        <v>34463</v>
      </c>
      <c r="F12356">
        <v>5</v>
      </c>
      <c r="G12356" t="s">
        <v>14</v>
      </c>
      <c r="H12356" t="s">
        <v>27062</v>
      </c>
      <c r="I12356" t="s">
        <v>30540</v>
      </c>
    </row>
    <row r="12357" spans="1:9">
      <c r="A12357" s="1">
        <v>0.34231800289181813</v>
      </c>
      <c r="B12357" s="1"/>
      <c r="C12357">
        <v>9</v>
      </c>
      <c r="D12357" t="s">
        <v>27063</v>
      </c>
      <c r="E12357" t="s">
        <v>34463</v>
      </c>
      <c r="F12357">
        <v>4</v>
      </c>
      <c r="G12357" t="s">
        <v>15</v>
      </c>
      <c r="H12357" t="s">
        <v>27064</v>
      </c>
      <c r="I12357" t="s">
        <v>30540</v>
      </c>
    </row>
    <row r="12358" spans="1:9">
      <c r="A12358" s="1">
        <v>0.800167429238126</v>
      </c>
      <c r="B12358" s="1"/>
      <c r="C12358">
        <v>14</v>
      </c>
      <c r="D12358" t="s">
        <v>27057</v>
      </c>
      <c r="E12358" t="s">
        <v>34464</v>
      </c>
      <c r="F12358">
        <v>4</v>
      </c>
      <c r="G12358" t="s">
        <v>9</v>
      </c>
      <c r="H12358" t="s">
        <v>27058</v>
      </c>
      <c r="I12358" t="s">
        <v>30540</v>
      </c>
    </row>
    <row r="12359" spans="1:9">
      <c r="A12359" s="1">
        <v>0.97125374313175117</v>
      </c>
      <c r="B12359" s="1"/>
      <c r="C12359">
        <v>15</v>
      </c>
      <c r="D12359" t="s">
        <v>27059</v>
      </c>
      <c r="E12359" t="s">
        <v>34464</v>
      </c>
      <c r="F12359">
        <v>3</v>
      </c>
      <c r="G12359" t="s">
        <v>9</v>
      </c>
      <c r="H12359" t="s">
        <v>27060</v>
      </c>
      <c r="I12359" t="s">
        <v>30540</v>
      </c>
    </row>
    <row r="12360" spans="1:9">
      <c r="A12360" s="1">
        <v>0.82369728069658077</v>
      </c>
      <c r="B12360" s="1"/>
      <c r="C12360">
        <v>9</v>
      </c>
      <c r="D12360" t="s">
        <v>27053</v>
      </c>
      <c r="E12360" t="s">
        <v>34465</v>
      </c>
      <c r="F12360">
        <v>5</v>
      </c>
      <c r="G12360" t="s">
        <v>9</v>
      </c>
      <c r="H12360" t="s">
        <v>27054</v>
      </c>
      <c r="I12360" t="s">
        <v>30540</v>
      </c>
    </row>
    <row r="12361" spans="1:9">
      <c r="A12361" s="1">
        <v>0.55641997918156161</v>
      </c>
      <c r="B12361" s="1"/>
      <c r="C12361">
        <v>5</v>
      </c>
      <c r="D12361" t="s">
        <v>27051</v>
      </c>
      <c r="E12361" t="s">
        <v>34465</v>
      </c>
      <c r="F12361">
        <v>5</v>
      </c>
      <c r="G12361" t="s">
        <v>9</v>
      </c>
      <c r="H12361" t="s">
        <v>27052</v>
      </c>
      <c r="I12361" t="s">
        <v>30540</v>
      </c>
    </row>
    <row r="12362" spans="1:9">
      <c r="A12362" s="1">
        <v>0.40490373356922948</v>
      </c>
      <c r="B12362" s="1"/>
      <c r="C12362">
        <v>12</v>
      </c>
      <c r="D12362" t="s">
        <v>27055</v>
      </c>
      <c r="E12362" t="s">
        <v>34465</v>
      </c>
      <c r="F12362">
        <v>4</v>
      </c>
      <c r="G12362" t="s">
        <v>9</v>
      </c>
      <c r="H12362" t="s">
        <v>27056</v>
      </c>
      <c r="I12362" t="s">
        <v>30540</v>
      </c>
    </row>
    <row r="12363" spans="1:9">
      <c r="A12363" s="1">
        <v>0.45434508743646451</v>
      </c>
      <c r="B12363" s="1"/>
      <c r="C12363">
        <v>9</v>
      </c>
      <c r="D12363" t="s">
        <v>27047</v>
      </c>
      <c r="E12363" t="s">
        <v>34466</v>
      </c>
      <c r="F12363">
        <v>5</v>
      </c>
      <c r="G12363" t="s">
        <v>9</v>
      </c>
      <c r="H12363" t="s">
        <v>27048</v>
      </c>
      <c r="I12363" t="s">
        <v>30540</v>
      </c>
    </row>
    <row r="12364" spans="1:9">
      <c r="A12364" s="1">
        <v>0.27525155900612863</v>
      </c>
      <c r="B12364" s="1"/>
      <c r="C12364">
        <v>10</v>
      </c>
      <c r="D12364" t="s">
        <v>27049</v>
      </c>
      <c r="E12364" t="s">
        <v>34466</v>
      </c>
      <c r="F12364">
        <v>4</v>
      </c>
      <c r="G12364" t="s">
        <v>9</v>
      </c>
      <c r="H12364" t="s">
        <v>27050</v>
      </c>
      <c r="I12364" t="s">
        <v>30540</v>
      </c>
    </row>
    <row r="12365" spans="1:9">
      <c r="A12365" s="1">
        <v>0.46829873929798904</v>
      </c>
      <c r="B12365" s="1"/>
      <c r="C12365">
        <v>5</v>
      </c>
      <c r="D12365" t="s">
        <v>27043</v>
      </c>
      <c r="E12365" t="s">
        <v>34466</v>
      </c>
      <c r="F12365">
        <v>4</v>
      </c>
      <c r="G12365" t="s">
        <v>2</v>
      </c>
      <c r="H12365" t="s">
        <v>27044</v>
      </c>
      <c r="I12365" t="s">
        <v>30540</v>
      </c>
    </row>
    <row r="12366" spans="1:9">
      <c r="A12366" s="1">
        <v>0.22023452927927367</v>
      </c>
      <c r="B12366" s="1"/>
      <c r="C12366">
        <v>4</v>
      </c>
      <c r="D12366" t="s">
        <v>27041</v>
      </c>
      <c r="E12366" t="s">
        <v>34466</v>
      </c>
      <c r="F12366">
        <v>3</v>
      </c>
      <c r="G12366" t="s">
        <v>9</v>
      </c>
      <c r="H12366" t="s">
        <v>27042</v>
      </c>
      <c r="I12366" t="s">
        <v>30540</v>
      </c>
    </row>
    <row r="12367" spans="1:9">
      <c r="A12367" s="1">
        <v>7.9954773704599913E-2</v>
      </c>
      <c r="B12367" s="1"/>
      <c r="C12367">
        <v>8</v>
      </c>
      <c r="D12367" t="s">
        <v>27033</v>
      </c>
      <c r="E12367" t="s">
        <v>34467</v>
      </c>
      <c r="F12367">
        <v>4</v>
      </c>
      <c r="G12367" t="s">
        <v>9</v>
      </c>
      <c r="H12367" t="s">
        <v>27034</v>
      </c>
      <c r="I12367" t="s">
        <v>30540</v>
      </c>
    </row>
    <row r="12368" spans="1:9">
      <c r="A12368" s="1">
        <v>0.35306847095443739</v>
      </c>
      <c r="B12368" s="1"/>
      <c r="C12368">
        <v>12</v>
      </c>
      <c r="D12368" t="s">
        <v>27035</v>
      </c>
      <c r="E12368" t="s">
        <v>34467</v>
      </c>
      <c r="F12368">
        <v>4</v>
      </c>
      <c r="G12368" t="s">
        <v>14</v>
      </c>
      <c r="H12368" t="s">
        <v>27036</v>
      </c>
      <c r="I12368" t="s">
        <v>30540</v>
      </c>
    </row>
    <row r="12369" spans="1:9">
      <c r="A12369" s="1">
        <v>0.86312032871142041</v>
      </c>
      <c r="B12369" s="1"/>
      <c r="C12369">
        <v>19</v>
      </c>
      <c r="D12369" t="s">
        <v>27039</v>
      </c>
      <c r="E12369" t="s">
        <v>34467</v>
      </c>
      <c r="F12369">
        <v>4</v>
      </c>
      <c r="G12369" t="s">
        <v>0</v>
      </c>
      <c r="H12369" t="s">
        <v>27040</v>
      </c>
      <c r="I12369" t="s">
        <v>30540</v>
      </c>
    </row>
    <row r="12370" spans="1:9">
      <c r="A12370" s="1">
        <v>0.25618534985405694</v>
      </c>
      <c r="B12370" s="1"/>
      <c r="C12370">
        <v>5</v>
      </c>
      <c r="D12370" t="s">
        <v>27031</v>
      </c>
      <c r="E12370" t="s">
        <v>34467</v>
      </c>
      <c r="F12370">
        <v>4</v>
      </c>
      <c r="G12370" t="s">
        <v>14</v>
      </c>
      <c r="H12370" t="s">
        <v>27032</v>
      </c>
      <c r="I12370" t="s">
        <v>30540</v>
      </c>
    </row>
    <row r="12371" spans="1:9">
      <c r="A12371" s="1">
        <v>0.23029656280792443</v>
      </c>
      <c r="B12371" s="1"/>
      <c r="C12371">
        <v>15</v>
      </c>
      <c r="D12371" t="s">
        <v>27037</v>
      </c>
      <c r="E12371" t="s">
        <v>34467</v>
      </c>
      <c r="F12371">
        <v>3</v>
      </c>
      <c r="G12371" t="s">
        <v>14</v>
      </c>
      <c r="H12371" t="s">
        <v>27038</v>
      </c>
      <c r="I12371" t="s">
        <v>30540</v>
      </c>
    </row>
    <row r="12372" spans="1:9">
      <c r="A12372" s="1">
        <v>0.74823902436025058</v>
      </c>
      <c r="B12372" s="1"/>
      <c r="C12372">
        <v>2</v>
      </c>
      <c r="D12372" t="s">
        <v>27025</v>
      </c>
      <c r="E12372" t="s">
        <v>34468</v>
      </c>
      <c r="F12372">
        <v>4</v>
      </c>
      <c r="G12372" t="s">
        <v>10</v>
      </c>
      <c r="H12372" t="s">
        <v>27026</v>
      </c>
      <c r="I12372" t="s">
        <v>30540</v>
      </c>
    </row>
    <row r="12373" spans="1:9">
      <c r="A12373" s="1">
        <v>8.853028435794541E-2</v>
      </c>
      <c r="B12373" s="1"/>
      <c r="C12373">
        <v>11</v>
      </c>
      <c r="D12373" t="s">
        <v>27029</v>
      </c>
      <c r="E12373" t="s">
        <v>34468</v>
      </c>
      <c r="F12373">
        <v>4</v>
      </c>
      <c r="G12373" t="s">
        <v>10</v>
      </c>
      <c r="H12373" t="s">
        <v>27030</v>
      </c>
      <c r="I12373" t="s">
        <v>30540</v>
      </c>
    </row>
    <row r="12374" spans="1:9">
      <c r="A12374" s="1">
        <v>0.22627282864487064</v>
      </c>
      <c r="B12374" s="1"/>
      <c r="C12374">
        <v>5</v>
      </c>
      <c r="D12374" t="s">
        <v>27027</v>
      </c>
      <c r="E12374" t="s">
        <v>34468</v>
      </c>
      <c r="F12374">
        <v>4</v>
      </c>
      <c r="G12374" t="s">
        <v>769</v>
      </c>
      <c r="H12374" t="s">
        <v>27028</v>
      </c>
      <c r="I12374" t="s">
        <v>30540</v>
      </c>
    </row>
    <row r="12375" spans="1:9">
      <c r="A12375" s="1">
        <v>0.94716064176745163</v>
      </c>
      <c r="B12375" s="1"/>
      <c r="C12375">
        <v>4</v>
      </c>
      <c r="D12375" t="s">
        <v>27013</v>
      </c>
      <c r="E12375" t="s">
        <v>34469</v>
      </c>
      <c r="F12375">
        <v>5</v>
      </c>
      <c r="G12375" t="s">
        <v>10</v>
      </c>
      <c r="H12375" t="s">
        <v>27014</v>
      </c>
      <c r="I12375" t="s">
        <v>30540</v>
      </c>
    </row>
    <row r="12376" spans="1:9">
      <c r="A12376" s="1">
        <v>0.79622683109130643</v>
      </c>
      <c r="B12376" s="1"/>
      <c r="C12376">
        <v>15</v>
      </c>
      <c r="D12376" t="s">
        <v>27021</v>
      </c>
      <c r="E12376" t="s">
        <v>34469</v>
      </c>
      <c r="F12376">
        <v>5</v>
      </c>
      <c r="G12376" t="s">
        <v>10</v>
      </c>
      <c r="H12376" t="s">
        <v>27022</v>
      </c>
      <c r="I12376" t="s">
        <v>30540</v>
      </c>
    </row>
    <row r="12377" spans="1:9">
      <c r="A12377" s="1">
        <v>0.92705430952115875</v>
      </c>
      <c r="B12377" s="1"/>
      <c r="C12377">
        <v>14</v>
      </c>
      <c r="D12377" t="s">
        <v>27019</v>
      </c>
      <c r="E12377" t="s">
        <v>34469</v>
      </c>
      <c r="F12377">
        <v>5</v>
      </c>
      <c r="G12377" t="s">
        <v>0</v>
      </c>
      <c r="H12377" t="s">
        <v>27020</v>
      </c>
      <c r="I12377" t="s">
        <v>30540</v>
      </c>
    </row>
    <row r="12378" spans="1:9">
      <c r="A12378" s="1">
        <v>0.812299225424986</v>
      </c>
      <c r="B12378" s="1"/>
      <c r="C12378">
        <v>11</v>
      </c>
      <c r="D12378" t="s">
        <v>27017</v>
      </c>
      <c r="E12378" t="s">
        <v>34469</v>
      </c>
      <c r="F12378">
        <v>4</v>
      </c>
      <c r="G12378" t="s">
        <v>10</v>
      </c>
      <c r="H12378" t="s">
        <v>27018</v>
      </c>
      <c r="I12378" t="s">
        <v>30540</v>
      </c>
    </row>
    <row r="12379" spans="1:9">
      <c r="A12379" s="1">
        <v>0.11958267409934387</v>
      </c>
      <c r="B12379" s="1"/>
      <c r="C12379">
        <v>19</v>
      </c>
      <c r="D12379" t="s">
        <v>27023</v>
      </c>
      <c r="E12379" t="s">
        <v>34469</v>
      </c>
      <c r="F12379">
        <v>4</v>
      </c>
      <c r="G12379" t="s">
        <v>14</v>
      </c>
      <c r="H12379" t="s">
        <v>27024</v>
      </c>
      <c r="I12379" t="s">
        <v>30540</v>
      </c>
    </row>
    <row r="12380" spans="1:9">
      <c r="A12380" s="1">
        <v>0.61414222981440469</v>
      </c>
      <c r="B12380" s="1"/>
      <c r="C12380">
        <v>8</v>
      </c>
      <c r="D12380" t="s">
        <v>27015</v>
      </c>
      <c r="E12380" t="s">
        <v>34469</v>
      </c>
      <c r="F12380">
        <v>4</v>
      </c>
      <c r="G12380" t="s">
        <v>14</v>
      </c>
      <c r="H12380" t="s">
        <v>27016</v>
      </c>
      <c r="I12380" t="s">
        <v>30540</v>
      </c>
    </row>
    <row r="12381" spans="1:9">
      <c r="A12381" s="1">
        <v>0.48621519186678086</v>
      </c>
      <c r="B12381" s="1"/>
      <c r="C12381">
        <v>3</v>
      </c>
      <c r="D12381" t="s">
        <v>27007</v>
      </c>
      <c r="E12381" t="s">
        <v>34470</v>
      </c>
      <c r="F12381">
        <v>5</v>
      </c>
      <c r="G12381" t="s">
        <v>14</v>
      </c>
      <c r="H12381" t="s">
        <v>27008</v>
      </c>
      <c r="I12381" t="s">
        <v>30540</v>
      </c>
    </row>
    <row r="12382" spans="1:9">
      <c r="A12382" s="1">
        <v>0.11839328509029023</v>
      </c>
      <c r="B12382" s="1"/>
      <c r="C12382">
        <v>8</v>
      </c>
      <c r="D12382" t="s">
        <v>27009</v>
      </c>
      <c r="E12382" t="s">
        <v>34470</v>
      </c>
      <c r="F12382">
        <v>5</v>
      </c>
      <c r="G12382" t="s">
        <v>15</v>
      </c>
      <c r="H12382" t="s">
        <v>27010</v>
      </c>
      <c r="I12382" t="s">
        <v>30540</v>
      </c>
    </row>
    <row r="12383" spans="1:9">
      <c r="A12383" s="1">
        <v>0.50073993368457248</v>
      </c>
      <c r="B12383" s="1"/>
      <c r="C12383">
        <v>11</v>
      </c>
      <c r="D12383" t="s">
        <v>27011</v>
      </c>
      <c r="E12383" t="s">
        <v>34470</v>
      </c>
      <c r="F12383">
        <v>5</v>
      </c>
      <c r="G12383" t="s">
        <v>10</v>
      </c>
      <c r="H12383" t="s">
        <v>27012</v>
      </c>
      <c r="I12383" t="s">
        <v>30540</v>
      </c>
    </row>
    <row r="12384" spans="1:9">
      <c r="A12384" s="1">
        <v>0.14373869237374182</v>
      </c>
      <c r="B12384" s="1"/>
      <c r="C12384">
        <v>13</v>
      </c>
      <c r="D12384" t="s">
        <v>27003</v>
      </c>
      <c r="E12384" t="s">
        <v>34471</v>
      </c>
      <c r="F12384">
        <v>4</v>
      </c>
      <c r="G12384" t="s">
        <v>14</v>
      </c>
      <c r="H12384" t="s">
        <v>27004</v>
      </c>
      <c r="I12384" t="s">
        <v>30540</v>
      </c>
    </row>
    <row r="12385" spans="1:9">
      <c r="A12385" s="1">
        <v>0.66277998828673501</v>
      </c>
      <c r="B12385" s="1"/>
      <c r="C12385">
        <v>7</v>
      </c>
      <c r="D12385" t="s">
        <v>26999</v>
      </c>
      <c r="E12385" t="s">
        <v>34471</v>
      </c>
      <c r="F12385">
        <v>4</v>
      </c>
      <c r="G12385" t="s">
        <v>9</v>
      </c>
      <c r="H12385" t="s">
        <v>27000</v>
      </c>
      <c r="I12385" t="s">
        <v>30540</v>
      </c>
    </row>
    <row r="12386" spans="1:9">
      <c r="A12386" s="1">
        <v>0.19308243787879553</v>
      </c>
      <c r="B12386" s="1"/>
      <c r="C12386">
        <v>16</v>
      </c>
      <c r="D12386" t="s">
        <v>27005</v>
      </c>
      <c r="E12386" t="s">
        <v>34471</v>
      </c>
      <c r="F12386">
        <v>4</v>
      </c>
      <c r="G12386" t="s">
        <v>14</v>
      </c>
      <c r="H12386" t="s">
        <v>27006</v>
      </c>
      <c r="I12386" t="s">
        <v>30540</v>
      </c>
    </row>
    <row r="12387" spans="1:9">
      <c r="A12387" s="1">
        <v>0.45841560711655782</v>
      </c>
      <c r="B12387" s="1"/>
      <c r="C12387">
        <v>9</v>
      </c>
      <c r="D12387" t="s">
        <v>27001</v>
      </c>
      <c r="E12387" t="s">
        <v>34471</v>
      </c>
      <c r="F12387">
        <v>4</v>
      </c>
      <c r="G12387" t="s">
        <v>14</v>
      </c>
      <c r="H12387" t="s">
        <v>27002</v>
      </c>
      <c r="I12387" t="s">
        <v>30540</v>
      </c>
    </row>
    <row r="12388" spans="1:9">
      <c r="A12388" s="1">
        <v>0.71347244069512816</v>
      </c>
      <c r="B12388" s="1"/>
      <c r="C12388">
        <v>9</v>
      </c>
      <c r="D12388" t="s">
        <v>26995</v>
      </c>
      <c r="E12388" t="s">
        <v>34472</v>
      </c>
      <c r="F12388">
        <v>5</v>
      </c>
      <c r="G12388" t="s">
        <v>9</v>
      </c>
      <c r="H12388" t="s">
        <v>26996</v>
      </c>
      <c r="I12388" t="s">
        <v>30540</v>
      </c>
    </row>
    <row r="12389" spans="1:9">
      <c r="A12389" s="1">
        <v>0.59094463023363175</v>
      </c>
      <c r="B12389" s="1"/>
      <c r="C12389">
        <v>6</v>
      </c>
      <c r="D12389" t="s">
        <v>26993</v>
      </c>
      <c r="E12389" t="s">
        <v>34472</v>
      </c>
      <c r="F12389">
        <v>4</v>
      </c>
      <c r="G12389" t="s">
        <v>9</v>
      </c>
      <c r="H12389" t="s">
        <v>26994</v>
      </c>
      <c r="I12389" t="s">
        <v>30540</v>
      </c>
    </row>
    <row r="12390" spans="1:9">
      <c r="A12390" s="1">
        <v>2.5640725331476211E-2</v>
      </c>
      <c r="B12390" s="1"/>
      <c r="C12390">
        <v>5</v>
      </c>
      <c r="D12390" t="s">
        <v>26991</v>
      </c>
      <c r="E12390" t="s">
        <v>34472</v>
      </c>
      <c r="F12390">
        <v>4</v>
      </c>
      <c r="G12390" t="s">
        <v>14</v>
      </c>
      <c r="H12390" t="s">
        <v>26992</v>
      </c>
      <c r="I12390" t="s">
        <v>30540</v>
      </c>
    </row>
    <row r="12391" spans="1:9">
      <c r="A12391" s="1">
        <v>3.7438951118252128E-2</v>
      </c>
      <c r="B12391" s="1"/>
      <c r="C12391">
        <v>12</v>
      </c>
      <c r="D12391" t="s">
        <v>26997</v>
      </c>
      <c r="E12391" t="s">
        <v>34472</v>
      </c>
      <c r="F12391">
        <v>4</v>
      </c>
      <c r="G12391" t="s">
        <v>14</v>
      </c>
      <c r="H12391" t="s">
        <v>26998</v>
      </c>
      <c r="I12391" t="s">
        <v>30540</v>
      </c>
    </row>
    <row r="12392" spans="1:9">
      <c r="A12392" s="1">
        <v>0.99512124451779393</v>
      </c>
      <c r="B12392" s="1"/>
      <c r="C12392">
        <v>4</v>
      </c>
      <c r="D12392" t="s">
        <v>26987</v>
      </c>
      <c r="E12392" t="s">
        <v>34473</v>
      </c>
      <c r="F12392">
        <v>5</v>
      </c>
      <c r="G12392" t="s">
        <v>10</v>
      </c>
      <c r="H12392" t="s">
        <v>26988</v>
      </c>
      <c r="I12392" t="s">
        <v>30540</v>
      </c>
    </row>
    <row r="12393" spans="1:9">
      <c r="A12393" s="1">
        <v>4.021533123996146E-2</v>
      </c>
      <c r="B12393" s="1"/>
      <c r="C12393">
        <v>7</v>
      </c>
      <c r="D12393" t="s">
        <v>26989</v>
      </c>
      <c r="E12393" t="s">
        <v>34473</v>
      </c>
      <c r="F12393">
        <v>4</v>
      </c>
      <c r="G12393" t="s">
        <v>2738</v>
      </c>
      <c r="H12393" t="s">
        <v>26990</v>
      </c>
      <c r="I12393" t="s">
        <v>30540</v>
      </c>
    </row>
    <row r="12394" spans="1:9">
      <c r="A12394" s="1">
        <v>0.52111411791728302</v>
      </c>
      <c r="B12394" s="1"/>
      <c r="C12394">
        <v>3</v>
      </c>
      <c r="D12394" t="s">
        <v>26985</v>
      </c>
      <c r="E12394" t="s">
        <v>34473</v>
      </c>
      <c r="F12394">
        <v>3</v>
      </c>
      <c r="G12394" t="s">
        <v>1431</v>
      </c>
      <c r="H12394" t="s">
        <v>26986</v>
      </c>
      <c r="I12394" t="s">
        <v>30540</v>
      </c>
    </row>
    <row r="12395" spans="1:9">
      <c r="A12395" s="1">
        <v>0.14474089852097438</v>
      </c>
      <c r="B12395" s="1"/>
      <c r="C12395">
        <v>11</v>
      </c>
      <c r="D12395" t="s">
        <v>26983</v>
      </c>
      <c r="E12395" t="s">
        <v>34474</v>
      </c>
      <c r="F12395">
        <v>4</v>
      </c>
      <c r="G12395" t="s">
        <v>14</v>
      </c>
      <c r="H12395" t="s">
        <v>26984</v>
      </c>
      <c r="I12395" t="s">
        <v>30540</v>
      </c>
    </row>
    <row r="12396" spans="1:9">
      <c r="A12396" s="1">
        <v>0.31028216983400736</v>
      </c>
      <c r="B12396" s="1"/>
      <c r="C12396">
        <v>1</v>
      </c>
      <c r="D12396" t="s">
        <v>26979</v>
      </c>
      <c r="E12396" t="s">
        <v>34474</v>
      </c>
      <c r="F12396">
        <v>4</v>
      </c>
      <c r="G12396" t="s">
        <v>2</v>
      </c>
      <c r="H12396" t="s">
        <v>26980</v>
      </c>
      <c r="I12396" t="s">
        <v>30540</v>
      </c>
    </row>
    <row r="12397" spans="1:9">
      <c r="A12397" s="1">
        <v>5.0633118307664593E-2</v>
      </c>
      <c r="B12397" s="1"/>
      <c r="C12397">
        <v>6</v>
      </c>
      <c r="D12397" t="s">
        <v>26973</v>
      </c>
      <c r="E12397" t="s">
        <v>34475</v>
      </c>
      <c r="F12397">
        <v>4</v>
      </c>
      <c r="G12397" t="s">
        <v>9</v>
      </c>
      <c r="H12397" t="s">
        <v>26974</v>
      </c>
      <c r="I12397" t="s">
        <v>30540</v>
      </c>
    </row>
    <row r="12398" spans="1:9">
      <c r="A12398" s="1">
        <v>0.98669284730142326</v>
      </c>
      <c r="B12398" s="1"/>
      <c r="C12398">
        <v>8</v>
      </c>
      <c r="D12398" t="s">
        <v>26977</v>
      </c>
      <c r="E12398" t="s">
        <v>34475</v>
      </c>
      <c r="F12398">
        <v>3</v>
      </c>
      <c r="G12398" t="s">
        <v>14</v>
      </c>
      <c r="H12398" t="s">
        <v>26978</v>
      </c>
      <c r="I12398" t="s">
        <v>30540</v>
      </c>
    </row>
    <row r="12399" spans="1:9">
      <c r="A12399" s="1">
        <v>0.79002432130480327</v>
      </c>
      <c r="B12399" s="1"/>
      <c r="C12399">
        <v>14</v>
      </c>
      <c r="D12399" t="s">
        <v>26971</v>
      </c>
      <c r="E12399" t="s">
        <v>34476</v>
      </c>
      <c r="F12399">
        <v>4</v>
      </c>
      <c r="G12399" t="s">
        <v>14</v>
      </c>
      <c r="H12399" t="s">
        <v>26972</v>
      </c>
      <c r="I12399" t="s">
        <v>30540</v>
      </c>
    </row>
    <row r="12400" spans="1:9">
      <c r="A12400" s="1">
        <v>0.26499973626783524</v>
      </c>
      <c r="B12400" s="1"/>
      <c r="C12400">
        <v>2</v>
      </c>
      <c r="D12400" t="s">
        <v>26969</v>
      </c>
      <c r="E12400" t="s">
        <v>34476</v>
      </c>
      <c r="F12400">
        <v>4</v>
      </c>
      <c r="G12400" t="s">
        <v>14</v>
      </c>
      <c r="H12400" t="s">
        <v>26970</v>
      </c>
      <c r="I12400" t="s">
        <v>30540</v>
      </c>
    </row>
    <row r="12401" spans="1:9">
      <c r="A12401" s="1">
        <v>0.87314193762216441</v>
      </c>
      <c r="B12401" s="1"/>
      <c r="C12401">
        <v>15</v>
      </c>
      <c r="D12401" t="s">
        <v>26965</v>
      </c>
      <c r="E12401" t="s">
        <v>34477</v>
      </c>
      <c r="F12401">
        <v>5</v>
      </c>
      <c r="G12401" t="s">
        <v>14</v>
      </c>
      <c r="H12401" t="s">
        <v>26966</v>
      </c>
      <c r="I12401" t="s">
        <v>30540</v>
      </c>
    </row>
    <row r="12402" spans="1:9">
      <c r="A12402" s="1">
        <v>0.69408297628494697</v>
      </c>
      <c r="B12402" s="1"/>
      <c r="C12402">
        <v>9</v>
      </c>
      <c r="D12402" t="s">
        <v>26961</v>
      </c>
      <c r="E12402" t="s">
        <v>34477</v>
      </c>
      <c r="F12402">
        <v>4</v>
      </c>
      <c r="G12402" t="s">
        <v>14</v>
      </c>
      <c r="H12402" t="s">
        <v>26962</v>
      </c>
      <c r="I12402" t="s">
        <v>30540</v>
      </c>
    </row>
    <row r="12403" spans="1:9">
      <c r="A12403" s="1">
        <v>5.2312038442413389E-2</v>
      </c>
      <c r="B12403" s="1"/>
      <c r="C12403">
        <v>18</v>
      </c>
      <c r="D12403" t="s">
        <v>26957</v>
      </c>
      <c r="E12403" t="s">
        <v>34478</v>
      </c>
      <c r="F12403">
        <v>4</v>
      </c>
      <c r="G12403" t="s">
        <v>3107</v>
      </c>
      <c r="H12403" t="s">
        <v>26958</v>
      </c>
      <c r="I12403" t="s">
        <v>30540</v>
      </c>
    </row>
    <row r="12404" spans="1:9">
      <c r="A12404" s="1">
        <v>0.97463818943459024</v>
      </c>
      <c r="B12404" s="1"/>
      <c r="C12404">
        <v>4</v>
      </c>
      <c r="D12404" t="s">
        <v>26953</v>
      </c>
      <c r="E12404" t="s">
        <v>34478</v>
      </c>
      <c r="F12404">
        <v>4</v>
      </c>
      <c r="G12404" t="s">
        <v>762</v>
      </c>
      <c r="H12404" t="s">
        <v>26954</v>
      </c>
      <c r="I12404" t="s">
        <v>30540</v>
      </c>
    </row>
    <row r="12405" spans="1:9">
      <c r="A12405" s="1">
        <v>8.120560078588035E-2</v>
      </c>
      <c r="B12405" s="1"/>
      <c r="C12405">
        <v>13</v>
      </c>
      <c r="D12405" t="s">
        <v>26955</v>
      </c>
      <c r="E12405" t="s">
        <v>34478</v>
      </c>
      <c r="F12405">
        <v>4</v>
      </c>
      <c r="G12405" t="s">
        <v>2738</v>
      </c>
      <c r="H12405" t="s">
        <v>26956</v>
      </c>
      <c r="I12405" t="s">
        <v>30540</v>
      </c>
    </row>
    <row r="12406" spans="1:9">
      <c r="A12406" s="1">
        <v>0.85170977365173139</v>
      </c>
      <c r="B12406" s="1"/>
      <c r="C12406">
        <v>13</v>
      </c>
      <c r="D12406" t="s">
        <v>26949</v>
      </c>
      <c r="E12406" t="s">
        <v>34479</v>
      </c>
      <c r="F12406">
        <v>5</v>
      </c>
      <c r="G12406" t="s">
        <v>14</v>
      </c>
      <c r="H12406" t="s">
        <v>26950</v>
      </c>
      <c r="I12406" t="s">
        <v>30540</v>
      </c>
    </row>
    <row r="12407" spans="1:9">
      <c r="A12407" s="1">
        <v>0.30807210056332734</v>
      </c>
      <c r="B12407" s="1"/>
      <c r="C12407">
        <v>7</v>
      </c>
      <c r="D12407" t="s">
        <v>26945</v>
      </c>
      <c r="E12407" t="s">
        <v>34479</v>
      </c>
      <c r="F12407">
        <v>5</v>
      </c>
      <c r="G12407" t="s">
        <v>14</v>
      </c>
      <c r="H12407" t="s">
        <v>26946</v>
      </c>
      <c r="I12407" t="s">
        <v>30540</v>
      </c>
    </row>
    <row r="12408" spans="1:9">
      <c r="A12408" s="1">
        <v>0.97965290843829911</v>
      </c>
      <c r="B12408" s="1"/>
      <c r="C12408">
        <v>19</v>
      </c>
      <c r="D12408" t="s">
        <v>26951</v>
      </c>
      <c r="E12408" t="s">
        <v>34479</v>
      </c>
      <c r="F12408">
        <v>4</v>
      </c>
      <c r="G12408" t="s">
        <v>14</v>
      </c>
      <c r="H12408" t="s">
        <v>26952</v>
      </c>
      <c r="I12408" t="s">
        <v>30540</v>
      </c>
    </row>
    <row r="12409" spans="1:9">
      <c r="A12409" s="1">
        <v>0.15025647807168196</v>
      </c>
      <c r="B12409" s="1"/>
      <c r="C12409">
        <v>9</v>
      </c>
      <c r="D12409" t="s">
        <v>26947</v>
      </c>
      <c r="E12409" t="s">
        <v>34479</v>
      </c>
      <c r="F12409">
        <v>4</v>
      </c>
      <c r="G12409" t="s">
        <v>14</v>
      </c>
      <c r="H12409" t="s">
        <v>26948</v>
      </c>
      <c r="I12409" t="s">
        <v>30540</v>
      </c>
    </row>
    <row r="12410" spans="1:9">
      <c r="A12410" s="1">
        <v>2.5994299785443098E-2</v>
      </c>
      <c r="B12410" s="1"/>
      <c r="C12410">
        <v>4</v>
      </c>
      <c r="D12410" t="s">
        <v>26937</v>
      </c>
      <c r="E12410" t="s">
        <v>34480</v>
      </c>
      <c r="F12410">
        <v>5</v>
      </c>
      <c r="G12410" t="s">
        <v>2</v>
      </c>
      <c r="H12410" t="s">
        <v>26938</v>
      </c>
      <c r="I12410" t="s">
        <v>30540</v>
      </c>
    </row>
    <row r="12411" spans="1:9">
      <c r="A12411" s="1">
        <v>0.87912770720826516</v>
      </c>
      <c r="B12411" s="1"/>
      <c r="C12411">
        <v>12</v>
      </c>
      <c r="D12411" t="s">
        <v>26943</v>
      </c>
      <c r="E12411" t="s">
        <v>34480</v>
      </c>
      <c r="F12411">
        <v>4</v>
      </c>
      <c r="G12411" t="s">
        <v>14</v>
      </c>
      <c r="H12411" t="s">
        <v>26944</v>
      </c>
      <c r="I12411" t="s">
        <v>30540</v>
      </c>
    </row>
    <row r="12412" spans="1:9">
      <c r="A12412" s="1">
        <v>0.73891323157120981</v>
      </c>
      <c r="B12412" s="1"/>
      <c r="C12412">
        <v>5</v>
      </c>
      <c r="D12412" t="s">
        <v>26939</v>
      </c>
      <c r="E12412" t="s">
        <v>34480</v>
      </c>
      <c r="F12412">
        <v>4</v>
      </c>
      <c r="G12412" t="s">
        <v>9</v>
      </c>
      <c r="H12412" t="s">
        <v>26940</v>
      </c>
      <c r="I12412" t="s">
        <v>30540</v>
      </c>
    </row>
    <row r="12413" spans="1:9">
      <c r="A12413" s="1">
        <v>0.80360566387798715</v>
      </c>
      <c r="B12413" s="1"/>
      <c r="C12413">
        <v>8</v>
      </c>
      <c r="D12413" t="s">
        <v>26933</v>
      </c>
      <c r="E12413" t="s">
        <v>34481</v>
      </c>
      <c r="F12413">
        <v>4</v>
      </c>
      <c r="G12413" t="s">
        <v>14</v>
      </c>
      <c r="H12413" t="s">
        <v>26934</v>
      </c>
      <c r="I12413" t="s">
        <v>30540</v>
      </c>
    </row>
    <row r="12414" spans="1:9">
      <c r="A12414" s="1">
        <v>0.97051836275278769</v>
      </c>
      <c r="B12414" s="1"/>
      <c r="C12414">
        <v>11</v>
      </c>
      <c r="D12414" t="s">
        <v>26935</v>
      </c>
      <c r="E12414" t="s">
        <v>34481</v>
      </c>
      <c r="F12414">
        <v>4</v>
      </c>
      <c r="G12414" t="s">
        <v>15</v>
      </c>
      <c r="H12414" t="s">
        <v>26936</v>
      </c>
      <c r="I12414" t="s">
        <v>30540</v>
      </c>
    </row>
    <row r="12415" spans="1:9">
      <c r="A12415" s="1">
        <v>0.72064978966570525</v>
      </c>
      <c r="B12415" s="1"/>
      <c r="C12415">
        <v>4</v>
      </c>
      <c r="D12415" t="s">
        <v>26929</v>
      </c>
      <c r="E12415" t="s">
        <v>34482</v>
      </c>
      <c r="F12415">
        <v>5</v>
      </c>
      <c r="G12415" t="s">
        <v>9</v>
      </c>
      <c r="H12415" t="s">
        <v>26930</v>
      </c>
      <c r="I12415" t="s">
        <v>30540</v>
      </c>
    </row>
    <row r="12416" spans="1:9">
      <c r="A12416" s="1">
        <v>0.57446394286935976</v>
      </c>
      <c r="B12416" s="1"/>
      <c r="C12416">
        <v>2</v>
      </c>
      <c r="D12416" t="s">
        <v>26927</v>
      </c>
      <c r="E12416" t="s">
        <v>34482</v>
      </c>
      <c r="F12416">
        <v>4</v>
      </c>
      <c r="G12416" t="s">
        <v>14</v>
      </c>
      <c r="H12416" t="s">
        <v>26928</v>
      </c>
      <c r="I12416" t="s">
        <v>30540</v>
      </c>
    </row>
    <row r="12417" spans="1:9">
      <c r="A12417" s="1">
        <v>0.47356300396418738</v>
      </c>
      <c r="B12417" s="1"/>
      <c r="C12417">
        <v>20</v>
      </c>
      <c r="D12417" t="s">
        <v>26931</v>
      </c>
      <c r="E12417" t="s">
        <v>34482</v>
      </c>
      <c r="F12417">
        <v>4</v>
      </c>
      <c r="G12417" t="s">
        <v>14</v>
      </c>
      <c r="H12417" t="s">
        <v>26932</v>
      </c>
      <c r="I12417" t="s">
        <v>30540</v>
      </c>
    </row>
    <row r="12418" spans="1:9">
      <c r="A12418" s="1">
        <v>0.57253936539675765</v>
      </c>
      <c r="B12418" s="1"/>
      <c r="C12418">
        <v>11</v>
      </c>
      <c r="D12418" t="s">
        <v>26925</v>
      </c>
      <c r="E12418" t="s">
        <v>34483</v>
      </c>
      <c r="F12418">
        <v>4</v>
      </c>
      <c r="G12418" t="s">
        <v>2</v>
      </c>
      <c r="H12418" t="s">
        <v>26926</v>
      </c>
      <c r="I12418" t="s">
        <v>30540</v>
      </c>
    </row>
    <row r="12419" spans="1:9">
      <c r="A12419" s="1">
        <v>0.41747740432257452</v>
      </c>
      <c r="B12419" s="1"/>
      <c r="C12419">
        <v>7</v>
      </c>
      <c r="D12419" t="s">
        <v>26923</v>
      </c>
      <c r="E12419" t="s">
        <v>34483</v>
      </c>
      <c r="F12419">
        <v>4</v>
      </c>
      <c r="G12419" t="s">
        <v>3107</v>
      </c>
      <c r="H12419" t="s">
        <v>26924</v>
      </c>
      <c r="I12419" t="s">
        <v>30540</v>
      </c>
    </row>
    <row r="12420" spans="1:9">
      <c r="A12420" s="1">
        <v>0.94568738201252578</v>
      </c>
      <c r="B12420" s="1"/>
      <c r="C12420">
        <v>10</v>
      </c>
      <c r="D12420" t="s">
        <v>26913</v>
      </c>
      <c r="E12420" t="s">
        <v>34484</v>
      </c>
      <c r="F12420">
        <v>5</v>
      </c>
      <c r="G12420" t="s">
        <v>1</v>
      </c>
      <c r="H12420" t="s">
        <v>26914</v>
      </c>
      <c r="I12420" t="s">
        <v>30540</v>
      </c>
    </row>
    <row r="12421" spans="1:9">
      <c r="A12421" s="1">
        <v>0.74084220796817613</v>
      </c>
      <c r="B12421" s="1"/>
      <c r="C12421">
        <v>9</v>
      </c>
      <c r="D12421" t="s">
        <v>26911</v>
      </c>
      <c r="E12421" t="s">
        <v>34484</v>
      </c>
      <c r="F12421">
        <v>4</v>
      </c>
      <c r="G12421" t="s">
        <v>14</v>
      </c>
      <c r="H12421" t="s">
        <v>26912</v>
      </c>
      <c r="I12421" t="s">
        <v>30540</v>
      </c>
    </row>
    <row r="12422" spans="1:9">
      <c r="A12422" s="1">
        <v>0.46100005038467995</v>
      </c>
      <c r="B12422" s="1"/>
      <c r="C12422">
        <v>16</v>
      </c>
      <c r="D12422" t="s">
        <v>26919</v>
      </c>
      <c r="E12422" t="s">
        <v>34484</v>
      </c>
      <c r="F12422">
        <v>4</v>
      </c>
      <c r="G12422" t="s">
        <v>14</v>
      </c>
      <c r="H12422" t="s">
        <v>26920</v>
      </c>
      <c r="I12422" t="s">
        <v>30540</v>
      </c>
    </row>
    <row r="12423" spans="1:9">
      <c r="A12423" s="1">
        <v>0.66156703574568487</v>
      </c>
      <c r="B12423" s="1"/>
      <c r="C12423">
        <v>15</v>
      </c>
      <c r="D12423" t="s">
        <v>26917</v>
      </c>
      <c r="E12423" t="s">
        <v>34484</v>
      </c>
      <c r="F12423">
        <v>4</v>
      </c>
      <c r="G12423" t="s">
        <v>14</v>
      </c>
      <c r="H12423" t="s">
        <v>26918</v>
      </c>
      <c r="I12423" t="s">
        <v>30540</v>
      </c>
    </row>
    <row r="12424" spans="1:9">
      <c r="A12424" s="1">
        <v>8.134106746796943E-2</v>
      </c>
      <c r="B12424" s="1"/>
      <c r="C12424">
        <v>12</v>
      </c>
      <c r="D12424" t="s">
        <v>26915</v>
      </c>
      <c r="E12424" t="s">
        <v>34484</v>
      </c>
      <c r="F12424">
        <v>4</v>
      </c>
      <c r="G12424" t="s">
        <v>14</v>
      </c>
      <c r="H12424" t="s">
        <v>26916</v>
      </c>
      <c r="I12424" t="s">
        <v>30540</v>
      </c>
    </row>
    <row r="12425" spans="1:9">
      <c r="A12425" s="1">
        <v>0.81937914723115646</v>
      </c>
      <c r="B12425" s="1"/>
      <c r="C12425">
        <v>7</v>
      </c>
      <c r="D12425" t="s">
        <v>26905</v>
      </c>
      <c r="E12425" t="s">
        <v>34485</v>
      </c>
      <c r="F12425">
        <v>4</v>
      </c>
      <c r="G12425" t="s">
        <v>14</v>
      </c>
      <c r="H12425" t="s">
        <v>26906</v>
      </c>
      <c r="I12425" t="s">
        <v>30540</v>
      </c>
    </row>
    <row r="12426" spans="1:9">
      <c r="A12426" s="1">
        <v>0.45432679225349015</v>
      </c>
      <c r="B12426" s="1"/>
      <c r="C12426">
        <v>11</v>
      </c>
      <c r="D12426" t="s">
        <v>26909</v>
      </c>
      <c r="E12426" t="s">
        <v>34485</v>
      </c>
      <c r="F12426">
        <v>4</v>
      </c>
      <c r="G12426" t="s">
        <v>9</v>
      </c>
      <c r="H12426" t="s">
        <v>26910</v>
      </c>
      <c r="I12426" t="s">
        <v>30540</v>
      </c>
    </row>
    <row r="12427" spans="1:9">
      <c r="A12427" s="1">
        <v>0.22774475358534496</v>
      </c>
      <c r="B12427" s="1"/>
      <c r="C12427">
        <v>8</v>
      </c>
      <c r="D12427" t="s">
        <v>26907</v>
      </c>
      <c r="E12427" t="s">
        <v>34485</v>
      </c>
      <c r="F12427">
        <v>4</v>
      </c>
      <c r="G12427" t="s">
        <v>14</v>
      </c>
      <c r="H12427" t="s">
        <v>26908</v>
      </c>
      <c r="I12427" t="s">
        <v>30540</v>
      </c>
    </row>
    <row r="12428" spans="1:9">
      <c r="A12428" s="1">
        <v>0.81685355970407236</v>
      </c>
      <c r="B12428" s="1"/>
      <c r="C12428">
        <v>7</v>
      </c>
      <c r="D12428" t="s">
        <v>26899</v>
      </c>
      <c r="E12428" t="s">
        <v>34486</v>
      </c>
      <c r="F12428">
        <v>4</v>
      </c>
      <c r="G12428" t="s">
        <v>15</v>
      </c>
      <c r="H12428" t="s">
        <v>26900</v>
      </c>
      <c r="I12428" t="s">
        <v>30540</v>
      </c>
    </row>
    <row r="12429" spans="1:9">
      <c r="A12429" s="1">
        <v>0.7748768033696124</v>
      </c>
      <c r="B12429" s="1"/>
      <c r="C12429">
        <v>17</v>
      </c>
      <c r="D12429" t="s">
        <v>26903</v>
      </c>
      <c r="E12429" t="s">
        <v>34486</v>
      </c>
      <c r="F12429">
        <v>4</v>
      </c>
      <c r="G12429" t="s">
        <v>14</v>
      </c>
      <c r="H12429" t="s">
        <v>26904</v>
      </c>
      <c r="I12429" t="s">
        <v>30540</v>
      </c>
    </row>
    <row r="12430" spans="1:9">
      <c r="A12430" s="1">
        <v>0.51559685675984701</v>
      </c>
      <c r="B12430" s="1"/>
      <c r="C12430">
        <v>3</v>
      </c>
      <c r="D12430" t="s">
        <v>26897</v>
      </c>
      <c r="E12430" t="s">
        <v>34486</v>
      </c>
      <c r="F12430">
        <v>4</v>
      </c>
      <c r="G12430" t="s">
        <v>14</v>
      </c>
      <c r="H12430" t="s">
        <v>26898</v>
      </c>
      <c r="I12430" t="s">
        <v>30540</v>
      </c>
    </row>
    <row r="12431" spans="1:9">
      <c r="A12431" s="1">
        <v>2.688301751209532E-2</v>
      </c>
      <c r="B12431" s="1"/>
      <c r="C12431">
        <v>15</v>
      </c>
      <c r="D12431" t="s">
        <v>26901</v>
      </c>
      <c r="E12431" t="s">
        <v>34486</v>
      </c>
      <c r="F12431">
        <v>3</v>
      </c>
      <c r="G12431" t="s">
        <v>14</v>
      </c>
      <c r="H12431" t="s">
        <v>26902</v>
      </c>
      <c r="I12431" t="s">
        <v>30540</v>
      </c>
    </row>
    <row r="12432" spans="1:9">
      <c r="A12432" s="1">
        <v>0.64999352230166352</v>
      </c>
      <c r="B12432" s="1"/>
      <c r="C12432">
        <v>15</v>
      </c>
      <c r="D12432" t="s">
        <v>26893</v>
      </c>
      <c r="E12432" t="s">
        <v>34487</v>
      </c>
      <c r="F12432">
        <v>5</v>
      </c>
      <c r="G12432" t="s">
        <v>14</v>
      </c>
      <c r="H12432" t="s">
        <v>26894</v>
      </c>
      <c r="I12432" t="s">
        <v>30540</v>
      </c>
    </row>
    <row r="12433" spans="1:9">
      <c r="A12433" s="1">
        <v>0.19439610802314178</v>
      </c>
      <c r="B12433" s="1"/>
      <c r="C12433">
        <v>9</v>
      </c>
      <c r="D12433" t="s">
        <v>26889</v>
      </c>
      <c r="E12433" t="s">
        <v>34487</v>
      </c>
      <c r="F12433">
        <v>5</v>
      </c>
      <c r="G12433" t="s">
        <v>14</v>
      </c>
      <c r="H12433" t="s">
        <v>26890</v>
      </c>
      <c r="I12433" t="s">
        <v>30540</v>
      </c>
    </row>
    <row r="12434" spans="1:9">
      <c r="A12434" s="1">
        <v>0.84863898047153885</v>
      </c>
      <c r="B12434" s="1"/>
      <c r="C12434">
        <v>20</v>
      </c>
      <c r="D12434" t="s">
        <v>26895</v>
      </c>
      <c r="E12434" t="s">
        <v>34487</v>
      </c>
      <c r="F12434">
        <v>5</v>
      </c>
      <c r="G12434" t="s">
        <v>0</v>
      </c>
      <c r="H12434" t="s">
        <v>26896</v>
      </c>
      <c r="I12434" t="s">
        <v>30540</v>
      </c>
    </row>
    <row r="12435" spans="1:9">
      <c r="A12435" s="1">
        <v>0.46397087041086904</v>
      </c>
      <c r="B12435" s="1"/>
      <c r="C12435">
        <v>13</v>
      </c>
      <c r="D12435" t="s">
        <v>26891</v>
      </c>
      <c r="E12435" t="s">
        <v>34487</v>
      </c>
      <c r="F12435">
        <v>4</v>
      </c>
      <c r="G12435" t="s">
        <v>9</v>
      </c>
      <c r="H12435" t="s">
        <v>26892</v>
      </c>
      <c r="I12435" t="s">
        <v>30540</v>
      </c>
    </row>
    <row r="12436" spans="1:9">
      <c r="A12436" s="1">
        <v>0.51427878335321009</v>
      </c>
      <c r="B12436" s="1"/>
      <c r="C12436">
        <v>2</v>
      </c>
      <c r="D12436" t="s">
        <v>26879</v>
      </c>
      <c r="E12436" t="s">
        <v>34488</v>
      </c>
      <c r="F12436">
        <v>5</v>
      </c>
      <c r="G12436" t="s">
        <v>10</v>
      </c>
      <c r="H12436" t="s">
        <v>26880</v>
      </c>
      <c r="I12436" t="s">
        <v>30540</v>
      </c>
    </row>
    <row r="12437" spans="1:9">
      <c r="A12437" s="1">
        <v>0.82123878913441561</v>
      </c>
      <c r="B12437" s="1"/>
      <c r="C12437">
        <v>15</v>
      </c>
      <c r="D12437" t="s">
        <v>26885</v>
      </c>
      <c r="E12437" t="s">
        <v>34488</v>
      </c>
      <c r="F12437">
        <v>5</v>
      </c>
      <c r="G12437" t="s">
        <v>10</v>
      </c>
      <c r="H12437" t="s">
        <v>26886</v>
      </c>
      <c r="I12437" t="s">
        <v>30540</v>
      </c>
    </row>
    <row r="12438" spans="1:9">
      <c r="A12438" s="1">
        <v>0.98597175662166026</v>
      </c>
      <c r="B12438" s="1"/>
      <c r="C12438">
        <v>13</v>
      </c>
      <c r="D12438" t="s">
        <v>26883</v>
      </c>
      <c r="E12438" t="s">
        <v>34488</v>
      </c>
      <c r="F12438">
        <v>5</v>
      </c>
      <c r="G12438" t="s">
        <v>1431</v>
      </c>
      <c r="H12438" t="s">
        <v>26884</v>
      </c>
      <c r="I12438" t="s">
        <v>30540</v>
      </c>
    </row>
    <row r="12439" spans="1:9">
      <c r="A12439" s="1">
        <v>0.84875494610687974</v>
      </c>
      <c r="B12439" s="1"/>
      <c r="C12439">
        <v>18</v>
      </c>
      <c r="D12439" t="s">
        <v>26887</v>
      </c>
      <c r="E12439" t="s">
        <v>34488</v>
      </c>
      <c r="F12439">
        <v>4</v>
      </c>
      <c r="G12439" t="s">
        <v>9</v>
      </c>
      <c r="H12439" t="s">
        <v>26888</v>
      </c>
      <c r="I12439" t="s">
        <v>30540</v>
      </c>
    </row>
    <row r="12440" spans="1:9">
      <c r="A12440" s="1">
        <v>0.86502870468840276</v>
      </c>
      <c r="B12440" s="1"/>
      <c r="C12440">
        <v>6</v>
      </c>
      <c r="D12440" t="s">
        <v>26871</v>
      </c>
      <c r="E12440" t="s">
        <v>34489</v>
      </c>
      <c r="F12440">
        <v>5</v>
      </c>
      <c r="G12440" t="s">
        <v>14</v>
      </c>
      <c r="H12440" t="s">
        <v>26872</v>
      </c>
      <c r="I12440" t="s">
        <v>30540</v>
      </c>
    </row>
    <row r="12441" spans="1:9">
      <c r="A12441" s="1">
        <v>0.73187287795120159</v>
      </c>
      <c r="B12441" s="1"/>
      <c r="C12441">
        <v>12</v>
      </c>
      <c r="D12441" t="s">
        <v>26877</v>
      </c>
      <c r="E12441" t="s">
        <v>34489</v>
      </c>
      <c r="F12441">
        <v>5</v>
      </c>
      <c r="G12441" t="s">
        <v>15</v>
      </c>
      <c r="H12441" t="s">
        <v>26878</v>
      </c>
      <c r="I12441" t="s">
        <v>30540</v>
      </c>
    </row>
    <row r="12442" spans="1:9">
      <c r="A12442" s="1">
        <v>0.89531823011536771</v>
      </c>
      <c r="B12442" s="1"/>
      <c r="C12442">
        <v>7</v>
      </c>
      <c r="D12442" t="s">
        <v>26873</v>
      </c>
      <c r="E12442" t="s">
        <v>34489</v>
      </c>
      <c r="F12442">
        <v>4</v>
      </c>
      <c r="G12442" t="s">
        <v>14</v>
      </c>
      <c r="H12442" t="s">
        <v>26874</v>
      </c>
      <c r="I12442" t="s">
        <v>30540</v>
      </c>
    </row>
    <row r="12443" spans="1:9">
      <c r="A12443" s="1">
        <v>0.58153934843617539</v>
      </c>
      <c r="B12443" s="1"/>
      <c r="C12443">
        <v>3</v>
      </c>
      <c r="D12443" t="s">
        <v>26867</v>
      </c>
      <c r="E12443" t="s">
        <v>34489</v>
      </c>
      <c r="F12443">
        <v>4</v>
      </c>
      <c r="G12443" t="s">
        <v>9</v>
      </c>
      <c r="H12443" t="s">
        <v>26868</v>
      </c>
      <c r="I12443" t="s">
        <v>30540</v>
      </c>
    </row>
    <row r="12444" spans="1:9">
      <c r="A12444" s="1">
        <v>0.84430512719077611</v>
      </c>
      <c r="B12444" s="1"/>
      <c r="C12444">
        <v>11</v>
      </c>
      <c r="D12444" t="s">
        <v>26875</v>
      </c>
      <c r="E12444" t="s">
        <v>34489</v>
      </c>
      <c r="F12444">
        <v>4</v>
      </c>
      <c r="G12444" t="s">
        <v>14</v>
      </c>
      <c r="H12444" t="s">
        <v>26876</v>
      </c>
      <c r="I12444" t="s">
        <v>30540</v>
      </c>
    </row>
    <row r="12445" spans="1:9">
      <c r="A12445" s="1">
        <v>0.79866592441924167</v>
      </c>
      <c r="B12445" s="1"/>
      <c r="C12445">
        <v>4</v>
      </c>
      <c r="D12445" t="s">
        <v>26869</v>
      </c>
      <c r="E12445" t="s">
        <v>34489</v>
      </c>
      <c r="F12445">
        <v>4</v>
      </c>
      <c r="G12445" t="s">
        <v>13</v>
      </c>
      <c r="H12445" t="s">
        <v>26870</v>
      </c>
      <c r="I12445" t="s">
        <v>30540</v>
      </c>
    </row>
    <row r="12446" spans="1:9">
      <c r="A12446" s="1">
        <v>0.86953725845624941</v>
      </c>
      <c r="B12446" s="1"/>
      <c r="C12446">
        <v>17</v>
      </c>
      <c r="D12446" t="s">
        <v>26861</v>
      </c>
      <c r="E12446" t="s">
        <v>34490</v>
      </c>
      <c r="F12446">
        <v>4</v>
      </c>
      <c r="G12446" t="s">
        <v>14</v>
      </c>
      <c r="H12446" t="s">
        <v>26862</v>
      </c>
      <c r="I12446" t="s">
        <v>30540</v>
      </c>
    </row>
    <row r="12447" spans="1:9">
      <c r="A12447" s="1">
        <v>0.22622380858784596</v>
      </c>
      <c r="B12447" s="1"/>
      <c r="C12447">
        <v>9</v>
      </c>
      <c r="D12447" t="s">
        <v>26857</v>
      </c>
      <c r="E12447" t="s">
        <v>34490</v>
      </c>
      <c r="F12447">
        <v>4</v>
      </c>
      <c r="G12447" t="s">
        <v>14</v>
      </c>
      <c r="H12447" t="s">
        <v>26858</v>
      </c>
      <c r="I12447" t="s">
        <v>30540</v>
      </c>
    </row>
    <row r="12448" spans="1:9">
      <c r="A12448" s="1">
        <v>0.58559821980068494</v>
      </c>
      <c r="B12448" s="1"/>
      <c r="C12448">
        <v>19</v>
      </c>
      <c r="D12448" t="s">
        <v>26863</v>
      </c>
      <c r="E12448" t="s">
        <v>34490</v>
      </c>
      <c r="F12448">
        <v>4</v>
      </c>
      <c r="G12448" t="s">
        <v>14</v>
      </c>
      <c r="H12448" t="s">
        <v>26864</v>
      </c>
      <c r="I12448" t="s">
        <v>30540</v>
      </c>
    </row>
    <row r="12449" spans="1:9">
      <c r="A12449" s="1">
        <v>0.66646012899770246</v>
      </c>
      <c r="B12449" s="1"/>
      <c r="C12449">
        <v>2</v>
      </c>
      <c r="D12449" t="s">
        <v>26855</v>
      </c>
      <c r="E12449" t="s">
        <v>34490</v>
      </c>
      <c r="F12449">
        <v>4</v>
      </c>
      <c r="G12449" t="s">
        <v>10</v>
      </c>
      <c r="H12449" t="s">
        <v>26856</v>
      </c>
      <c r="I12449" t="s">
        <v>30540</v>
      </c>
    </row>
    <row r="12450" spans="1:9">
      <c r="A12450" s="1">
        <v>0.47335376476776625</v>
      </c>
      <c r="B12450" s="1"/>
      <c r="C12450">
        <v>14</v>
      </c>
      <c r="D12450" t="s">
        <v>26859</v>
      </c>
      <c r="E12450" t="s">
        <v>34490</v>
      </c>
      <c r="F12450">
        <v>4</v>
      </c>
      <c r="G12450" t="s">
        <v>0</v>
      </c>
      <c r="H12450" t="s">
        <v>26860</v>
      </c>
      <c r="I12450" t="s">
        <v>30540</v>
      </c>
    </row>
    <row r="12451" spans="1:9">
      <c r="A12451" s="1">
        <v>0.17793643133756987</v>
      </c>
      <c r="B12451" s="1"/>
      <c r="C12451">
        <v>11</v>
      </c>
      <c r="D12451" t="s">
        <v>26849</v>
      </c>
      <c r="E12451" t="s">
        <v>34491</v>
      </c>
      <c r="F12451">
        <v>4</v>
      </c>
      <c r="G12451" t="s">
        <v>0</v>
      </c>
      <c r="H12451" t="s">
        <v>26850</v>
      </c>
      <c r="I12451" t="s">
        <v>30540</v>
      </c>
    </row>
    <row r="12452" spans="1:9">
      <c r="A12452" s="1">
        <v>0.2350439300165279</v>
      </c>
      <c r="B12452" s="1"/>
      <c r="C12452">
        <v>9</v>
      </c>
      <c r="D12452" t="s">
        <v>26847</v>
      </c>
      <c r="E12452" t="s">
        <v>34491</v>
      </c>
      <c r="F12452">
        <v>4</v>
      </c>
      <c r="G12452" t="s">
        <v>15</v>
      </c>
      <c r="H12452" t="s">
        <v>26848</v>
      </c>
      <c r="I12452" t="s">
        <v>30540</v>
      </c>
    </row>
    <row r="12453" spans="1:9">
      <c r="A12453" s="1">
        <v>0.81610039066554041</v>
      </c>
      <c r="B12453" s="1"/>
      <c r="C12453">
        <v>7</v>
      </c>
      <c r="D12453" t="s">
        <v>26845</v>
      </c>
      <c r="E12453" t="s">
        <v>34491</v>
      </c>
      <c r="F12453">
        <v>4</v>
      </c>
      <c r="G12453" t="s">
        <v>14</v>
      </c>
      <c r="H12453" t="s">
        <v>26846</v>
      </c>
      <c r="I12453" t="s">
        <v>30540</v>
      </c>
    </row>
    <row r="12454" spans="1:9">
      <c r="A12454" s="1">
        <v>0.2962664775778987</v>
      </c>
      <c r="B12454" s="1"/>
      <c r="C12454">
        <v>16</v>
      </c>
      <c r="D12454" t="s">
        <v>26851</v>
      </c>
      <c r="E12454" t="s">
        <v>34491</v>
      </c>
      <c r="F12454">
        <v>4</v>
      </c>
      <c r="G12454" t="s">
        <v>14</v>
      </c>
      <c r="H12454" t="s">
        <v>26852</v>
      </c>
      <c r="I12454" t="s">
        <v>30540</v>
      </c>
    </row>
    <row r="12455" spans="1:9">
      <c r="A12455" s="1">
        <v>0.97212578436031605</v>
      </c>
      <c r="B12455" s="1"/>
      <c r="C12455">
        <v>20</v>
      </c>
      <c r="D12455" t="s">
        <v>26853</v>
      </c>
      <c r="E12455" t="s">
        <v>34491</v>
      </c>
      <c r="F12455">
        <v>4</v>
      </c>
      <c r="G12455" t="s">
        <v>14</v>
      </c>
      <c r="H12455" t="s">
        <v>26854</v>
      </c>
      <c r="I12455" t="s">
        <v>30540</v>
      </c>
    </row>
    <row r="12456" spans="1:9">
      <c r="A12456" s="1">
        <v>0.14775794137327947</v>
      </c>
      <c r="B12456" s="1"/>
      <c r="C12456">
        <v>14</v>
      </c>
      <c r="D12456" t="s">
        <v>26839</v>
      </c>
      <c r="E12456" t="s">
        <v>34492</v>
      </c>
      <c r="F12456">
        <v>4</v>
      </c>
      <c r="G12456" t="s">
        <v>14</v>
      </c>
      <c r="H12456" t="s">
        <v>26840</v>
      </c>
      <c r="I12456" t="s">
        <v>30540</v>
      </c>
    </row>
    <row r="12457" spans="1:9">
      <c r="A12457" s="1">
        <v>4.6496446308398443E-2</v>
      </c>
      <c r="B12457" s="1"/>
      <c r="C12457">
        <v>19</v>
      </c>
      <c r="D12457" t="s">
        <v>26843</v>
      </c>
      <c r="E12457" t="s">
        <v>34492</v>
      </c>
      <c r="F12457">
        <v>4</v>
      </c>
      <c r="G12457" t="s">
        <v>14</v>
      </c>
      <c r="H12457" t="s">
        <v>26844</v>
      </c>
      <c r="I12457" t="s">
        <v>30540</v>
      </c>
    </row>
    <row r="12458" spans="1:9">
      <c r="A12458" s="1">
        <v>0.33618552673558288</v>
      </c>
      <c r="B12458" s="1"/>
      <c r="C12458">
        <v>17</v>
      </c>
      <c r="D12458" t="s">
        <v>26841</v>
      </c>
      <c r="E12458" t="s">
        <v>34492</v>
      </c>
      <c r="F12458">
        <v>4</v>
      </c>
      <c r="G12458" t="s">
        <v>14</v>
      </c>
      <c r="H12458" t="s">
        <v>26842</v>
      </c>
      <c r="I12458" t="s">
        <v>30540</v>
      </c>
    </row>
    <row r="12459" spans="1:9">
      <c r="A12459" s="1">
        <v>0.63899390233103348</v>
      </c>
      <c r="B12459" s="1"/>
      <c r="C12459">
        <v>2</v>
      </c>
      <c r="D12459" t="s">
        <v>26833</v>
      </c>
      <c r="E12459" t="s">
        <v>34492</v>
      </c>
      <c r="F12459">
        <v>4</v>
      </c>
      <c r="G12459" t="s">
        <v>15</v>
      </c>
      <c r="H12459" t="s">
        <v>26834</v>
      </c>
      <c r="I12459" t="s">
        <v>30540</v>
      </c>
    </row>
    <row r="12460" spans="1:9">
      <c r="A12460" s="1">
        <v>0.28436086155512474</v>
      </c>
      <c r="B12460" s="1"/>
      <c r="C12460">
        <v>11</v>
      </c>
      <c r="D12460" t="s">
        <v>26837</v>
      </c>
      <c r="E12460" t="s">
        <v>34492</v>
      </c>
      <c r="F12460">
        <v>4</v>
      </c>
      <c r="G12460" t="s">
        <v>1</v>
      </c>
      <c r="H12460" t="s">
        <v>26838</v>
      </c>
      <c r="I12460" t="s">
        <v>30540</v>
      </c>
    </row>
    <row r="12461" spans="1:9">
      <c r="A12461" s="1">
        <v>0.12294140084066973</v>
      </c>
      <c r="B12461" s="1"/>
      <c r="C12461">
        <v>10</v>
      </c>
      <c r="D12461" t="s">
        <v>26835</v>
      </c>
      <c r="E12461" t="s">
        <v>34492</v>
      </c>
      <c r="F12461">
        <v>3</v>
      </c>
      <c r="G12461" t="s">
        <v>10</v>
      </c>
      <c r="H12461" t="s">
        <v>26836</v>
      </c>
      <c r="I12461" t="s">
        <v>30540</v>
      </c>
    </row>
    <row r="12462" spans="1:9">
      <c r="A12462" s="1">
        <v>0.20809903441423916</v>
      </c>
      <c r="B12462" s="1"/>
      <c r="C12462">
        <v>8</v>
      </c>
      <c r="D12462" t="s">
        <v>26831</v>
      </c>
      <c r="E12462" t="s">
        <v>34493</v>
      </c>
      <c r="F12462">
        <v>4</v>
      </c>
      <c r="G12462" t="s">
        <v>2229</v>
      </c>
      <c r="H12462" t="s">
        <v>26832</v>
      </c>
      <c r="I12462" t="s">
        <v>30540</v>
      </c>
    </row>
    <row r="12463" spans="1:9">
      <c r="A12463" s="1">
        <v>0.71477443039666788</v>
      </c>
      <c r="B12463" s="1"/>
      <c r="C12463">
        <v>6</v>
      </c>
      <c r="D12463" t="s">
        <v>26827</v>
      </c>
      <c r="E12463" t="s">
        <v>34493</v>
      </c>
      <c r="F12463">
        <v>4</v>
      </c>
      <c r="G12463" t="s">
        <v>15</v>
      </c>
      <c r="H12463" t="s">
        <v>26828</v>
      </c>
      <c r="I12463" t="s">
        <v>30540</v>
      </c>
    </row>
    <row r="12464" spans="1:9">
      <c r="A12464" s="1">
        <v>4.5671275392432986E-2</v>
      </c>
      <c r="B12464" s="1"/>
      <c r="C12464">
        <v>14</v>
      </c>
      <c r="D12464" t="s">
        <v>26825</v>
      </c>
      <c r="E12464" t="s">
        <v>34494</v>
      </c>
      <c r="F12464">
        <v>5</v>
      </c>
      <c r="G12464" t="s">
        <v>9</v>
      </c>
      <c r="H12464" t="s">
        <v>26826</v>
      </c>
      <c r="I12464" t="s">
        <v>30540</v>
      </c>
    </row>
    <row r="12465" spans="1:9">
      <c r="A12465" s="1">
        <v>0.50335666721938244</v>
      </c>
      <c r="B12465" s="1"/>
      <c r="C12465">
        <v>5</v>
      </c>
      <c r="D12465" t="s">
        <v>26821</v>
      </c>
      <c r="E12465" t="s">
        <v>34494</v>
      </c>
      <c r="F12465">
        <v>5</v>
      </c>
      <c r="G12465" t="s">
        <v>14</v>
      </c>
      <c r="H12465" t="s">
        <v>26822</v>
      </c>
      <c r="I12465" t="s">
        <v>30540</v>
      </c>
    </row>
    <row r="12466" spans="1:9">
      <c r="A12466" s="1">
        <v>0.99163090695128742</v>
      </c>
      <c r="B12466" s="1"/>
      <c r="C12466">
        <v>1</v>
      </c>
      <c r="D12466" t="s">
        <v>26819</v>
      </c>
      <c r="E12466" t="s">
        <v>34494</v>
      </c>
      <c r="F12466">
        <v>4</v>
      </c>
      <c r="G12466" t="s">
        <v>14</v>
      </c>
      <c r="H12466" t="s">
        <v>26820</v>
      </c>
      <c r="I12466" t="s">
        <v>30540</v>
      </c>
    </row>
    <row r="12467" spans="1:9">
      <c r="A12467" s="1">
        <v>0.70354564193932789</v>
      </c>
      <c r="B12467" s="1"/>
      <c r="C12467">
        <v>11</v>
      </c>
      <c r="D12467" t="s">
        <v>26823</v>
      </c>
      <c r="E12467" t="s">
        <v>34494</v>
      </c>
      <c r="F12467">
        <v>4</v>
      </c>
      <c r="G12467" t="s">
        <v>14</v>
      </c>
      <c r="H12467" t="s">
        <v>26824</v>
      </c>
      <c r="I12467" t="s">
        <v>30540</v>
      </c>
    </row>
    <row r="12468" spans="1:9">
      <c r="A12468" s="1">
        <v>0.48978683477237428</v>
      </c>
      <c r="B12468" s="1"/>
      <c r="C12468">
        <v>13</v>
      </c>
      <c r="D12468" t="s">
        <v>26815</v>
      </c>
      <c r="E12468" t="s">
        <v>34495</v>
      </c>
      <c r="F12468">
        <v>4</v>
      </c>
      <c r="G12468" t="s">
        <v>14</v>
      </c>
      <c r="H12468" t="s">
        <v>26816</v>
      </c>
      <c r="I12468" t="s">
        <v>30540</v>
      </c>
    </row>
    <row r="12469" spans="1:9">
      <c r="A12469" s="1">
        <v>0.50451860867370169</v>
      </c>
      <c r="B12469" s="1"/>
      <c r="C12469">
        <v>15</v>
      </c>
      <c r="D12469" t="s">
        <v>26817</v>
      </c>
      <c r="E12469" t="s">
        <v>34495</v>
      </c>
      <c r="F12469">
        <v>4</v>
      </c>
      <c r="G12469" t="s">
        <v>10</v>
      </c>
      <c r="H12469" t="s">
        <v>26818</v>
      </c>
      <c r="I12469" t="s">
        <v>30540</v>
      </c>
    </row>
    <row r="12470" spans="1:9">
      <c r="A12470" s="1">
        <v>0.98938779677416244</v>
      </c>
      <c r="B12470" s="1"/>
      <c r="C12470">
        <v>3</v>
      </c>
      <c r="D12470" t="s">
        <v>26811</v>
      </c>
      <c r="E12470" t="s">
        <v>34495</v>
      </c>
      <c r="F12470">
        <v>3</v>
      </c>
      <c r="G12470" t="s">
        <v>14</v>
      </c>
      <c r="H12470" t="s">
        <v>26812</v>
      </c>
      <c r="I12470" t="s">
        <v>30540</v>
      </c>
    </row>
    <row r="12471" spans="1:9">
      <c r="A12471" s="1">
        <v>0.32968112586563314</v>
      </c>
      <c r="B12471" s="1"/>
      <c r="C12471">
        <v>8</v>
      </c>
      <c r="D12471" t="s">
        <v>26813</v>
      </c>
      <c r="E12471" t="s">
        <v>34495</v>
      </c>
      <c r="F12471">
        <v>3</v>
      </c>
      <c r="G12471" t="s">
        <v>10</v>
      </c>
      <c r="H12471" t="s">
        <v>26814</v>
      </c>
      <c r="I12471" t="s">
        <v>30540</v>
      </c>
    </row>
    <row r="12472" spans="1:9">
      <c r="A12472" s="1">
        <v>7.9398176732513481E-2</v>
      </c>
      <c r="B12472" s="1"/>
      <c r="C12472">
        <v>2</v>
      </c>
      <c r="D12472" t="s">
        <v>26805</v>
      </c>
      <c r="E12472" t="s">
        <v>34496</v>
      </c>
      <c r="F12472">
        <v>5</v>
      </c>
      <c r="G12472" t="s">
        <v>14</v>
      </c>
      <c r="H12472" t="s">
        <v>26806</v>
      </c>
      <c r="I12472" t="s">
        <v>30540</v>
      </c>
    </row>
    <row r="12473" spans="1:9">
      <c r="A12473" s="1">
        <v>0.47591992279616724</v>
      </c>
      <c r="B12473" s="1"/>
      <c r="C12473">
        <v>9</v>
      </c>
      <c r="D12473" t="s">
        <v>26809</v>
      </c>
      <c r="E12473" t="s">
        <v>34496</v>
      </c>
      <c r="F12473">
        <v>5</v>
      </c>
      <c r="G12473" t="s">
        <v>14</v>
      </c>
      <c r="H12473" t="s">
        <v>26810</v>
      </c>
      <c r="I12473" t="s">
        <v>30540</v>
      </c>
    </row>
    <row r="12474" spans="1:9">
      <c r="A12474" s="1">
        <v>0.57759928392238769</v>
      </c>
      <c r="B12474" s="1"/>
      <c r="C12474">
        <v>4</v>
      </c>
      <c r="D12474" t="s">
        <v>26807</v>
      </c>
      <c r="E12474" t="s">
        <v>34496</v>
      </c>
      <c r="F12474">
        <v>4</v>
      </c>
      <c r="G12474" t="s">
        <v>14</v>
      </c>
      <c r="H12474" t="s">
        <v>26808</v>
      </c>
      <c r="I12474" t="s">
        <v>30540</v>
      </c>
    </row>
    <row r="12475" spans="1:9">
      <c r="A12475" s="1">
        <v>0.45328950805147439</v>
      </c>
      <c r="B12475" s="1"/>
      <c r="C12475">
        <v>7</v>
      </c>
      <c r="D12475" t="s">
        <v>26799</v>
      </c>
      <c r="E12475" t="s">
        <v>34497</v>
      </c>
      <c r="F12475">
        <v>5</v>
      </c>
      <c r="G12475" t="s">
        <v>10</v>
      </c>
      <c r="H12475" t="s">
        <v>26800</v>
      </c>
      <c r="I12475" t="s">
        <v>30540</v>
      </c>
    </row>
    <row r="12476" spans="1:9">
      <c r="A12476" s="1">
        <v>0.33005788566696626</v>
      </c>
      <c r="B12476" s="1"/>
      <c r="C12476">
        <v>4</v>
      </c>
      <c r="D12476" t="s">
        <v>26797</v>
      </c>
      <c r="E12476" t="s">
        <v>34497</v>
      </c>
      <c r="F12476">
        <v>5</v>
      </c>
      <c r="G12476" t="s">
        <v>10</v>
      </c>
      <c r="H12476" t="s">
        <v>26798</v>
      </c>
      <c r="I12476" t="s">
        <v>30540</v>
      </c>
    </row>
    <row r="12477" spans="1:9">
      <c r="A12477" s="1">
        <v>0.86828902662203422</v>
      </c>
      <c r="B12477" s="1"/>
      <c r="C12477">
        <v>10</v>
      </c>
      <c r="D12477" t="s">
        <v>26803</v>
      </c>
      <c r="E12477" t="s">
        <v>34497</v>
      </c>
      <c r="F12477">
        <v>5</v>
      </c>
      <c r="G12477" t="s">
        <v>10</v>
      </c>
      <c r="H12477" t="s">
        <v>26804</v>
      </c>
      <c r="I12477" t="s">
        <v>30540</v>
      </c>
    </row>
    <row r="12478" spans="1:9">
      <c r="A12478" s="1">
        <v>0.13705690000631299</v>
      </c>
      <c r="B12478" s="1"/>
      <c r="C12478">
        <v>9</v>
      </c>
      <c r="D12478" t="s">
        <v>26801</v>
      </c>
      <c r="E12478" t="s">
        <v>34497</v>
      </c>
      <c r="F12478">
        <v>4</v>
      </c>
      <c r="G12478" t="s">
        <v>10</v>
      </c>
      <c r="H12478" t="s">
        <v>26802</v>
      </c>
      <c r="I12478" t="s">
        <v>30540</v>
      </c>
    </row>
    <row r="12479" spans="1:9">
      <c r="A12479" s="1">
        <v>0.5999241457047455</v>
      </c>
      <c r="B12479" s="1"/>
      <c r="C12479">
        <v>2</v>
      </c>
      <c r="D12479" t="s">
        <v>26789</v>
      </c>
      <c r="E12479" t="s">
        <v>34498</v>
      </c>
      <c r="F12479">
        <v>5</v>
      </c>
      <c r="G12479" t="s">
        <v>774</v>
      </c>
      <c r="H12479" t="s">
        <v>26790</v>
      </c>
      <c r="I12479" t="s">
        <v>30540</v>
      </c>
    </row>
    <row r="12480" spans="1:9">
      <c r="A12480" s="1">
        <v>0.46272661434305606</v>
      </c>
      <c r="B12480" s="1"/>
      <c r="C12480">
        <v>7</v>
      </c>
      <c r="D12480" t="s">
        <v>26791</v>
      </c>
      <c r="E12480" t="s">
        <v>34498</v>
      </c>
      <c r="F12480">
        <v>4</v>
      </c>
      <c r="G12480" t="s">
        <v>15</v>
      </c>
      <c r="H12480" t="s">
        <v>26792</v>
      </c>
      <c r="I12480" t="s">
        <v>30540</v>
      </c>
    </row>
    <row r="12481" spans="1:9">
      <c r="A12481" s="1">
        <v>0.88080900672905704</v>
      </c>
      <c r="B12481" s="1"/>
      <c r="C12481">
        <v>20</v>
      </c>
      <c r="D12481" t="s">
        <v>26795</v>
      </c>
      <c r="E12481" t="s">
        <v>34498</v>
      </c>
      <c r="F12481">
        <v>4</v>
      </c>
      <c r="G12481" t="s">
        <v>14</v>
      </c>
      <c r="H12481" t="s">
        <v>26796</v>
      </c>
      <c r="I12481" t="s">
        <v>30540</v>
      </c>
    </row>
    <row r="12482" spans="1:9">
      <c r="A12482" s="1">
        <v>0.31250114499921344</v>
      </c>
      <c r="B12482" s="1"/>
      <c r="C12482">
        <v>18</v>
      </c>
      <c r="D12482" t="s">
        <v>26793</v>
      </c>
      <c r="E12482" t="s">
        <v>34498</v>
      </c>
      <c r="F12482">
        <v>3</v>
      </c>
      <c r="G12482" t="s">
        <v>2</v>
      </c>
      <c r="H12482" t="s">
        <v>26794</v>
      </c>
      <c r="I12482" t="s">
        <v>30540</v>
      </c>
    </row>
    <row r="12483" spans="1:9">
      <c r="A12483" s="1">
        <v>0.86370460388107473</v>
      </c>
      <c r="B12483" s="1"/>
      <c r="C12483">
        <v>8</v>
      </c>
      <c r="D12483" t="s">
        <v>26783</v>
      </c>
      <c r="E12483" t="s">
        <v>34499</v>
      </c>
      <c r="F12483">
        <v>4</v>
      </c>
      <c r="G12483" t="s">
        <v>10</v>
      </c>
      <c r="H12483" t="s">
        <v>26784</v>
      </c>
      <c r="I12483" t="s">
        <v>30540</v>
      </c>
    </row>
    <row r="12484" spans="1:9">
      <c r="A12484" s="1">
        <v>0.86071553888415864</v>
      </c>
      <c r="B12484" s="1"/>
      <c r="C12484">
        <v>6</v>
      </c>
      <c r="D12484" t="s">
        <v>26781</v>
      </c>
      <c r="E12484" t="s">
        <v>34499</v>
      </c>
      <c r="F12484">
        <v>4</v>
      </c>
      <c r="G12484" t="s">
        <v>10</v>
      </c>
      <c r="H12484" t="s">
        <v>26782</v>
      </c>
      <c r="I12484" t="s">
        <v>30540</v>
      </c>
    </row>
    <row r="12485" spans="1:9">
      <c r="A12485" s="1">
        <v>0.4501848030143486</v>
      </c>
      <c r="B12485" s="1"/>
      <c r="C12485">
        <v>11</v>
      </c>
      <c r="D12485" t="s">
        <v>26787</v>
      </c>
      <c r="E12485" t="s">
        <v>34499</v>
      </c>
      <c r="F12485">
        <v>3</v>
      </c>
      <c r="G12485" t="s">
        <v>9</v>
      </c>
      <c r="H12485" t="s">
        <v>26788</v>
      </c>
      <c r="I12485" t="s">
        <v>30540</v>
      </c>
    </row>
    <row r="12486" spans="1:9">
      <c r="A12486" s="1">
        <v>0.12799856952758404</v>
      </c>
      <c r="B12486" s="1"/>
      <c r="C12486">
        <v>8</v>
      </c>
      <c r="D12486" t="s">
        <v>26777</v>
      </c>
      <c r="E12486" t="s">
        <v>34500</v>
      </c>
      <c r="F12486">
        <v>4</v>
      </c>
      <c r="G12486" t="s">
        <v>14</v>
      </c>
      <c r="H12486" t="s">
        <v>26778</v>
      </c>
      <c r="I12486" t="s">
        <v>30540</v>
      </c>
    </row>
    <row r="12487" spans="1:9">
      <c r="A12487" s="1">
        <v>0.38552745476392769</v>
      </c>
      <c r="B12487" s="1"/>
      <c r="C12487">
        <v>14</v>
      </c>
      <c r="D12487" t="s">
        <v>26779</v>
      </c>
      <c r="E12487" t="s">
        <v>34500</v>
      </c>
      <c r="F12487">
        <v>3</v>
      </c>
      <c r="G12487" t="s">
        <v>10</v>
      </c>
      <c r="H12487" t="s">
        <v>26780</v>
      </c>
      <c r="I12487" t="s">
        <v>30540</v>
      </c>
    </row>
    <row r="12488" spans="1:9">
      <c r="A12488" s="1">
        <v>0.35773007538148605</v>
      </c>
      <c r="B12488" s="1"/>
      <c r="C12488">
        <v>6</v>
      </c>
      <c r="D12488" t="s">
        <v>26775</v>
      </c>
      <c r="E12488" t="s">
        <v>34500</v>
      </c>
      <c r="F12488">
        <v>3</v>
      </c>
      <c r="G12488" t="s">
        <v>14</v>
      </c>
      <c r="H12488" t="s">
        <v>26776</v>
      </c>
      <c r="I12488" t="s">
        <v>30540</v>
      </c>
    </row>
    <row r="12489" spans="1:9">
      <c r="A12489" s="1">
        <v>0.7120725679209986</v>
      </c>
      <c r="B12489" s="1"/>
      <c r="C12489">
        <v>10</v>
      </c>
      <c r="D12489" t="s">
        <v>26769</v>
      </c>
      <c r="E12489" t="s">
        <v>34501</v>
      </c>
      <c r="F12489">
        <v>4</v>
      </c>
      <c r="G12489" t="s">
        <v>15</v>
      </c>
      <c r="H12489" t="s">
        <v>26770</v>
      </c>
      <c r="I12489" t="s">
        <v>30540</v>
      </c>
    </row>
    <row r="12490" spans="1:9">
      <c r="A12490" s="1">
        <v>0.64299502268183373</v>
      </c>
      <c r="B12490" s="1"/>
      <c r="C12490">
        <v>16</v>
      </c>
      <c r="D12490" t="s">
        <v>26771</v>
      </c>
      <c r="E12490" t="s">
        <v>34501</v>
      </c>
      <c r="F12490">
        <v>4</v>
      </c>
      <c r="G12490" t="s">
        <v>14</v>
      </c>
      <c r="H12490" t="s">
        <v>26772</v>
      </c>
      <c r="I12490" t="s">
        <v>30540</v>
      </c>
    </row>
    <row r="12491" spans="1:9">
      <c r="A12491" s="1">
        <v>0.10565546755611077</v>
      </c>
      <c r="B12491" s="1"/>
      <c r="C12491">
        <v>6</v>
      </c>
      <c r="D12491" t="s">
        <v>26767</v>
      </c>
      <c r="E12491" t="s">
        <v>34501</v>
      </c>
      <c r="F12491">
        <v>4</v>
      </c>
      <c r="G12491" t="s">
        <v>14</v>
      </c>
      <c r="H12491" t="s">
        <v>26768</v>
      </c>
      <c r="I12491" t="s">
        <v>30540</v>
      </c>
    </row>
    <row r="12492" spans="1:9">
      <c r="A12492" s="1">
        <v>0.93872728253940441</v>
      </c>
      <c r="B12492" s="1"/>
      <c r="C12492">
        <v>20</v>
      </c>
      <c r="D12492" t="s">
        <v>26773</v>
      </c>
      <c r="E12492" t="s">
        <v>34501</v>
      </c>
      <c r="F12492">
        <v>4</v>
      </c>
      <c r="G12492" t="s">
        <v>14</v>
      </c>
      <c r="H12492" t="s">
        <v>26774</v>
      </c>
      <c r="I12492" t="s">
        <v>30540</v>
      </c>
    </row>
    <row r="12493" spans="1:9">
      <c r="A12493" s="1">
        <v>0.99546882352837285</v>
      </c>
      <c r="B12493" s="1"/>
      <c r="C12493">
        <v>11</v>
      </c>
      <c r="D12493" t="s">
        <v>26761</v>
      </c>
      <c r="E12493" t="s">
        <v>34502</v>
      </c>
      <c r="F12493">
        <v>5</v>
      </c>
      <c r="G12493" t="s">
        <v>14</v>
      </c>
      <c r="H12493" t="s">
        <v>26762</v>
      </c>
      <c r="I12493" t="s">
        <v>30540</v>
      </c>
    </row>
    <row r="12494" spans="1:9">
      <c r="A12494" s="1">
        <v>3.7784960358280495E-2</v>
      </c>
      <c r="B12494" s="1"/>
      <c r="C12494">
        <v>12</v>
      </c>
      <c r="D12494" t="s">
        <v>26763</v>
      </c>
      <c r="E12494" t="s">
        <v>34502</v>
      </c>
      <c r="F12494">
        <v>5</v>
      </c>
      <c r="G12494" t="s">
        <v>14</v>
      </c>
      <c r="H12494" t="s">
        <v>26764</v>
      </c>
      <c r="I12494" t="s">
        <v>30540</v>
      </c>
    </row>
    <row r="12495" spans="1:9">
      <c r="A12495" s="1">
        <v>0.58745658637711418</v>
      </c>
      <c r="B12495" s="1"/>
      <c r="C12495">
        <v>18</v>
      </c>
      <c r="D12495" t="s">
        <v>26765</v>
      </c>
      <c r="E12495" t="s">
        <v>34502</v>
      </c>
      <c r="F12495">
        <v>4</v>
      </c>
      <c r="G12495" t="s">
        <v>14</v>
      </c>
      <c r="H12495" t="s">
        <v>26766</v>
      </c>
      <c r="I12495" t="s">
        <v>30540</v>
      </c>
    </row>
    <row r="12496" spans="1:9">
      <c r="A12496" s="1">
        <v>0.80736065730921247</v>
      </c>
      <c r="B12496" s="1"/>
      <c r="C12496">
        <v>19</v>
      </c>
      <c r="D12496" t="s">
        <v>26759</v>
      </c>
      <c r="E12496" t="s">
        <v>34503</v>
      </c>
      <c r="F12496">
        <v>5</v>
      </c>
      <c r="G12496" t="s">
        <v>2</v>
      </c>
      <c r="H12496" t="s">
        <v>26760</v>
      </c>
      <c r="I12496" t="s">
        <v>30540</v>
      </c>
    </row>
    <row r="12497" spans="1:9">
      <c r="A12497" s="1">
        <v>0.58171508936795513</v>
      </c>
      <c r="B12497" s="1"/>
      <c r="C12497">
        <v>6</v>
      </c>
      <c r="D12497" t="s">
        <v>26757</v>
      </c>
      <c r="E12497" t="s">
        <v>34503</v>
      </c>
      <c r="F12497">
        <v>5</v>
      </c>
      <c r="G12497" t="s">
        <v>10</v>
      </c>
      <c r="H12497" t="s">
        <v>26758</v>
      </c>
      <c r="I12497" t="s">
        <v>30540</v>
      </c>
    </row>
    <row r="12498" spans="1:9">
      <c r="A12498" s="1">
        <v>0.56811320187369152</v>
      </c>
      <c r="B12498" s="1"/>
      <c r="C12498">
        <v>2</v>
      </c>
      <c r="D12498" t="s">
        <v>26755</v>
      </c>
      <c r="E12498" t="s">
        <v>34503</v>
      </c>
      <c r="F12498">
        <v>4</v>
      </c>
      <c r="G12498" t="s">
        <v>15</v>
      </c>
      <c r="H12498" t="s">
        <v>26756</v>
      </c>
      <c r="I12498" t="s">
        <v>30540</v>
      </c>
    </row>
    <row r="12499" spans="1:9">
      <c r="A12499" s="1">
        <v>0.77248502733469604</v>
      </c>
      <c r="B12499" s="1"/>
      <c r="C12499">
        <v>10</v>
      </c>
      <c r="D12499" t="s">
        <v>26751</v>
      </c>
      <c r="E12499" t="s">
        <v>34504</v>
      </c>
      <c r="F12499">
        <v>5</v>
      </c>
      <c r="G12499" t="s">
        <v>10</v>
      </c>
      <c r="H12499" t="s">
        <v>26752</v>
      </c>
      <c r="I12499" t="s">
        <v>30540</v>
      </c>
    </row>
    <row r="12500" spans="1:9">
      <c r="A12500" s="1">
        <v>0.93705366653581856</v>
      </c>
      <c r="B12500" s="1"/>
      <c r="C12500">
        <v>3</v>
      </c>
      <c r="D12500" t="s">
        <v>26747</v>
      </c>
      <c r="E12500" t="s">
        <v>34504</v>
      </c>
      <c r="F12500">
        <v>4</v>
      </c>
      <c r="G12500" t="s">
        <v>10</v>
      </c>
      <c r="H12500" t="s">
        <v>26748</v>
      </c>
      <c r="I12500" t="s">
        <v>30540</v>
      </c>
    </row>
    <row r="12501" spans="1:9">
      <c r="A12501" s="1">
        <v>0.76358424242666378</v>
      </c>
      <c r="B12501" s="1"/>
      <c r="C12501">
        <v>20</v>
      </c>
      <c r="D12501" t="s">
        <v>26753</v>
      </c>
      <c r="E12501" t="s">
        <v>34504</v>
      </c>
      <c r="F12501">
        <v>4</v>
      </c>
      <c r="G12501" t="s">
        <v>10</v>
      </c>
      <c r="H12501" t="s">
        <v>26754</v>
      </c>
      <c r="I12501" t="s">
        <v>30540</v>
      </c>
    </row>
    <row r="12502" spans="1:9">
      <c r="A12502" s="1">
        <v>0.26723789106328644</v>
      </c>
      <c r="B12502" s="1"/>
      <c r="C12502">
        <v>9</v>
      </c>
      <c r="D12502" t="s">
        <v>26749</v>
      </c>
      <c r="E12502" t="s">
        <v>34504</v>
      </c>
      <c r="F12502">
        <v>4</v>
      </c>
      <c r="G12502" t="s">
        <v>1</v>
      </c>
      <c r="H12502" t="s">
        <v>26750</v>
      </c>
      <c r="I12502" t="s">
        <v>30540</v>
      </c>
    </row>
    <row r="12503" spans="1:9">
      <c r="A12503" s="1">
        <v>0.68566006363951115</v>
      </c>
      <c r="B12503" s="1"/>
      <c r="C12503">
        <v>1</v>
      </c>
      <c r="D12503" t="s">
        <v>26745</v>
      </c>
      <c r="E12503" t="s">
        <v>34504</v>
      </c>
      <c r="F12503">
        <v>4</v>
      </c>
      <c r="G12503" t="s">
        <v>10</v>
      </c>
      <c r="H12503" t="s">
        <v>26746</v>
      </c>
      <c r="I12503" t="s">
        <v>30540</v>
      </c>
    </row>
    <row r="12504" spans="1:9">
      <c r="A12504" s="1">
        <v>0.33277217490069844</v>
      </c>
      <c r="B12504" s="1"/>
      <c r="C12504">
        <v>18</v>
      </c>
      <c r="D12504" t="s">
        <v>26743</v>
      </c>
      <c r="E12504" t="s">
        <v>34505</v>
      </c>
      <c r="F12504">
        <v>4</v>
      </c>
      <c r="G12504" t="s">
        <v>14</v>
      </c>
      <c r="H12504" t="s">
        <v>26744</v>
      </c>
      <c r="I12504" t="s">
        <v>30540</v>
      </c>
    </row>
    <row r="12505" spans="1:9">
      <c r="A12505" s="1">
        <v>0.65038905632883537</v>
      </c>
      <c r="B12505" s="1"/>
      <c r="C12505">
        <v>5</v>
      </c>
      <c r="D12505" t="s">
        <v>26739</v>
      </c>
      <c r="E12505" t="s">
        <v>34505</v>
      </c>
      <c r="F12505">
        <v>4</v>
      </c>
      <c r="G12505" t="s">
        <v>14</v>
      </c>
      <c r="H12505" t="s">
        <v>26740</v>
      </c>
      <c r="I12505" t="s">
        <v>30540</v>
      </c>
    </row>
    <row r="12506" spans="1:9">
      <c r="A12506" s="1">
        <v>0.36329666847956654</v>
      </c>
      <c r="B12506" s="1"/>
      <c r="C12506">
        <v>4</v>
      </c>
      <c r="D12506" t="s">
        <v>26735</v>
      </c>
      <c r="E12506" t="s">
        <v>34506</v>
      </c>
      <c r="F12506">
        <v>5</v>
      </c>
      <c r="G12506" t="s">
        <v>14</v>
      </c>
      <c r="H12506" t="s">
        <v>26736</v>
      </c>
      <c r="I12506" t="s">
        <v>30540</v>
      </c>
    </row>
    <row r="12507" spans="1:9">
      <c r="A12507" s="1">
        <v>0.48731290750235812</v>
      </c>
      <c r="B12507" s="1"/>
      <c r="C12507">
        <v>12</v>
      </c>
      <c r="D12507" t="s">
        <v>26737</v>
      </c>
      <c r="E12507" t="s">
        <v>34506</v>
      </c>
      <c r="F12507">
        <v>5</v>
      </c>
      <c r="G12507" t="s">
        <v>1</v>
      </c>
      <c r="H12507" t="s">
        <v>26738</v>
      </c>
      <c r="I12507" t="s">
        <v>30540</v>
      </c>
    </row>
    <row r="12508" spans="1:9">
      <c r="A12508" s="1">
        <v>0.18349321909170746</v>
      </c>
      <c r="B12508" s="1"/>
      <c r="C12508">
        <v>9</v>
      </c>
      <c r="D12508" t="s">
        <v>26733</v>
      </c>
      <c r="E12508" t="s">
        <v>34507</v>
      </c>
      <c r="F12508">
        <v>5</v>
      </c>
      <c r="G12508" t="s">
        <v>10</v>
      </c>
      <c r="H12508" t="s">
        <v>26734</v>
      </c>
      <c r="I12508" t="s">
        <v>30540</v>
      </c>
    </row>
    <row r="12509" spans="1:9">
      <c r="A12509" s="1">
        <v>0.79632253077662296</v>
      </c>
      <c r="B12509" s="1"/>
      <c r="C12509">
        <v>8</v>
      </c>
      <c r="D12509" t="s">
        <v>26731</v>
      </c>
      <c r="E12509" t="s">
        <v>34507</v>
      </c>
      <c r="F12509">
        <v>5</v>
      </c>
      <c r="G12509" t="s">
        <v>10</v>
      </c>
      <c r="H12509" t="s">
        <v>26732</v>
      </c>
      <c r="I12509" t="s">
        <v>30540</v>
      </c>
    </row>
    <row r="12510" spans="1:9">
      <c r="A12510" s="1">
        <v>0.39746787515941562</v>
      </c>
      <c r="B12510" s="1"/>
      <c r="C12510">
        <v>3</v>
      </c>
      <c r="D12510" t="s">
        <v>26729</v>
      </c>
      <c r="E12510" t="s">
        <v>34507</v>
      </c>
      <c r="F12510">
        <v>4</v>
      </c>
      <c r="G12510" t="s">
        <v>10</v>
      </c>
      <c r="H12510" t="s">
        <v>26730</v>
      </c>
      <c r="I12510" t="s">
        <v>30540</v>
      </c>
    </row>
    <row r="12511" spans="1:9">
      <c r="A12511" s="1">
        <v>0.62455021010615874</v>
      </c>
      <c r="B12511" s="1"/>
      <c r="C12511">
        <v>15</v>
      </c>
      <c r="D12511" t="s">
        <v>26725</v>
      </c>
      <c r="E12511" t="s">
        <v>34508</v>
      </c>
      <c r="F12511">
        <v>5</v>
      </c>
      <c r="G12511" t="s">
        <v>2738</v>
      </c>
      <c r="H12511" t="s">
        <v>26726</v>
      </c>
      <c r="I12511" t="s">
        <v>30540</v>
      </c>
    </row>
    <row r="12512" spans="1:9">
      <c r="A12512" s="1">
        <v>0.49233677347396709</v>
      </c>
      <c r="B12512" s="1"/>
      <c r="C12512">
        <v>18</v>
      </c>
      <c r="D12512" t="s">
        <v>26727</v>
      </c>
      <c r="E12512" t="s">
        <v>34508</v>
      </c>
      <c r="F12512">
        <v>4</v>
      </c>
      <c r="G12512" t="s">
        <v>10</v>
      </c>
      <c r="H12512" t="s">
        <v>26728</v>
      </c>
      <c r="I12512" t="s">
        <v>30540</v>
      </c>
    </row>
    <row r="12513" spans="1:9">
      <c r="A12513" s="1">
        <v>0.69321575583648587</v>
      </c>
      <c r="B12513" s="1"/>
      <c r="C12513">
        <v>14</v>
      </c>
      <c r="D12513" t="s">
        <v>26723</v>
      </c>
      <c r="E12513" t="s">
        <v>34508</v>
      </c>
      <c r="F12513">
        <v>4</v>
      </c>
      <c r="G12513" t="s">
        <v>10</v>
      </c>
      <c r="H12513" t="s">
        <v>26724</v>
      </c>
      <c r="I12513" t="s">
        <v>30540</v>
      </c>
    </row>
    <row r="12514" spans="1:9">
      <c r="A12514" s="1">
        <v>0.24104209245644759</v>
      </c>
      <c r="B12514" s="1"/>
      <c r="C12514">
        <v>2</v>
      </c>
      <c r="D12514" t="s">
        <v>26719</v>
      </c>
      <c r="E12514" t="s">
        <v>34509</v>
      </c>
      <c r="F12514">
        <v>3</v>
      </c>
      <c r="G12514" t="s">
        <v>14</v>
      </c>
      <c r="H12514" t="s">
        <v>26720</v>
      </c>
      <c r="I12514" t="s">
        <v>30540</v>
      </c>
    </row>
    <row r="12515" spans="1:9">
      <c r="A12515" s="1">
        <v>0.3313336892457196</v>
      </c>
      <c r="B12515" s="1"/>
      <c r="C12515">
        <v>15</v>
      </c>
      <c r="D12515" t="s">
        <v>26717</v>
      </c>
      <c r="E12515" t="s">
        <v>34510</v>
      </c>
      <c r="F12515">
        <v>4</v>
      </c>
      <c r="G12515" t="s">
        <v>14</v>
      </c>
      <c r="H12515" t="s">
        <v>26718</v>
      </c>
      <c r="I12515" t="s">
        <v>30540</v>
      </c>
    </row>
    <row r="12516" spans="1:9">
      <c r="A12516" s="1">
        <v>0.79672720176340484</v>
      </c>
      <c r="B12516" s="1"/>
      <c r="C12516">
        <v>4</v>
      </c>
      <c r="D12516" t="s">
        <v>26713</v>
      </c>
      <c r="E12516" t="s">
        <v>34510</v>
      </c>
      <c r="F12516">
        <v>4</v>
      </c>
      <c r="G12516" t="s">
        <v>14</v>
      </c>
      <c r="H12516" t="s">
        <v>26714</v>
      </c>
      <c r="I12516" t="s">
        <v>30540</v>
      </c>
    </row>
    <row r="12517" spans="1:9">
      <c r="A12517" s="1">
        <v>0.90464515438855209</v>
      </c>
      <c r="B12517" s="1"/>
      <c r="C12517">
        <v>14</v>
      </c>
      <c r="D12517" t="s">
        <v>26709</v>
      </c>
      <c r="E12517" t="s">
        <v>34511</v>
      </c>
      <c r="F12517">
        <v>5</v>
      </c>
      <c r="G12517" t="s">
        <v>14</v>
      </c>
      <c r="H12517" t="s">
        <v>26710</v>
      </c>
      <c r="I12517" t="s">
        <v>30540</v>
      </c>
    </row>
    <row r="12518" spans="1:9">
      <c r="A12518" s="1">
        <v>0.1517340672181644</v>
      </c>
      <c r="B12518" s="1"/>
      <c r="C12518">
        <v>10</v>
      </c>
      <c r="D12518" t="s">
        <v>26707</v>
      </c>
      <c r="E12518" t="s">
        <v>34511</v>
      </c>
      <c r="F12518">
        <v>5</v>
      </c>
      <c r="G12518" t="s">
        <v>14</v>
      </c>
      <c r="H12518" t="s">
        <v>26708</v>
      </c>
      <c r="I12518" t="s">
        <v>30540</v>
      </c>
    </row>
    <row r="12519" spans="1:9">
      <c r="A12519" s="1">
        <v>0.2282001927172852</v>
      </c>
      <c r="B12519" s="1"/>
      <c r="C12519">
        <v>9</v>
      </c>
      <c r="D12519" t="s">
        <v>26705</v>
      </c>
      <c r="E12519" t="s">
        <v>34511</v>
      </c>
      <c r="F12519">
        <v>4</v>
      </c>
      <c r="G12519" t="s">
        <v>14</v>
      </c>
      <c r="H12519" t="s">
        <v>26706</v>
      </c>
      <c r="I12519" t="s">
        <v>30540</v>
      </c>
    </row>
    <row r="12520" spans="1:9">
      <c r="A12520" s="1">
        <v>0.81040299804201421</v>
      </c>
      <c r="B12520" s="1"/>
      <c r="C12520">
        <v>9</v>
      </c>
      <c r="D12520" t="s">
        <v>26699</v>
      </c>
      <c r="E12520" t="s">
        <v>34512</v>
      </c>
      <c r="F12520">
        <v>4</v>
      </c>
      <c r="G12520" t="s">
        <v>14</v>
      </c>
      <c r="H12520" t="s">
        <v>26700</v>
      </c>
      <c r="I12520" t="s">
        <v>30540</v>
      </c>
    </row>
    <row r="12521" spans="1:9">
      <c r="A12521" s="1">
        <v>0.47926607926914466</v>
      </c>
      <c r="B12521" s="1"/>
      <c r="C12521">
        <v>13</v>
      </c>
      <c r="D12521" t="s">
        <v>26701</v>
      </c>
      <c r="E12521" t="s">
        <v>34512</v>
      </c>
      <c r="F12521">
        <v>4</v>
      </c>
      <c r="G12521" t="s">
        <v>14</v>
      </c>
      <c r="H12521" t="s">
        <v>26702</v>
      </c>
      <c r="I12521" t="s">
        <v>30540</v>
      </c>
    </row>
    <row r="12522" spans="1:9">
      <c r="A12522" s="1">
        <v>0.83152490004826629</v>
      </c>
      <c r="B12522" s="1"/>
      <c r="C12522">
        <v>14</v>
      </c>
      <c r="D12522" t="s">
        <v>26703</v>
      </c>
      <c r="E12522" t="s">
        <v>34512</v>
      </c>
      <c r="F12522">
        <v>4</v>
      </c>
      <c r="G12522" t="s">
        <v>0</v>
      </c>
      <c r="H12522" t="s">
        <v>26704</v>
      </c>
      <c r="I12522" t="s">
        <v>30540</v>
      </c>
    </row>
    <row r="12523" spans="1:9">
      <c r="A12523" s="1">
        <v>0.28230638083470017</v>
      </c>
      <c r="B12523" s="1"/>
      <c r="C12523">
        <v>18</v>
      </c>
      <c r="D12523" t="s">
        <v>26695</v>
      </c>
      <c r="E12523" t="s">
        <v>34513</v>
      </c>
      <c r="F12523">
        <v>5</v>
      </c>
      <c r="G12523" t="s">
        <v>14</v>
      </c>
      <c r="H12523" t="s">
        <v>26696</v>
      </c>
      <c r="I12523" t="s">
        <v>30540</v>
      </c>
    </row>
    <row r="12524" spans="1:9">
      <c r="A12524" s="1">
        <v>9.2828485027873664E-2</v>
      </c>
      <c r="B12524" s="1"/>
      <c r="C12524">
        <v>18</v>
      </c>
      <c r="D12524" t="s">
        <v>30377</v>
      </c>
      <c r="E12524" t="s">
        <v>34514</v>
      </c>
      <c r="F12524">
        <v>5</v>
      </c>
      <c r="G12524" t="s">
        <v>0</v>
      </c>
      <c r="H12524" t="s">
        <v>30378</v>
      </c>
      <c r="I12524" t="s">
        <v>30540</v>
      </c>
    </row>
    <row r="12525" spans="1:9">
      <c r="A12525" s="1">
        <v>0.6417844843647732</v>
      </c>
      <c r="B12525" s="1"/>
      <c r="C12525">
        <v>10</v>
      </c>
      <c r="D12525" t="s">
        <v>30375</v>
      </c>
      <c r="E12525" t="s">
        <v>34514</v>
      </c>
      <c r="F12525">
        <v>4</v>
      </c>
      <c r="G12525" t="s">
        <v>2</v>
      </c>
      <c r="H12525" t="s">
        <v>30376</v>
      </c>
      <c r="I12525" t="s">
        <v>30540</v>
      </c>
    </row>
    <row r="12526" spans="1:9">
      <c r="A12526" s="1">
        <v>0.98937164219720386</v>
      </c>
      <c r="B12526" s="1"/>
      <c r="C12526">
        <v>15</v>
      </c>
      <c r="D12526" t="s">
        <v>30373</v>
      </c>
      <c r="E12526" t="s">
        <v>34515</v>
      </c>
      <c r="F12526">
        <v>5</v>
      </c>
      <c r="G12526" t="s">
        <v>0</v>
      </c>
      <c r="H12526" t="s">
        <v>30374</v>
      </c>
      <c r="I12526" t="s">
        <v>30540</v>
      </c>
    </row>
    <row r="12527" spans="1:9">
      <c r="A12527" s="1">
        <v>0.91874169539029082</v>
      </c>
      <c r="B12527" s="1"/>
      <c r="C12527">
        <v>14</v>
      </c>
      <c r="D12527" t="s">
        <v>30371</v>
      </c>
      <c r="E12527" t="s">
        <v>34515</v>
      </c>
      <c r="F12527">
        <v>4</v>
      </c>
      <c r="G12527" t="s">
        <v>0</v>
      </c>
      <c r="H12527" t="s">
        <v>30372</v>
      </c>
      <c r="I12527" t="s">
        <v>30540</v>
      </c>
    </row>
    <row r="12528" spans="1:9">
      <c r="A12528" s="1">
        <v>0.20402006580406051</v>
      </c>
      <c r="B12528" s="1"/>
      <c r="C12528">
        <v>8</v>
      </c>
      <c r="D12528" t="s">
        <v>30367</v>
      </c>
      <c r="E12528" t="s">
        <v>34516</v>
      </c>
      <c r="F12528">
        <v>4</v>
      </c>
      <c r="G12528" t="s">
        <v>0</v>
      </c>
      <c r="H12528" t="s">
        <v>30368</v>
      </c>
      <c r="I12528" t="s">
        <v>30540</v>
      </c>
    </row>
    <row r="12529" spans="1:9">
      <c r="A12529" s="1">
        <v>0.55668157957227482</v>
      </c>
      <c r="B12529" s="1"/>
      <c r="C12529">
        <v>14</v>
      </c>
      <c r="D12529" t="s">
        <v>30369</v>
      </c>
      <c r="E12529" t="s">
        <v>34516</v>
      </c>
      <c r="F12529">
        <v>4</v>
      </c>
      <c r="G12529" t="s">
        <v>0</v>
      </c>
      <c r="H12529" t="s">
        <v>30370</v>
      </c>
      <c r="I12529" t="s">
        <v>30540</v>
      </c>
    </row>
    <row r="12530" spans="1:9">
      <c r="A12530" s="1">
        <v>9.9517364068485104E-2</v>
      </c>
      <c r="B12530" s="1"/>
      <c r="C12530">
        <v>6</v>
      </c>
      <c r="D12530" t="s">
        <v>30365</v>
      </c>
      <c r="E12530" t="s">
        <v>34516</v>
      </c>
      <c r="F12530">
        <v>4</v>
      </c>
      <c r="G12530" t="s">
        <v>10</v>
      </c>
      <c r="H12530" t="s">
        <v>30366</v>
      </c>
      <c r="I12530" t="s">
        <v>30540</v>
      </c>
    </row>
    <row r="12531" spans="1:9">
      <c r="A12531" s="1">
        <v>0.59091152493069365</v>
      </c>
      <c r="B12531" s="1"/>
      <c r="C12531">
        <v>13</v>
      </c>
      <c r="D12531" t="s">
        <v>30363</v>
      </c>
      <c r="E12531" t="s">
        <v>34517</v>
      </c>
      <c r="F12531">
        <v>3</v>
      </c>
      <c r="G12531" t="s">
        <v>10</v>
      </c>
      <c r="H12531" t="s">
        <v>30364</v>
      </c>
      <c r="I12531" t="s">
        <v>30540</v>
      </c>
    </row>
    <row r="12532" spans="1:9">
      <c r="A12532" s="1">
        <v>0.28023399648024527</v>
      </c>
      <c r="B12532" s="1"/>
      <c r="C12532">
        <v>4</v>
      </c>
      <c r="D12532" t="s">
        <v>30359</v>
      </c>
      <c r="E12532" t="s">
        <v>34517</v>
      </c>
      <c r="F12532">
        <v>3</v>
      </c>
      <c r="G12532" t="s">
        <v>10</v>
      </c>
      <c r="H12532" t="s">
        <v>30360</v>
      </c>
      <c r="I12532" t="s">
        <v>30540</v>
      </c>
    </row>
    <row r="12533" spans="1:9">
      <c r="A12533" s="1">
        <v>0.95622243106515037</v>
      </c>
      <c r="B12533" s="1"/>
      <c r="C12533">
        <v>17</v>
      </c>
      <c r="D12533" t="s">
        <v>30357</v>
      </c>
      <c r="E12533" t="s">
        <v>34518</v>
      </c>
      <c r="F12533">
        <v>4</v>
      </c>
      <c r="G12533" t="s">
        <v>0</v>
      </c>
      <c r="H12533" t="s">
        <v>30358</v>
      </c>
      <c r="I12533" t="s">
        <v>30540</v>
      </c>
    </row>
    <row r="12534" spans="1:9">
      <c r="A12534" s="1">
        <v>0.58231832033320585</v>
      </c>
      <c r="B12534" s="1"/>
      <c r="C12534">
        <v>8</v>
      </c>
      <c r="D12534" t="s">
        <v>30353</v>
      </c>
      <c r="E12534" t="s">
        <v>34518</v>
      </c>
      <c r="F12534">
        <v>4</v>
      </c>
      <c r="G12534" t="s">
        <v>2</v>
      </c>
      <c r="H12534" t="s">
        <v>30354</v>
      </c>
      <c r="I12534" t="s">
        <v>30540</v>
      </c>
    </row>
    <row r="12535" spans="1:9">
      <c r="A12535" s="1">
        <v>0.8208233128302187</v>
      </c>
      <c r="B12535" s="1"/>
      <c r="C12535">
        <v>1</v>
      </c>
      <c r="D12535" t="s">
        <v>30351</v>
      </c>
      <c r="E12535" t="s">
        <v>34518</v>
      </c>
      <c r="F12535">
        <v>4</v>
      </c>
      <c r="G12535" t="s">
        <v>15</v>
      </c>
      <c r="H12535" t="s">
        <v>30352</v>
      </c>
      <c r="I12535" t="s">
        <v>30540</v>
      </c>
    </row>
    <row r="12536" spans="1:9">
      <c r="A12536" s="1">
        <v>0.82404599684293645</v>
      </c>
      <c r="B12536" s="1"/>
      <c r="C12536">
        <v>9</v>
      </c>
      <c r="D12536" t="s">
        <v>30345</v>
      </c>
      <c r="E12536" t="s">
        <v>34519</v>
      </c>
      <c r="F12536">
        <v>5</v>
      </c>
      <c r="G12536" t="s">
        <v>0</v>
      </c>
      <c r="H12536" t="s">
        <v>30346</v>
      </c>
      <c r="I12536" t="s">
        <v>30540</v>
      </c>
    </row>
    <row r="12537" spans="1:9">
      <c r="A12537" s="1">
        <v>5.0105689845707624E-2</v>
      </c>
      <c r="B12537" s="1"/>
      <c r="C12537">
        <v>2</v>
      </c>
      <c r="D12537" t="s">
        <v>30341</v>
      </c>
      <c r="E12537" t="s">
        <v>34519</v>
      </c>
      <c r="F12537">
        <v>4</v>
      </c>
      <c r="G12537" t="s">
        <v>10</v>
      </c>
      <c r="H12537" t="s">
        <v>30342</v>
      </c>
      <c r="I12537" t="s">
        <v>30540</v>
      </c>
    </row>
    <row r="12538" spans="1:9">
      <c r="A12538" s="1">
        <v>0.98402034685719875</v>
      </c>
      <c r="B12538" s="1"/>
      <c r="C12538">
        <v>13</v>
      </c>
      <c r="D12538" t="s">
        <v>30347</v>
      </c>
      <c r="E12538" t="s">
        <v>34519</v>
      </c>
      <c r="F12538">
        <v>3</v>
      </c>
      <c r="G12538" t="s">
        <v>10</v>
      </c>
      <c r="H12538" t="s">
        <v>30348</v>
      </c>
      <c r="I12538" t="s">
        <v>30540</v>
      </c>
    </row>
    <row r="12539" spans="1:9">
      <c r="A12539" s="1">
        <v>0.26877026460681686</v>
      </c>
      <c r="B12539" s="1"/>
      <c r="C12539">
        <v>9</v>
      </c>
      <c r="D12539" t="s">
        <v>30337</v>
      </c>
      <c r="E12539" t="s">
        <v>34520</v>
      </c>
      <c r="F12539">
        <v>5</v>
      </c>
      <c r="G12539" t="s">
        <v>0</v>
      </c>
      <c r="H12539" t="s">
        <v>30338</v>
      </c>
      <c r="I12539" t="s">
        <v>30540</v>
      </c>
    </row>
    <row r="12540" spans="1:9">
      <c r="A12540" s="1">
        <v>0.28244575882504452</v>
      </c>
      <c r="B12540" s="1"/>
      <c r="C12540">
        <v>11</v>
      </c>
      <c r="D12540" t="s">
        <v>30339</v>
      </c>
      <c r="E12540" t="s">
        <v>34520</v>
      </c>
      <c r="F12540">
        <v>4</v>
      </c>
      <c r="G12540" t="s">
        <v>1</v>
      </c>
      <c r="H12540" t="s">
        <v>30340</v>
      </c>
      <c r="I12540" t="s">
        <v>30540</v>
      </c>
    </row>
    <row r="12541" spans="1:9">
      <c r="A12541" s="1">
        <v>0.24888670628694565</v>
      </c>
      <c r="B12541" s="1"/>
      <c r="C12541">
        <v>12</v>
      </c>
      <c r="D12541" t="s">
        <v>30331</v>
      </c>
      <c r="E12541" t="s">
        <v>34521</v>
      </c>
      <c r="F12541">
        <v>5</v>
      </c>
      <c r="G12541" t="s">
        <v>0</v>
      </c>
      <c r="H12541" t="s">
        <v>30332</v>
      </c>
      <c r="I12541" t="s">
        <v>30540</v>
      </c>
    </row>
    <row r="12542" spans="1:9">
      <c r="A12542" s="1">
        <v>0.63440555791143916</v>
      </c>
      <c r="B12542" s="1"/>
      <c r="C12542">
        <v>16</v>
      </c>
      <c r="D12542" t="s">
        <v>30333</v>
      </c>
      <c r="E12542" t="s">
        <v>34521</v>
      </c>
      <c r="F12542">
        <v>5</v>
      </c>
      <c r="G12542" t="s">
        <v>0</v>
      </c>
      <c r="H12542" t="s">
        <v>30334</v>
      </c>
      <c r="I12542" t="s">
        <v>30540</v>
      </c>
    </row>
    <row r="12543" spans="1:9">
      <c r="A12543" s="1">
        <v>0.57504545011536679</v>
      </c>
      <c r="B12543" s="1"/>
      <c r="C12543">
        <v>3</v>
      </c>
      <c r="D12543" t="s">
        <v>30327</v>
      </c>
      <c r="E12543" t="s">
        <v>34521</v>
      </c>
      <c r="F12543">
        <v>4</v>
      </c>
      <c r="G12543" t="s">
        <v>0</v>
      </c>
      <c r="H12543" t="s">
        <v>30328</v>
      </c>
      <c r="I12543" t="s">
        <v>30540</v>
      </c>
    </row>
    <row r="12544" spans="1:9">
      <c r="A12544" s="1">
        <v>0.69828413995618288</v>
      </c>
      <c r="B12544" s="1"/>
      <c r="C12544">
        <v>17</v>
      </c>
      <c r="D12544" t="s">
        <v>30335</v>
      </c>
      <c r="E12544" t="s">
        <v>34521</v>
      </c>
      <c r="F12544">
        <v>4</v>
      </c>
      <c r="G12544" t="s">
        <v>0</v>
      </c>
      <c r="H12544" t="s">
        <v>30336</v>
      </c>
      <c r="I12544" t="s">
        <v>30540</v>
      </c>
    </row>
    <row r="12545" spans="1:9">
      <c r="A12545" s="1">
        <v>0.91192210971511434</v>
      </c>
      <c r="B12545" s="1"/>
      <c r="C12545">
        <v>4</v>
      </c>
      <c r="D12545" t="s">
        <v>30329</v>
      </c>
      <c r="E12545" t="s">
        <v>34521</v>
      </c>
      <c r="F12545">
        <v>4</v>
      </c>
      <c r="G12545" t="s">
        <v>1</v>
      </c>
      <c r="H12545" t="s">
        <v>30330</v>
      </c>
      <c r="I12545" t="s">
        <v>30540</v>
      </c>
    </row>
    <row r="12546" spans="1:9">
      <c r="A12546" s="1">
        <v>0.99215890124012673</v>
      </c>
      <c r="B12546" s="1"/>
      <c r="C12546">
        <v>18</v>
      </c>
      <c r="D12546" t="s">
        <v>30325</v>
      </c>
      <c r="E12546" t="s">
        <v>34522</v>
      </c>
      <c r="F12546">
        <v>5</v>
      </c>
      <c r="G12546" t="s">
        <v>0</v>
      </c>
      <c r="H12546" t="s">
        <v>30326</v>
      </c>
      <c r="I12546" t="s">
        <v>30540</v>
      </c>
    </row>
    <row r="12547" spans="1:9">
      <c r="A12547" s="1">
        <v>0.88452708913662859</v>
      </c>
      <c r="B12547" s="1"/>
      <c r="C12547">
        <v>12</v>
      </c>
      <c r="D12547" t="s">
        <v>30321</v>
      </c>
      <c r="E12547" t="s">
        <v>34522</v>
      </c>
      <c r="F12547">
        <v>5</v>
      </c>
      <c r="G12547" t="s">
        <v>9</v>
      </c>
      <c r="H12547" t="s">
        <v>30322</v>
      </c>
      <c r="I12547" t="s">
        <v>30540</v>
      </c>
    </row>
    <row r="12548" spans="1:9">
      <c r="A12548" s="1">
        <v>0.76455244504828168</v>
      </c>
      <c r="B12548" s="1"/>
      <c r="C12548">
        <v>5</v>
      </c>
      <c r="D12548" t="s">
        <v>30319</v>
      </c>
      <c r="E12548" t="s">
        <v>34522</v>
      </c>
      <c r="F12548">
        <v>4</v>
      </c>
      <c r="G12548" t="s">
        <v>0</v>
      </c>
      <c r="H12548" t="s">
        <v>30320</v>
      </c>
      <c r="I12548" t="s">
        <v>30540</v>
      </c>
    </row>
    <row r="12549" spans="1:9">
      <c r="A12549" s="1">
        <v>0.81335089924580484</v>
      </c>
      <c r="B12549" s="1"/>
      <c r="C12549">
        <v>13</v>
      </c>
      <c r="D12549" t="s">
        <v>30323</v>
      </c>
      <c r="E12549" t="s">
        <v>34522</v>
      </c>
      <c r="F12549">
        <v>4</v>
      </c>
      <c r="G12549" t="s">
        <v>0</v>
      </c>
      <c r="H12549" t="s">
        <v>30324</v>
      </c>
      <c r="I12549" t="s">
        <v>30540</v>
      </c>
    </row>
    <row r="12550" spans="1:9">
      <c r="A12550" s="1">
        <v>0.59332373943108063</v>
      </c>
      <c r="B12550" s="1"/>
      <c r="C12550">
        <v>16</v>
      </c>
      <c r="D12550" t="s">
        <v>30315</v>
      </c>
      <c r="E12550" t="s">
        <v>34523</v>
      </c>
      <c r="F12550">
        <v>5</v>
      </c>
      <c r="G12550" t="s">
        <v>0</v>
      </c>
      <c r="H12550" t="s">
        <v>30316</v>
      </c>
      <c r="I12550" t="s">
        <v>30540</v>
      </c>
    </row>
    <row r="12551" spans="1:9">
      <c r="A12551" s="1">
        <v>0.3552114703526591</v>
      </c>
      <c r="B12551" s="1"/>
      <c r="C12551">
        <v>17</v>
      </c>
      <c r="D12551" t="s">
        <v>30317</v>
      </c>
      <c r="E12551" t="s">
        <v>34523</v>
      </c>
      <c r="F12551">
        <v>5</v>
      </c>
      <c r="G12551" t="s">
        <v>0</v>
      </c>
      <c r="H12551" t="s">
        <v>30318</v>
      </c>
      <c r="I12551" t="s">
        <v>30540</v>
      </c>
    </row>
    <row r="12552" spans="1:9">
      <c r="A12552" s="1">
        <v>0.78411274075466586</v>
      </c>
      <c r="B12552" s="1"/>
      <c r="C12552">
        <v>10</v>
      </c>
      <c r="D12552" t="s">
        <v>30313</v>
      </c>
      <c r="E12552" t="s">
        <v>34523</v>
      </c>
      <c r="F12552">
        <v>4</v>
      </c>
      <c r="G12552" t="s">
        <v>0</v>
      </c>
      <c r="H12552" t="s">
        <v>30314</v>
      </c>
      <c r="I12552" t="s">
        <v>30540</v>
      </c>
    </row>
    <row r="12553" spans="1:9">
      <c r="A12553" s="1">
        <v>0.90489161616688307</v>
      </c>
      <c r="B12553" s="1"/>
      <c r="C12553">
        <v>10</v>
      </c>
      <c r="D12553" t="s">
        <v>30309</v>
      </c>
      <c r="E12553" t="s">
        <v>34524</v>
      </c>
      <c r="F12553">
        <v>5</v>
      </c>
      <c r="G12553" t="s">
        <v>0</v>
      </c>
      <c r="H12553" t="s">
        <v>30310</v>
      </c>
      <c r="I12553" t="s">
        <v>30540</v>
      </c>
    </row>
    <row r="12554" spans="1:9">
      <c r="A12554" s="1">
        <v>0.24197187425783662</v>
      </c>
      <c r="B12554" s="1"/>
      <c r="C12554">
        <v>19</v>
      </c>
      <c r="D12554" t="s">
        <v>30311</v>
      </c>
      <c r="E12554" t="s">
        <v>34524</v>
      </c>
      <c r="F12554">
        <v>4</v>
      </c>
      <c r="G12554" t="s">
        <v>0</v>
      </c>
      <c r="H12554" t="s">
        <v>30312</v>
      </c>
      <c r="I12554" t="s">
        <v>30540</v>
      </c>
    </row>
    <row r="12555" spans="1:9">
      <c r="A12555" s="1">
        <v>5.5855046965085475E-2</v>
      </c>
      <c r="B12555" s="1"/>
      <c r="C12555">
        <v>11</v>
      </c>
      <c r="D12555" t="s">
        <v>30305</v>
      </c>
      <c r="E12555" t="s">
        <v>34525</v>
      </c>
      <c r="F12555">
        <v>5</v>
      </c>
      <c r="G12555" t="s">
        <v>0</v>
      </c>
      <c r="H12555" t="s">
        <v>30306</v>
      </c>
      <c r="I12555" t="s">
        <v>30540</v>
      </c>
    </row>
    <row r="12556" spans="1:9">
      <c r="A12556" s="1">
        <v>0.17924773283725837</v>
      </c>
      <c r="B12556" s="1"/>
      <c r="C12556">
        <v>15</v>
      </c>
      <c r="D12556" t="s">
        <v>30307</v>
      </c>
      <c r="E12556" t="s">
        <v>34525</v>
      </c>
      <c r="F12556">
        <v>4</v>
      </c>
      <c r="G12556" t="s">
        <v>0</v>
      </c>
      <c r="H12556" t="s">
        <v>30308</v>
      </c>
      <c r="I12556" t="s">
        <v>30540</v>
      </c>
    </row>
    <row r="12557" spans="1:9">
      <c r="A12557" s="1">
        <v>5.7538524800770374E-2</v>
      </c>
      <c r="B12557" s="1"/>
      <c r="C12557">
        <v>1</v>
      </c>
      <c r="D12557" t="s">
        <v>30301</v>
      </c>
      <c r="E12557" t="s">
        <v>34525</v>
      </c>
      <c r="F12557">
        <v>4</v>
      </c>
      <c r="G12557" t="s">
        <v>15</v>
      </c>
      <c r="H12557" t="s">
        <v>30302</v>
      </c>
      <c r="I12557" t="s">
        <v>30540</v>
      </c>
    </row>
    <row r="12558" spans="1:9">
      <c r="A12558" s="1">
        <v>0.8916255525107819</v>
      </c>
      <c r="B12558" s="1"/>
      <c r="C12558">
        <v>7</v>
      </c>
      <c r="D12558" t="s">
        <v>30303</v>
      </c>
      <c r="E12558" t="s">
        <v>34525</v>
      </c>
      <c r="F12558">
        <v>3</v>
      </c>
      <c r="G12558" t="s">
        <v>0</v>
      </c>
      <c r="H12558" t="s">
        <v>30304</v>
      </c>
      <c r="I12558" t="s">
        <v>30540</v>
      </c>
    </row>
    <row r="12559" spans="1:9">
      <c r="A12559" s="1">
        <v>0.30681832394689112</v>
      </c>
      <c r="B12559" s="1"/>
      <c r="C12559">
        <v>12</v>
      </c>
      <c r="D12559" t="s">
        <v>30299</v>
      </c>
      <c r="E12559" t="s">
        <v>34526</v>
      </c>
      <c r="F12559">
        <v>5</v>
      </c>
      <c r="G12559" t="s">
        <v>0</v>
      </c>
      <c r="H12559" t="s">
        <v>30300</v>
      </c>
      <c r="I12559" t="s">
        <v>30540</v>
      </c>
    </row>
    <row r="12560" spans="1:9">
      <c r="A12560" s="1">
        <v>0.20057521705668313</v>
      </c>
      <c r="B12560" s="1"/>
      <c r="C12560">
        <v>8</v>
      </c>
      <c r="D12560" t="s">
        <v>30295</v>
      </c>
      <c r="E12560" t="s">
        <v>34526</v>
      </c>
      <c r="F12560">
        <v>4</v>
      </c>
      <c r="G12560" t="s">
        <v>0</v>
      </c>
      <c r="H12560" t="s">
        <v>30296</v>
      </c>
      <c r="I12560" t="s">
        <v>30540</v>
      </c>
    </row>
    <row r="12561" spans="1:9">
      <c r="A12561" s="1">
        <v>0.2903027460118055</v>
      </c>
      <c r="B12561" s="1"/>
      <c r="C12561">
        <v>10</v>
      </c>
      <c r="D12561" t="s">
        <v>30297</v>
      </c>
      <c r="E12561" t="s">
        <v>34526</v>
      </c>
      <c r="F12561">
        <v>4</v>
      </c>
      <c r="G12561" t="s">
        <v>0</v>
      </c>
      <c r="H12561" t="s">
        <v>30298</v>
      </c>
      <c r="I12561" t="s">
        <v>30540</v>
      </c>
    </row>
    <row r="12562" spans="1:9">
      <c r="A12562" s="1">
        <v>0.22675364039356072</v>
      </c>
      <c r="B12562" s="1"/>
      <c r="C12562">
        <v>18</v>
      </c>
      <c r="D12562" t="s">
        <v>30291</v>
      </c>
      <c r="E12562" t="s">
        <v>34527</v>
      </c>
      <c r="F12562">
        <v>5</v>
      </c>
      <c r="G12562" t="s">
        <v>0</v>
      </c>
      <c r="H12562" t="s">
        <v>30292</v>
      </c>
      <c r="I12562" t="s">
        <v>30540</v>
      </c>
    </row>
    <row r="12563" spans="1:9">
      <c r="A12563" s="1">
        <v>0.37009736186635234</v>
      </c>
      <c r="B12563" s="1"/>
      <c r="C12563">
        <v>1</v>
      </c>
      <c r="D12563" t="s">
        <v>30281</v>
      </c>
      <c r="E12563" t="s">
        <v>34527</v>
      </c>
      <c r="F12563">
        <v>5</v>
      </c>
      <c r="G12563" t="s">
        <v>2</v>
      </c>
      <c r="H12563" t="s">
        <v>30282</v>
      </c>
      <c r="I12563" t="s">
        <v>30540</v>
      </c>
    </row>
    <row r="12564" spans="1:9">
      <c r="A12564" s="1">
        <v>0.55687969868810883</v>
      </c>
      <c r="B12564" s="1"/>
      <c r="C12564">
        <v>13</v>
      </c>
      <c r="D12564" t="s">
        <v>30287</v>
      </c>
      <c r="E12564" t="s">
        <v>34527</v>
      </c>
      <c r="F12564">
        <v>4</v>
      </c>
      <c r="G12564" t="s">
        <v>1</v>
      </c>
      <c r="H12564" t="s">
        <v>30288</v>
      </c>
      <c r="I12564" t="s">
        <v>30540</v>
      </c>
    </row>
    <row r="12565" spans="1:9">
      <c r="A12565" s="1">
        <v>1.2297993327007539E-2</v>
      </c>
      <c r="B12565" s="1"/>
      <c r="C12565">
        <v>2</v>
      </c>
      <c r="D12565" t="s">
        <v>30283</v>
      </c>
      <c r="E12565" t="s">
        <v>34527</v>
      </c>
      <c r="F12565">
        <v>4</v>
      </c>
      <c r="G12565" t="s">
        <v>2</v>
      </c>
      <c r="H12565" t="s">
        <v>30284</v>
      </c>
      <c r="I12565" t="s">
        <v>30540</v>
      </c>
    </row>
    <row r="12566" spans="1:9">
      <c r="A12566" s="1">
        <v>0.63031070379115173</v>
      </c>
      <c r="B12566" s="1"/>
      <c r="C12566">
        <v>20</v>
      </c>
      <c r="D12566" t="s">
        <v>30293</v>
      </c>
      <c r="E12566" t="s">
        <v>34527</v>
      </c>
      <c r="F12566">
        <v>4</v>
      </c>
      <c r="G12566" t="s">
        <v>0</v>
      </c>
      <c r="H12566" t="s">
        <v>30294</v>
      </c>
      <c r="I12566" t="s">
        <v>30540</v>
      </c>
    </row>
    <row r="12567" spans="1:9">
      <c r="A12567" s="1">
        <v>0.55548767045540892</v>
      </c>
      <c r="B12567" s="1"/>
      <c r="C12567">
        <v>16</v>
      </c>
      <c r="D12567" t="s">
        <v>30289</v>
      </c>
      <c r="E12567" t="s">
        <v>34527</v>
      </c>
      <c r="F12567">
        <v>4</v>
      </c>
      <c r="G12567" t="s">
        <v>0</v>
      </c>
      <c r="H12567" t="s">
        <v>30290</v>
      </c>
      <c r="I12567" t="s">
        <v>30540</v>
      </c>
    </row>
    <row r="12568" spans="1:9">
      <c r="A12568" s="1">
        <v>0.10551867048136898</v>
      </c>
      <c r="B12568" s="1"/>
      <c r="C12568">
        <v>3</v>
      </c>
      <c r="D12568" t="s">
        <v>30285</v>
      </c>
      <c r="E12568" t="s">
        <v>34527</v>
      </c>
      <c r="F12568">
        <v>4</v>
      </c>
      <c r="G12568" t="s">
        <v>0</v>
      </c>
      <c r="H12568" t="s">
        <v>30286</v>
      </c>
      <c r="I12568" t="s">
        <v>30540</v>
      </c>
    </row>
    <row r="12569" spans="1:9">
      <c r="A12569" s="1">
        <v>0.31909039582533849</v>
      </c>
      <c r="B12569" s="1"/>
      <c r="C12569">
        <v>6</v>
      </c>
      <c r="D12569" t="s">
        <v>30277</v>
      </c>
      <c r="E12569" t="s">
        <v>34528</v>
      </c>
      <c r="F12569">
        <v>4</v>
      </c>
      <c r="G12569" t="s">
        <v>0</v>
      </c>
      <c r="H12569" t="s">
        <v>30278</v>
      </c>
      <c r="I12569" t="s">
        <v>30540</v>
      </c>
    </row>
    <row r="12570" spans="1:9">
      <c r="A12570" s="1">
        <v>7.9022172664439339E-2</v>
      </c>
      <c r="B12570" s="1"/>
      <c r="C12570">
        <v>11</v>
      </c>
      <c r="D12570" t="s">
        <v>30279</v>
      </c>
      <c r="E12570" t="s">
        <v>34528</v>
      </c>
      <c r="F12570">
        <v>3</v>
      </c>
      <c r="G12570" t="s">
        <v>0</v>
      </c>
      <c r="H12570" t="s">
        <v>30280</v>
      </c>
      <c r="I12570" t="s">
        <v>30540</v>
      </c>
    </row>
    <row r="12571" spans="1:9">
      <c r="A12571" s="1">
        <v>0.37310798093796393</v>
      </c>
      <c r="B12571" s="1"/>
      <c r="C12571">
        <v>14</v>
      </c>
      <c r="D12571" t="s">
        <v>30271</v>
      </c>
      <c r="E12571" t="s">
        <v>34529</v>
      </c>
      <c r="F12571">
        <v>5</v>
      </c>
      <c r="G12571" t="s">
        <v>0</v>
      </c>
      <c r="H12571" t="s">
        <v>30272</v>
      </c>
      <c r="I12571" t="s">
        <v>30540</v>
      </c>
    </row>
    <row r="12572" spans="1:9">
      <c r="A12572" s="1">
        <v>0.16519711432999284</v>
      </c>
      <c r="B12572" s="1"/>
      <c r="C12572">
        <v>19</v>
      </c>
      <c r="D12572" t="s">
        <v>30275</v>
      </c>
      <c r="E12572" t="s">
        <v>34529</v>
      </c>
      <c r="F12572">
        <v>5</v>
      </c>
      <c r="G12572" t="s">
        <v>0</v>
      </c>
      <c r="H12572" t="s">
        <v>30276</v>
      </c>
      <c r="I12572" t="s">
        <v>30540</v>
      </c>
    </row>
    <row r="12573" spans="1:9">
      <c r="A12573" s="1">
        <v>0.92721131876332563</v>
      </c>
      <c r="B12573" s="1"/>
      <c r="C12573">
        <v>16</v>
      </c>
      <c r="D12573" t="s">
        <v>30273</v>
      </c>
      <c r="E12573" t="s">
        <v>34529</v>
      </c>
      <c r="F12573">
        <v>4</v>
      </c>
      <c r="G12573" t="s">
        <v>13</v>
      </c>
      <c r="H12573" t="s">
        <v>30274</v>
      </c>
      <c r="I12573" t="s">
        <v>30540</v>
      </c>
    </row>
    <row r="12574" spans="1:9">
      <c r="A12574" s="1">
        <v>0.67279032161714469</v>
      </c>
      <c r="B12574" s="1"/>
      <c r="C12574">
        <v>13</v>
      </c>
      <c r="D12574" t="s">
        <v>30269</v>
      </c>
      <c r="E12574" t="s">
        <v>34529</v>
      </c>
      <c r="F12574">
        <v>4</v>
      </c>
      <c r="G12574" t="s">
        <v>15</v>
      </c>
      <c r="H12574" t="s">
        <v>30270</v>
      </c>
      <c r="I12574" t="s">
        <v>30540</v>
      </c>
    </row>
    <row r="12575" spans="1:9">
      <c r="A12575" s="1">
        <v>0.78831843853943684</v>
      </c>
      <c r="B12575" s="1"/>
      <c r="C12575">
        <v>19</v>
      </c>
      <c r="D12575" t="s">
        <v>30265</v>
      </c>
      <c r="E12575" t="s">
        <v>34531</v>
      </c>
      <c r="F12575">
        <v>4</v>
      </c>
      <c r="G12575" t="s">
        <v>0</v>
      </c>
      <c r="H12575" t="s">
        <v>30266</v>
      </c>
      <c r="I12575" t="s">
        <v>30540</v>
      </c>
    </row>
    <row r="12576" spans="1:9">
      <c r="A12576" s="1">
        <v>0.377034151966682</v>
      </c>
      <c r="B12576" s="1"/>
      <c r="C12576">
        <v>17</v>
      </c>
      <c r="D12576" t="s">
        <v>30255</v>
      </c>
      <c r="E12576" t="s">
        <v>34532</v>
      </c>
      <c r="F12576">
        <v>4</v>
      </c>
      <c r="G12576" t="s">
        <v>0</v>
      </c>
      <c r="H12576" t="s">
        <v>30256</v>
      </c>
      <c r="I12576" t="s">
        <v>30540</v>
      </c>
    </row>
    <row r="12577" spans="1:9">
      <c r="A12577" s="1">
        <v>2.9753345852814528E-2</v>
      </c>
      <c r="B12577" s="1"/>
      <c r="C12577">
        <v>16</v>
      </c>
      <c r="D12577" t="s">
        <v>30253</v>
      </c>
      <c r="E12577" t="s">
        <v>34532</v>
      </c>
      <c r="F12577">
        <v>4</v>
      </c>
      <c r="G12577" t="s">
        <v>0</v>
      </c>
      <c r="H12577" t="s">
        <v>30254</v>
      </c>
      <c r="I12577" t="s">
        <v>30540</v>
      </c>
    </row>
    <row r="12578" spans="1:9">
      <c r="A12578" s="1">
        <v>6.3428402232040826E-3</v>
      </c>
      <c r="B12578" s="1"/>
      <c r="C12578">
        <v>18</v>
      </c>
      <c r="D12578" t="s">
        <v>30257</v>
      </c>
      <c r="E12578" t="s">
        <v>34532</v>
      </c>
      <c r="F12578">
        <v>3</v>
      </c>
      <c r="G12578" t="s">
        <v>0</v>
      </c>
      <c r="H12578" t="s">
        <v>30258</v>
      </c>
      <c r="I12578" t="s">
        <v>30540</v>
      </c>
    </row>
    <row r="12579" spans="1:9">
      <c r="A12579" s="1">
        <v>0.85471315825690841</v>
      </c>
      <c r="B12579" s="1"/>
      <c r="C12579">
        <v>14</v>
      </c>
      <c r="D12579" t="s">
        <v>30249</v>
      </c>
      <c r="E12579" t="s">
        <v>34533</v>
      </c>
      <c r="F12579">
        <v>5</v>
      </c>
      <c r="G12579" t="s">
        <v>1</v>
      </c>
      <c r="H12579" t="s">
        <v>30250</v>
      </c>
      <c r="I12579" t="s">
        <v>30540</v>
      </c>
    </row>
    <row r="12580" spans="1:9">
      <c r="A12580" s="1">
        <v>0.10278688456448493</v>
      </c>
      <c r="B12580" s="1"/>
      <c r="C12580">
        <v>11</v>
      </c>
      <c r="D12580" t="s">
        <v>30245</v>
      </c>
      <c r="E12580" t="s">
        <v>34533</v>
      </c>
      <c r="F12580">
        <v>4</v>
      </c>
      <c r="G12580" t="s">
        <v>0</v>
      </c>
      <c r="H12580" t="s">
        <v>30246</v>
      </c>
      <c r="I12580" t="s">
        <v>30540</v>
      </c>
    </row>
    <row r="12581" spans="1:9">
      <c r="A12581" s="1">
        <v>0.11337265239794403</v>
      </c>
      <c r="B12581" s="1"/>
      <c r="C12581">
        <v>12</v>
      </c>
      <c r="D12581" t="s">
        <v>30247</v>
      </c>
      <c r="E12581" t="s">
        <v>34533</v>
      </c>
      <c r="F12581">
        <v>3</v>
      </c>
      <c r="G12581" t="s">
        <v>0</v>
      </c>
      <c r="H12581" t="s">
        <v>30248</v>
      </c>
      <c r="I12581" t="s">
        <v>30540</v>
      </c>
    </row>
    <row r="12582" spans="1:9">
      <c r="A12582" s="1">
        <v>2.7684973890733433E-2</v>
      </c>
      <c r="B12582" s="1"/>
      <c r="C12582">
        <v>8</v>
      </c>
      <c r="D12582" t="s">
        <v>30235</v>
      </c>
      <c r="E12582" t="s">
        <v>34534</v>
      </c>
      <c r="F12582">
        <v>5</v>
      </c>
      <c r="G12582" t="s">
        <v>1</v>
      </c>
      <c r="H12582" t="s">
        <v>30236</v>
      </c>
      <c r="I12582" t="s">
        <v>30540</v>
      </c>
    </row>
    <row r="12583" spans="1:9">
      <c r="A12583" s="1">
        <v>0.91418330324005981</v>
      </c>
      <c r="B12583" s="1"/>
      <c r="C12583">
        <v>6</v>
      </c>
      <c r="D12583" t="s">
        <v>30233</v>
      </c>
      <c r="E12583" t="s">
        <v>34534</v>
      </c>
      <c r="F12583">
        <v>5</v>
      </c>
      <c r="G12583" t="s">
        <v>15</v>
      </c>
      <c r="H12583" t="s">
        <v>30234</v>
      </c>
      <c r="I12583" t="s">
        <v>30540</v>
      </c>
    </row>
    <row r="12584" spans="1:9">
      <c r="A12584" s="1">
        <v>0.76626331952140636</v>
      </c>
      <c r="B12584" s="1"/>
      <c r="C12584">
        <v>18</v>
      </c>
      <c r="D12584" t="s">
        <v>30243</v>
      </c>
      <c r="E12584" t="s">
        <v>34534</v>
      </c>
      <c r="F12584">
        <v>4</v>
      </c>
      <c r="G12584" t="s">
        <v>0</v>
      </c>
      <c r="H12584" t="s">
        <v>30244</v>
      </c>
      <c r="I12584" t="s">
        <v>30540</v>
      </c>
    </row>
    <row r="12585" spans="1:9">
      <c r="A12585" s="1">
        <v>0.16761702043966042</v>
      </c>
      <c r="B12585" s="1"/>
      <c r="C12585">
        <v>15</v>
      </c>
      <c r="D12585" t="s">
        <v>30241</v>
      </c>
      <c r="E12585" t="s">
        <v>34534</v>
      </c>
      <c r="F12585">
        <v>4</v>
      </c>
      <c r="G12585" t="s">
        <v>0</v>
      </c>
      <c r="H12585" t="s">
        <v>30242</v>
      </c>
      <c r="I12585" t="s">
        <v>30540</v>
      </c>
    </row>
    <row r="12586" spans="1:9">
      <c r="A12586" s="1">
        <v>0.69008750175820799</v>
      </c>
      <c r="B12586" s="1"/>
      <c r="C12586">
        <v>11</v>
      </c>
      <c r="D12586" t="s">
        <v>30237</v>
      </c>
      <c r="E12586" t="s">
        <v>34534</v>
      </c>
      <c r="F12586">
        <v>4</v>
      </c>
      <c r="G12586" t="s">
        <v>0</v>
      </c>
      <c r="H12586" t="s">
        <v>30238</v>
      </c>
      <c r="I12586" t="s">
        <v>30540</v>
      </c>
    </row>
    <row r="12587" spans="1:9">
      <c r="A12587" s="1">
        <v>0.79117575991446432</v>
      </c>
      <c r="B12587" s="1"/>
      <c r="C12587">
        <v>12</v>
      </c>
      <c r="D12587" t="s">
        <v>30239</v>
      </c>
      <c r="E12587" t="s">
        <v>34534</v>
      </c>
      <c r="F12587">
        <v>3</v>
      </c>
      <c r="G12587" t="s">
        <v>0</v>
      </c>
      <c r="H12587" t="s">
        <v>30240</v>
      </c>
      <c r="I12587" t="s">
        <v>30540</v>
      </c>
    </row>
    <row r="12588" spans="1:9">
      <c r="A12588" s="1">
        <v>0.78003937618673669</v>
      </c>
      <c r="B12588" s="1"/>
      <c r="C12588">
        <v>16</v>
      </c>
      <c r="D12588" t="s">
        <v>30229</v>
      </c>
      <c r="E12588" t="s">
        <v>34535</v>
      </c>
      <c r="F12588">
        <v>5</v>
      </c>
      <c r="G12588" t="s">
        <v>1</v>
      </c>
      <c r="H12588" t="s">
        <v>30230</v>
      </c>
      <c r="I12588" t="s">
        <v>30540</v>
      </c>
    </row>
    <row r="12589" spans="1:9">
      <c r="A12589" s="1">
        <v>0.51283714251740797</v>
      </c>
      <c r="B12589" s="1"/>
      <c r="C12589">
        <v>7</v>
      </c>
      <c r="D12589" t="s">
        <v>30225</v>
      </c>
      <c r="E12589" t="s">
        <v>34535</v>
      </c>
      <c r="F12589">
        <v>5</v>
      </c>
      <c r="G12589" t="s">
        <v>15</v>
      </c>
      <c r="H12589" t="s">
        <v>30226</v>
      </c>
      <c r="I12589" t="s">
        <v>30540</v>
      </c>
    </row>
    <row r="12590" spans="1:9">
      <c r="A12590" s="1">
        <v>0.73729959061851014</v>
      </c>
      <c r="B12590" s="1"/>
      <c r="C12590">
        <v>5</v>
      </c>
      <c r="D12590" t="s">
        <v>30223</v>
      </c>
      <c r="E12590" t="s">
        <v>34535</v>
      </c>
      <c r="F12590">
        <v>4</v>
      </c>
      <c r="G12590" t="s">
        <v>10</v>
      </c>
      <c r="H12590" t="s">
        <v>30224</v>
      </c>
      <c r="I12590" t="s">
        <v>30540</v>
      </c>
    </row>
    <row r="12591" spans="1:9">
      <c r="A12591" s="1">
        <v>0.36592054131163665</v>
      </c>
      <c r="B12591" s="1"/>
      <c r="C12591">
        <v>17</v>
      </c>
      <c r="D12591" t="s">
        <v>30231</v>
      </c>
      <c r="E12591" t="s">
        <v>34535</v>
      </c>
      <c r="F12591">
        <v>4</v>
      </c>
      <c r="G12591" t="s">
        <v>13</v>
      </c>
      <c r="H12591" t="s">
        <v>30232</v>
      </c>
      <c r="I12591" t="s">
        <v>30540</v>
      </c>
    </row>
    <row r="12592" spans="1:9">
      <c r="A12592" s="1">
        <v>0.82147902963619224</v>
      </c>
      <c r="B12592" s="1"/>
      <c r="C12592">
        <v>13</v>
      </c>
      <c r="D12592" t="s">
        <v>30227</v>
      </c>
      <c r="E12592" t="s">
        <v>34535</v>
      </c>
      <c r="F12592">
        <v>4</v>
      </c>
      <c r="G12592" t="s">
        <v>0</v>
      </c>
      <c r="H12592" t="s">
        <v>30228</v>
      </c>
      <c r="I12592" t="s">
        <v>30540</v>
      </c>
    </row>
    <row r="12593" spans="1:9">
      <c r="A12593" s="1">
        <v>0.69950418951871063</v>
      </c>
      <c r="B12593" s="1"/>
      <c r="C12593">
        <v>10</v>
      </c>
      <c r="D12593" t="s">
        <v>30219</v>
      </c>
      <c r="E12593" t="s">
        <v>34536</v>
      </c>
      <c r="F12593">
        <v>4</v>
      </c>
      <c r="G12593" t="s">
        <v>9</v>
      </c>
      <c r="H12593" t="s">
        <v>30220</v>
      </c>
      <c r="I12593" t="s">
        <v>30540</v>
      </c>
    </row>
    <row r="12594" spans="1:9">
      <c r="A12594" s="1">
        <v>0.76923139449875377</v>
      </c>
      <c r="B12594" s="1"/>
      <c r="C12594">
        <v>14</v>
      </c>
      <c r="D12594" t="s">
        <v>30221</v>
      </c>
      <c r="E12594" t="s">
        <v>34536</v>
      </c>
      <c r="F12594">
        <v>4</v>
      </c>
      <c r="G12594" t="s">
        <v>0</v>
      </c>
      <c r="H12594" t="s">
        <v>30222</v>
      </c>
      <c r="I12594" t="s">
        <v>30540</v>
      </c>
    </row>
    <row r="12595" spans="1:9">
      <c r="A12595" s="1">
        <v>1.105886208659379E-2</v>
      </c>
      <c r="B12595" s="1"/>
      <c r="C12595">
        <v>2</v>
      </c>
      <c r="D12595" t="s">
        <v>30217</v>
      </c>
      <c r="E12595" t="s">
        <v>34536</v>
      </c>
      <c r="F12595">
        <v>3</v>
      </c>
      <c r="G12595" t="s">
        <v>0</v>
      </c>
      <c r="H12595" t="s">
        <v>30218</v>
      </c>
      <c r="I12595" t="s">
        <v>30540</v>
      </c>
    </row>
    <row r="12596" spans="1:9">
      <c r="A12596" s="1">
        <v>0.59539107197723207</v>
      </c>
      <c r="B12596" s="1"/>
      <c r="C12596">
        <v>16</v>
      </c>
      <c r="D12596" t="s">
        <v>30215</v>
      </c>
      <c r="E12596" t="s">
        <v>34537</v>
      </c>
      <c r="F12596">
        <v>5</v>
      </c>
      <c r="G12596" t="s">
        <v>0</v>
      </c>
      <c r="H12596" t="s">
        <v>30216</v>
      </c>
      <c r="I12596" t="s">
        <v>30540</v>
      </c>
    </row>
    <row r="12597" spans="1:9">
      <c r="A12597" s="1">
        <v>0.57913778153408879</v>
      </c>
      <c r="B12597" s="1"/>
      <c r="C12597">
        <v>10</v>
      </c>
      <c r="D12597" t="s">
        <v>30213</v>
      </c>
      <c r="E12597" t="s">
        <v>34537</v>
      </c>
      <c r="F12597">
        <v>4</v>
      </c>
      <c r="G12597" t="s">
        <v>0</v>
      </c>
      <c r="H12597" t="s">
        <v>30214</v>
      </c>
      <c r="I12597" t="s">
        <v>30540</v>
      </c>
    </row>
    <row r="12598" spans="1:9">
      <c r="A12598" s="1">
        <v>6.5842256548898082E-3</v>
      </c>
      <c r="B12598" s="1"/>
      <c r="C12598">
        <v>1</v>
      </c>
      <c r="D12598" t="s">
        <v>30209</v>
      </c>
      <c r="E12598" t="s">
        <v>34537</v>
      </c>
      <c r="F12598">
        <v>4</v>
      </c>
      <c r="G12598" t="s">
        <v>2</v>
      </c>
      <c r="H12598" t="s">
        <v>30210</v>
      </c>
      <c r="I12598" t="s">
        <v>30540</v>
      </c>
    </row>
    <row r="12599" spans="1:9">
      <c r="A12599" s="1">
        <v>0.77092794158343037</v>
      </c>
      <c r="B12599" s="1"/>
      <c r="C12599">
        <v>7</v>
      </c>
      <c r="D12599" t="s">
        <v>30211</v>
      </c>
      <c r="E12599" t="s">
        <v>34537</v>
      </c>
      <c r="F12599">
        <v>4</v>
      </c>
      <c r="G12599" t="s">
        <v>9</v>
      </c>
      <c r="H12599" t="s">
        <v>30212</v>
      </c>
      <c r="I12599" t="s">
        <v>30540</v>
      </c>
    </row>
    <row r="12600" spans="1:9">
      <c r="A12600" s="1">
        <v>0.98000648396332923</v>
      </c>
      <c r="B12600" s="1"/>
      <c r="C12600">
        <v>3</v>
      </c>
      <c r="D12600" t="s">
        <v>30203</v>
      </c>
      <c r="E12600" t="s">
        <v>34538</v>
      </c>
      <c r="F12600">
        <v>5</v>
      </c>
      <c r="G12600" t="s">
        <v>0</v>
      </c>
      <c r="H12600" t="s">
        <v>30204</v>
      </c>
      <c r="I12600" t="s">
        <v>30540</v>
      </c>
    </row>
    <row r="12601" spans="1:9">
      <c r="A12601" s="1">
        <v>0.58527643197999013</v>
      </c>
      <c r="B12601" s="1"/>
      <c r="C12601">
        <v>11</v>
      </c>
      <c r="D12601" t="s">
        <v>30207</v>
      </c>
      <c r="E12601" t="s">
        <v>34538</v>
      </c>
      <c r="F12601">
        <v>4</v>
      </c>
      <c r="G12601" t="s">
        <v>0</v>
      </c>
      <c r="H12601" t="s">
        <v>30208</v>
      </c>
      <c r="I12601" t="s">
        <v>30540</v>
      </c>
    </row>
    <row r="12602" spans="1:9">
      <c r="A12602" s="1">
        <v>0.18589166138476987</v>
      </c>
      <c r="B12602" s="1"/>
      <c r="C12602">
        <v>10</v>
      </c>
      <c r="D12602" t="s">
        <v>30205</v>
      </c>
      <c r="E12602" t="s">
        <v>34538</v>
      </c>
      <c r="F12602">
        <v>4</v>
      </c>
      <c r="G12602" t="s">
        <v>0</v>
      </c>
      <c r="H12602" t="s">
        <v>30206</v>
      </c>
      <c r="I12602" t="s">
        <v>30540</v>
      </c>
    </row>
    <row r="12603" spans="1:9">
      <c r="A12603" s="1">
        <v>0.31526661384376864</v>
      </c>
      <c r="B12603" s="1"/>
      <c r="C12603">
        <v>13</v>
      </c>
      <c r="D12603" t="s">
        <v>30201</v>
      </c>
      <c r="E12603" t="s">
        <v>34539</v>
      </c>
      <c r="F12603">
        <v>4</v>
      </c>
      <c r="G12603" t="s">
        <v>0</v>
      </c>
      <c r="H12603" t="s">
        <v>30202</v>
      </c>
      <c r="I12603" t="s">
        <v>30540</v>
      </c>
    </row>
    <row r="12604" spans="1:9">
      <c r="A12604" s="1">
        <v>0.37209031821198113</v>
      </c>
      <c r="B12604" s="1"/>
      <c r="C12604">
        <v>8</v>
      </c>
      <c r="D12604" t="s">
        <v>30195</v>
      </c>
      <c r="E12604" t="s">
        <v>34540</v>
      </c>
      <c r="F12604">
        <v>5</v>
      </c>
      <c r="G12604" t="s">
        <v>0</v>
      </c>
      <c r="H12604" t="s">
        <v>30196</v>
      </c>
      <c r="I12604" t="s">
        <v>30540</v>
      </c>
    </row>
    <row r="12605" spans="1:9">
      <c r="A12605" s="1">
        <v>0.94612492599952447</v>
      </c>
      <c r="B12605" s="1"/>
      <c r="C12605">
        <v>10</v>
      </c>
      <c r="D12605" t="s">
        <v>30197</v>
      </c>
      <c r="E12605" t="s">
        <v>34540</v>
      </c>
      <c r="F12605">
        <v>4</v>
      </c>
      <c r="G12605" t="s">
        <v>0</v>
      </c>
      <c r="H12605" t="s">
        <v>30198</v>
      </c>
      <c r="I12605" t="s">
        <v>30540</v>
      </c>
    </row>
    <row r="12606" spans="1:9">
      <c r="A12606" s="1">
        <v>0.39589270517395547</v>
      </c>
      <c r="B12606" s="1"/>
      <c r="C12606">
        <v>13</v>
      </c>
      <c r="D12606" t="s">
        <v>30199</v>
      </c>
      <c r="E12606" t="s">
        <v>34540</v>
      </c>
      <c r="F12606">
        <v>4</v>
      </c>
      <c r="G12606" t="s">
        <v>0</v>
      </c>
      <c r="H12606" t="s">
        <v>30200</v>
      </c>
      <c r="I12606" t="s">
        <v>30540</v>
      </c>
    </row>
    <row r="12607" spans="1:9">
      <c r="A12607" s="1">
        <v>0.3737497277021592</v>
      </c>
      <c r="B12607" s="1"/>
      <c r="C12607">
        <v>16</v>
      </c>
      <c r="D12607" t="s">
        <v>30191</v>
      </c>
      <c r="E12607" t="s">
        <v>34541</v>
      </c>
      <c r="F12607">
        <v>5</v>
      </c>
      <c r="G12607" t="s">
        <v>0</v>
      </c>
      <c r="H12607" t="s">
        <v>30192</v>
      </c>
      <c r="I12607" t="s">
        <v>30540</v>
      </c>
    </row>
    <row r="12608" spans="1:9">
      <c r="A12608" s="1">
        <v>0.2854576346284976</v>
      </c>
      <c r="B12608" s="1"/>
      <c r="C12608">
        <v>13</v>
      </c>
      <c r="D12608" t="s">
        <v>30189</v>
      </c>
      <c r="E12608" t="s">
        <v>34541</v>
      </c>
      <c r="F12608">
        <v>4</v>
      </c>
      <c r="G12608" t="s">
        <v>0</v>
      </c>
      <c r="H12608" t="s">
        <v>30190</v>
      </c>
      <c r="I12608" t="s">
        <v>30540</v>
      </c>
    </row>
    <row r="12609" spans="1:9">
      <c r="A12609" s="1">
        <v>0.72485140581750052</v>
      </c>
      <c r="B12609" s="1"/>
      <c r="C12609">
        <v>6</v>
      </c>
      <c r="D12609" t="s">
        <v>30187</v>
      </c>
      <c r="E12609" t="s">
        <v>34541</v>
      </c>
      <c r="F12609">
        <v>4</v>
      </c>
      <c r="G12609" t="s">
        <v>0</v>
      </c>
      <c r="H12609" t="s">
        <v>30188</v>
      </c>
      <c r="I12609" t="s">
        <v>30540</v>
      </c>
    </row>
    <row r="12610" spans="1:9">
      <c r="A12610" s="1">
        <v>0.13988806969916623</v>
      </c>
      <c r="B12610" s="1"/>
      <c r="C12610">
        <v>19</v>
      </c>
      <c r="D12610" t="s">
        <v>30193</v>
      </c>
      <c r="E12610" t="s">
        <v>34541</v>
      </c>
      <c r="F12610">
        <v>4</v>
      </c>
      <c r="G12610" t="s">
        <v>13</v>
      </c>
      <c r="H12610" t="s">
        <v>30194</v>
      </c>
      <c r="I12610" t="s">
        <v>30540</v>
      </c>
    </row>
    <row r="12611" spans="1:9">
      <c r="A12611" s="1">
        <v>0.11142735190751507</v>
      </c>
      <c r="B12611" s="1"/>
      <c r="C12611">
        <v>9</v>
      </c>
      <c r="D12611" t="s">
        <v>30183</v>
      </c>
      <c r="E12611" t="s">
        <v>34542</v>
      </c>
      <c r="F12611">
        <v>4</v>
      </c>
      <c r="G12611" t="s">
        <v>2</v>
      </c>
      <c r="H12611" t="s">
        <v>30184</v>
      </c>
      <c r="I12611" t="s">
        <v>30540</v>
      </c>
    </row>
    <row r="12612" spans="1:9">
      <c r="A12612" s="1">
        <v>0.90444358448825724</v>
      </c>
      <c r="B12612" s="1"/>
      <c r="C12612">
        <v>10</v>
      </c>
      <c r="D12612" t="s">
        <v>30179</v>
      </c>
      <c r="E12612" t="s">
        <v>34543</v>
      </c>
      <c r="F12612">
        <v>5</v>
      </c>
      <c r="G12612" t="s">
        <v>0</v>
      </c>
      <c r="H12612" t="s">
        <v>30180</v>
      </c>
      <c r="I12612" t="s">
        <v>30540</v>
      </c>
    </row>
    <row r="12613" spans="1:9">
      <c r="A12613" s="1">
        <v>0.80096464115934407</v>
      </c>
      <c r="B12613" s="1"/>
      <c r="C12613">
        <v>9</v>
      </c>
      <c r="D12613" t="s">
        <v>30177</v>
      </c>
      <c r="E12613" t="s">
        <v>34543</v>
      </c>
      <c r="F12613">
        <v>5</v>
      </c>
      <c r="G12613" t="s">
        <v>2</v>
      </c>
      <c r="H12613" t="s">
        <v>30178</v>
      </c>
      <c r="I12613" t="s">
        <v>30540</v>
      </c>
    </row>
    <row r="12614" spans="1:9">
      <c r="A12614" s="1">
        <v>9.7903438480315685E-3</v>
      </c>
      <c r="B12614" s="1"/>
      <c r="C12614">
        <v>15</v>
      </c>
      <c r="D12614" t="s">
        <v>30181</v>
      </c>
      <c r="E12614" t="s">
        <v>34543</v>
      </c>
      <c r="F12614">
        <v>4</v>
      </c>
      <c r="G12614" t="s">
        <v>0</v>
      </c>
      <c r="H12614" t="s">
        <v>30182</v>
      </c>
      <c r="I12614" t="s">
        <v>30540</v>
      </c>
    </row>
    <row r="12615" spans="1:9">
      <c r="A12615" s="1">
        <v>0.85944213682055814</v>
      </c>
      <c r="B12615" s="1"/>
      <c r="C12615">
        <v>19</v>
      </c>
      <c r="D12615" t="s">
        <v>30173</v>
      </c>
      <c r="E12615" t="s">
        <v>34544</v>
      </c>
      <c r="F12615">
        <v>4</v>
      </c>
      <c r="G12615" t="s">
        <v>0</v>
      </c>
      <c r="H12615" t="s">
        <v>30174</v>
      </c>
      <c r="I12615" t="s">
        <v>30540</v>
      </c>
    </row>
    <row r="12616" spans="1:9">
      <c r="A12616" s="1">
        <v>0.6650525137721468</v>
      </c>
      <c r="B12616" s="1"/>
      <c r="C12616">
        <v>11</v>
      </c>
      <c r="D12616" t="s">
        <v>30171</v>
      </c>
      <c r="E12616" t="s">
        <v>34544</v>
      </c>
      <c r="F12616">
        <v>4</v>
      </c>
      <c r="G12616" t="s">
        <v>0</v>
      </c>
      <c r="H12616" t="s">
        <v>30172</v>
      </c>
      <c r="I12616" t="s">
        <v>30540</v>
      </c>
    </row>
    <row r="12617" spans="1:9">
      <c r="A12617" s="1">
        <v>0.2971603713564307</v>
      </c>
      <c r="B12617" s="1"/>
      <c r="C12617">
        <v>7</v>
      </c>
      <c r="D12617" t="s">
        <v>30163</v>
      </c>
      <c r="E12617" t="s">
        <v>34545</v>
      </c>
      <c r="F12617">
        <v>5</v>
      </c>
      <c r="G12617" t="s">
        <v>14</v>
      </c>
      <c r="H12617" t="s">
        <v>30164</v>
      </c>
      <c r="I12617" t="s">
        <v>30540</v>
      </c>
    </row>
    <row r="12618" spans="1:9">
      <c r="A12618" s="1">
        <v>0.59272948004489256</v>
      </c>
      <c r="B12618" s="1"/>
      <c r="C12618">
        <v>10</v>
      </c>
      <c r="D12618" t="s">
        <v>30165</v>
      </c>
      <c r="E12618" t="s">
        <v>34545</v>
      </c>
      <c r="F12618">
        <v>5</v>
      </c>
      <c r="G12618" t="s">
        <v>10</v>
      </c>
      <c r="H12618" t="s">
        <v>30166</v>
      </c>
      <c r="I12618" t="s">
        <v>30540</v>
      </c>
    </row>
    <row r="12619" spans="1:9">
      <c r="A12619" s="1">
        <v>0.25139982708353015</v>
      </c>
      <c r="B12619" s="1"/>
      <c r="C12619">
        <v>6</v>
      </c>
      <c r="D12619" t="s">
        <v>30161</v>
      </c>
      <c r="E12619" t="s">
        <v>34545</v>
      </c>
      <c r="F12619">
        <v>5</v>
      </c>
      <c r="G12619" t="s">
        <v>1</v>
      </c>
      <c r="H12619" t="s">
        <v>30162</v>
      </c>
      <c r="I12619" t="s">
        <v>30540</v>
      </c>
    </row>
    <row r="12620" spans="1:9">
      <c r="A12620" s="1">
        <v>0.41789631025420471</v>
      </c>
      <c r="B12620" s="1"/>
      <c r="C12620">
        <v>5</v>
      </c>
      <c r="D12620" t="s">
        <v>30159</v>
      </c>
      <c r="E12620" t="s">
        <v>34545</v>
      </c>
      <c r="F12620">
        <v>4</v>
      </c>
      <c r="G12620" t="s">
        <v>15</v>
      </c>
      <c r="H12620" t="s">
        <v>30160</v>
      </c>
      <c r="I12620" t="s">
        <v>30540</v>
      </c>
    </row>
    <row r="12621" spans="1:9">
      <c r="A12621" s="1">
        <v>0.90582576085074828</v>
      </c>
      <c r="B12621" s="1"/>
      <c r="C12621">
        <v>12</v>
      </c>
      <c r="D12621" t="s">
        <v>30167</v>
      </c>
      <c r="E12621" t="s">
        <v>34545</v>
      </c>
      <c r="F12621">
        <v>4</v>
      </c>
      <c r="G12621" t="s">
        <v>0</v>
      </c>
      <c r="H12621" t="s">
        <v>30168</v>
      </c>
      <c r="I12621" t="s">
        <v>30540</v>
      </c>
    </row>
    <row r="12622" spans="1:9">
      <c r="A12622" s="1">
        <v>0.80603381854234546</v>
      </c>
      <c r="B12622" s="1"/>
      <c r="C12622">
        <v>17</v>
      </c>
      <c r="D12622" t="s">
        <v>30169</v>
      </c>
      <c r="E12622" t="s">
        <v>34545</v>
      </c>
      <c r="F12622">
        <v>4</v>
      </c>
      <c r="G12622" t="s">
        <v>0</v>
      </c>
      <c r="H12622" t="s">
        <v>30170</v>
      </c>
      <c r="I12622" t="s">
        <v>30540</v>
      </c>
    </row>
    <row r="12623" spans="1:9">
      <c r="A12623" s="1">
        <v>0.4383188010541309</v>
      </c>
      <c r="B12623" s="1"/>
      <c r="C12623">
        <v>2</v>
      </c>
      <c r="D12623" t="s">
        <v>30153</v>
      </c>
      <c r="E12623" t="s">
        <v>34546</v>
      </c>
      <c r="F12623">
        <v>5</v>
      </c>
      <c r="G12623" t="s">
        <v>0</v>
      </c>
      <c r="H12623" t="s">
        <v>30154</v>
      </c>
      <c r="I12623" t="s">
        <v>30540</v>
      </c>
    </row>
    <row r="12624" spans="1:9">
      <c r="A12624" s="1">
        <v>0.61625103300645778</v>
      </c>
      <c r="B12624" s="1"/>
      <c r="C12624">
        <v>17</v>
      </c>
      <c r="D12624" t="s">
        <v>30157</v>
      </c>
      <c r="E12624" t="s">
        <v>34546</v>
      </c>
      <c r="F12624">
        <v>4</v>
      </c>
      <c r="G12624" t="s">
        <v>0</v>
      </c>
      <c r="H12624" t="s">
        <v>30158</v>
      </c>
      <c r="I12624" t="s">
        <v>30540</v>
      </c>
    </row>
    <row r="12625" spans="1:9">
      <c r="A12625" s="1">
        <v>0.74417544461068241</v>
      </c>
      <c r="B12625" s="1"/>
      <c r="C12625">
        <v>9</v>
      </c>
      <c r="D12625" t="s">
        <v>30155</v>
      </c>
      <c r="E12625" t="s">
        <v>34546</v>
      </c>
      <c r="F12625">
        <v>4</v>
      </c>
      <c r="G12625" t="s">
        <v>0</v>
      </c>
      <c r="H12625" t="s">
        <v>30156</v>
      </c>
      <c r="I12625" t="s">
        <v>30540</v>
      </c>
    </row>
    <row r="12626" spans="1:9">
      <c r="A12626" s="1">
        <v>0.72185992332066795</v>
      </c>
      <c r="B12626" s="1"/>
      <c r="C12626">
        <v>13</v>
      </c>
      <c r="D12626" t="s">
        <v>30147</v>
      </c>
      <c r="E12626" t="s">
        <v>34547</v>
      </c>
      <c r="F12626">
        <v>5</v>
      </c>
      <c r="G12626" t="s">
        <v>0</v>
      </c>
      <c r="H12626" t="s">
        <v>30148</v>
      </c>
      <c r="I12626" t="s">
        <v>30540</v>
      </c>
    </row>
    <row r="12627" spans="1:9">
      <c r="A12627" s="1">
        <v>0.36944191610600829</v>
      </c>
      <c r="B12627" s="1"/>
      <c r="C12627">
        <v>18</v>
      </c>
      <c r="D12627" t="s">
        <v>30151</v>
      </c>
      <c r="E12627" t="s">
        <v>34547</v>
      </c>
      <c r="F12627">
        <v>4</v>
      </c>
      <c r="G12627" t="s">
        <v>0</v>
      </c>
      <c r="H12627" t="s">
        <v>30152</v>
      </c>
      <c r="I12627" t="s">
        <v>30540</v>
      </c>
    </row>
    <row r="12628" spans="1:9">
      <c r="A12628" s="1">
        <v>0.47412665881535343</v>
      </c>
      <c r="B12628" s="1"/>
      <c r="C12628">
        <v>8</v>
      </c>
      <c r="D12628" t="s">
        <v>30145</v>
      </c>
      <c r="E12628" t="s">
        <v>34547</v>
      </c>
      <c r="F12628">
        <v>4</v>
      </c>
      <c r="G12628" t="s">
        <v>0</v>
      </c>
      <c r="H12628" t="s">
        <v>30146</v>
      </c>
      <c r="I12628" t="s">
        <v>30540</v>
      </c>
    </row>
    <row r="12629" spans="1:9">
      <c r="A12629" s="1">
        <v>0.64311252056537627</v>
      </c>
      <c r="B12629" s="1"/>
      <c r="C12629">
        <v>16</v>
      </c>
      <c r="D12629" t="s">
        <v>30149</v>
      </c>
      <c r="E12629" t="s">
        <v>34547</v>
      </c>
      <c r="F12629">
        <v>4</v>
      </c>
      <c r="G12629" t="s">
        <v>0</v>
      </c>
      <c r="H12629" t="s">
        <v>30150</v>
      </c>
      <c r="I12629" t="s">
        <v>30540</v>
      </c>
    </row>
    <row r="12630" spans="1:9">
      <c r="A12630" s="1">
        <v>0.85116725042039754</v>
      </c>
      <c r="B12630" s="1"/>
      <c r="C12630">
        <v>6</v>
      </c>
      <c r="D12630" t="s">
        <v>30143</v>
      </c>
      <c r="E12630" t="s">
        <v>34548</v>
      </c>
      <c r="F12630">
        <v>4</v>
      </c>
      <c r="G12630" t="s">
        <v>0</v>
      </c>
      <c r="H12630" t="s">
        <v>30144</v>
      </c>
      <c r="I12630" t="s">
        <v>30540</v>
      </c>
    </row>
    <row r="12631" spans="1:9">
      <c r="A12631" s="1">
        <v>0.98378831254144239</v>
      </c>
      <c r="B12631" s="1"/>
      <c r="C12631">
        <v>3</v>
      </c>
      <c r="D12631" t="s">
        <v>30141</v>
      </c>
      <c r="E12631" t="s">
        <v>34548</v>
      </c>
      <c r="F12631">
        <v>4</v>
      </c>
      <c r="G12631" t="s">
        <v>0</v>
      </c>
      <c r="H12631" t="s">
        <v>30142</v>
      </c>
      <c r="I12631" t="s">
        <v>30540</v>
      </c>
    </row>
    <row r="12632" spans="1:9">
      <c r="A12632" s="1">
        <v>0.33009992426121992</v>
      </c>
      <c r="B12632" s="1"/>
      <c r="C12632">
        <v>6</v>
      </c>
      <c r="D12632" t="s">
        <v>30137</v>
      </c>
      <c r="E12632" t="s">
        <v>34549</v>
      </c>
      <c r="F12632">
        <v>4</v>
      </c>
      <c r="G12632" t="s">
        <v>0</v>
      </c>
      <c r="H12632" t="s">
        <v>30138</v>
      </c>
      <c r="I12632" t="s">
        <v>30540</v>
      </c>
    </row>
    <row r="12633" spans="1:9">
      <c r="A12633" s="1">
        <v>0.67052686699997943</v>
      </c>
      <c r="B12633" s="1"/>
      <c r="C12633">
        <v>2</v>
      </c>
      <c r="D12633" t="s">
        <v>30135</v>
      </c>
      <c r="E12633" t="s">
        <v>34549</v>
      </c>
      <c r="F12633">
        <v>4</v>
      </c>
      <c r="G12633" t="s">
        <v>0</v>
      </c>
      <c r="H12633" t="s">
        <v>30136</v>
      </c>
      <c r="I12633" t="s">
        <v>30540</v>
      </c>
    </row>
    <row r="12634" spans="1:9">
      <c r="A12634" s="1">
        <v>0.74207510612513827</v>
      </c>
      <c r="B12634" s="1"/>
      <c r="C12634">
        <v>16</v>
      </c>
      <c r="D12634" t="s">
        <v>30133</v>
      </c>
      <c r="E12634" t="s">
        <v>34550</v>
      </c>
      <c r="F12634">
        <v>5</v>
      </c>
      <c r="G12634" t="s">
        <v>0</v>
      </c>
      <c r="H12634" t="s">
        <v>30134</v>
      </c>
      <c r="I12634" t="s">
        <v>30540</v>
      </c>
    </row>
    <row r="12635" spans="1:9">
      <c r="A12635" s="1">
        <v>0.50500403452629283</v>
      </c>
      <c r="B12635" s="1"/>
      <c r="C12635">
        <v>13</v>
      </c>
      <c r="D12635" t="s">
        <v>30131</v>
      </c>
      <c r="E12635" t="s">
        <v>34550</v>
      </c>
      <c r="F12635">
        <v>5</v>
      </c>
      <c r="G12635" t="s">
        <v>0</v>
      </c>
      <c r="H12635" t="s">
        <v>30132</v>
      </c>
      <c r="I12635" t="s">
        <v>30540</v>
      </c>
    </row>
    <row r="12636" spans="1:9">
      <c r="A12636" s="1">
        <v>0.66334946880557577</v>
      </c>
      <c r="B12636" s="1"/>
      <c r="C12636">
        <v>10</v>
      </c>
      <c r="D12636" t="s">
        <v>30129</v>
      </c>
      <c r="E12636" t="s">
        <v>34550</v>
      </c>
      <c r="F12636">
        <v>4</v>
      </c>
      <c r="G12636" t="s">
        <v>0</v>
      </c>
      <c r="H12636" t="s">
        <v>30130</v>
      </c>
      <c r="I12636" t="s">
        <v>30540</v>
      </c>
    </row>
    <row r="12637" spans="1:9">
      <c r="A12637" s="1">
        <v>0.66609166497121031</v>
      </c>
      <c r="B12637" s="1"/>
      <c r="C12637">
        <v>20</v>
      </c>
      <c r="D12637" t="s">
        <v>30125</v>
      </c>
      <c r="E12637" t="s">
        <v>34551</v>
      </c>
      <c r="F12637">
        <v>4</v>
      </c>
      <c r="G12637" t="s">
        <v>1</v>
      </c>
      <c r="H12637" t="s">
        <v>30126</v>
      </c>
      <c r="I12637" t="s">
        <v>30540</v>
      </c>
    </row>
    <row r="12638" spans="1:9">
      <c r="A12638" s="1">
        <v>0.13569291215461066</v>
      </c>
      <c r="B12638" s="1"/>
      <c r="C12638">
        <v>8</v>
      </c>
      <c r="D12638" t="s">
        <v>30115</v>
      </c>
      <c r="E12638" t="s">
        <v>34552</v>
      </c>
      <c r="F12638">
        <v>4</v>
      </c>
      <c r="G12638" t="s">
        <v>0</v>
      </c>
      <c r="H12638" t="s">
        <v>30116</v>
      </c>
      <c r="I12638" t="s">
        <v>30540</v>
      </c>
    </row>
    <row r="12639" spans="1:9">
      <c r="A12639" s="1">
        <v>0.24858013919743982</v>
      </c>
      <c r="B12639" s="1"/>
      <c r="C12639">
        <v>15</v>
      </c>
      <c r="D12639" t="s">
        <v>30121</v>
      </c>
      <c r="E12639" t="s">
        <v>34552</v>
      </c>
      <c r="F12639">
        <v>4</v>
      </c>
      <c r="G12639" t="s">
        <v>0</v>
      </c>
      <c r="H12639" t="s">
        <v>30122</v>
      </c>
      <c r="I12639" t="s">
        <v>30540</v>
      </c>
    </row>
    <row r="12640" spans="1:9">
      <c r="A12640" s="1">
        <v>4.9557246071981198E-2</v>
      </c>
      <c r="B12640" s="1"/>
      <c r="C12640">
        <v>11</v>
      </c>
      <c r="D12640" t="s">
        <v>30117</v>
      </c>
      <c r="E12640" t="s">
        <v>34552</v>
      </c>
      <c r="F12640">
        <v>4</v>
      </c>
      <c r="G12640" t="s">
        <v>1</v>
      </c>
      <c r="H12640" t="s">
        <v>30118</v>
      </c>
      <c r="I12640" t="s">
        <v>30540</v>
      </c>
    </row>
    <row r="12641" spans="1:9">
      <c r="A12641" s="1">
        <v>0.67098947854859969</v>
      </c>
      <c r="B12641" s="1"/>
      <c r="C12641">
        <v>13</v>
      </c>
      <c r="D12641" t="s">
        <v>30113</v>
      </c>
      <c r="E12641" t="s">
        <v>34553</v>
      </c>
      <c r="F12641">
        <v>5</v>
      </c>
      <c r="G12641" t="s">
        <v>9</v>
      </c>
      <c r="H12641" t="s">
        <v>30114</v>
      </c>
      <c r="I12641" t="s">
        <v>30540</v>
      </c>
    </row>
    <row r="12642" spans="1:9">
      <c r="A12642" s="1">
        <v>0.97987761189525735</v>
      </c>
      <c r="B12642" s="1"/>
      <c r="C12642">
        <v>10</v>
      </c>
      <c r="D12642" t="s">
        <v>30111</v>
      </c>
      <c r="E12642" t="s">
        <v>34553</v>
      </c>
      <c r="F12642">
        <v>4</v>
      </c>
      <c r="G12642" t="s">
        <v>1</v>
      </c>
      <c r="H12642" t="s">
        <v>30112</v>
      </c>
      <c r="I12642" t="s">
        <v>30540</v>
      </c>
    </row>
    <row r="12643" spans="1:9">
      <c r="A12643" s="1">
        <v>0.41350639007687851</v>
      </c>
      <c r="B12643" s="1"/>
      <c r="C12643">
        <v>5</v>
      </c>
      <c r="D12643" t="s">
        <v>30109</v>
      </c>
      <c r="E12643" t="s">
        <v>34553</v>
      </c>
      <c r="F12643">
        <v>4</v>
      </c>
      <c r="G12643" t="s">
        <v>9</v>
      </c>
      <c r="H12643" t="s">
        <v>30110</v>
      </c>
      <c r="I12643" t="s">
        <v>30540</v>
      </c>
    </row>
    <row r="12644" spans="1:9">
      <c r="A12644" s="1">
        <v>0.99280521196302385</v>
      </c>
      <c r="B12644" s="1"/>
      <c r="C12644">
        <v>7</v>
      </c>
      <c r="D12644" t="s">
        <v>30097</v>
      </c>
      <c r="E12644" t="s">
        <v>34554</v>
      </c>
      <c r="F12644">
        <v>5</v>
      </c>
      <c r="G12644" t="s">
        <v>9</v>
      </c>
      <c r="H12644" t="s">
        <v>30098</v>
      </c>
      <c r="I12644" t="s">
        <v>30540</v>
      </c>
    </row>
    <row r="12645" spans="1:9">
      <c r="A12645" s="1">
        <v>0.27328614044481814</v>
      </c>
      <c r="B12645" s="1"/>
      <c r="C12645">
        <v>16</v>
      </c>
      <c r="D12645" t="s">
        <v>30103</v>
      </c>
      <c r="E12645" t="s">
        <v>34554</v>
      </c>
      <c r="F12645">
        <v>4</v>
      </c>
      <c r="G12645" t="s">
        <v>9</v>
      </c>
      <c r="H12645" t="s">
        <v>30104</v>
      </c>
      <c r="I12645" t="s">
        <v>30540</v>
      </c>
    </row>
    <row r="12646" spans="1:9">
      <c r="A12646" s="1">
        <v>0.32087469314277872</v>
      </c>
      <c r="B12646" s="1"/>
      <c r="C12646">
        <v>17</v>
      </c>
      <c r="D12646" t="s">
        <v>30105</v>
      </c>
      <c r="E12646" t="s">
        <v>34554</v>
      </c>
      <c r="F12646">
        <v>4</v>
      </c>
      <c r="G12646" t="s">
        <v>9</v>
      </c>
      <c r="H12646" t="s">
        <v>30106</v>
      </c>
      <c r="I12646" t="s">
        <v>30540</v>
      </c>
    </row>
    <row r="12647" spans="1:9">
      <c r="A12647" s="1">
        <v>0.18991716305222761</v>
      </c>
      <c r="B12647" s="1"/>
      <c r="C12647">
        <v>10</v>
      </c>
      <c r="D12647" t="s">
        <v>30099</v>
      </c>
      <c r="E12647" t="s">
        <v>34554</v>
      </c>
      <c r="F12647">
        <v>4</v>
      </c>
      <c r="G12647" t="s">
        <v>9</v>
      </c>
      <c r="H12647" t="s">
        <v>30100</v>
      </c>
      <c r="I12647" t="s">
        <v>30540</v>
      </c>
    </row>
    <row r="12648" spans="1:9">
      <c r="A12648" s="1">
        <v>0.78153365935540997</v>
      </c>
      <c r="B12648" s="1"/>
      <c r="C12648">
        <v>9</v>
      </c>
      <c r="D12648" t="s">
        <v>30091</v>
      </c>
      <c r="E12648" t="s">
        <v>34555</v>
      </c>
      <c r="F12648">
        <v>5</v>
      </c>
      <c r="G12648" t="s">
        <v>9</v>
      </c>
      <c r="H12648" t="s">
        <v>30092</v>
      </c>
      <c r="I12648" t="s">
        <v>30540</v>
      </c>
    </row>
    <row r="12649" spans="1:9">
      <c r="A12649" s="1">
        <v>0.5665972922267819</v>
      </c>
      <c r="B12649" s="1"/>
      <c r="C12649">
        <v>6</v>
      </c>
      <c r="D12649" t="s">
        <v>30089</v>
      </c>
      <c r="E12649" t="s">
        <v>34555</v>
      </c>
      <c r="F12649">
        <v>4</v>
      </c>
      <c r="G12649" t="s">
        <v>9</v>
      </c>
      <c r="H12649" t="s">
        <v>30090</v>
      </c>
      <c r="I12649" t="s">
        <v>30540</v>
      </c>
    </row>
    <row r="12650" spans="1:9">
      <c r="A12650" s="1">
        <v>0.49144947062967526</v>
      </c>
      <c r="B12650" s="1"/>
      <c r="C12650">
        <v>13</v>
      </c>
      <c r="D12650" t="s">
        <v>30095</v>
      </c>
      <c r="E12650" t="s">
        <v>34555</v>
      </c>
      <c r="F12650">
        <v>4</v>
      </c>
      <c r="G12650" t="s">
        <v>9</v>
      </c>
      <c r="H12650" t="s">
        <v>30096</v>
      </c>
      <c r="I12650" t="s">
        <v>30540</v>
      </c>
    </row>
    <row r="12651" spans="1:9">
      <c r="A12651" s="1">
        <v>0.5778117862845068</v>
      </c>
      <c r="B12651" s="1"/>
      <c r="C12651">
        <v>16</v>
      </c>
      <c r="D12651" t="s">
        <v>30087</v>
      </c>
      <c r="E12651" t="s">
        <v>34556</v>
      </c>
      <c r="F12651">
        <v>5</v>
      </c>
      <c r="G12651" t="s">
        <v>0</v>
      </c>
      <c r="H12651" t="s">
        <v>30088</v>
      </c>
      <c r="I12651" t="s">
        <v>30540</v>
      </c>
    </row>
    <row r="12652" spans="1:9">
      <c r="A12652" s="1">
        <v>0.59082419140102771</v>
      </c>
      <c r="B12652" s="1"/>
      <c r="C12652">
        <v>9</v>
      </c>
      <c r="D12652" t="s">
        <v>30083</v>
      </c>
      <c r="E12652" t="s">
        <v>34556</v>
      </c>
      <c r="F12652">
        <v>4</v>
      </c>
      <c r="G12652" t="s">
        <v>9</v>
      </c>
      <c r="H12652" t="s">
        <v>30084</v>
      </c>
      <c r="I12652" t="s">
        <v>30540</v>
      </c>
    </row>
    <row r="12653" spans="1:9">
      <c r="A12653" s="1">
        <v>0.79475730034885594</v>
      </c>
      <c r="B12653" s="1"/>
      <c r="C12653">
        <v>11</v>
      </c>
      <c r="D12653" t="s">
        <v>30085</v>
      </c>
      <c r="E12653" t="s">
        <v>34556</v>
      </c>
      <c r="F12653">
        <v>3</v>
      </c>
      <c r="G12653" t="s">
        <v>9</v>
      </c>
      <c r="H12653" t="s">
        <v>30086</v>
      </c>
      <c r="I12653" t="s">
        <v>30540</v>
      </c>
    </row>
    <row r="12654" spans="1:9">
      <c r="A12654" s="1">
        <v>0.5222345195797059</v>
      </c>
      <c r="B12654" s="1"/>
      <c r="C12654">
        <v>10</v>
      </c>
      <c r="D12654" t="s">
        <v>30081</v>
      </c>
      <c r="E12654" t="s">
        <v>34557</v>
      </c>
      <c r="F12654">
        <v>4</v>
      </c>
      <c r="G12654" t="s">
        <v>9</v>
      </c>
      <c r="H12654" t="s">
        <v>30082</v>
      </c>
      <c r="I12654" t="s">
        <v>30540</v>
      </c>
    </row>
    <row r="12655" spans="1:9">
      <c r="A12655" s="1">
        <v>0.8585907484031009</v>
      </c>
      <c r="B12655" s="1"/>
      <c r="C12655">
        <v>9</v>
      </c>
      <c r="D12655" t="s">
        <v>30077</v>
      </c>
      <c r="E12655" t="s">
        <v>34558</v>
      </c>
      <c r="F12655">
        <v>4</v>
      </c>
      <c r="G12655" t="s">
        <v>9</v>
      </c>
      <c r="H12655" t="s">
        <v>30078</v>
      </c>
      <c r="I12655" t="s">
        <v>30540</v>
      </c>
    </row>
    <row r="12656" spans="1:9">
      <c r="A12656" s="1">
        <v>5.4011457001658991E-2</v>
      </c>
      <c r="B12656" s="1"/>
      <c r="C12656">
        <v>1</v>
      </c>
      <c r="D12656" t="s">
        <v>30067</v>
      </c>
      <c r="E12656" t="s">
        <v>34559</v>
      </c>
      <c r="F12656">
        <v>5</v>
      </c>
      <c r="G12656" t="s">
        <v>15</v>
      </c>
      <c r="H12656" t="s">
        <v>30068</v>
      </c>
      <c r="I12656" t="s">
        <v>30540</v>
      </c>
    </row>
    <row r="12657" spans="1:9">
      <c r="A12657" s="1">
        <v>0.65597130186601504</v>
      </c>
      <c r="B12657" s="1"/>
      <c r="C12657">
        <v>16</v>
      </c>
      <c r="D12657" t="s">
        <v>30071</v>
      </c>
      <c r="E12657" t="s">
        <v>34559</v>
      </c>
      <c r="F12657">
        <v>5</v>
      </c>
      <c r="G12657" t="s">
        <v>9</v>
      </c>
      <c r="H12657" t="s">
        <v>30072</v>
      </c>
      <c r="I12657" t="s">
        <v>30540</v>
      </c>
    </row>
    <row r="12658" spans="1:9">
      <c r="A12658" s="1">
        <v>0.66422925521532028</v>
      </c>
      <c r="B12658" s="1"/>
      <c r="C12658">
        <v>17</v>
      </c>
      <c r="D12658" t="s">
        <v>30073</v>
      </c>
      <c r="E12658" t="s">
        <v>34559</v>
      </c>
      <c r="F12658">
        <v>4</v>
      </c>
      <c r="G12658" t="s">
        <v>10</v>
      </c>
      <c r="H12658" t="s">
        <v>30074</v>
      </c>
      <c r="I12658" t="s">
        <v>30540</v>
      </c>
    </row>
    <row r="12659" spans="1:9">
      <c r="A12659" s="1">
        <v>0.11737314280055111</v>
      </c>
      <c r="B12659" s="1"/>
      <c r="C12659">
        <v>10</v>
      </c>
      <c r="D12659" t="s">
        <v>30069</v>
      </c>
      <c r="E12659" t="s">
        <v>34559</v>
      </c>
      <c r="F12659">
        <v>4</v>
      </c>
      <c r="G12659" t="s">
        <v>9</v>
      </c>
      <c r="H12659" t="s">
        <v>30070</v>
      </c>
      <c r="I12659" t="s">
        <v>30540</v>
      </c>
    </row>
    <row r="12660" spans="1:9">
      <c r="A12660" s="1">
        <v>0.23217259972288595</v>
      </c>
      <c r="B12660" s="1"/>
      <c r="C12660">
        <v>2</v>
      </c>
      <c r="D12660" t="s">
        <v>30061</v>
      </c>
      <c r="E12660" t="s">
        <v>34560</v>
      </c>
      <c r="F12660">
        <v>5</v>
      </c>
      <c r="G12660" t="s">
        <v>9</v>
      </c>
      <c r="H12660" t="s">
        <v>30062</v>
      </c>
      <c r="I12660" t="s">
        <v>30540</v>
      </c>
    </row>
    <row r="12661" spans="1:9">
      <c r="A12661" s="1">
        <v>0.16749906397557623</v>
      </c>
      <c r="B12661" s="1"/>
      <c r="C12661">
        <v>11</v>
      </c>
      <c r="D12661" t="s">
        <v>30065</v>
      </c>
      <c r="E12661" t="s">
        <v>34560</v>
      </c>
      <c r="F12661">
        <v>4</v>
      </c>
      <c r="G12661" t="s">
        <v>9</v>
      </c>
      <c r="H12661" t="s">
        <v>30066</v>
      </c>
      <c r="I12661" t="s">
        <v>30540</v>
      </c>
    </row>
    <row r="12662" spans="1:9">
      <c r="A12662" s="1">
        <v>0.97801395931252566</v>
      </c>
      <c r="B12662" s="1"/>
      <c r="C12662">
        <v>7</v>
      </c>
      <c r="D12662" t="s">
        <v>30063</v>
      </c>
      <c r="E12662" t="s">
        <v>34560</v>
      </c>
      <c r="F12662">
        <v>4</v>
      </c>
      <c r="G12662" t="s">
        <v>9</v>
      </c>
      <c r="H12662" t="s">
        <v>30064</v>
      </c>
      <c r="I12662" t="s">
        <v>30540</v>
      </c>
    </row>
    <row r="12663" spans="1:9">
      <c r="A12663" s="1">
        <v>0.31294001347161826</v>
      </c>
      <c r="B12663" s="1"/>
      <c r="C12663">
        <v>14</v>
      </c>
      <c r="D12663" t="s">
        <v>30059</v>
      </c>
      <c r="E12663" t="s">
        <v>34561</v>
      </c>
      <c r="F12663">
        <v>5</v>
      </c>
      <c r="G12663" t="s">
        <v>9</v>
      </c>
      <c r="H12663" t="s">
        <v>30060</v>
      </c>
      <c r="I12663" t="s">
        <v>30540</v>
      </c>
    </row>
    <row r="12664" spans="1:9">
      <c r="A12664" s="1">
        <v>0.16042792134364192</v>
      </c>
      <c r="B12664" s="1"/>
      <c r="C12664">
        <v>12</v>
      </c>
      <c r="D12664" t="s">
        <v>30057</v>
      </c>
      <c r="E12664" t="s">
        <v>34561</v>
      </c>
      <c r="F12664">
        <v>4</v>
      </c>
      <c r="G12664" t="s">
        <v>9</v>
      </c>
      <c r="H12664" t="s">
        <v>30058</v>
      </c>
      <c r="I12664" t="s">
        <v>30540</v>
      </c>
    </row>
    <row r="12665" spans="1:9">
      <c r="A12665" s="1">
        <v>0.3887563346609948</v>
      </c>
      <c r="B12665" s="1"/>
      <c r="C12665">
        <v>18</v>
      </c>
      <c r="D12665" t="s">
        <v>30055</v>
      </c>
      <c r="E12665" t="s">
        <v>34562</v>
      </c>
      <c r="F12665">
        <v>5</v>
      </c>
      <c r="G12665" t="s">
        <v>9</v>
      </c>
      <c r="H12665" t="s">
        <v>30056</v>
      </c>
      <c r="I12665" t="s">
        <v>30540</v>
      </c>
    </row>
    <row r="12666" spans="1:9">
      <c r="A12666" s="1">
        <v>0.8229093627720474</v>
      </c>
      <c r="B12666" s="1"/>
      <c r="C12666">
        <v>3</v>
      </c>
      <c r="D12666" t="s">
        <v>30051</v>
      </c>
      <c r="E12666" t="s">
        <v>34562</v>
      </c>
      <c r="F12666">
        <v>4</v>
      </c>
      <c r="G12666" t="s">
        <v>9</v>
      </c>
      <c r="H12666" t="s">
        <v>30052</v>
      </c>
      <c r="I12666" t="s">
        <v>30540</v>
      </c>
    </row>
    <row r="12667" spans="1:9">
      <c r="A12667" s="1">
        <v>0.32721081169532729</v>
      </c>
      <c r="B12667" s="1"/>
      <c r="C12667">
        <v>7</v>
      </c>
      <c r="D12667" t="s">
        <v>30045</v>
      </c>
      <c r="E12667" t="s">
        <v>34563</v>
      </c>
      <c r="F12667">
        <v>5</v>
      </c>
      <c r="G12667" t="s">
        <v>9</v>
      </c>
      <c r="H12667" t="s">
        <v>30046</v>
      </c>
      <c r="I12667" t="s">
        <v>30540</v>
      </c>
    </row>
    <row r="12668" spans="1:9">
      <c r="A12668" s="1">
        <v>0.79815635077172542</v>
      </c>
      <c r="B12668" s="1"/>
      <c r="C12668">
        <v>13</v>
      </c>
      <c r="D12668" t="s">
        <v>30047</v>
      </c>
      <c r="E12668" t="s">
        <v>34563</v>
      </c>
      <c r="F12668">
        <v>4</v>
      </c>
      <c r="G12668" t="s">
        <v>9</v>
      </c>
      <c r="H12668" t="s">
        <v>30048</v>
      </c>
      <c r="I12668" t="s">
        <v>30540</v>
      </c>
    </row>
    <row r="12669" spans="1:9">
      <c r="A12669" s="1">
        <v>7.2076604298575653E-2</v>
      </c>
      <c r="B12669" s="1"/>
      <c r="C12669">
        <v>15</v>
      </c>
      <c r="D12669" t="s">
        <v>30049</v>
      </c>
      <c r="E12669" t="s">
        <v>34563</v>
      </c>
      <c r="F12669">
        <v>4</v>
      </c>
      <c r="G12669" t="s">
        <v>9</v>
      </c>
      <c r="H12669" t="s">
        <v>30050</v>
      </c>
      <c r="I12669" t="s">
        <v>30540</v>
      </c>
    </row>
    <row r="12670" spans="1:9">
      <c r="A12670" s="1">
        <v>0.51506592625069403</v>
      </c>
      <c r="B12670" s="1"/>
      <c r="C12670">
        <v>1</v>
      </c>
      <c r="D12670" t="s">
        <v>30043</v>
      </c>
      <c r="E12670" t="s">
        <v>34563</v>
      </c>
      <c r="F12670">
        <v>4</v>
      </c>
      <c r="G12670" t="s">
        <v>9</v>
      </c>
      <c r="H12670" t="s">
        <v>30044</v>
      </c>
      <c r="I12670" t="s">
        <v>30540</v>
      </c>
    </row>
    <row r="12671" spans="1:9">
      <c r="A12671" s="1">
        <v>7.8320177932827084E-2</v>
      </c>
      <c r="B12671" s="1"/>
      <c r="C12671">
        <v>15</v>
      </c>
      <c r="D12671" t="s">
        <v>30039</v>
      </c>
      <c r="E12671" t="s">
        <v>34564</v>
      </c>
      <c r="F12671">
        <v>5</v>
      </c>
      <c r="G12671" t="s">
        <v>9</v>
      </c>
      <c r="H12671" t="s">
        <v>30040</v>
      </c>
      <c r="I12671" t="s">
        <v>30540</v>
      </c>
    </row>
    <row r="12672" spans="1:9">
      <c r="A12672" s="1">
        <v>0.10547110249463432</v>
      </c>
      <c r="B12672" s="1"/>
      <c r="C12672">
        <v>16</v>
      </c>
      <c r="D12672" t="s">
        <v>30041</v>
      </c>
      <c r="E12672" t="s">
        <v>34564</v>
      </c>
      <c r="F12672">
        <v>5</v>
      </c>
      <c r="G12672" t="s">
        <v>10</v>
      </c>
      <c r="H12672" t="s">
        <v>30042</v>
      </c>
      <c r="I12672" t="s">
        <v>30540</v>
      </c>
    </row>
    <row r="12673" spans="1:9">
      <c r="A12673" s="1">
        <v>0.34135762567640526</v>
      </c>
      <c r="B12673" s="1"/>
      <c r="C12673">
        <v>14</v>
      </c>
      <c r="D12673" t="s">
        <v>30037</v>
      </c>
      <c r="E12673" t="s">
        <v>34564</v>
      </c>
      <c r="F12673">
        <v>5</v>
      </c>
      <c r="G12673" t="s">
        <v>9</v>
      </c>
      <c r="H12673" t="s">
        <v>30038</v>
      </c>
      <c r="I12673" t="s">
        <v>30540</v>
      </c>
    </row>
    <row r="12674" spans="1:9">
      <c r="A12674" s="1">
        <v>0.23882554585228655</v>
      </c>
      <c r="B12674" s="1"/>
      <c r="C12674">
        <v>4</v>
      </c>
      <c r="D12674" t="s">
        <v>30035</v>
      </c>
      <c r="E12674" t="s">
        <v>34564</v>
      </c>
      <c r="F12674">
        <v>3</v>
      </c>
      <c r="G12674" t="s">
        <v>9</v>
      </c>
      <c r="H12674" t="s">
        <v>30036</v>
      </c>
      <c r="I12674" t="s">
        <v>30540</v>
      </c>
    </row>
    <row r="12675" spans="1:9">
      <c r="A12675" s="1">
        <v>0.93954885595167514</v>
      </c>
      <c r="B12675" s="1"/>
      <c r="C12675">
        <v>11</v>
      </c>
      <c r="D12675" t="s">
        <v>30029</v>
      </c>
      <c r="E12675" t="s">
        <v>34565</v>
      </c>
      <c r="F12675">
        <v>5</v>
      </c>
      <c r="G12675" t="s">
        <v>9</v>
      </c>
      <c r="H12675" t="s">
        <v>30030</v>
      </c>
      <c r="I12675" t="s">
        <v>30540</v>
      </c>
    </row>
    <row r="12676" spans="1:9">
      <c r="A12676" s="1">
        <v>0.21021690541476545</v>
      </c>
      <c r="B12676" s="1"/>
      <c r="C12676">
        <v>3</v>
      </c>
      <c r="D12676" t="s">
        <v>30025</v>
      </c>
      <c r="E12676" t="s">
        <v>34565</v>
      </c>
      <c r="F12676">
        <v>4</v>
      </c>
      <c r="G12676" t="s">
        <v>9</v>
      </c>
      <c r="H12676" t="s">
        <v>30026</v>
      </c>
      <c r="I12676" t="s">
        <v>30540</v>
      </c>
    </row>
    <row r="12677" spans="1:9">
      <c r="A12677" s="1">
        <v>0.8402037213848792</v>
      </c>
      <c r="B12677" s="1"/>
      <c r="C12677">
        <v>8</v>
      </c>
      <c r="D12677" t="s">
        <v>30027</v>
      </c>
      <c r="E12677" t="s">
        <v>34565</v>
      </c>
      <c r="F12677">
        <v>4</v>
      </c>
      <c r="G12677" t="s">
        <v>2</v>
      </c>
      <c r="H12677" t="s">
        <v>30028</v>
      </c>
      <c r="I12677" t="s">
        <v>30540</v>
      </c>
    </row>
    <row r="12678" spans="1:9">
      <c r="A12678" s="1">
        <v>0.45798139107203717</v>
      </c>
      <c r="B12678" s="1"/>
      <c r="C12678">
        <v>13</v>
      </c>
      <c r="D12678" t="s">
        <v>30031</v>
      </c>
      <c r="E12678" t="s">
        <v>34565</v>
      </c>
      <c r="F12678">
        <v>4</v>
      </c>
      <c r="G12678" t="s">
        <v>9</v>
      </c>
      <c r="H12678" t="s">
        <v>30032</v>
      </c>
      <c r="I12678" t="s">
        <v>30540</v>
      </c>
    </row>
    <row r="12679" spans="1:9">
      <c r="A12679" s="1">
        <v>0.56954341239979367</v>
      </c>
      <c r="B12679" s="1"/>
      <c r="C12679">
        <v>16</v>
      </c>
      <c r="D12679" t="s">
        <v>30033</v>
      </c>
      <c r="E12679" t="s">
        <v>34565</v>
      </c>
      <c r="F12679">
        <v>4</v>
      </c>
      <c r="G12679" t="s">
        <v>9</v>
      </c>
      <c r="H12679" t="s">
        <v>30034</v>
      </c>
      <c r="I12679" t="s">
        <v>30540</v>
      </c>
    </row>
    <row r="12680" spans="1:9">
      <c r="A12680" s="1">
        <v>0.25736881365159925</v>
      </c>
      <c r="B12680" s="1"/>
      <c r="C12680">
        <v>8</v>
      </c>
      <c r="D12680" t="s">
        <v>30019</v>
      </c>
      <c r="E12680" t="s">
        <v>34566</v>
      </c>
      <c r="F12680">
        <v>5</v>
      </c>
      <c r="G12680" t="s">
        <v>9</v>
      </c>
      <c r="H12680" t="s">
        <v>30020</v>
      </c>
      <c r="I12680" t="s">
        <v>30540</v>
      </c>
    </row>
    <row r="12681" spans="1:9">
      <c r="A12681" s="1">
        <v>0.24674810522882595</v>
      </c>
      <c r="B12681" s="1"/>
      <c r="C12681">
        <v>13</v>
      </c>
      <c r="D12681" t="s">
        <v>30023</v>
      </c>
      <c r="E12681" t="s">
        <v>34566</v>
      </c>
      <c r="F12681">
        <v>5</v>
      </c>
      <c r="G12681" t="s">
        <v>9</v>
      </c>
      <c r="H12681" t="s">
        <v>30024</v>
      </c>
      <c r="I12681" t="s">
        <v>30540</v>
      </c>
    </row>
    <row r="12682" spans="1:9">
      <c r="A12682" s="1">
        <v>0.9740009959153888</v>
      </c>
      <c r="B12682" s="1"/>
      <c r="C12682">
        <v>11</v>
      </c>
      <c r="D12682" t="s">
        <v>30021</v>
      </c>
      <c r="E12682" t="s">
        <v>34566</v>
      </c>
      <c r="F12682">
        <v>4</v>
      </c>
      <c r="G12682" t="s">
        <v>9</v>
      </c>
      <c r="H12682" t="s">
        <v>30022</v>
      </c>
      <c r="I12682" t="s">
        <v>30540</v>
      </c>
    </row>
    <row r="12683" spans="1:9">
      <c r="A12683" s="1">
        <v>0.34017575940710587</v>
      </c>
      <c r="B12683" s="1"/>
      <c r="C12683">
        <v>12</v>
      </c>
      <c r="D12683" t="s">
        <v>30017</v>
      </c>
      <c r="E12683" t="s">
        <v>34567</v>
      </c>
      <c r="F12683">
        <v>4</v>
      </c>
      <c r="G12683" t="s">
        <v>0</v>
      </c>
      <c r="H12683" t="s">
        <v>30018</v>
      </c>
      <c r="I12683" t="s">
        <v>30540</v>
      </c>
    </row>
    <row r="12684" spans="1:9">
      <c r="A12684" s="1">
        <v>0.2561697395912913</v>
      </c>
      <c r="B12684" s="1"/>
      <c r="C12684">
        <v>9</v>
      </c>
      <c r="D12684" t="s">
        <v>30009</v>
      </c>
      <c r="E12684" t="s">
        <v>34568</v>
      </c>
      <c r="F12684">
        <v>5</v>
      </c>
      <c r="G12684" t="s">
        <v>1</v>
      </c>
      <c r="H12684" t="s">
        <v>30010</v>
      </c>
      <c r="I12684" t="s">
        <v>30540</v>
      </c>
    </row>
    <row r="12685" spans="1:9">
      <c r="A12685" s="1">
        <v>2.9655601729095427E-2</v>
      </c>
      <c r="B12685" s="1"/>
      <c r="C12685">
        <v>12</v>
      </c>
      <c r="D12685" t="s">
        <v>30011</v>
      </c>
      <c r="E12685" t="s">
        <v>34568</v>
      </c>
      <c r="F12685">
        <v>5</v>
      </c>
      <c r="G12685" t="s">
        <v>0</v>
      </c>
      <c r="H12685" t="s">
        <v>30012</v>
      </c>
      <c r="I12685" t="s">
        <v>30540</v>
      </c>
    </row>
    <row r="12686" spans="1:9">
      <c r="A12686" s="1">
        <v>0.54629897404533756</v>
      </c>
      <c r="B12686" s="1"/>
      <c r="C12686">
        <v>19</v>
      </c>
      <c r="D12686" t="s">
        <v>30013</v>
      </c>
      <c r="E12686" t="s">
        <v>34568</v>
      </c>
      <c r="F12686">
        <v>4</v>
      </c>
      <c r="G12686" t="s">
        <v>0</v>
      </c>
      <c r="H12686" t="s">
        <v>30014</v>
      </c>
      <c r="I12686" t="s">
        <v>30540</v>
      </c>
    </row>
    <row r="12687" spans="1:9">
      <c r="A12687" s="1">
        <v>0.18896955205536003</v>
      </c>
      <c r="B12687" s="1"/>
      <c r="C12687">
        <v>20</v>
      </c>
      <c r="D12687" t="s">
        <v>30015</v>
      </c>
      <c r="E12687" t="s">
        <v>34568</v>
      </c>
      <c r="F12687">
        <v>4</v>
      </c>
      <c r="G12687" t="s">
        <v>15</v>
      </c>
      <c r="H12687" t="s">
        <v>30016</v>
      </c>
      <c r="I12687" t="s">
        <v>30540</v>
      </c>
    </row>
    <row r="12688" spans="1:9">
      <c r="A12688" s="1">
        <v>0.45135174212841978</v>
      </c>
      <c r="B12688" s="1"/>
      <c r="C12688">
        <v>5</v>
      </c>
      <c r="D12688" t="s">
        <v>30003</v>
      </c>
      <c r="E12688" t="s">
        <v>34569</v>
      </c>
      <c r="F12688">
        <v>5</v>
      </c>
      <c r="G12688" t="s">
        <v>2</v>
      </c>
      <c r="H12688" t="s">
        <v>30004</v>
      </c>
      <c r="I12688" t="s">
        <v>30540</v>
      </c>
    </row>
    <row r="12689" spans="1:9">
      <c r="A12689" s="1">
        <v>0.70155471987743312</v>
      </c>
      <c r="B12689" s="1"/>
      <c r="C12689">
        <v>2</v>
      </c>
      <c r="D12689" t="s">
        <v>30001</v>
      </c>
      <c r="E12689" t="s">
        <v>34569</v>
      </c>
      <c r="F12689">
        <v>4</v>
      </c>
      <c r="G12689" t="s">
        <v>13</v>
      </c>
      <c r="H12689" t="s">
        <v>30002</v>
      </c>
      <c r="I12689" t="s">
        <v>30540</v>
      </c>
    </row>
    <row r="12690" spans="1:9">
      <c r="A12690" s="1">
        <v>0.48110088411754171</v>
      </c>
      <c r="B12690" s="1"/>
      <c r="C12690">
        <v>11</v>
      </c>
      <c r="D12690" t="s">
        <v>30007</v>
      </c>
      <c r="E12690" t="s">
        <v>34569</v>
      </c>
      <c r="F12690">
        <v>4</v>
      </c>
      <c r="G12690" t="s">
        <v>1</v>
      </c>
      <c r="H12690" t="s">
        <v>30008</v>
      </c>
      <c r="I12690" t="s">
        <v>30540</v>
      </c>
    </row>
    <row r="12691" spans="1:9">
      <c r="A12691" s="1">
        <v>0.92564723999276077</v>
      </c>
      <c r="B12691" s="1"/>
      <c r="C12691">
        <v>6</v>
      </c>
      <c r="D12691" t="s">
        <v>29991</v>
      </c>
      <c r="E12691" t="s">
        <v>34570</v>
      </c>
      <c r="F12691">
        <v>4</v>
      </c>
      <c r="G12691" t="s">
        <v>0</v>
      </c>
      <c r="H12691" t="s">
        <v>29992</v>
      </c>
      <c r="I12691" t="s">
        <v>30540</v>
      </c>
    </row>
    <row r="12692" spans="1:9">
      <c r="A12692" s="1">
        <v>0.90218714600541727</v>
      </c>
      <c r="B12692" s="1"/>
      <c r="C12692">
        <v>2</v>
      </c>
      <c r="D12692" t="s">
        <v>29989</v>
      </c>
      <c r="E12692" t="s">
        <v>34570</v>
      </c>
      <c r="F12692">
        <v>4</v>
      </c>
      <c r="G12692" t="s">
        <v>1</v>
      </c>
      <c r="H12692" t="s">
        <v>29990</v>
      </c>
      <c r="I12692" t="s">
        <v>30540</v>
      </c>
    </row>
    <row r="12693" spans="1:9">
      <c r="A12693" s="1">
        <v>0.46659142382945318</v>
      </c>
      <c r="B12693" s="1"/>
      <c r="C12693">
        <v>19</v>
      </c>
      <c r="D12693" t="s">
        <v>29999</v>
      </c>
      <c r="E12693" t="s">
        <v>34570</v>
      </c>
      <c r="F12693">
        <v>4</v>
      </c>
      <c r="G12693" t="s">
        <v>0</v>
      </c>
      <c r="H12693" t="s">
        <v>30000</v>
      </c>
      <c r="I12693" t="s">
        <v>30540</v>
      </c>
    </row>
    <row r="12694" spans="1:9">
      <c r="A12694" s="1">
        <v>0.24544433136616395</v>
      </c>
      <c r="B12694" s="1"/>
      <c r="C12694">
        <v>17</v>
      </c>
      <c r="D12694" t="s">
        <v>29995</v>
      </c>
      <c r="E12694" t="s">
        <v>34570</v>
      </c>
      <c r="F12694">
        <v>4</v>
      </c>
      <c r="G12694" t="s">
        <v>0</v>
      </c>
      <c r="H12694" t="s">
        <v>29996</v>
      </c>
      <c r="I12694" t="s">
        <v>30540</v>
      </c>
    </row>
    <row r="12695" spans="1:9">
      <c r="A12695" s="1">
        <v>0.86705600615468292</v>
      </c>
      <c r="B12695" s="1"/>
      <c r="C12695">
        <v>18</v>
      </c>
      <c r="D12695" t="s">
        <v>29997</v>
      </c>
      <c r="E12695" t="s">
        <v>34570</v>
      </c>
      <c r="F12695">
        <v>4</v>
      </c>
      <c r="G12695" t="s">
        <v>0</v>
      </c>
      <c r="H12695" t="s">
        <v>29998</v>
      </c>
      <c r="I12695" t="s">
        <v>30540</v>
      </c>
    </row>
    <row r="12696" spans="1:9">
      <c r="A12696" s="1">
        <v>0.11981803409482517</v>
      </c>
      <c r="B12696" s="1"/>
      <c r="C12696">
        <v>7</v>
      </c>
      <c r="D12696" t="s">
        <v>29981</v>
      </c>
      <c r="E12696" t="s">
        <v>34571</v>
      </c>
      <c r="F12696">
        <v>4</v>
      </c>
      <c r="G12696" t="s">
        <v>15</v>
      </c>
      <c r="H12696" t="s">
        <v>29982</v>
      </c>
      <c r="I12696" t="s">
        <v>30540</v>
      </c>
    </row>
    <row r="12697" spans="1:9">
      <c r="A12697" s="1">
        <v>0.64727330244729064</v>
      </c>
      <c r="B12697" s="1"/>
      <c r="C12697">
        <v>2</v>
      </c>
      <c r="D12697" t="s">
        <v>29979</v>
      </c>
      <c r="E12697" t="s">
        <v>34571</v>
      </c>
      <c r="F12697">
        <v>4</v>
      </c>
      <c r="G12697" t="s">
        <v>15</v>
      </c>
      <c r="H12697" t="s">
        <v>29980</v>
      </c>
      <c r="I12697" t="s">
        <v>30540</v>
      </c>
    </row>
    <row r="12698" spans="1:9">
      <c r="A12698" s="1">
        <v>0.62978607669464903</v>
      </c>
      <c r="B12698" s="1"/>
      <c r="C12698">
        <v>9</v>
      </c>
      <c r="D12698" t="s">
        <v>29983</v>
      </c>
      <c r="E12698" t="s">
        <v>34571</v>
      </c>
      <c r="F12698">
        <v>4</v>
      </c>
      <c r="G12698" t="s">
        <v>0</v>
      </c>
      <c r="H12698" t="s">
        <v>29984</v>
      </c>
      <c r="I12698" t="s">
        <v>30540</v>
      </c>
    </row>
    <row r="12699" spans="1:9">
      <c r="A12699" s="1">
        <v>0.56553863476754651</v>
      </c>
      <c r="B12699" s="1"/>
      <c r="C12699">
        <v>11</v>
      </c>
      <c r="D12699" t="s">
        <v>29985</v>
      </c>
      <c r="E12699" t="s">
        <v>34571</v>
      </c>
      <c r="F12699">
        <v>4</v>
      </c>
      <c r="G12699" t="s">
        <v>1</v>
      </c>
      <c r="H12699" t="s">
        <v>29986</v>
      </c>
      <c r="I12699" t="s">
        <v>30540</v>
      </c>
    </row>
    <row r="12700" spans="1:9">
      <c r="A12700" s="1">
        <v>9.0050112809753391E-2</v>
      </c>
      <c r="B12700" s="1"/>
      <c r="C12700">
        <v>12</v>
      </c>
      <c r="D12700" t="s">
        <v>29987</v>
      </c>
      <c r="E12700" t="s">
        <v>34571</v>
      </c>
      <c r="F12700">
        <v>4</v>
      </c>
      <c r="G12700" t="s">
        <v>0</v>
      </c>
      <c r="H12700" t="s">
        <v>29988</v>
      </c>
      <c r="I12700" t="s">
        <v>30540</v>
      </c>
    </row>
    <row r="12701" spans="1:9">
      <c r="A12701" s="1">
        <v>0.79361850765963926</v>
      </c>
      <c r="B12701" s="1"/>
      <c r="C12701">
        <v>11</v>
      </c>
      <c r="D12701" t="s">
        <v>29975</v>
      </c>
      <c r="E12701" t="s">
        <v>34572</v>
      </c>
      <c r="F12701">
        <v>4</v>
      </c>
      <c r="G12701" t="s">
        <v>0</v>
      </c>
      <c r="H12701" t="s">
        <v>29976</v>
      </c>
      <c r="I12701" t="s">
        <v>30540</v>
      </c>
    </row>
    <row r="12702" spans="1:9">
      <c r="A12702" s="1">
        <v>0.10855942247363959</v>
      </c>
      <c r="B12702" s="1"/>
      <c r="C12702">
        <v>8</v>
      </c>
      <c r="D12702" t="s">
        <v>29973</v>
      </c>
      <c r="E12702" t="s">
        <v>34572</v>
      </c>
      <c r="F12702">
        <v>4</v>
      </c>
      <c r="G12702" t="s">
        <v>1</v>
      </c>
      <c r="H12702" t="s">
        <v>29974</v>
      </c>
      <c r="I12702" t="s">
        <v>30540</v>
      </c>
    </row>
    <row r="12703" spans="1:9">
      <c r="A12703" s="1">
        <v>0.2733305002942209</v>
      </c>
      <c r="B12703" s="1"/>
      <c r="C12703">
        <v>13</v>
      </c>
      <c r="D12703" t="s">
        <v>29977</v>
      </c>
      <c r="E12703" t="s">
        <v>34572</v>
      </c>
      <c r="F12703">
        <v>4</v>
      </c>
      <c r="G12703" t="s">
        <v>0</v>
      </c>
      <c r="H12703" t="s">
        <v>29978</v>
      </c>
      <c r="I12703" t="s">
        <v>30540</v>
      </c>
    </row>
    <row r="12704" spans="1:9">
      <c r="A12704" s="1">
        <v>0.86393575383644661</v>
      </c>
      <c r="B12704" s="1"/>
      <c r="C12704">
        <v>15</v>
      </c>
      <c r="D12704" t="s">
        <v>29969</v>
      </c>
      <c r="E12704" t="s">
        <v>34573</v>
      </c>
      <c r="F12704">
        <v>4</v>
      </c>
      <c r="G12704" t="s">
        <v>0</v>
      </c>
      <c r="H12704" t="s">
        <v>29970</v>
      </c>
      <c r="I12704" t="s">
        <v>30540</v>
      </c>
    </row>
    <row r="12705" spans="1:9">
      <c r="A12705" s="1">
        <v>6.8156048290485161E-2</v>
      </c>
      <c r="B12705" s="1"/>
      <c r="C12705">
        <v>12</v>
      </c>
      <c r="D12705" t="s">
        <v>29967</v>
      </c>
      <c r="E12705" t="s">
        <v>34573</v>
      </c>
      <c r="F12705">
        <v>4</v>
      </c>
      <c r="G12705" t="s">
        <v>0</v>
      </c>
      <c r="H12705" t="s">
        <v>29968</v>
      </c>
      <c r="I12705" t="s">
        <v>30540</v>
      </c>
    </row>
    <row r="12706" spans="1:9">
      <c r="A12706" s="1">
        <v>0.40039759558900168</v>
      </c>
      <c r="B12706" s="1"/>
      <c r="C12706">
        <v>20</v>
      </c>
      <c r="D12706" t="s">
        <v>29971</v>
      </c>
      <c r="E12706" t="s">
        <v>34573</v>
      </c>
      <c r="F12706">
        <v>3</v>
      </c>
      <c r="G12706" t="s">
        <v>0</v>
      </c>
      <c r="H12706" t="s">
        <v>29972</v>
      </c>
      <c r="I12706" t="s">
        <v>30540</v>
      </c>
    </row>
    <row r="12707" spans="1:9">
      <c r="A12707" s="1">
        <v>0.92222025197372404</v>
      </c>
      <c r="B12707" s="1"/>
      <c r="C12707">
        <v>2</v>
      </c>
      <c r="D12707" t="s">
        <v>29963</v>
      </c>
      <c r="E12707" t="s">
        <v>34574</v>
      </c>
      <c r="F12707">
        <v>5</v>
      </c>
      <c r="G12707" t="s">
        <v>13</v>
      </c>
      <c r="H12707" t="s">
        <v>29964</v>
      </c>
      <c r="I12707" t="s">
        <v>30540</v>
      </c>
    </row>
    <row r="12708" spans="1:9">
      <c r="A12708" s="1">
        <v>0.49427024889022397</v>
      </c>
      <c r="B12708" s="1"/>
      <c r="C12708">
        <v>10</v>
      </c>
      <c r="D12708" t="s">
        <v>29965</v>
      </c>
      <c r="E12708" t="s">
        <v>34574</v>
      </c>
      <c r="F12708">
        <v>4</v>
      </c>
      <c r="G12708" t="s">
        <v>0</v>
      </c>
      <c r="H12708" t="s">
        <v>29966</v>
      </c>
      <c r="I12708" t="s">
        <v>30540</v>
      </c>
    </row>
    <row r="12709" spans="1:9">
      <c r="A12709" s="1">
        <v>0.99451381801078753</v>
      </c>
      <c r="B12709" s="1"/>
      <c r="C12709">
        <v>16</v>
      </c>
      <c r="D12709" t="s">
        <v>29961</v>
      </c>
      <c r="E12709" t="s">
        <v>34575</v>
      </c>
      <c r="F12709">
        <v>4</v>
      </c>
      <c r="G12709" t="s">
        <v>0</v>
      </c>
      <c r="H12709" t="s">
        <v>29962</v>
      </c>
      <c r="I12709" t="s">
        <v>30540</v>
      </c>
    </row>
    <row r="12710" spans="1:9">
      <c r="A12710" s="1">
        <v>0.77704638324304898</v>
      </c>
      <c r="B12710" s="1"/>
      <c r="C12710">
        <v>6</v>
      </c>
      <c r="D12710" t="s">
        <v>29955</v>
      </c>
      <c r="E12710" t="s">
        <v>34575</v>
      </c>
      <c r="F12710">
        <v>4</v>
      </c>
      <c r="G12710" t="s">
        <v>0</v>
      </c>
      <c r="H12710" t="s">
        <v>29956</v>
      </c>
      <c r="I12710" t="s">
        <v>30540</v>
      </c>
    </row>
    <row r="12711" spans="1:9">
      <c r="A12711" s="1">
        <v>0.85920234683250107</v>
      </c>
      <c r="B12711" s="1"/>
      <c r="C12711">
        <v>15</v>
      </c>
      <c r="D12711" t="s">
        <v>29959</v>
      </c>
      <c r="E12711" t="s">
        <v>34575</v>
      </c>
      <c r="F12711">
        <v>4</v>
      </c>
      <c r="G12711" t="s">
        <v>0</v>
      </c>
      <c r="H12711" t="s">
        <v>29960</v>
      </c>
      <c r="I12711" t="s">
        <v>30540</v>
      </c>
    </row>
    <row r="12712" spans="1:9">
      <c r="A12712" s="1">
        <v>0.78524328772775687</v>
      </c>
      <c r="B12712" s="1"/>
      <c r="C12712">
        <v>10</v>
      </c>
      <c r="D12712" t="s">
        <v>29957</v>
      </c>
      <c r="E12712" t="s">
        <v>34575</v>
      </c>
      <c r="F12712">
        <v>4</v>
      </c>
      <c r="G12712" t="s">
        <v>0</v>
      </c>
      <c r="H12712" t="s">
        <v>29958</v>
      </c>
      <c r="I12712" t="s">
        <v>30540</v>
      </c>
    </row>
    <row r="12713" spans="1:9">
      <c r="A12713" s="1">
        <v>0.30985664203911845</v>
      </c>
      <c r="B12713" s="1"/>
      <c r="C12713">
        <v>4</v>
      </c>
      <c r="D12713" t="s">
        <v>29953</v>
      </c>
      <c r="E12713" t="s">
        <v>34575</v>
      </c>
      <c r="F12713">
        <v>3</v>
      </c>
      <c r="G12713" t="s">
        <v>2</v>
      </c>
      <c r="H12713" t="s">
        <v>29954</v>
      </c>
      <c r="I12713" t="s">
        <v>30540</v>
      </c>
    </row>
    <row r="12714" spans="1:9">
      <c r="A12714" s="1">
        <v>0.69934646822999524</v>
      </c>
      <c r="B12714" s="1"/>
      <c r="C12714">
        <v>3</v>
      </c>
      <c r="D12714" t="s">
        <v>29945</v>
      </c>
      <c r="E12714" t="s">
        <v>34576</v>
      </c>
      <c r="F12714">
        <v>4</v>
      </c>
      <c r="G12714" t="s">
        <v>15</v>
      </c>
      <c r="H12714" t="s">
        <v>29946</v>
      </c>
      <c r="I12714" t="s">
        <v>30540</v>
      </c>
    </row>
    <row r="12715" spans="1:9">
      <c r="A12715" s="1">
        <v>0.1096972219765282</v>
      </c>
      <c r="B12715" s="1"/>
      <c r="C12715">
        <v>16</v>
      </c>
      <c r="D12715" t="s">
        <v>29951</v>
      </c>
      <c r="E12715" t="s">
        <v>34576</v>
      </c>
      <c r="F12715">
        <v>4</v>
      </c>
      <c r="G12715" t="s">
        <v>0</v>
      </c>
      <c r="H12715" t="s">
        <v>29952</v>
      </c>
      <c r="I12715" t="s">
        <v>30540</v>
      </c>
    </row>
    <row r="12716" spans="1:9">
      <c r="A12716" s="1">
        <v>0.91269932369632578</v>
      </c>
      <c r="B12716" s="1"/>
      <c r="C12716">
        <v>11</v>
      </c>
      <c r="D12716" t="s">
        <v>29949</v>
      </c>
      <c r="E12716" t="s">
        <v>34576</v>
      </c>
      <c r="F12716">
        <v>4</v>
      </c>
      <c r="G12716" t="s">
        <v>0</v>
      </c>
      <c r="H12716" t="s">
        <v>29950</v>
      </c>
      <c r="I12716" t="s">
        <v>30540</v>
      </c>
    </row>
    <row r="12717" spans="1:9">
      <c r="A12717" s="1">
        <v>0.97153259460858199</v>
      </c>
      <c r="B12717" s="1"/>
      <c r="C12717">
        <v>10</v>
      </c>
      <c r="D12717" t="s">
        <v>29947</v>
      </c>
      <c r="E12717" t="s">
        <v>34576</v>
      </c>
      <c r="F12717">
        <v>3</v>
      </c>
      <c r="G12717" t="s">
        <v>0</v>
      </c>
      <c r="H12717" t="s">
        <v>29948</v>
      </c>
      <c r="I12717" t="s">
        <v>30540</v>
      </c>
    </row>
    <row r="12718" spans="1:9">
      <c r="A12718" s="1">
        <v>0.87996815372310433</v>
      </c>
      <c r="B12718" s="1"/>
      <c r="C12718">
        <v>12</v>
      </c>
      <c r="D12718" t="s">
        <v>29941</v>
      </c>
      <c r="E12718" t="s">
        <v>34577</v>
      </c>
      <c r="F12718">
        <v>5</v>
      </c>
      <c r="G12718" t="s">
        <v>1</v>
      </c>
      <c r="H12718" t="s">
        <v>29942</v>
      </c>
      <c r="I12718" t="s">
        <v>30540</v>
      </c>
    </row>
    <row r="12719" spans="1:9">
      <c r="A12719" s="1">
        <v>0.72280936246922256</v>
      </c>
      <c r="B12719" s="1"/>
      <c r="C12719">
        <v>14</v>
      </c>
      <c r="D12719" t="s">
        <v>29943</v>
      </c>
      <c r="E12719" t="s">
        <v>34577</v>
      </c>
      <c r="F12719">
        <v>4</v>
      </c>
      <c r="G12719" t="s">
        <v>0</v>
      </c>
      <c r="H12719" t="s">
        <v>29944</v>
      </c>
      <c r="I12719" t="s">
        <v>30540</v>
      </c>
    </row>
    <row r="12720" spans="1:9">
      <c r="A12720" s="1">
        <v>0.54716308274576508</v>
      </c>
      <c r="B12720" s="1"/>
      <c r="C12720">
        <v>1</v>
      </c>
      <c r="D12720" t="s">
        <v>29933</v>
      </c>
      <c r="E12720" t="s">
        <v>34577</v>
      </c>
      <c r="F12720">
        <v>4</v>
      </c>
      <c r="G12720" t="s">
        <v>0</v>
      </c>
      <c r="H12720" t="s">
        <v>29934</v>
      </c>
      <c r="I12720" t="s">
        <v>30540</v>
      </c>
    </row>
    <row r="12721" spans="1:9">
      <c r="A12721" s="1">
        <v>0.49469378892789473</v>
      </c>
      <c r="B12721" s="1"/>
      <c r="C12721">
        <v>8</v>
      </c>
      <c r="D12721" t="s">
        <v>29939</v>
      </c>
      <c r="E12721" t="s">
        <v>34577</v>
      </c>
      <c r="F12721">
        <v>4</v>
      </c>
      <c r="G12721" t="s">
        <v>0</v>
      </c>
      <c r="H12721" t="s">
        <v>29940</v>
      </c>
      <c r="I12721" t="s">
        <v>30540</v>
      </c>
    </row>
    <row r="12722" spans="1:9">
      <c r="A12722" s="1">
        <v>0.84140599482976774</v>
      </c>
      <c r="B12722" s="1"/>
      <c r="C12722">
        <v>9</v>
      </c>
      <c r="D12722" t="s">
        <v>29929</v>
      </c>
      <c r="E12722" t="s">
        <v>34578</v>
      </c>
      <c r="F12722">
        <v>5</v>
      </c>
      <c r="G12722" t="s">
        <v>13</v>
      </c>
      <c r="H12722" t="s">
        <v>29930</v>
      </c>
      <c r="I12722" t="s">
        <v>30540</v>
      </c>
    </row>
    <row r="12723" spans="1:9">
      <c r="A12723" s="1">
        <v>0.8893322941888141</v>
      </c>
      <c r="B12723" s="1"/>
      <c r="C12723">
        <v>11</v>
      </c>
      <c r="D12723" t="s">
        <v>29931</v>
      </c>
      <c r="E12723" t="s">
        <v>34578</v>
      </c>
      <c r="F12723">
        <v>4</v>
      </c>
      <c r="G12723" t="s">
        <v>15</v>
      </c>
      <c r="H12723" t="s">
        <v>29932</v>
      </c>
      <c r="I12723" t="s">
        <v>30540</v>
      </c>
    </row>
    <row r="12724" spans="1:9">
      <c r="A12724" s="1">
        <v>0.58114610203579531</v>
      </c>
      <c r="B12724" s="1"/>
      <c r="C12724">
        <v>6</v>
      </c>
      <c r="D12724" t="s">
        <v>29925</v>
      </c>
      <c r="E12724" t="s">
        <v>34578</v>
      </c>
      <c r="F12724">
        <v>3</v>
      </c>
      <c r="G12724" t="s">
        <v>1</v>
      </c>
      <c r="H12724" t="s">
        <v>29926</v>
      </c>
      <c r="I12724" t="s">
        <v>30540</v>
      </c>
    </row>
    <row r="12725" spans="1:9">
      <c r="A12725" s="1">
        <v>0.58390208572422286</v>
      </c>
      <c r="B12725" s="1"/>
      <c r="C12725">
        <v>16</v>
      </c>
      <c r="D12725" t="s">
        <v>29921</v>
      </c>
      <c r="E12725" t="s">
        <v>34579</v>
      </c>
      <c r="F12725">
        <v>5</v>
      </c>
      <c r="G12725" t="s">
        <v>14</v>
      </c>
      <c r="H12725" t="s">
        <v>29922</v>
      </c>
      <c r="I12725" t="s">
        <v>30540</v>
      </c>
    </row>
    <row r="12726" spans="1:9">
      <c r="A12726" s="1">
        <v>0.89089188379244788</v>
      </c>
      <c r="B12726" s="1"/>
      <c r="C12726">
        <v>13</v>
      </c>
      <c r="D12726" t="s">
        <v>29917</v>
      </c>
      <c r="E12726" t="s">
        <v>34579</v>
      </c>
      <c r="F12726">
        <v>4</v>
      </c>
      <c r="G12726" t="s">
        <v>13</v>
      </c>
      <c r="H12726" t="s">
        <v>29918</v>
      </c>
      <c r="I12726" t="s">
        <v>30540</v>
      </c>
    </row>
    <row r="12727" spans="1:9">
      <c r="A12727" s="1">
        <v>0.76316697691136548</v>
      </c>
      <c r="B12727" s="1"/>
      <c r="C12727">
        <v>3</v>
      </c>
      <c r="D12727" t="s">
        <v>29909</v>
      </c>
      <c r="E12727" t="s">
        <v>34579</v>
      </c>
      <c r="F12727">
        <v>4</v>
      </c>
      <c r="G12727" t="s">
        <v>15</v>
      </c>
      <c r="H12727" t="s">
        <v>29910</v>
      </c>
      <c r="I12727" t="s">
        <v>30540</v>
      </c>
    </row>
    <row r="12728" spans="1:9">
      <c r="A12728" s="1">
        <v>0.82132682378128241</v>
      </c>
      <c r="B12728" s="1"/>
      <c r="C12728">
        <v>11</v>
      </c>
      <c r="D12728" t="s">
        <v>29915</v>
      </c>
      <c r="E12728" t="s">
        <v>34579</v>
      </c>
      <c r="F12728">
        <v>4</v>
      </c>
      <c r="G12728" t="s">
        <v>0</v>
      </c>
      <c r="H12728" t="s">
        <v>29916</v>
      </c>
      <c r="I12728" t="s">
        <v>30540</v>
      </c>
    </row>
    <row r="12729" spans="1:9">
      <c r="A12729" s="1">
        <v>0.87931591754861371</v>
      </c>
      <c r="B12729" s="1"/>
      <c r="C12729">
        <v>19</v>
      </c>
      <c r="D12729" t="s">
        <v>29923</v>
      </c>
      <c r="E12729" t="s">
        <v>34579</v>
      </c>
      <c r="F12729">
        <v>4</v>
      </c>
      <c r="G12729" t="s">
        <v>1</v>
      </c>
      <c r="H12729" t="s">
        <v>29924</v>
      </c>
      <c r="I12729" t="s">
        <v>30540</v>
      </c>
    </row>
    <row r="12730" spans="1:9">
      <c r="A12730" s="1">
        <v>0.52639023800496032</v>
      </c>
      <c r="B12730" s="1"/>
      <c r="C12730">
        <v>8</v>
      </c>
      <c r="D12730" t="s">
        <v>29911</v>
      </c>
      <c r="E12730" t="s">
        <v>34579</v>
      </c>
      <c r="F12730">
        <v>4</v>
      </c>
      <c r="G12730" t="s">
        <v>0</v>
      </c>
      <c r="H12730" t="s">
        <v>29912</v>
      </c>
      <c r="I12730" t="s">
        <v>30540</v>
      </c>
    </row>
    <row r="12731" spans="1:9">
      <c r="A12731" s="1">
        <v>0.3225322817200601</v>
      </c>
      <c r="B12731" s="1"/>
      <c r="C12731">
        <v>14</v>
      </c>
      <c r="D12731" t="s">
        <v>29919</v>
      </c>
      <c r="E12731" t="s">
        <v>34579</v>
      </c>
      <c r="F12731">
        <v>4</v>
      </c>
      <c r="G12731" t="s">
        <v>0</v>
      </c>
      <c r="H12731" t="s">
        <v>29920</v>
      </c>
      <c r="I12731" t="s">
        <v>30540</v>
      </c>
    </row>
    <row r="12732" spans="1:9">
      <c r="A12732" s="1">
        <v>0.92192619233800444</v>
      </c>
      <c r="B12732" s="1"/>
      <c r="C12732">
        <v>10</v>
      </c>
      <c r="D12732" t="s">
        <v>29913</v>
      </c>
      <c r="E12732" t="s">
        <v>34579</v>
      </c>
      <c r="F12732">
        <v>4</v>
      </c>
      <c r="G12732" t="s">
        <v>13</v>
      </c>
      <c r="H12732" t="s">
        <v>29914</v>
      </c>
      <c r="I12732" t="s">
        <v>30540</v>
      </c>
    </row>
    <row r="12733" spans="1:9">
      <c r="A12733" s="1">
        <v>0.72809428880676719</v>
      </c>
      <c r="B12733" s="1"/>
      <c r="C12733">
        <v>13</v>
      </c>
      <c r="D12733" t="s">
        <v>29901</v>
      </c>
      <c r="E12733" t="s">
        <v>34580</v>
      </c>
      <c r="F12733">
        <v>5</v>
      </c>
      <c r="G12733" t="s">
        <v>0</v>
      </c>
      <c r="H12733" t="s">
        <v>29902</v>
      </c>
      <c r="I12733" t="s">
        <v>30540</v>
      </c>
    </row>
    <row r="12734" spans="1:9">
      <c r="A12734" s="1">
        <v>0.48198434300904924</v>
      </c>
      <c r="B12734" s="1"/>
      <c r="C12734">
        <v>14</v>
      </c>
      <c r="D12734" t="s">
        <v>29903</v>
      </c>
      <c r="E12734" t="s">
        <v>34580</v>
      </c>
      <c r="F12734">
        <v>4</v>
      </c>
      <c r="G12734" t="s">
        <v>13</v>
      </c>
      <c r="H12734" t="s">
        <v>29904</v>
      </c>
      <c r="I12734" t="s">
        <v>30540</v>
      </c>
    </row>
    <row r="12735" spans="1:9">
      <c r="A12735" s="1">
        <v>0.63462474734469709</v>
      </c>
      <c r="B12735" s="1"/>
      <c r="C12735">
        <v>20</v>
      </c>
      <c r="D12735" t="s">
        <v>29907</v>
      </c>
      <c r="E12735" t="s">
        <v>34580</v>
      </c>
      <c r="F12735">
        <v>4</v>
      </c>
      <c r="G12735" t="s">
        <v>0</v>
      </c>
      <c r="H12735" t="s">
        <v>29908</v>
      </c>
      <c r="I12735" t="s">
        <v>30540</v>
      </c>
    </row>
    <row r="12736" spans="1:9">
      <c r="A12736" s="1">
        <v>0.43694847900009137</v>
      </c>
      <c r="B12736" s="1"/>
      <c r="C12736">
        <v>10</v>
      </c>
      <c r="D12736" t="s">
        <v>29899</v>
      </c>
      <c r="E12736" t="s">
        <v>34580</v>
      </c>
      <c r="F12736">
        <v>4</v>
      </c>
      <c r="G12736" t="s">
        <v>1</v>
      </c>
      <c r="H12736" t="s">
        <v>29900</v>
      </c>
      <c r="I12736" t="s">
        <v>30540</v>
      </c>
    </row>
    <row r="12737" spans="1:9">
      <c r="A12737" s="1">
        <v>0.76457851377838959</v>
      </c>
      <c r="B12737" s="1"/>
      <c r="C12737">
        <v>2</v>
      </c>
      <c r="D12737" t="s">
        <v>29893</v>
      </c>
      <c r="E12737" t="s">
        <v>34580</v>
      </c>
      <c r="F12737">
        <v>4</v>
      </c>
      <c r="G12737" t="s">
        <v>9</v>
      </c>
      <c r="H12737" t="s">
        <v>29894</v>
      </c>
      <c r="I12737" t="s">
        <v>30540</v>
      </c>
    </row>
    <row r="12738" spans="1:9">
      <c r="A12738" s="1">
        <v>0.25122981775893827</v>
      </c>
      <c r="B12738" s="1"/>
      <c r="C12738">
        <v>6</v>
      </c>
      <c r="D12738" t="s">
        <v>29897</v>
      </c>
      <c r="E12738" t="s">
        <v>34580</v>
      </c>
      <c r="F12738">
        <v>4</v>
      </c>
      <c r="G12738" t="s">
        <v>1</v>
      </c>
      <c r="H12738" t="s">
        <v>29898</v>
      </c>
      <c r="I12738" t="s">
        <v>30540</v>
      </c>
    </row>
    <row r="12739" spans="1:9">
      <c r="A12739" s="1">
        <v>0.52941078360098759</v>
      </c>
      <c r="B12739" s="1"/>
      <c r="C12739">
        <v>18</v>
      </c>
      <c r="D12739" t="s">
        <v>29905</v>
      </c>
      <c r="E12739" t="s">
        <v>34580</v>
      </c>
      <c r="F12739">
        <v>4</v>
      </c>
      <c r="G12739" t="s">
        <v>2</v>
      </c>
      <c r="H12739" t="s">
        <v>29906</v>
      </c>
      <c r="I12739" t="s">
        <v>30540</v>
      </c>
    </row>
    <row r="12740" spans="1:9">
      <c r="A12740" s="1">
        <v>0.56737662161296021</v>
      </c>
      <c r="B12740" s="1"/>
      <c r="C12740">
        <v>5</v>
      </c>
      <c r="D12740" t="s">
        <v>29895</v>
      </c>
      <c r="E12740" t="s">
        <v>34580</v>
      </c>
      <c r="F12740">
        <v>3</v>
      </c>
      <c r="G12740" t="s">
        <v>0</v>
      </c>
      <c r="H12740" t="s">
        <v>29896</v>
      </c>
      <c r="I12740" t="s">
        <v>30540</v>
      </c>
    </row>
    <row r="12741" spans="1:9">
      <c r="A12741" s="1">
        <v>0.29409208809287357</v>
      </c>
      <c r="B12741" s="1"/>
      <c r="C12741">
        <v>13</v>
      </c>
      <c r="D12741" t="s">
        <v>29889</v>
      </c>
      <c r="E12741" t="s">
        <v>34581</v>
      </c>
      <c r="F12741">
        <v>5</v>
      </c>
      <c r="G12741" t="s">
        <v>0</v>
      </c>
      <c r="H12741" t="s">
        <v>29890</v>
      </c>
      <c r="I12741" t="s">
        <v>30540</v>
      </c>
    </row>
    <row r="12742" spans="1:9">
      <c r="A12742" s="1">
        <v>0.51073190432314697</v>
      </c>
      <c r="B12742" s="1"/>
      <c r="C12742">
        <v>12</v>
      </c>
      <c r="D12742" t="s">
        <v>29887</v>
      </c>
      <c r="E12742" t="s">
        <v>34581</v>
      </c>
      <c r="F12742">
        <v>5</v>
      </c>
      <c r="G12742" t="s">
        <v>0</v>
      </c>
      <c r="H12742" t="s">
        <v>29888</v>
      </c>
      <c r="I12742" t="s">
        <v>30540</v>
      </c>
    </row>
    <row r="12743" spans="1:9">
      <c r="A12743" s="1">
        <v>5.1122416478919241E-2</v>
      </c>
      <c r="B12743" s="1"/>
      <c r="C12743">
        <v>19</v>
      </c>
      <c r="D12743" t="s">
        <v>29891</v>
      </c>
      <c r="E12743" t="s">
        <v>34581</v>
      </c>
      <c r="F12743">
        <v>5</v>
      </c>
      <c r="G12743" t="s">
        <v>15</v>
      </c>
      <c r="H12743" t="s">
        <v>29892</v>
      </c>
      <c r="I12743" t="s">
        <v>30540</v>
      </c>
    </row>
    <row r="12744" spans="1:9">
      <c r="A12744" s="1">
        <v>0.32817910202346756</v>
      </c>
      <c r="B12744" s="1"/>
      <c r="C12744">
        <v>7</v>
      </c>
      <c r="D12744" t="s">
        <v>29885</v>
      </c>
      <c r="E12744" t="s">
        <v>34581</v>
      </c>
      <c r="F12744">
        <v>4</v>
      </c>
      <c r="G12744" t="s">
        <v>14</v>
      </c>
      <c r="H12744" t="s">
        <v>29886</v>
      </c>
      <c r="I12744" t="s">
        <v>30540</v>
      </c>
    </row>
    <row r="12745" spans="1:9">
      <c r="A12745" s="1">
        <v>0.76130145510450775</v>
      </c>
      <c r="B12745" s="1"/>
      <c r="C12745">
        <v>11</v>
      </c>
      <c r="D12745" t="s">
        <v>29881</v>
      </c>
      <c r="E12745" t="s">
        <v>34582</v>
      </c>
      <c r="F12745">
        <v>5</v>
      </c>
      <c r="G12745" t="s">
        <v>0</v>
      </c>
      <c r="H12745" t="s">
        <v>29882</v>
      </c>
      <c r="I12745" t="s">
        <v>30540</v>
      </c>
    </row>
    <row r="12746" spans="1:9">
      <c r="A12746" s="1">
        <v>0.52058362077810649</v>
      </c>
      <c r="B12746" s="1"/>
      <c r="C12746">
        <v>14</v>
      </c>
      <c r="D12746" t="s">
        <v>29883</v>
      </c>
      <c r="E12746" t="s">
        <v>34582</v>
      </c>
      <c r="F12746">
        <v>5</v>
      </c>
      <c r="G12746" t="s">
        <v>14</v>
      </c>
      <c r="H12746" t="s">
        <v>29884</v>
      </c>
      <c r="I12746" t="s">
        <v>30540</v>
      </c>
    </row>
    <row r="12747" spans="1:9">
      <c r="A12747" s="1">
        <v>0.89510928919703425</v>
      </c>
      <c r="B12747" s="1"/>
      <c r="C12747">
        <v>7</v>
      </c>
      <c r="D12747" t="s">
        <v>29879</v>
      </c>
      <c r="E12747" t="s">
        <v>34582</v>
      </c>
      <c r="F12747">
        <v>4</v>
      </c>
      <c r="G12747" t="s">
        <v>2</v>
      </c>
      <c r="H12747" t="s">
        <v>29880</v>
      </c>
      <c r="I12747" t="s">
        <v>30540</v>
      </c>
    </row>
    <row r="12748" spans="1:9">
      <c r="A12748" s="1">
        <v>0.74610208525298471</v>
      </c>
      <c r="B12748" s="1"/>
      <c r="C12748">
        <v>15</v>
      </c>
      <c r="D12748" t="s">
        <v>29875</v>
      </c>
      <c r="E12748" t="s">
        <v>34583</v>
      </c>
      <c r="F12748">
        <v>5</v>
      </c>
      <c r="G12748" t="s">
        <v>10</v>
      </c>
      <c r="H12748" t="s">
        <v>29876</v>
      </c>
      <c r="I12748" t="s">
        <v>30540</v>
      </c>
    </row>
    <row r="12749" spans="1:9">
      <c r="A12749" s="1">
        <v>0.72612497807554743</v>
      </c>
      <c r="B12749" s="1"/>
      <c r="C12749">
        <v>4</v>
      </c>
      <c r="D12749" t="s">
        <v>29869</v>
      </c>
      <c r="E12749" t="s">
        <v>34583</v>
      </c>
      <c r="F12749">
        <v>4</v>
      </c>
      <c r="G12749" t="s">
        <v>1</v>
      </c>
      <c r="H12749" t="s">
        <v>29870</v>
      </c>
      <c r="I12749" t="s">
        <v>30540</v>
      </c>
    </row>
    <row r="12750" spans="1:9">
      <c r="A12750" s="1">
        <v>0.15345969800315939</v>
      </c>
      <c r="B12750" s="1"/>
      <c r="C12750">
        <v>5</v>
      </c>
      <c r="D12750" t="s">
        <v>29871</v>
      </c>
      <c r="E12750" t="s">
        <v>34583</v>
      </c>
      <c r="F12750">
        <v>4</v>
      </c>
      <c r="G12750" t="s">
        <v>9</v>
      </c>
      <c r="H12750" t="s">
        <v>29872</v>
      </c>
      <c r="I12750" t="s">
        <v>30540</v>
      </c>
    </row>
    <row r="12751" spans="1:9">
      <c r="A12751" s="1">
        <v>0.72578253885730926</v>
      </c>
      <c r="B12751" s="1"/>
      <c r="C12751">
        <v>8</v>
      </c>
      <c r="D12751" t="s">
        <v>29873</v>
      </c>
      <c r="E12751" t="s">
        <v>34583</v>
      </c>
      <c r="F12751">
        <v>3</v>
      </c>
      <c r="G12751" t="s">
        <v>0</v>
      </c>
      <c r="H12751" t="s">
        <v>29874</v>
      </c>
      <c r="I12751" t="s">
        <v>30540</v>
      </c>
    </row>
    <row r="12752" spans="1:9">
      <c r="A12752" s="1">
        <v>9.4263891292225677E-2</v>
      </c>
      <c r="B12752" s="1"/>
      <c r="C12752">
        <v>17</v>
      </c>
      <c r="D12752" t="s">
        <v>29877</v>
      </c>
      <c r="E12752" t="s">
        <v>34583</v>
      </c>
      <c r="F12752">
        <v>3</v>
      </c>
      <c r="G12752" t="s">
        <v>1</v>
      </c>
      <c r="H12752" t="s">
        <v>29878</v>
      </c>
      <c r="I12752" t="s">
        <v>30540</v>
      </c>
    </row>
    <row r="12753" spans="1:9">
      <c r="A12753" s="1">
        <v>0.10450382306132899</v>
      </c>
      <c r="B12753" s="1"/>
      <c r="C12753">
        <v>17</v>
      </c>
      <c r="D12753" t="s">
        <v>29865</v>
      </c>
      <c r="E12753" t="s">
        <v>34584</v>
      </c>
      <c r="F12753">
        <v>5</v>
      </c>
      <c r="G12753" t="s">
        <v>0</v>
      </c>
      <c r="H12753" t="s">
        <v>29866</v>
      </c>
      <c r="I12753" t="s">
        <v>30540</v>
      </c>
    </row>
    <row r="12754" spans="1:9">
      <c r="A12754" s="1">
        <v>4.144341101399851E-2</v>
      </c>
      <c r="B12754" s="1"/>
      <c r="C12754">
        <v>3</v>
      </c>
      <c r="D12754" t="s">
        <v>29861</v>
      </c>
      <c r="E12754" t="s">
        <v>34584</v>
      </c>
      <c r="F12754">
        <v>4</v>
      </c>
      <c r="G12754" t="s">
        <v>10</v>
      </c>
      <c r="H12754" t="s">
        <v>29862</v>
      </c>
      <c r="I12754" t="s">
        <v>30540</v>
      </c>
    </row>
    <row r="12755" spans="1:9">
      <c r="A12755" s="1">
        <v>0.44010750902553963</v>
      </c>
      <c r="B12755" s="1"/>
      <c r="C12755">
        <v>5</v>
      </c>
      <c r="D12755" t="s">
        <v>29863</v>
      </c>
      <c r="E12755" t="s">
        <v>34584</v>
      </c>
      <c r="F12755">
        <v>3</v>
      </c>
      <c r="G12755" t="s">
        <v>15</v>
      </c>
      <c r="H12755" t="s">
        <v>29864</v>
      </c>
      <c r="I12755" t="s">
        <v>30540</v>
      </c>
    </row>
    <row r="12756" spans="1:9">
      <c r="A12756" s="1">
        <v>0.34005217801275511</v>
      </c>
      <c r="B12756" s="1"/>
      <c r="C12756">
        <v>20</v>
      </c>
      <c r="D12756" t="s">
        <v>29867</v>
      </c>
      <c r="E12756" t="s">
        <v>34584</v>
      </c>
      <c r="F12756">
        <v>3</v>
      </c>
      <c r="G12756" t="s">
        <v>0</v>
      </c>
      <c r="H12756" t="s">
        <v>29868</v>
      </c>
      <c r="I12756" t="s">
        <v>30540</v>
      </c>
    </row>
    <row r="12757" spans="1:9">
      <c r="A12757" s="1">
        <v>0.47718274752675727</v>
      </c>
      <c r="B12757" s="1"/>
      <c r="C12757">
        <v>1</v>
      </c>
      <c r="D12757" t="s">
        <v>29853</v>
      </c>
      <c r="E12757" t="s">
        <v>34585</v>
      </c>
      <c r="F12757">
        <v>5</v>
      </c>
      <c r="G12757" t="s">
        <v>2</v>
      </c>
      <c r="H12757" t="s">
        <v>29854</v>
      </c>
      <c r="I12757" t="s">
        <v>30540</v>
      </c>
    </row>
    <row r="12758" spans="1:9">
      <c r="A12758" s="1">
        <v>0.98272705625638634</v>
      </c>
      <c r="B12758" s="1"/>
      <c r="C12758">
        <v>2</v>
      </c>
      <c r="D12758" t="s">
        <v>29855</v>
      </c>
      <c r="E12758" t="s">
        <v>34585</v>
      </c>
      <c r="F12758">
        <v>4</v>
      </c>
      <c r="G12758" t="s">
        <v>2</v>
      </c>
      <c r="H12758" t="s">
        <v>29856</v>
      </c>
      <c r="I12758" t="s">
        <v>30540</v>
      </c>
    </row>
    <row r="12759" spans="1:9">
      <c r="A12759" s="1">
        <v>0.54022513915180204</v>
      </c>
      <c r="B12759" s="1"/>
      <c r="C12759">
        <v>17</v>
      </c>
      <c r="D12759" t="s">
        <v>29859</v>
      </c>
      <c r="E12759" t="s">
        <v>34585</v>
      </c>
      <c r="F12759">
        <v>4</v>
      </c>
      <c r="G12759" t="s">
        <v>13</v>
      </c>
      <c r="H12759" t="s">
        <v>29860</v>
      </c>
      <c r="I12759" t="s">
        <v>30540</v>
      </c>
    </row>
    <row r="12760" spans="1:9">
      <c r="A12760" s="1">
        <v>0.55718311697753509</v>
      </c>
      <c r="B12760" s="1"/>
      <c r="C12760">
        <v>4</v>
      </c>
      <c r="D12760" t="s">
        <v>29841</v>
      </c>
      <c r="E12760" t="s">
        <v>34586</v>
      </c>
      <c r="F12760">
        <v>4</v>
      </c>
      <c r="G12760" t="s">
        <v>0</v>
      </c>
      <c r="H12760" t="s">
        <v>29842</v>
      </c>
      <c r="I12760" t="s">
        <v>30540</v>
      </c>
    </row>
    <row r="12761" spans="1:9">
      <c r="A12761" s="1">
        <v>0.32533282225983484</v>
      </c>
      <c r="B12761" s="1"/>
      <c r="C12761">
        <v>9</v>
      </c>
      <c r="D12761" t="s">
        <v>29843</v>
      </c>
      <c r="E12761" t="s">
        <v>34586</v>
      </c>
      <c r="F12761">
        <v>4</v>
      </c>
      <c r="G12761" t="s">
        <v>0</v>
      </c>
      <c r="H12761" t="s">
        <v>29844</v>
      </c>
      <c r="I12761" t="s">
        <v>30540</v>
      </c>
    </row>
    <row r="12762" spans="1:9">
      <c r="A12762" s="1">
        <v>5.9148013781318953E-2</v>
      </c>
      <c r="B12762" s="1"/>
      <c r="C12762">
        <v>17</v>
      </c>
      <c r="D12762" t="s">
        <v>29851</v>
      </c>
      <c r="E12762" t="s">
        <v>34586</v>
      </c>
      <c r="F12762">
        <v>4</v>
      </c>
      <c r="G12762" t="s">
        <v>15</v>
      </c>
      <c r="H12762" t="s">
        <v>29852</v>
      </c>
      <c r="I12762" t="s">
        <v>30540</v>
      </c>
    </row>
    <row r="12763" spans="1:9">
      <c r="A12763" s="1">
        <v>0.86272516093768215</v>
      </c>
      <c r="B12763" s="1"/>
      <c r="C12763">
        <v>14</v>
      </c>
      <c r="D12763" t="s">
        <v>29849</v>
      </c>
      <c r="E12763" t="s">
        <v>34586</v>
      </c>
      <c r="F12763">
        <v>4</v>
      </c>
      <c r="G12763" t="s">
        <v>13</v>
      </c>
      <c r="H12763" t="s">
        <v>29850</v>
      </c>
      <c r="I12763" t="s">
        <v>30540</v>
      </c>
    </row>
    <row r="12764" spans="1:9">
      <c r="A12764" s="1">
        <v>0.19473453479178837</v>
      </c>
      <c r="B12764" s="1"/>
      <c r="C12764">
        <v>11</v>
      </c>
      <c r="D12764" t="s">
        <v>29847</v>
      </c>
      <c r="E12764" t="s">
        <v>34586</v>
      </c>
      <c r="F12764">
        <v>4</v>
      </c>
      <c r="G12764" t="s">
        <v>15</v>
      </c>
      <c r="H12764" t="s">
        <v>29848</v>
      </c>
      <c r="I12764" t="s">
        <v>30540</v>
      </c>
    </row>
    <row r="12765" spans="1:9">
      <c r="A12765" s="1">
        <v>0.63803163995659284</v>
      </c>
      <c r="B12765" s="1"/>
      <c r="C12765">
        <v>12</v>
      </c>
      <c r="D12765" t="s">
        <v>29837</v>
      </c>
      <c r="E12765" t="s">
        <v>34587</v>
      </c>
      <c r="F12765">
        <v>4</v>
      </c>
      <c r="G12765" t="s">
        <v>13</v>
      </c>
      <c r="H12765" t="s">
        <v>29838</v>
      </c>
      <c r="I12765" t="s">
        <v>30540</v>
      </c>
    </row>
    <row r="12766" spans="1:9">
      <c r="A12766" s="1">
        <v>0.21747581879559541</v>
      </c>
      <c r="B12766" s="1"/>
      <c r="C12766">
        <v>9</v>
      </c>
      <c r="D12766" t="s">
        <v>29835</v>
      </c>
      <c r="E12766" t="s">
        <v>34587</v>
      </c>
      <c r="F12766">
        <v>4</v>
      </c>
      <c r="G12766" t="s">
        <v>1</v>
      </c>
      <c r="H12766" t="s">
        <v>29836</v>
      </c>
      <c r="I12766" t="s">
        <v>30540</v>
      </c>
    </row>
    <row r="12767" spans="1:9">
      <c r="A12767" s="1">
        <v>0.70005333367420142</v>
      </c>
      <c r="B12767" s="1"/>
      <c r="C12767">
        <v>4</v>
      </c>
      <c r="D12767" t="s">
        <v>29831</v>
      </c>
      <c r="E12767" t="s">
        <v>34587</v>
      </c>
      <c r="F12767">
        <v>4</v>
      </c>
      <c r="G12767" t="s">
        <v>10</v>
      </c>
      <c r="H12767" t="s">
        <v>29832</v>
      </c>
      <c r="I12767" t="s">
        <v>30540</v>
      </c>
    </row>
    <row r="12768" spans="1:9">
      <c r="A12768" s="1">
        <v>0.11794619024254338</v>
      </c>
      <c r="B12768" s="1"/>
      <c r="C12768">
        <v>8</v>
      </c>
      <c r="D12768" t="s">
        <v>29833</v>
      </c>
      <c r="E12768" t="s">
        <v>34587</v>
      </c>
      <c r="F12768">
        <v>3</v>
      </c>
      <c r="G12768" t="s">
        <v>0</v>
      </c>
      <c r="H12768" t="s">
        <v>29834</v>
      </c>
      <c r="I12768" t="s">
        <v>30540</v>
      </c>
    </row>
    <row r="12769" spans="1:9">
      <c r="A12769" s="1">
        <v>0.7167292209087357</v>
      </c>
      <c r="B12769" s="1"/>
      <c r="C12769">
        <v>9</v>
      </c>
      <c r="D12769" t="s">
        <v>29819</v>
      </c>
      <c r="E12769" t="s">
        <v>34588</v>
      </c>
      <c r="F12769">
        <v>4</v>
      </c>
      <c r="G12769" t="s">
        <v>0</v>
      </c>
      <c r="H12769" t="s">
        <v>29820</v>
      </c>
      <c r="I12769" t="s">
        <v>30540</v>
      </c>
    </row>
    <row r="12770" spans="1:9">
      <c r="A12770" s="1">
        <v>0.11503869668502065</v>
      </c>
      <c r="B12770" s="1"/>
      <c r="C12770">
        <v>15</v>
      </c>
      <c r="D12770" t="s">
        <v>29829</v>
      </c>
      <c r="E12770" t="s">
        <v>34588</v>
      </c>
      <c r="F12770">
        <v>4</v>
      </c>
      <c r="G12770" t="s">
        <v>0</v>
      </c>
      <c r="H12770" t="s">
        <v>29830</v>
      </c>
      <c r="I12770" t="s">
        <v>30540</v>
      </c>
    </row>
    <row r="12771" spans="1:9">
      <c r="A12771" s="1">
        <v>0.55981271174520397</v>
      </c>
      <c r="B12771" s="1"/>
      <c r="C12771">
        <v>1</v>
      </c>
      <c r="D12771" t="s">
        <v>29817</v>
      </c>
      <c r="E12771" t="s">
        <v>34588</v>
      </c>
      <c r="F12771">
        <v>4</v>
      </c>
      <c r="G12771" t="s">
        <v>2</v>
      </c>
      <c r="H12771" t="s">
        <v>29818</v>
      </c>
      <c r="I12771" t="s">
        <v>30540</v>
      </c>
    </row>
    <row r="12772" spans="1:9">
      <c r="A12772" s="1">
        <v>0.99526625087889864</v>
      </c>
      <c r="B12772" s="1"/>
      <c r="C12772">
        <v>10</v>
      </c>
      <c r="D12772" t="s">
        <v>29821</v>
      </c>
      <c r="E12772" t="s">
        <v>34588</v>
      </c>
      <c r="F12772">
        <v>4</v>
      </c>
      <c r="G12772" t="s">
        <v>15</v>
      </c>
      <c r="H12772" t="s">
        <v>29822</v>
      </c>
      <c r="I12772" t="s">
        <v>30540</v>
      </c>
    </row>
    <row r="12773" spans="1:9">
      <c r="A12773" s="1">
        <v>0.52570322428259364</v>
      </c>
      <c r="B12773" s="1"/>
      <c r="C12773">
        <v>13</v>
      </c>
      <c r="D12773" t="s">
        <v>29827</v>
      </c>
      <c r="E12773" t="s">
        <v>34588</v>
      </c>
      <c r="F12773">
        <v>4</v>
      </c>
      <c r="G12773" t="s">
        <v>2</v>
      </c>
      <c r="H12773" t="s">
        <v>29828</v>
      </c>
      <c r="I12773" t="s">
        <v>30540</v>
      </c>
    </row>
    <row r="12774" spans="1:9">
      <c r="A12774" s="1">
        <v>0.35791398007148889</v>
      </c>
      <c r="B12774" s="1"/>
      <c r="C12774">
        <v>11</v>
      </c>
      <c r="D12774" t="s">
        <v>29823</v>
      </c>
      <c r="E12774" t="s">
        <v>34588</v>
      </c>
      <c r="F12774">
        <v>3</v>
      </c>
      <c r="G12774" t="s">
        <v>0</v>
      </c>
      <c r="H12774" t="s">
        <v>29824</v>
      </c>
      <c r="I12774" t="s">
        <v>30540</v>
      </c>
    </row>
    <row r="12775" spans="1:9">
      <c r="A12775" s="1">
        <v>0.54280007984829959</v>
      </c>
      <c r="B12775" s="1"/>
      <c r="C12775">
        <v>6</v>
      </c>
      <c r="D12775" t="s">
        <v>29807</v>
      </c>
      <c r="E12775" t="s">
        <v>34589</v>
      </c>
      <c r="F12775">
        <v>4</v>
      </c>
      <c r="G12775" t="s">
        <v>14</v>
      </c>
      <c r="H12775" t="s">
        <v>29808</v>
      </c>
      <c r="I12775" t="s">
        <v>30540</v>
      </c>
    </row>
    <row r="12776" spans="1:9">
      <c r="A12776" s="1">
        <v>0.38538804737252708</v>
      </c>
      <c r="B12776" s="1"/>
      <c r="C12776">
        <v>14</v>
      </c>
      <c r="D12776" t="s">
        <v>29813</v>
      </c>
      <c r="E12776" t="s">
        <v>34589</v>
      </c>
      <c r="F12776">
        <v>4</v>
      </c>
      <c r="G12776" t="s">
        <v>0</v>
      </c>
      <c r="H12776" t="s">
        <v>29814</v>
      </c>
      <c r="I12776" t="s">
        <v>30540</v>
      </c>
    </row>
    <row r="12777" spans="1:9">
      <c r="A12777" s="1">
        <v>0.37092728040860512</v>
      </c>
      <c r="B12777" s="1"/>
      <c r="C12777">
        <v>10</v>
      </c>
      <c r="D12777" t="s">
        <v>29809</v>
      </c>
      <c r="E12777" t="s">
        <v>34589</v>
      </c>
      <c r="F12777">
        <v>4</v>
      </c>
      <c r="G12777" t="s">
        <v>0</v>
      </c>
      <c r="H12777" t="s">
        <v>29810</v>
      </c>
      <c r="I12777" t="s">
        <v>30540</v>
      </c>
    </row>
    <row r="12778" spans="1:9">
      <c r="A12778" s="1">
        <v>0.32977856518360105</v>
      </c>
      <c r="B12778" s="1"/>
      <c r="C12778">
        <v>11</v>
      </c>
      <c r="D12778" t="s">
        <v>29811</v>
      </c>
      <c r="E12778" t="s">
        <v>34589</v>
      </c>
      <c r="F12778">
        <v>3</v>
      </c>
      <c r="G12778" t="s">
        <v>14</v>
      </c>
      <c r="H12778" t="s">
        <v>29812</v>
      </c>
      <c r="I12778" t="s">
        <v>30540</v>
      </c>
    </row>
    <row r="12779" spans="1:9">
      <c r="A12779" s="1">
        <v>0.44270519034739264</v>
      </c>
      <c r="B12779" s="1"/>
      <c r="C12779">
        <v>13</v>
      </c>
      <c r="D12779" t="s">
        <v>29805</v>
      </c>
      <c r="E12779" t="s">
        <v>34590</v>
      </c>
      <c r="F12779">
        <v>5</v>
      </c>
      <c r="G12779" t="s">
        <v>0</v>
      </c>
      <c r="H12779" t="s">
        <v>29806</v>
      </c>
      <c r="I12779" t="s">
        <v>30540</v>
      </c>
    </row>
    <row r="12780" spans="1:9">
      <c r="A12780" s="1">
        <v>0.3231796347704412</v>
      </c>
      <c r="B12780" s="1"/>
      <c r="C12780">
        <v>11</v>
      </c>
      <c r="D12780" t="s">
        <v>29801</v>
      </c>
      <c r="E12780" t="s">
        <v>34590</v>
      </c>
      <c r="F12780">
        <v>4</v>
      </c>
      <c r="G12780" t="s">
        <v>0</v>
      </c>
      <c r="H12780" t="s">
        <v>29802</v>
      </c>
      <c r="I12780" t="s">
        <v>30540</v>
      </c>
    </row>
    <row r="12781" spans="1:9">
      <c r="A12781" s="1">
        <v>0.75634763680890482</v>
      </c>
      <c r="B12781" s="1"/>
      <c r="C12781">
        <v>4</v>
      </c>
      <c r="D12781" t="s">
        <v>29793</v>
      </c>
      <c r="E12781" t="s">
        <v>34590</v>
      </c>
      <c r="F12781">
        <v>4</v>
      </c>
      <c r="G12781" t="s">
        <v>0</v>
      </c>
      <c r="H12781" t="s">
        <v>29794</v>
      </c>
      <c r="I12781" t="s">
        <v>30540</v>
      </c>
    </row>
    <row r="12782" spans="1:9">
      <c r="A12782" s="1">
        <v>0.96516712009603234</v>
      </c>
      <c r="B12782" s="1"/>
      <c r="C12782">
        <v>12</v>
      </c>
      <c r="D12782" t="s">
        <v>29803</v>
      </c>
      <c r="E12782" t="s">
        <v>34590</v>
      </c>
      <c r="F12782">
        <v>3</v>
      </c>
      <c r="G12782" t="s">
        <v>0</v>
      </c>
      <c r="H12782" t="s">
        <v>29804</v>
      </c>
      <c r="I12782" t="s">
        <v>30540</v>
      </c>
    </row>
    <row r="12783" spans="1:9">
      <c r="A12783" s="1">
        <v>0.15438453399170926</v>
      </c>
      <c r="B12783" s="1"/>
      <c r="C12783">
        <v>9</v>
      </c>
      <c r="D12783" t="s">
        <v>29797</v>
      </c>
      <c r="E12783" t="s">
        <v>34590</v>
      </c>
      <c r="F12783">
        <v>3</v>
      </c>
      <c r="G12783" t="s">
        <v>9</v>
      </c>
      <c r="H12783" t="s">
        <v>29798</v>
      </c>
      <c r="I12783" t="s">
        <v>30540</v>
      </c>
    </row>
    <row r="12784" spans="1:9">
      <c r="A12784" s="1">
        <v>0.1903130289287992</v>
      </c>
      <c r="B12784" s="1"/>
      <c r="C12784">
        <v>16</v>
      </c>
      <c r="D12784" t="s">
        <v>29791</v>
      </c>
      <c r="E12784" t="s">
        <v>34591</v>
      </c>
      <c r="F12784">
        <v>5</v>
      </c>
      <c r="G12784" t="s">
        <v>1</v>
      </c>
      <c r="H12784" t="s">
        <v>29792</v>
      </c>
      <c r="I12784" t="s">
        <v>30540</v>
      </c>
    </row>
    <row r="12785" spans="1:9">
      <c r="A12785" s="1">
        <v>0.60638992454637175</v>
      </c>
      <c r="B12785" s="1"/>
      <c r="C12785">
        <v>7</v>
      </c>
      <c r="D12785" t="s">
        <v>29783</v>
      </c>
      <c r="E12785" t="s">
        <v>34591</v>
      </c>
      <c r="F12785">
        <v>4</v>
      </c>
      <c r="G12785" t="s">
        <v>0</v>
      </c>
      <c r="H12785" t="s">
        <v>29784</v>
      </c>
      <c r="I12785" t="s">
        <v>30540</v>
      </c>
    </row>
    <row r="12786" spans="1:9">
      <c r="A12786" s="1">
        <v>0.83125864317847398</v>
      </c>
      <c r="B12786" s="1"/>
      <c r="C12786">
        <v>10</v>
      </c>
      <c r="D12786" t="s">
        <v>29789</v>
      </c>
      <c r="E12786" t="s">
        <v>34591</v>
      </c>
      <c r="F12786">
        <v>4</v>
      </c>
      <c r="G12786" t="s">
        <v>0</v>
      </c>
      <c r="H12786" t="s">
        <v>29790</v>
      </c>
      <c r="I12786" t="s">
        <v>30540</v>
      </c>
    </row>
    <row r="12787" spans="1:9">
      <c r="A12787" s="1">
        <v>0.20114346762448487</v>
      </c>
      <c r="B12787" s="1"/>
      <c r="C12787">
        <v>8</v>
      </c>
      <c r="D12787" t="s">
        <v>29785</v>
      </c>
      <c r="E12787" t="s">
        <v>34591</v>
      </c>
      <c r="F12787">
        <v>3</v>
      </c>
      <c r="G12787" t="s">
        <v>2</v>
      </c>
      <c r="H12787" t="s">
        <v>29786</v>
      </c>
      <c r="I12787" t="s">
        <v>30540</v>
      </c>
    </row>
    <row r="12788" spans="1:9">
      <c r="A12788" s="1">
        <v>0.38918583409174301</v>
      </c>
      <c r="B12788" s="1"/>
      <c r="C12788">
        <v>14</v>
      </c>
      <c r="D12788" t="s">
        <v>29781</v>
      </c>
      <c r="E12788" t="s">
        <v>34592</v>
      </c>
      <c r="F12788">
        <v>4</v>
      </c>
      <c r="G12788" t="s">
        <v>0</v>
      </c>
      <c r="H12788" t="s">
        <v>29782</v>
      </c>
      <c r="I12788" t="s">
        <v>30540</v>
      </c>
    </row>
    <row r="12789" spans="1:9">
      <c r="A12789" s="1">
        <v>0.50964133239554088</v>
      </c>
      <c r="B12789" s="1"/>
      <c r="C12789">
        <v>2</v>
      </c>
      <c r="D12789" t="s">
        <v>29777</v>
      </c>
      <c r="E12789" t="s">
        <v>34592</v>
      </c>
      <c r="F12789">
        <v>4</v>
      </c>
      <c r="G12789" t="s">
        <v>10</v>
      </c>
      <c r="H12789" t="s">
        <v>29778</v>
      </c>
      <c r="I12789" t="s">
        <v>30540</v>
      </c>
    </row>
    <row r="12790" spans="1:9">
      <c r="A12790" s="1">
        <v>0.80282589427974871</v>
      </c>
      <c r="B12790" s="1"/>
      <c r="C12790">
        <v>15</v>
      </c>
      <c r="D12790" t="s">
        <v>29775</v>
      </c>
      <c r="E12790" t="s">
        <v>34593</v>
      </c>
      <c r="F12790">
        <v>5</v>
      </c>
      <c r="G12790" t="s">
        <v>9</v>
      </c>
      <c r="H12790" t="s">
        <v>29776</v>
      </c>
      <c r="I12790" t="s">
        <v>30540</v>
      </c>
    </row>
    <row r="12791" spans="1:9">
      <c r="A12791" s="1">
        <v>6.1744189167643349E-2</v>
      </c>
      <c r="B12791" s="1"/>
      <c r="C12791">
        <v>6</v>
      </c>
      <c r="D12791" t="s">
        <v>29769</v>
      </c>
      <c r="E12791" t="s">
        <v>34593</v>
      </c>
      <c r="F12791">
        <v>4</v>
      </c>
      <c r="G12791" t="s">
        <v>0</v>
      </c>
      <c r="H12791" t="s">
        <v>29770</v>
      </c>
      <c r="I12791" t="s">
        <v>30540</v>
      </c>
    </row>
    <row r="12792" spans="1:9">
      <c r="A12792" s="1">
        <v>0.88361737379676542</v>
      </c>
      <c r="B12792" s="1"/>
      <c r="C12792">
        <v>11</v>
      </c>
      <c r="D12792" t="s">
        <v>29771</v>
      </c>
      <c r="E12792" t="s">
        <v>34593</v>
      </c>
      <c r="F12792">
        <v>4</v>
      </c>
      <c r="G12792" t="s">
        <v>0</v>
      </c>
      <c r="H12792" t="s">
        <v>29772</v>
      </c>
      <c r="I12792" t="s">
        <v>30540</v>
      </c>
    </row>
    <row r="12793" spans="1:9">
      <c r="A12793" s="1">
        <v>0.13116746889953745</v>
      </c>
      <c r="B12793" s="1"/>
      <c r="C12793">
        <v>16</v>
      </c>
      <c r="D12793" t="s">
        <v>29763</v>
      </c>
      <c r="E12793" t="s">
        <v>34594</v>
      </c>
      <c r="F12793">
        <v>4</v>
      </c>
      <c r="G12793" t="s">
        <v>0</v>
      </c>
      <c r="H12793" t="s">
        <v>29764</v>
      </c>
      <c r="I12793" t="s">
        <v>30540</v>
      </c>
    </row>
    <row r="12794" spans="1:9">
      <c r="A12794" s="1">
        <v>0.92787481799911309</v>
      </c>
      <c r="B12794" s="1"/>
      <c r="C12794">
        <v>11</v>
      </c>
      <c r="D12794" t="s">
        <v>29759</v>
      </c>
      <c r="E12794" t="s">
        <v>34594</v>
      </c>
      <c r="F12794">
        <v>4</v>
      </c>
      <c r="G12794" t="s">
        <v>0</v>
      </c>
      <c r="H12794" t="s">
        <v>29760</v>
      </c>
      <c r="I12794" t="s">
        <v>30540</v>
      </c>
    </row>
    <row r="12795" spans="1:9">
      <c r="A12795" s="1">
        <v>6.3134007264573633E-3</v>
      </c>
      <c r="B12795" s="1"/>
      <c r="C12795">
        <v>17</v>
      </c>
      <c r="D12795" t="s">
        <v>29765</v>
      </c>
      <c r="E12795" t="s">
        <v>34594</v>
      </c>
      <c r="F12795">
        <v>4</v>
      </c>
      <c r="G12795" t="s">
        <v>1</v>
      </c>
      <c r="H12795" t="s">
        <v>29766</v>
      </c>
      <c r="I12795" t="s">
        <v>30540</v>
      </c>
    </row>
    <row r="12796" spans="1:9">
      <c r="A12796" s="1">
        <v>0.15132763710297015</v>
      </c>
      <c r="B12796" s="1"/>
      <c r="C12796">
        <v>18</v>
      </c>
      <c r="D12796" t="s">
        <v>29767</v>
      </c>
      <c r="E12796" t="s">
        <v>34594</v>
      </c>
      <c r="F12796">
        <v>3</v>
      </c>
      <c r="G12796" t="s">
        <v>0</v>
      </c>
      <c r="H12796" t="s">
        <v>29768</v>
      </c>
      <c r="I12796" t="s">
        <v>30540</v>
      </c>
    </row>
    <row r="12797" spans="1:9">
      <c r="A12797" s="1">
        <v>0.86973284265398276</v>
      </c>
      <c r="B12797" s="1"/>
      <c r="C12797">
        <v>14</v>
      </c>
      <c r="D12797" t="s">
        <v>29761</v>
      </c>
      <c r="E12797" t="s">
        <v>34594</v>
      </c>
      <c r="F12797">
        <v>3</v>
      </c>
      <c r="G12797" t="s">
        <v>0</v>
      </c>
      <c r="H12797" t="s">
        <v>29762</v>
      </c>
      <c r="I12797" t="s">
        <v>30540</v>
      </c>
    </row>
    <row r="12798" spans="1:9">
      <c r="A12798" s="1">
        <v>0.35863095888733709</v>
      </c>
      <c r="B12798" s="1"/>
      <c r="C12798">
        <v>10</v>
      </c>
      <c r="D12798" t="s">
        <v>29745</v>
      </c>
      <c r="E12798" t="s">
        <v>34595</v>
      </c>
      <c r="F12798">
        <v>5</v>
      </c>
      <c r="G12798" t="s">
        <v>2</v>
      </c>
      <c r="H12798" t="s">
        <v>29746</v>
      </c>
      <c r="I12798" t="s">
        <v>30540</v>
      </c>
    </row>
    <row r="12799" spans="1:9">
      <c r="A12799" s="1">
        <v>0.21251975480431029</v>
      </c>
      <c r="B12799" s="1"/>
      <c r="C12799">
        <v>14</v>
      </c>
      <c r="D12799" t="s">
        <v>29751</v>
      </c>
      <c r="E12799" t="s">
        <v>34595</v>
      </c>
      <c r="F12799">
        <v>4</v>
      </c>
      <c r="G12799" t="s">
        <v>0</v>
      </c>
      <c r="H12799" t="s">
        <v>29752</v>
      </c>
      <c r="I12799" t="s">
        <v>30540</v>
      </c>
    </row>
    <row r="12800" spans="1:9">
      <c r="A12800" s="1">
        <v>0.9045800130549646</v>
      </c>
      <c r="B12800" s="1"/>
      <c r="C12800">
        <v>7</v>
      </c>
      <c r="D12800" t="s">
        <v>29743</v>
      </c>
      <c r="E12800" t="s">
        <v>34595</v>
      </c>
      <c r="F12800">
        <v>4</v>
      </c>
      <c r="G12800" t="s">
        <v>2</v>
      </c>
      <c r="H12800" t="s">
        <v>29744</v>
      </c>
      <c r="I12800" t="s">
        <v>30540</v>
      </c>
    </row>
    <row r="12801" spans="1:9">
      <c r="A12801" s="1">
        <v>0.72204583108039044</v>
      </c>
      <c r="B12801" s="1"/>
      <c r="C12801">
        <v>17</v>
      </c>
      <c r="D12801" t="s">
        <v>29753</v>
      </c>
      <c r="E12801" t="s">
        <v>34595</v>
      </c>
      <c r="F12801">
        <v>4</v>
      </c>
      <c r="G12801" t="s">
        <v>0</v>
      </c>
      <c r="H12801" t="s">
        <v>29754</v>
      </c>
      <c r="I12801" t="s">
        <v>30540</v>
      </c>
    </row>
    <row r="12802" spans="1:9">
      <c r="A12802" s="1">
        <v>0.94295937256545059</v>
      </c>
      <c r="B12802" s="1"/>
      <c r="C12802">
        <v>19</v>
      </c>
      <c r="D12802" t="s">
        <v>29757</v>
      </c>
      <c r="E12802" t="s">
        <v>34595</v>
      </c>
      <c r="F12802">
        <v>4</v>
      </c>
      <c r="G12802" t="s">
        <v>0</v>
      </c>
      <c r="H12802" t="s">
        <v>29758</v>
      </c>
      <c r="I12802" t="s">
        <v>30540</v>
      </c>
    </row>
    <row r="12803" spans="1:9">
      <c r="A12803" s="1">
        <v>0.76651444097161903</v>
      </c>
      <c r="B12803" s="1"/>
      <c r="C12803">
        <v>18</v>
      </c>
      <c r="D12803" t="s">
        <v>29755</v>
      </c>
      <c r="E12803" t="s">
        <v>34595</v>
      </c>
      <c r="F12803">
        <v>4</v>
      </c>
      <c r="G12803" t="s">
        <v>2</v>
      </c>
      <c r="H12803" t="s">
        <v>29756</v>
      </c>
      <c r="I12803" t="s">
        <v>30540</v>
      </c>
    </row>
    <row r="12804" spans="1:9">
      <c r="A12804" s="1">
        <v>0.49993191316325447</v>
      </c>
      <c r="B12804" s="1"/>
      <c r="C12804">
        <v>11</v>
      </c>
      <c r="D12804" t="s">
        <v>29747</v>
      </c>
      <c r="E12804" t="s">
        <v>34595</v>
      </c>
      <c r="F12804">
        <v>4</v>
      </c>
      <c r="G12804" t="s">
        <v>0</v>
      </c>
      <c r="H12804" t="s">
        <v>29748</v>
      </c>
      <c r="I12804" t="s">
        <v>30540</v>
      </c>
    </row>
    <row r="12805" spans="1:9">
      <c r="A12805" s="1">
        <v>0.63483430367831961</v>
      </c>
      <c r="B12805" s="1"/>
      <c r="C12805">
        <v>12</v>
      </c>
      <c r="D12805" t="s">
        <v>29749</v>
      </c>
      <c r="E12805" t="s">
        <v>34595</v>
      </c>
      <c r="F12805">
        <v>4</v>
      </c>
      <c r="G12805" t="s">
        <v>2</v>
      </c>
      <c r="H12805" t="s">
        <v>29750</v>
      </c>
      <c r="I12805" t="s">
        <v>30540</v>
      </c>
    </row>
    <row r="12806" spans="1:9">
      <c r="A12806" s="1">
        <v>0.6062221106418676</v>
      </c>
      <c r="B12806" s="1"/>
      <c r="C12806">
        <v>10</v>
      </c>
      <c r="D12806" t="s">
        <v>29739</v>
      </c>
      <c r="E12806" t="s">
        <v>34596</v>
      </c>
      <c r="F12806">
        <v>4</v>
      </c>
      <c r="G12806" t="s">
        <v>0</v>
      </c>
      <c r="H12806" t="s">
        <v>29740</v>
      </c>
      <c r="I12806" t="s">
        <v>30540</v>
      </c>
    </row>
    <row r="12807" spans="1:9">
      <c r="A12807" s="1">
        <v>0.66281488347244488</v>
      </c>
      <c r="B12807" s="1"/>
      <c r="C12807">
        <v>18</v>
      </c>
      <c r="D12807" t="s">
        <v>29741</v>
      </c>
      <c r="E12807" t="s">
        <v>34596</v>
      </c>
      <c r="F12807">
        <v>4</v>
      </c>
      <c r="G12807" t="s">
        <v>0</v>
      </c>
      <c r="H12807" t="s">
        <v>29742</v>
      </c>
      <c r="I12807" t="s">
        <v>30540</v>
      </c>
    </row>
    <row r="12808" spans="1:9">
      <c r="A12808" s="1">
        <v>0.65146408947477763</v>
      </c>
      <c r="B12808" s="1"/>
      <c r="C12808">
        <v>10</v>
      </c>
      <c r="D12808" t="s">
        <v>29733</v>
      </c>
      <c r="E12808" t="s">
        <v>34597</v>
      </c>
      <c r="F12808">
        <v>4</v>
      </c>
      <c r="G12808" t="s">
        <v>0</v>
      </c>
      <c r="H12808" t="s">
        <v>29734</v>
      </c>
      <c r="I12808" t="s">
        <v>30540</v>
      </c>
    </row>
    <row r="12809" spans="1:9">
      <c r="A12809" s="1">
        <v>0.21447627823966187</v>
      </c>
      <c r="B12809" s="1"/>
      <c r="C12809">
        <v>14</v>
      </c>
      <c r="D12809" t="s">
        <v>29735</v>
      </c>
      <c r="E12809" t="s">
        <v>34597</v>
      </c>
      <c r="F12809">
        <v>4</v>
      </c>
      <c r="G12809" t="s">
        <v>0</v>
      </c>
      <c r="H12809" t="s">
        <v>29736</v>
      </c>
      <c r="I12809" t="s">
        <v>30540</v>
      </c>
    </row>
    <row r="12810" spans="1:9">
      <c r="A12810" s="1">
        <v>0.46248287306432379</v>
      </c>
      <c r="B12810" s="1"/>
      <c r="C12810">
        <v>8</v>
      </c>
      <c r="D12810" t="s">
        <v>29731</v>
      </c>
      <c r="E12810" t="s">
        <v>34597</v>
      </c>
      <c r="F12810">
        <v>4</v>
      </c>
      <c r="G12810" t="s">
        <v>0</v>
      </c>
      <c r="H12810" t="s">
        <v>29732</v>
      </c>
      <c r="I12810" t="s">
        <v>30540</v>
      </c>
    </row>
    <row r="12811" spans="1:9">
      <c r="A12811" s="1">
        <v>0.6507816208326902</v>
      </c>
      <c r="B12811" s="1"/>
      <c r="C12811">
        <v>9</v>
      </c>
      <c r="D12811" t="s">
        <v>29727</v>
      </c>
      <c r="E12811" t="s">
        <v>34598</v>
      </c>
      <c r="F12811">
        <v>5</v>
      </c>
      <c r="G12811" t="s">
        <v>14</v>
      </c>
      <c r="H12811" t="s">
        <v>29728</v>
      </c>
      <c r="I12811" t="s">
        <v>30540</v>
      </c>
    </row>
    <row r="12812" spans="1:9">
      <c r="A12812" s="1">
        <v>0.8549537854762812</v>
      </c>
      <c r="B12812" s="1"/>
      <c r="C12812">
        <v>3</v>
      </c>
      <c r="D12812" t="s">
        <v>29725</v>
      </c>
      <c r="E12812" t="s">
        <v>34598</v>
      </c>
      <c r="F12812">
        <v>4</v>
      </c>
      <c r="G12812" t="s">
        <v>0</v>
      </c>
      <c r="H12812" t="s">
        <v>29726</v>
      </c>
      <c r="I12812" t="s">
        <v>30540</v>
      </c>
    </row>
    <row r="12813" spans="1:9">
      <c r="A12813" s="1">
        <v>8.1481172076105612E-2</v>
      </c>
      <c r="B12813" s="1"/>
      <c r="C12813">
        <v>15</v>
      </c>
      <c r="D12813" t="s">
        <v>29729</v>
      </c>
      <c r="E12813" t="s">
        <v>34598</v>
      </c>
      <c r="F12813">
        <v>4</v>
      </c>
      <c r="G12813" t="s">
        <v>0</v>
      </c>
      <c r="H12813" t="s">
        <v>29730</v>
      </c>
      <c r="I12813" t="s">
        <v>30540</v>
      </c>
    </row>
    <row r="12814" spans="1:9">
      <c r="A12814" s="1">
        <v>0.97112588234129482</v>
      </c>
      <c r="B12814" s="1"/>
      <c r="C12814">
        <v>14</v>
      </c>
      <c r="D12814" t="s">
        <v>29719</v>
      </c>
      <c r="E12814" t="s">
        <v>34599</v>
      </c>
      <c r="F12814">
        <v>4</v>
      </c>
      <c r="G12814" t="s">
        <v>15</v>
      </c>
      <c r="H12814" t="s">
        <v>29720</v>
      </c>
      <c r="I12814" t="s">
        <v>30540</v>
      </c>
    </row>
    <row r="12815" spans="1:9">
      <c r="A12815" s="1">
        <v>0.99930130628280667</v>
      </c>
      <c r="B12815" s="1"/>
      <c r="C12815">
        <v>19</v>
      </c>
      <c r="D12815" t="s">
        <v>29723</v>
      </c>
      <c r="E12815" t="s">
        <v>34599</v>
      </c>
      <c r="F12815">
        <v>4</v>
      </c>
      <c r="G12815" t="s">
        <v>0</v>
      </c>
      <c r="H12815" t="s">
        <v>29724</v>
      </c>
      <c r="I12815" t="s">
        <v>30540</v>
      </c>
    </row>
    <row r="12816" spans="1:9">
      <c r="A12816" s="1">
        <v>0.67662429625314857</v>
      </c>
      <c r="B12816" s="1"/>
      <c r="C12816">
        <v>11</v>
      </c>
      <c r="D12816" t="s">
        <v>29717</v>
      </c>
      <c r="E12816" t="s">
        <v>34599</v>
      </c>
      <c r="F12816">
        <v>4</v>
      </c>
      <c r="G12816" t="s">
        <v>0</v>
      </c>
      <c r="H12816" t="s">
        <v>29718</v>
      </c>
      <c r="I12816" t="s">
        <v>30540</v>
      </c>
    </row>
    <row r="12817" spans="1:9">
      <c r="A12817" s="1">
        <v>0.49091238092179112</v>
      </c>
      <c r="B12817" s="1"/>
      <c r="C12817">
        <v>17</v>
      </c>
      <c r="D12817" t="s">
        <v>29721</v>
      </c>
      <c r="E12817" t="s">
        <v>34599</v>
      </c>
      <c r="F12817">
        <v>4</v>
      </c>
      <c r="G12817" t="s">
        <v>9</v>
      </c>
      <c r="H12817" t="s">
        <v>29722</v>
      </c>
      <c r="I12817" t="s">
        <v>30540</v>
      </c>
    </row>
    <row r="12818" spans="1:9">
      <c r="A12818" s="1">
        <v>0.24966861892999348</v>
      </c>
      <c r="B12818" s="1"/>
      <c r="C12818">
        <v>13</v>
      </c>
      <c r="D12818" t="s">
        <v>29713</v>
      </c>
      <c r="E12818" t="s">
        <v>34600</v>
      </c>
      <c r="F12818">
        <v>4</v>
      </c>
      <c r="G12818" t="s">
        <v>2</v>
      </c>
      <c r="H12818" t="s">
        <v>29714</v>
      </c>
      <c r="I12818" t="s">
        <v>30540</v>
      </c>
    </row>
    <row r="12819" spans="1:9">
      <c r="A12819" s="1">
        <v>0.7497256258262992</v>
      </c>
      <c r="B12819" s="1"/>
      <c r="C12819">
        <v>14</v>
      </c>
      <c r="D12819" t="s">
        <v>29715</v>
      </c>
      <c r="E12819" t="s">
        <v>34600</v>
      </c>
      <c r="F12819">
        <v>3</v>
      </c>
      <c r="G12819" t="s">
        <v>0</v>
      </c>
      <c r="H12819" t="s">
        <v>29716</v>
      </c>
      <c r="I12819" t="s">
        <v>30540</v>
      </c>
    </row>
    <row r="12820" spans="1:9">
      <c r="A12820" s="1">
        <v>0.94306164507539003</v>
      </c>
      <c r="B12820" s="1"/>
      <c r="C12820">
        <v>11</v>
      </c>
      <c r="D12820" t="s">
        <v>29709</v>
      </c>
      <c r="E12820" t="s">
        <v>34601</v>
      </c>
      <c r="F12820">
        <v>4</v>
      </c>
      <c r="G12820" t="s">
        <v>0</v>
      </c>
      <c r="H12820" t="s">
        <v>29710</v>
      </c>
      <c r="I12820" t="s">
        <v>30540</v>
      </c>
    </row>
    <row r="12821" spans="1:9">
      <c r="A12821" s="1">
        <v>0.12741077669325718</v>
      </c>
      <c r="B12821" s="1"/>
      <c r="C12821">
        <v>9</v>
      </c>
      <c r="D12821" t="s">
        <v>29707</v>
      </c>
      <c r="E12821" t="s">
        <v>34601</v>
      </c>
      <c r="F12821">
        <v>4</v>
      </c>
      <c r="G12821" t="s">
        <v>0</v>
      </c>
      <c r="H12821" t="s">
        <v>29708</v>
      </c>
      <c r="I12821" t="s">
        <v>30540</v>
      </c>
    </row>
    <row r="12822" spans="1:9">
      <c r="A12822" s="1">
        <v>0.70075137364388884</v>
      </c>
      <c r="B12822" s="1"/>
      <c r="C12822">
        <v>10</v>
      </c>
      <c r="D12822" t="s">
        <v>29703</v>
      </c>
      <c r="E12822" t="s">
        <v>34602</v>
      </c>
      <c r="F12822">
        <v>5</v>
      </c>
      <c r="G12822" t="s">
        <v>0</v>
      </c>
      <c r="H12822" t="s">
        <v>29704</v>
      </c>
      <c r="I12822" t="s">
        <v>30540</v>
      </c>
    </row>
    <row r="12823" spans="1:9">
      <c r="A12823" s="1">
        <v>0.64438338059317934</v>
      </c>
      <c r="B12823" s="1"/>
      <c r="C12823">
        <v>7</v>
      </c>
      <c r="D12823" t="s">
        <v>29701</v>
      </c>
      <c r="E12823" t="s">
        <v>34602</v>
      </c>
      <c r="F12823">
        <v>4</v>
      </c>
      <c r="G12823" t="s">
        <v>0</v>
      </c>
      <c r="H12823" t="s">
        <v>29702</v>
      </c>
      <c r="I12823" t="s">
        <v>30540</v>
      </c>
    </row>
    <row r="12824" spans="1:9">
      <c r="A12824" s="1">
        <v>0.95019261379024866</v>
      </c>
      <c r="B12824" s="1"/>
      <c r="C12824">
        <v>6</v>
      </c>
      <c r="D12824" t="s">
        <v>29699</v>
      </c>
      <c r="E12824" t="s">
        <v>34602</v>
      </c>
      <c r="F12824">
        <v>4</v>
      </c>
      <c r="G12824" t="s">
        <v>0</v>
      </c>
      <c r="H12824" t="s">
        <v>29700</v>
      </c>
      <c r="I12824" t="s">
        <v>30540</v>
      </c>
    </row>
    <row r="12825" spans="1:9">
      <c r="A12825" s="1">
        <v>5.0980827472671297E-2</v>
      </c>
      <c r="B12825" s="1"/>
      <c r="C12825">
        <v>13</v>
      </c>
      <c r="D12825" t="s">
        <v>29705</v>
      </c>
      <c r="E12825" t="s">
        <v>34602</v>
      </c>
      <c r="F12825">
        <v>4</v>
      </c>
      <c r="G12825" t="s">
        <v>9</v>
      </c>
      <c r="H12825" t="s">
        <v>29706</v>
      </c>
      <c r="I12825" t="s">
        <v>30540</v>
      </c>
    </row>
    <row r="12826" spans="1:9">
      <c r="A12826" s="1">
        <v>0.49930918565351923</v>
      </c>
      <c r="B12826" s="1"/>
      <c r="C12826">
        <v>11</v>
      </c>
      <c r="D12826" t="s">
        <v>29689</v>
      </c>
      <c r="E12826" t="s">
        <v>34603</v>
      </c>
      <c r="F12826">
        <v>5</v>
      </c>
      <c r="G12826" t="s">
        <v>15</v>
      </c>
      <c r="H12826" t="s">
        <v>29690</v>
      </c>
      <c r="I12826" t="s">
        <v>30540</v>
      </c>
    </row>
    <row r="12827" spans="1:9">
      <c r="A12827" s="1">
        <v>0.23034144229969877</v>
      </c>
      <c r="B12827" s="1"/>
      <c r="C12827">
        <v>15</v>
      </c>
      <c r="D12827" t="s">
        <v>29693</v>
      </c>
      <c r="E12827" t="s">
        <v>34603</v>
      </c>
      <c r="F12827">
        <v>4</v>
      </c>
      <c r="G12827" t="s">
        <v>14</v>
      </c>
      <c r="H12827" t="s">
        <v>29694</v>
      </c>
      <c r="I12827" t="s">
        <v>30540</v>
      </c>
    </row>
    <row r="12828" spans="1:9">
      <c r="A12828" s="1">
        <v>0.30551209663350165</v>
      </c>
      <c r="B12828" s="1"/>
      <c r="C12828">
        <v>6</v>
      </c>
      <c r="D12828" t="s">
        <v>29687</v>
      </c>
      <c r="E12828" t="s">
        <v>34603</v>
      </c>
      <c r="F12828">
        <v>4</v>
      </c>
      <c r="G12828" t="s">
        <v>1</v>
      </c>
      <c r="H12828" t="s">
        <v>29688</v>
      </c>
      <c r="I12828" t="s">
        <v>30540</v>
      </c>
    </row>
    <row r="12829" spans="1:9">
      <c r="A12829" s="1">
        <v>0.38379359760569343</v>
      </c>
      <c r="B12829" s="1"/>
      <c r="C12829">
        <v>16</v>
      </c>
      <c r="D12829" t="s">
        <v>29695</v>
      </c>
      <c r="E12829" t="s">
        <v>34603</v>
      </c>
      <c r="F12829">
        <v>4</v>
      </c>
      <c r="G12829" t="s">
        <v>0</v>
      </c>
      <c r="H12829" t="s">
        <v>29696</v>
      </c>
      <c r="I12829" t="s">
        <v>30540</v>
      </c>
    </row>
    <row r="12830" spans="1:9">
      <c r="A12830" s="1">
        <v>0.53580687503756652</v>
      </c>
      <c r="B12830" s="1"/>
      <c r="C12830">
        <v>14</v>
      </c>
      <c r="D12830" t="s">
        <v>29681</v>
      </c>
      <c r="E12830" t="s">
        <v>34604</v>
      </c>
      <c r="F12830">
        <v>4</v>
      </c>
      <c r="G12830" t="s">
        <v>15</v>
      </c>
      <c r="H12830" t="s">
        <v>29682</v>
      </c>
      <c r="I12830" t="s">
        <v>30540</v>
      </c>
    </row>
    <row r="12831" spans="1:9">
      <c r="A12831" s="1">
        <v>0.54720170612363617</v>
      </c>
      <c r="B12831" s="1"/>
      <c r="C12831">
        <v>17</v>
      </c>
      <c r="D12831" t="s">
        <v>29685</v>
      </c>
      <c r="E12831" t="s">
        <v>34604</v>
      </c>
      <c r="F12831">
        <v>4</v>
      </c>
      <c r="G12831" t="s">
        <v>2</v>
      </c>
      <c r="H12831" t="s">
        <v>29686</v>
      </c>
      <c r="I12831" t="s">
        <v>30540</v>
      </c>
    </row>
    <row r="12832" spans="1:9">
      <c r="A12832" s="1">
        <v>0.50907292600038279</v>
      </c>
      <c r="B12832" s="1"/>
      <c r="C12832">
        <v>7</v>
      </c>
      <c r="D12832" t="s">
        <v>29677</v>
      </c>
      <c r="E12832" t="s">
        <v>34604</v>
      </c>
      <c r="F12832">
        <v>4</v>
      </c>
      <c r="G12832" t="s">
        <v>0</v>
      </c>
      <c r="H12832" t="s">
        <v>29678</v>
      </c>
      <c r="I12832" t="s">
        <v>30540</v>
      </c>
    </row>
    <row r="12833" spans="1:9">
      <c r="A12833" s="1">
        <v>0.14347535665820121</v>
      </c>
      <c r="B12833" s="1"/>
      <c r="C12833">
        <v>12</v>
      </c>
      <c r="D12833" t="s">
        <v>29679</v>
      </c>
      <c r="E12833" t="s">
        <v>34604</v>
      </c>
      <c r="F12833">
        <v>4</v>
      </c>
      <c r="G12833" t="s">
        <v>9</v>
      </c>
      <c r="H12833" t="s">
        <v>29680</v>
      </c>
      <c r="I12833" t="s">
        <v>30540</v>
      </c>
    </row>
    <row r="12834" spans="1:9">
      <c r="A12834" s="1">
        <v>0.57078480677076204</v>
      </c>
      <c r="B12834" s="1"/>
      <c r="C12834">
        <v>15</v>
      </c>
      <c r="D12834" t="s">
        <v>29683</v>
      </c>
      <c r="E12834" t="s">
        <v>34604</v>
      </c>
      <c r="F12834">
        <v>4</v>
      </c>
      <c r="G12834" t="s">
        <v>2</v>
      </c>
      <c r="H12834" t="s">
        <v>29684</v>
      </c>
      <c r="I12834" t="s">
        <v>30540</v>
      </c>
    </row>
    <row r="12835" spans="1:9">
      <c r="A12835" s="1">
        <v>0.95490344086218615</v>
      </c>
      <c r="B12835" s="1"/>
      <c r="C12835">
        <v>15</v>
      </c>
      <c r="D12835" t="s">
        <v>29673</v>
      </c>
      <c r="E12835" t="s">
        <v>34605</v>
      </c>
      <c r="F12835">
        <v>5</v>
      </c>
      <c r="G12835" t="s">
        <v>1</v>
      </c>
      <c r="H12835" t="s">
        <v>29674</v>
      </c>
      <c r="I12835" t="s">
        <v>30540</v>
      </c>
    </row>
    <row r="12836" spans="1:9">
      <c r="A12836" s="1">
        <v>0.63710678099647788</v>
      </c>
      <c r="B12836" s="1"/>
      <c r="C12836">
        <v>14</v>
      </c>
      <c r="D12836" t="s">
        <v>29671</v>
      </c>
      <c r="E12836" t="s">
        <v>34605</v>
      </c>
      <c r="F12836">
        <v>5</v>
      </c>
      <c r="G12836" t="s">
        <v>0</v>
      </c>
      <c r="H12836" t="s">
        <v>29672</v>
      </c>
      <c r="I12836" t="s">
        <v>30540</v>
      </c>
    </row>
    <row r="12837" spans="1:9">
      <c r="A12837" s="1">
        <v>0.52316081810756765</v>
      </c>
      <c r="B12837" s="1"/>
      <c r="C12837">
        <v>16</v>
      </c>
      <c r="D12837" t="s">
        <v>29675</v>
      </c>
      <c r="E12837" t="s">
        <v>34605</v>
      </c>
      <c r="F12837">
        <v>5</v>
      </c>
      <c r="G12837" t="s">
        <v>0</v>
      </c>
      <c r="H12837" t="s">
        <v>29676</v>
      </c>
      <c r="I12837" t="s">
        <v>30540</v>
      </c>
    </row>
    <row r="12838" spans="1:9">
      <c r="A12838" s="1">
        <v>0.75033001000923438</v>
      </c>
      <c r="B12838" s="1"/>
      <c r="C12838">
        <v>11</v>
      </c>
      <c r="D12838" t="s">
        <v>29669</v>
      </c>
      <c r="E12838" t="s">
        <v>34605</v>
      </c>
      <c r="F12838">
        <v>4</v>
      </c>
      <c r="G12838" t="s">
        <v>0</v>
      </c>
      <c r="H12838" t="s">
        <v>29670</v>
      </c>
      <c r="I12838" t="s">
        <v>30540</v>
      </c>
    </row>
    <row r="12839" spans="1:9">
      <c r="A12839" s="1">
        <v>0.81704205680600273</v>
      </c>
      <c r="B12839" s="1"/>
      <c r="C12839">
        <v>8</v>
      </c>
      <c r="D12839" t="s">
        <v>29667</v>
      </c>
      <c r="E12839" t="s">
        <v>34605</v>
      </c>
      <c r="F12839">
        <v>4</v>
      </c>
      <c r="G12839" t="s">
        <v>0</v>
      </c>
      <c r="H12839" t="s">
        <v>29668</v>
      </c>
      <c r="I12839" t="s">
        <v>30540</v>
      </c>
    </row>
    <row r="12840" spans="1:9">
      <c r="A12840" s="1">
        <v>0.25129891447453523</v>
      </c>
      <c r="B12840" s="1"/>
      <c r="C12840">
        <v>3</v>
      </c>
      <c r="D12840" t="s">
        <v>29659</v>
      </c>
      <c r="E12840" t="s">
        <v>34606</v>
      </c>
      <c r="F12840">
        <v>5</v>
      </c>
      <c r="G12840" t="s">
        <v>10</v>
      </c>
      <c r="H12840" t="s">
        <v>29660</v>
      </c>
      <c r="I12840" t="s">
        <v>30540</v>
      </c>
    </row>
    <row r="12841" spans="1:9">
      <c r="A12841" s="1">
        <v>0.54759548106940825</v>
      </c>
      <c r="B12841" s="1"/>
      <c r="C12841">
        <v>20</v>
      </c>
      <c r="D12841" t="s">
        <v>29665</v>
      </c>
      <c r="E12841" t="s">
        <v>34606</v>
      </c>
      <c r="F12841">
        <v>5</v>
      </c>
      <c r="G12841" t="s">
        <v>0</v>
      </c>
      <c r="H12841" t="s">
        <v>29666</v>
      </c>
      <c r="I12841" t="s">
        <v>30540</v>
      </c>
    </row>
    <row r="12842" spans="1:9">
      <c r="A12842" s="1">
        <v>8.2526726072895684E-3</v>
      </c>
      <c r="B12842" s="1"/>
      <c r="C12842">
        <v>17</v>
      </c>
      <c r="D12842" t="s">
        <v>29663</v>
      </c>
      <c r="E12842" t="s">
        <v>34606</v>
      </c>
      <c r="F12842">
        <v>4</v>
      </c>
      <c r="G12842" t="s">
        <v>0</v>
      </c>
      <c r="H12842" t="s">
        <v>29664</v>
      </c>
      <c r="I12842" t="s">
        <v>30540</v>
      </c>
    </row>
    <row r="12843" spans="1:9">
      <c r="A12843" s="1">
        <v>0.44552885311346513</v>
      </c>
      <c r="B12843" s="1"/>
      <c r="C12843">
        <v>6</v>
      </c>
      <c r="D12843" t="s">
        <v>29661</v>
      </c>
      <c r="E12843" t="s">
        <v>34606</v>
      </c>
      <c r="F12843">
        <v>4</v>
      </c>
      <c r="G12843" t="s">
        <v>0</v>
      </c>
      <c r="H12843" t="s">
        <v>29662</v>
      </c>
      <c r="I12843" t="s">
        <v>30540</v>
      </c>
    </row>
    <row r="12844" spans="1:9">
      <c r="A12844" s="1">
        <v>0.19659265207490229</v>
      </c>
      <c r="B12844" s="1"/>
      <c r="C12844">
        <v>5</v>
      </c>
      <c r="D12844" t="s">
        <v>29653</v>
      </c>
      <c r="E12844" t="s">
        <v>34607</v>
      </c>
      <c r="F12844">
        <v>5</v>
      </c>
      <c r="G12844" t="s">
        <v>0</v>
      </c>
      <c r="H12844" t="s">
        <v>29654</v>
      </c>
      <c r="I12844" t="s">
        <v>30540</v>
      </c>
    </row>
    <row r="12845" spans="1:9">
      <c r="A12845" s="1">
        <v>0.23880387457524643</v>
      </c>
      <c r="B12845" s="1"/>
      <c r="C12845">
        <v>18</v>
      </c>
      <c r="D12845" t="s">
        <v>29657</v>
      </c>
      <c r="E12845" t="s">
        <v>34607</v>
      </c>
      <c r="F12845">
        <v>4</v>
      </c>
      <c r="G12845" t="s">
        <v>9</v>
      </c>
      <c r="H12845" t="s">
        <v>29658</v>
      </c>
      <c r="I12845" t="s">
        <v>30540</v>
      </c>
    </row>
    <row r="12846" spans="1:9">
      <c r="A12846" s="1">
        <v>0.15017918285536291</v>
      </c>
      <c r="B12846" s="1"/>
      <c r="C12846">
        <v>3</v>
      </c>
      <c r="D12846" t="s">
        <v>29651</v>
      </c>
      <c r="E12846" t="s">
        <v>34607</v>
      </c>
      <c r="F12846">
        <v>4</v>
      </c>
      <c r="G12846" t="s">
        <v>0</v>
      </c>
      <c r="H12846" t="s">
        <v>29652</v>
      </c>
      <c r="I12846" t="s">
        <v>30540</v>
      </c>
    </row>
    <row r="12847" spans="1:9">
      <c r="A12847" s="1">
        <v>0.33452257256935747</v>
      </c>
      <c r="B12847" s="1"/>
      <c r="C12847">
        <v>2</v>
      </c>
      <c r="D12847" t="s">
        <v>29641</v>
      </c>
      <c r="E12847" t="s">
        <v>34608</v>
      </c>
      <c r="F12847">
        <v>5</v>
      </c>
      <c r="G12847" t="s">
        <v>0</v>
      </c>
      <c r="H12847" t="s">
        <v>29642</v>
      </c>
      <c r="I12847" t="s">
        <v>30540</v>
      </c>
    </row>
    <row r="12848" spans="1:9">
      <c r="A12848" s="1">
        <v>2.8364836142597216E-2</v>
      </c>
      <c r="B12848" s="1"/>
      <c r="C12848">
        <v>9</v>
      </c>
      <c r="D12848" t="s">
        <v>29643</v>
      </c>
      <c r="E12848" t="s">
        <v>34608</v>
      </c>
      <c r="F12848">
        <v>5</v>
      </c>
      <c r="G12848" t="s">
        <v>0</v>
      </c>
      <c r="H12848" t="s">
        <v>29644</v>
      </c>
      <c r="I12848" t="s">
        <v>30540</v>
      </c>
    </row>
    <row r="12849" spans="1:9">
      <c r="A12849" s="1">
        <v>7.1021058033197915E-2</v>
      </c>
      <c r="B12849" s="1"/>
      <c r="C12849">
        <v>12</v>
      </c>
      <c r="D12849" t="s">
        <v>29647</v>
      </c>
      <c r="E12849" t="s">
        <v>34608</v>
      </c>
      <c r="F12849">
        <v>4</v>
      </c>
      <c r="G12849" t="s">
        <v>15</v>
      </c>
      <c r="H12849" t="s">
        <v>29648</v>
      </c>
      <c r="I12849" t="s">
        <v>30540</v>
      </c>
    </row>
    <row r="12850" spans="1:9">
      <c r="A12850" s="1">
        <v>1.0638485015517118E-2</v>
      </c>
      <c r="B12850" s="1"/>
      <c r="C12850">
        <v>10</v>
      </c>
      <c r="D12850" t="s">
        <v>29645</v>
      </c>
      <c r="E12850" t="s">
        <v>34608</v>
      </c>
      <c r="F12850">
        <v>4</v>
      </c>
      <c r="G12850" t="s">
        <v>1</v>
      </c>
      <c r="H12850" t="s">
        <v>29646</v>
      </c>
      <c r="I12850" t="s">
        <v>30540</v>
      </c>
    </row>
    <row r="12851" spans="1:9">
      <c r="A12851" s="1">
        <v>1.2107579643034549E-2</v>
      </c>
      <c r="B12851" s="1"/>
      <c r="C12851">
        <v>13</v>
      </c>
      <c r="D12851" t="s">
        <v>29649</v>
      </c>
      <c r="E12851" t="s">
        <v>34608</v>
      </c>
      <c r="F12851">
        <v>4</v>
      </c>
      <c r="G12851" t="s">
        <v>0</v>
      </c>
      <c r="H12851" t="s">
        <v>29650</v>
      </c>
      <c r="I12851" t="s">
        <v>30540</v>
      </c>
    </row>
    <row r="12852" spans="1:9">
      <c r="A12852" s="1">
        <v>0.83321157603762019</v>
      </c>
      <c r="B12852" s="1"/>
      <c r="C12852">
        <v>3</v>
      </c>
      <c r="D12852" t="s">
        <v>29639</v>
      </c>
      <c r="E12852" t="s">
        <v>34609</v>
      </c>
      <c r="F12852">
        <v>4</v>
      </c>
      <c r="G12852" t="s">
        <v>10</v>
      </c>
      <c r="H12852" t="s">
        <v>29640</v>
      </c>
      <c r="I12852" t="s">
        <v>30540</v>
      </c>
    </row>
    <row r="12853" spans="1:9">
      <c r="A12853" s="1">
        <v>0.13068660769520934</v>
      </c>
      <c r="B12853" s="1"/>
      <c r="C12853">
        <v>13</v>
      </c>
      <c r="D12853" t="s">
        <v>29637</v>
      </c>
      <c r="E12853" t="s">
        <v>34610</v>
      </c>
      <c r="F12853">
        <v>5</v>
      </c>
      <c r="G12853" t="s">
        <v>0</v>
      </c>
      <c r="H12853" t="s">
        <v>29638</v>
      </c>
      <c r="I12853" t="s">
        <v>30540</v>
      </c>
    </row>
    <row r="12854" spans="1:9">
      <c r="A12854" s="1">
        <v>0.83548622237928805</v>
      </c>
      <c r="B12854" s="1"/>
      <c r="C12854">
        <v>11</v>
      </c>
      <c r="D12854" t="s">
        <v>29635</v>
      </c>
      <c r="E12854" t="s">
        <v>34610</v>
      </c>
      <c r="F12854">
        <v>5</v>
      </c>
      <c r="G12854" t="s">
        <v>14</v>
      </c>
      <c r="H12854" t="s">
        <v>29636</v>
      </c>
      <c r="I12854" t="s">
        <v>30540</v>
      </c>
    </row>
    <row r="12855" spans="1:9">
      <c r="A12855" s="1">
        <v>0.23391000438388565</v>
      </c>
      <c r="B12855" s="1"/>
      <c r="C12855">
        <v>6</v>
      </c>
      <c r="D12855" t="s">
        <v>29633</v>
      </c>
      <c r="E12855" t="s">
        <v>34610</v>
      </c>
      <c r="F12855">
        <v>4</v>
      </c>
      <c r="G12855" t="s">
        <v>0</v>
      </c>
      <c r="H12855" t="s">
        <v>29634</v>
      </c>
      <c r="I12855" t="s">
        <v>30540</v>
      </c>
    </row>
    <row r="12856" spans="1:9">
      <c r="A12856" s="1">
        <v>0.9559947158320482</v>
      </c>
      <c r="B12856" s="1"/>
      <c r="C12856">
        <v>4</v>
      </c>
      <c r="D12856" t="s">
        <v>29631</v>
      </c>
      <c r="E12856" t="s">
        <v>34610</v>
      </c>
      <c r="F12856">
        <v>3</v>
      </c>
      <c r="G12856" t="s">
        <v>0</v>
      </c>
      <c r="H12856" t="s">
        <v>29632</v>
      </c>
      <c r="I12856" t="s">
        <v>30540</v>
      </c>
    </row>
    <row r="12857" spans="1:9">
      <c r="A12857" s="1">
        <v>0.70893419826320647</v>
      </c>
      <c r="B12857" s="1"/>
      <c r="C12857">
        <v>20</v>
      </c>
      <c r="D12857" t="s">
        <v>29627</v>
      </c>
      <c r="E12857" t="s">
        <v>34611</v>
      </c>
      <c r="F12857">
        <v>5</v>
      </c>
      <c r="G12857" t="s">
        <v>0</v>
      </c>
      <c r="H12857" t="s">
        <v>29628</v>
      </c>
      <c r="I12857" t="s">
        <v>30540</v>
      </c>
    </row>
    <row r="12858" spans="1:9">
      <c r="A12858" s="1">
        <v>0.24972151104300711</v>
      </c>
      <c r="B12858" s="1"/>
      <c r="C12858">
        <v>4</v>
      </c>
      <c r="D12858" t="s">
        <v>29619</v>
      </c>
      <c r="E12858" t="s">
        <v>34611</v>
      </c>
      <c r="F12858">
        <v>5</v>
      </c>
      <c r="G12858" t="s">
        <v>10</v>
      </c>
      <c r="H12858" t="s">
        <v>29620</v>
      </c>
      <c r="I12858" t="s">
        <v>30540</v>
      </c>
    </row>
    <row r="12859" spans="1:9">
      <c r="A12859" s="1">
        <v>0.98171301532003707</v>
      </c>
      <c r="B12859" s="1"/>
      <c r="C12859">
        <v>8</v>
      </c>
      <c r="D12859" t="s">
        <v>29621</v>
      </c>
      <c r="E12859" t="s">
        <v>34611</v>
      </c>
      <c r="F12859">
        <v>4</v>
      </c>
      <c r="G12859" t="s">
        <v>0</v>
      </c>
      <c r="H12859" t="s">
        <v>29622</v>
      </c>
      <c r="I12859" t="s">
        <v>30540</v>
      </c>
    </row>
    <row r="12860" spans="1:9">
      <c r="A12860" s="1">
        <v>1.54713129904962E-2</v>
      </c>
      <c r="B12860" s="1"/>
      <c r="C12860">
        <v>11</v>
      </c>
      <c r="D12860" t="s">
        <v>29625</v>
      </c>
      <c r="E12860" t="s">
        <v>34611</v>
      </c>
      <c r="F12860">
        <v>4</v>
      </c>
      <c r="G12860" t="s">
        <v>0</v>
      </c>
      <c r="H12860" t="s">
        <v>29626</v>
      </c>
      <c r="I12860" t="s">
        <v>30540</v>
      </c>
    </row>
    <row r="12861" spans="1:9">
      <c r="A12861" s="1">
        <v>0.48521977085333989</v>
      </c>
      <c r="B12861" s="1"/>
      <c r="C12861">
        <v>14</v>
      </c>
      <c r="D12861" t="s">
        <v>29611</v>
      </c>
      <c r="E12861" t="s">
        <v>34612</v>
      </c>
      <c r="F12861">
        <v>5</v>
      </c>
      <c r="G12861" t="s">
        <v>2</v>
      </c>
      <c r="H12861" t="s">
        <v>29612</v>
      </c>
      <c r="I12861" t="s">
        <v>30540</v>
      </c>
    </row>
    <row r="12862" spans="1:9">
      <c r="A12862" s="1">
        <v>0.24419882704225415</v>
      </c>
      <c r="B12862" s="1"/>
      <c r="C12862">
        <v>6</v>
      </c>
      <c r="D12862" t="s">
        <v>29603</v>
      </c>
      <c r="E12862" t="s">
        <v>34612</v>
      </c>
      <c r="F12862">
        <v>5</v>
      </c>
      <c r="G12862" t="s">
        <v>2</v>
      </c>
      <c r="H12862" t="s">
        <v>29604</v>
      </c>
      <c r="I12862" t="s">
        <v>30540</v>
      </c>
    </row>
    <row r="12863" spans="1:9">
      <c r="A12863" s="1">
        <v>7.1369201765653312E-2</v>
      </c>
      <c r="B12863" s="1"/>
      <c r="C12863">
        <v>12</v>
      </c>
      <c r="D12863" t="s">
        <v>29609</v>
      </c>
      <c r="E12863" t="s">
        <v>34612</v>
      </c>
      <c r="F12863">
        <v>4</v>
      </c>
      <c r="G12863" t="s">
        <v>9</v>
      </c>
      <c r="H12863" t="s">
        <v>29610</v>
      </c>
      <c r="I12863" t="s">
        <v>30540</v>
      </c>
    </row>
    <row r="12864" spans="1:9">
      <c r="A12864" s="1">
        <v>0.36144434935417546</v>
      </c>
      <c r="B12864" s="1"/>
      <c r="C12864">
        <v>17</v>
      </c>
      <c r="D12864" t="s">
        <v>29613</v>
      </c>
      <c r="E12864" t="s">
        <v>34612</v>
      </c>
      <c r="F12864">
        <v>4</v>
      </c>
      <c r="G12864" t="s">
        <v>0</v>
      </c>
      <c r="H12864" t="s">
        <v>29614</v>
      </c>
      <c r="I12864" t="s">
        <v>30540</v>
      </c>
    </row>
    <row r="12865" spans="1:9">
      <c r="A12865" s="1">
        <v>0.83912659590683625</v>
      </c>
      <c r="B12865" s="1"/>
      <c r="C12865">
        <v>11</v>
      </c>
      <c r="D12865" t="s">
        <v>29607</v>
      </c>
      <c r="E12865" t="s">
        <v>34612</v>
      </c>
      <c r="F12865">
        <v>4</v>
      </c>
      <c r="G12865" t="s">
        <v>13</v>
      </c>
      <c r="H12865" t="s">
        <v>29608</v>
      </c>
      <c r="I12865" t="s">
        <v>30540</v>
      </c>
    </row>
    <row r="12866" spans="1:9">
      <c r="A12866" s="1">
        <v>0.94938033221025431</v>
      </c>
      <c r="B12866" s="1"/>
      <c r="C12866">
        <v>9</v>
      </c>
      <c r="D12866" t="s">
        <v>29605</v>
      </c>
      <c r="E12866" t="s">
        <v>34612</v>
      </c>
      <c r="F12866">
        <v>3</v>
      </c>
      <c r="G12866" t="s">
        <v>0</v>
      </c>
      <c r="H12866" t="s">
        <v>29606</v>
      </c>
      <c r="I12866" t="s">
        <v>30540</v>
      </c>
    </row>
    <row r="12867" spans="1:9">
      <c r="A12867" s="1">
        <v>0.85591646632019514</v>
      </c>
      <c r="B12867" s="1"/>
      <c r="C12867">
        <v>20</v>
      </c>
      <c r="D12867" t="s">
        <v>29617</v>
      </c>
      <c r="E12867" t="s">
        <v>34612</v>
      </c>
      <c r="F12867">
        <v>3</v>
      </c>
      <c r="G12867" t="s">
        <v>0</v>
      </c>
      <c r="H12867" t="s">
        <v>29618</v>
      </c>
      <c r="I12867" t="s">
        <v>30540</v>
      </c>
    </row>
    <row r="12868" spans="1:9">
      <c r="A12868" s="1">
        <v>0.90155198617980292</v>
      </c>
      <c r="B12868" s="1"/>
      <c r="C12868">
        <v>17</v>
      </c>
      <c r="D12868" t="s">
        <v>29601</v>
      </c>
      <c r="E12868" t="s">
        <v>34613</v>
      </c>
      <c r="F12868">
        <v>4</v>
      </c>
      <c r="G12868" t="s">
        <v>0</v>
      </c>
      <c r="H12868" t="s">
        <v>29602</v>
      </c>
      <c r="I12868" t="s">
        <v>30540</v>
      </c>
    </row>
    <row r="12869" spans="1:9">
      <c r="A12869" s="1">
        <v>0.98832668483450747</v>
      </c>
      <c r="B12869" s="1"/>
      <c r="C12869">
        <v>8</v>
      </c>
      <c r="D12869" t="s">
        <v>29599</v>
      </c>
      <c r="E12869" t="s">
        <v>34613</v>
      </c>
      <c r="F12869">
        <v>4</v>
      </c>
      <c r="G12869" t="s">
        <v>0</v>
      </c>
      <c r="H12869" t="s">
        <v>29600</v>
      </c>
      <c r="I12869" t="s">
        <v>30540</v>
      </c>
    </row>
    <row r="12870" spans="1:9">
      <c r="A12870" s="1">
        <v>0.76980107185196012</v>
      </c>
      <c r="B12870" s="1"/>
      <c r="C12870">
        <v>14</v>
      </c>
      <c r="D12870" t="s">
        <v>29597</v>
      </c>
      <c r="E12870" t="s">
        <v>34614</v>
      </c>
      <c r="F12870">
        <v>5</v>
      </c>
      <c r="G12870" t="s">
        <v>0</v>
      </c>
      <c r="H12870" t="s">
        <v>29598</v>
      </c>
      <c r="I12870" t="s">
        <v>30540</v>
      </c>
    </row>
    <row r="12871" spans="1:9">
      <c r="A12871" s="1">
        <v>0.60997310991056874</v>
      </c>
      <c r="B12871" s="1"/>
      <c r="C12871">
        <v>13</v>
      </c>
      <c r="D12871" t="s">
        <v>29595</v>
      </c>
      <c r="E12871" t="s">
        <v>34614</v>
      </c>
      <c r="F12871">
        <v>4</v>
      </c>
      <c r="G12871" t="s">
        <v>1</v>
      </c>
      <c r="H12871" t="s">
        <v>29596</v>
      </c>
      <c r="I12871" t="s">
        <v>30540</v>
      </c>
    </row>
    <row r="12872" spans="1:9">
      <c r="A12872" s="1">
        <v>0.62818902310087665</v>
      </c>
      <c r="B12872" s="1"/>
      <c r="C12872">
        <v>11</v>
      </c>
      <c r="D12872" t="s">
        <v>29587</v>
      </c>
      <c r="E12872" t="s">
        <v>34615</v>
      </c>
      <c r="F12872">
        <v>5</v>
      </c>
      <c r="G12872" t="s">
        <v>0</v>
      </c>
      <c r="H12872" t="s">
        <v>29588</v>
      </c>
      <c r="I12872" t="s">
        <v>30540</v>
      </c>
    </row>
    <row r="12873" spans="1:9">
      <c r="A12873" s="1">
        <v>0.65829214436928718</v>
      </c>
      <c r="B12873" s="1"/>
      <c r="C12873">
        <v>17</v>
      </c>
      <c r="D12873" t="s">
        <v>29593</v>
      </c>
      <c r="E12873" t="s">
        <v>34615</v>
      </c>
      <c r="F12873">
        <v>4</v>
      </c>
      <c r="G12873" t="s">
        <v>0</v>
      </c>
      <c r="H12873" t="s">
        <v>29594</v>
      </c>
      <c r="I12873" t="s">
        <v>30540</v>
      </c>
    </row>
    <row r="12874" spans="1:9">
      <c r="A12874" s="1">
        <v>0.68373196963154881</v>
      </c>
      <c r="B12874" s="1"/>
      <c r="C12874">
        <v>12</v>
      </c>
      <c r="D12874" t="s">
        <v>29589</v>
      </c>
      <c r="E12874" t="s">
        <v>34615</v>
      </c>
      <c r="F12874">
        <v>4</v>
      </c>
      <c r="G12874" t="s">
        <v>0</v>
      </c>
      <c r="H12874" t="s">
        <v>29590</v>
      </c>
      <c r="I12874" t="s">
        <v>30540</v>
      </c>
    </row>
    <row r="12875" spans="1:9">
      <c r="A12875" s="1">
        <v>0.91645603871854864</v>
      </c>
      <c r="B12875" s="1"/>
      <c r="C12875">
        <v>16</v>
      </c>
      <c r="D12875" t="s">
        <v>29591</v>
      </c>
      <c r="E12875" t="s">
        <v>34615</v>
      </c>
      <c r="F12875">
        <v>3</v>
      </c>
      <c r="G12875" t="s">
        <v>1</v>
      </c>
      <c r="H12875" t="s">
        <v>29592</v>
      </c>
      <c r="I12875" t="s">
        <v>30540</v>
      </c>
    </row>
    <row r="12876" spans="1:9">
      <c r="A12876" s="1">
        <v>0.69761806705083795</v>
      </c>
      <c r="B12876" s="1"/>
      <c r="C12876">
        <v>15</v>
      </c>
      <c r="D12876" t="s">
        <v>29583</v>
      </c>
      <c r="E12876" t="s">
        <v>34616</v>
      </c>
      <c r="F12876">
        <v>4</v>
      </c>
      <c r="G12876" t="s">
        <v>0</v>
      </c>
      <c r="H12876" t="s">
        <v>29584</v>
      </c>
      <c r="I12876" t="s">
        <v>30540</v>
      </c>
    </row>
    <row r="12877" spans="1:9">
      <c r="A12877" s="1">
        <v>0.87295943434897716</v>
      </c>
      <c r="B12877" s="1"/>
      <c r="C12877">
        <v>20</v>
      </c>
      <c r="D12877" t="s">
        <v>29585</v>
      </c>
      <c r="E12877" t="s">
        <v>34616</v>
      </c>
      <c r="F12877">
        <v>4</v>
      </c>
      <c r="G12877" t="s">
        <v>0</v>
      </c>
      <c r="H12877" t="s">
        <v>29586</v>
      </c>
      <c r="I12877" t="s">
        <v>30540</v>
      </c>
    </row>
    <row r="12878" spans="1:9">
      <c r="A12878" s="1">
        <v>0.15020650756657183</v>
      </c>
      <c r="B12878" s="1"/>
      <c r="C12878">
        <v>10</v>
      </c>
      <c r="D12878" t="s">
        <v>29581</v>
      </c>
      <c r="E12878" t="s">
        <v>34616</v>
      </c>
      <c r="F12878">
        <v>3</v>
      </c>
      <c r="G12878" t="s">
        <v>0</v>
      </c>
      <c r="H12878" t="s">
        <v>29582</v>
      </c>
      <c r="I12878" t="s">
        <v>30540</v>
      </c>
    </row>
    <row r="12879" spans="1:9">
      <c r="A12879" s="1">
        <v>0.74825372813883861</v>
      </c>
      <c r="B12879" s="1"/>
      <c r="C12879">
        <v>1</v>
      </c>
      <c r="D12879" t="s">
        <v>29571</v>
      </c>
      <c r="E12879" t="s">
        <v>34617</v>
      </c>
      <c r="F12879">
        <v>5</v>
      </c>
      <c r="G12879" t="s">
        <v>0</v>
      </c>
      <c r="H12879" t="s">
        <v>29572</v>
      </c>
      <c r="I12879" t="s">
        <v>30540</v>
      </c>
    </row>
    <row r="12880" spans="1:9">
      <c r="A12880" s="1">
        <v>5.069156350205295E-2</v>
      </c>
      <c r="B12880" s="1"/>
      <c r="C12880">
        <v>16</v>
      </c>
      <c r="D12880" t="s">
        <v>29579</v>
      </c>
      <c r="E12880" t="s">
        <v>34617</v>
      </c>
      <c r="F12880">
        <v>4</v>
      </c>
      <c r="G12880" t="s">
        <v>0</v>
      </c>
      <c r="H12880" t="s">
        <v>29580</v>
      </c>
      <c r="I12880" t="s">
        <v>30540</v>
      </c>
    </row>
    <row r="12881" spans="1:9">
      <c r="A12881" s="1">
        <v>0.56582837898665772</v>
      </c>
      <c r="B12881" s="1"/>
      <c r="C12881">
        <v>10</v>
      </c>
      <c r="D12881" t="s">
        <v>29575</v>
      </c>
      <c r="E12881" t="s">
        <v>34617</v>
      </c>
      <c r="F12881">
        <v>4</v>
      </c>
      <c r="G12881" t="s">
        <v>0</v>
      </c>
      <c r="H12881" t="s">
        <v>29576</v>
      </c>
      <c r="I12881" t="s">
        <v>30540</v>
      </c>
    </row>
    <row r="12882" spans="1:9">
      <c r="A12882" s="1">
        <v>0.71956931071801178</v>
      </c>
      <c r="B12882" s="1"/>
      <c r="C12882">
        <v>13</v>
      </c>
      <c r="D12882" t="s">
        <v>29577</v>
      </c>
      <c r="E12882" t="s">
        <v>34617</v>
      </c>
      <c r="F12882">
        <v>4</v>
      </c>
      <c r="G12882" t="s">
        <v>14</v>
      </c>
      <c r="H12882" t="s">
        <v>29578</v>
      </c>
      <c r="I12882" t="s">
        <v>30540</v>
      </c>
    </row>
    <row r="12883" spans="1:9">
      <c r="A12883" s="1">
        <v>0.9967165653871729</v>
      </c>
      <c r="B12883" s="1"/>
      <c r="C12883">
        <v>4</v>
      </c>
      <c r="D12883" t="s">
        <v>29565</v>
      </c>
      <c r="E12883" t="s">
        <v>34618</v>
      </c>
      <c r="F12883">
        <v>5</v>
      </c>
      <c r="G12883" t="s">
        <v>0</v>
      </c>
      <c r="H12883" t="s">
        <v>29566</v>
      </c>
      <c r="I12883" t="s">
        <v>30540</v>
      </c>
    </row>
    <row r="12884" spans="1:9">
      <c r="A12884" s="1">
        <v>0.8488438675329304</v>
      </c>
      <c r="B12884" s="1"/>
      <c r="C12884">
        <v>5</v>
      </c>
      <c r="D12884" t="s">
        <v>29567</v>
      </c>
      <c r="E12884" t="s">
        <v>34618</v>
      </c>
      <c r="F12884">
        <v>5</v>
      </c>
      <c r="G12884" t="s">
        <v>13</v>
      </c>
      <c r="H12884" t="s">
        <v>29568</v>
      </c>
      <c r="I12884" t="s">
        <v>30540</v>
      </c>
    </row>
    <row r="12885" spans="1:9">
      <c r="A12885" s="1">
        <v>0.45689258991890225</v>
      </c>
      <c r="B12885" s="1"/>
      <c r="C12885">
        <v>6</v>
      </c>
      <c r="D12885" t="s">
        <v>29569</v>
      </c>
      <c r="E12885" t="s">
        <v>34618</v>
      </c>
      <c r="F12885">
        <v>4</v>
      </c>
      <c r="G12885" t="s">
        <v>1</v>
      </c>
      <c r="H12885" t="s">
        <v>29570</v>
      </c>
      <c r="I12885" t="s">
        <v>30540</v>
      </c>
    </row>
    <row r="12886" spans="1:9">
      <c r="A12886" s="1">
        <v>0.43837029261194749</v>
      </c>
      <c r="B12886" s="1"/>
      <c r="C12886">
        <v>14</v>
      </c>
      <c r="D12886" t="s">
        <v>29563</v>
      </c>
      <c r="E12886" t="s">
        <v>34619</v>
      </c>
      <c r="F12886">
        <v>5</v>
      </c>
      <c r="G12886" t="s">
        <v>14</v>
      </c>
      <c r="H12886" t="s">
        <v>29564</v>
      </c>
      <c r="I12886" t="s">
        <v>30540</v>
      </c>
    </row>
    <row r="12887" spans="1:9">
      <c r="A12887" s="1">
        <v>0.8711970571323997</v>
      </c>
      <c r="B12887" s="1"/>
      <c r="C12887">
        <v>8</v>
      </c>
      <c r="D12887" t="s">
        <v>29557</v>
      </c>
      <c r="E12887" t="s">
        <v>34619</v>
      </c>
      <c r="F12887">
        <v>5</v>
      </c>
      <c r="G12887" t="s">
        <v>15</v>
      </c>
      <c r="H12887" t="s">
        <v>29558</v>
      </c>
      <c r="I12887" t="s">
        <v>30540</v>
      </c>
    </row>
    <row r="12888" spans="1:9">
      <c r="A12888" s="1">
        <v>0.17978768770636688</v>
      </c>
      <c r="B12888" s="1"/>
      <c r="C12888">
        <v>9</v>
      </c>
      <c r="D12888" t="s">
        <v>29559</v>
      </c>
      <c r="E12888" t="s">
        <v>34619</v>
      </c>
      <c r="F12888">
        <v>5</v>
      </c>
      <c r="G12888" t="s">
        <v>0</v>
      </c>
      <c r="H12888" t="s">
        <v>29560</v>
      </c>
      <c r="I12888" t="s">
        <v>30540</v>
      </c>
    </row>
    <row r="12889" spans="1:9">
      <c r="A12889" s="1">
        <v>0.70480448251202388</v>
      </c>
      <c r="B12889" s="1"/>
      <c r="C12889">
        <v>10</v>
      </c>
      <c r="D12889" t="s">
        <v>29561</v>
      </c>
      <c r="E12889" t="s">
        <v>34619</v>
      </c>
      <c r="F12889">
        <v>4</v>
      </c>
      <c r="G12889" t="s">
        <v>2</v>
      </c>
      <c r="H12889" t="s">
        <v>29562</v>
      </c>
      <c r="I12889" t="s">
        <v>30540</v>
      </c>
    </row>
    <row r="12890" spans="1:9">
      <c r="A12890" s="1">
        <v>0.13075773263305512</v>
      </c>
      <c r="B12890" s="1"/>
      <c r="C12890">
        <v>6</v>
      </c>
      <c r="D12890" t="s">
        <v>29549</v>
      </c>
      <c r="E12890" t="s">
        <v>34620</v>
      </c>
      <c r="F12890">
        <v>4</v>
      </c>
      <c r="G12890" t="s">
        <v>0</v>
      </c>
      <c r="H12890" t="s">
        <v>29550</v>
      </c>
      <c r="I12890" t="s">
        <v>30540</v>
      </c>
    </row>
    <row r="12891" spans="1:9">
      <c r="A12891" s="1">
        <v>0.64518536811687111</v>
      </c>
      <c r="B12891" s="1"/>
      <c r="C12891">
        <v>9</v>
      </c>
      <c r="D12891" t="s">
        <v>29551</v>
      </c>
      <c r="E12891" t="s">
        <v>34620</v>
      </c>
      <c r="F12891">
        <v>4</v>
      </c>
      <c r="G12891" t="s">
        <v>10</v>
      </c>
      <c r="H12891" t="s">
        <v>29552</v>
      </c>
      <c r="I12891" t="s">
        <v>30540</v>
      </c>
    </row>
    <row r="12892" spans="1:9">
      <c r="A12892" s="1">
        <v>0.53630597651950496</v>
      </c>
      <c r="B12892" s="1"/>
      <c r="C12892">
        <v>1</v>
      </c>
      <c r="D12892" t="s">
        <v>29547</v>
      </c>
      <c r="E12892" t="s">
        <v>34620</v>
      </c>
      <c r="F12892">
        <v>4</v>
      </c>
      <c r="G12892" t="s">
        <v>2</v>
      </c>
      <c r="H12892" t="s">
        <v>29548</v>
      </c>
      <c r="I12892" t="s">
        <v>30540</v>
      </c>
    </row>
    <row r="12893" spans="1:9">
      <c r="A12893" s="1">
        <v>0.56857579497548361</v>
      </c>
      <c r="B12893" s="1"/>
      <c r="C12893">
        <v>5</v>
      </c>
      <c r="D12893" t="s">
        <v>29541</v>
      </c>
      <c r="E12893" t="s">
        <v>34621</v>
      </c>
      <c r="F12893">
        <v>4</v>
      </c>
      <c r="G12893" t="s">
        <v>0</v>
      </c>
      <c r="H12893" t="s">
        <v>29542</v>
      </c>
      <c r="I12893" t="s">
        <v>30540</v>
      </c>
    </row>
    <row r="12894" spans="1:9">
      <c r="A12894" s="1">
        <v>0.12006996467457665</v>
      </c>
      <c r="B12894" s="1"/>
      <c r="C12894">
        <v>16</v>
      </c>
      <c r="D12894" t="s">
        <v>29545</v>
      </c>
      <c r="E12894" t="s">
        <v>34621</v>
      </c>
      <c r="F12894">
        <v>4</v>
      </c>
      <c r="G12894" t="s">
        <v>0</v>
      </c>
      <c r="H12894" t="s">
        <v>29546</v>
      </c>
      <c r="I12894" t="s">
        <v>30540</v>
      </c>
    </row>
    <row r="12895" spans="1:9">
      <c r="A12895" s="1">
        <v>0.26765289264757219</v>
      </c>
      <c r="B12895" s="1"/>
      <c r="C12895">
        <v>14</v>
      </c>
      <c r="D12895" t="s">
        <v>29543</v>
      </c>
      <c r="E12895" t="s">
        <v>34621</v>
      </c>
      <c r="F12895">
        <v>4</v>
      </c>
      <c r="G12895" t="s">
        <v>0</v>
      </c>
      <c r="H12895" t="s">
        <v>29544</v>
      </c>
      <c r="I12895" t="s">
        <v>30540</v>
      </c>
    </row>
    <row r="12896" spans="1:9">
      <c r="A12896" s="1">
        <v>0.2197224445179784</v>
      </c>
      <c r="B12896" s="1"/>
      <c r="C12896">
        <v>19</v>
      </c>
      <c r="D12896" t="s">
        <v>29539</v>
      </c>
      <c r="E12896" t="s">
        <v>34622</v>
      </c>
      <c r="F12896">
        <v>5</v>
      </c>
      <c r="G12896" t="s">
        <v>10</v>
      </c>
      <c r="H12896" t="s">
        <v>29540</v>
      </c>
      <c r="I12896" t="s">
        <v>30540</v>
      </c>
    </row>
    <row r="12897" spans="1:9">
      <c r="A12897" s="1">
        <v>0.34492119530552723</v>
      </c>
      <c r="B12897" s="1"/>
      <c r="C12897">
        <v>15</v>
      </c>
      <c r="D12897" t="s">
        <v>29535</v>
      </c>
      <c r="E12897" t="s">
        <v>34622</v>
      </c>
      <c r="F12897">
        <v>4</v>
      </c>
      <c r="G12897" t="s">
        <v>0</v>
      </c>
      <c r="H12897" t="s">
        <v>29536</v>
      </c>
      <c r="I12897" t="s">
        <v>30540</v>
      </c>
    </row>
    <row r="12898" spans="1:9">
      <c r="A12898" s="1">
        <v>0.63377854080063412</v>
      </c>
      <c r="B12898" s="1"/>
      <c r="C12898">
        <v>5</v>
      </c>
      <c r="D12898" t="s">
        <v>29529</v>
      </c>
      <c r="E12898" t="s">
        <v>34622</v>
      </c>
      <c r="F12898">
        <v>4</v>
      </c>
      <c r="G12898" t="s">
        <v>0</v>
      </c>
      <c r="H12898" t="s">
        <v>29530</v>
      </c>
      <c r="I12898" t="s">
        <v>30540</v>
      </c>
    </row>
    <row r="12899" spans="1:9">
      <c r="A12899" s="1">
        <v>0.75473851210975362</v>
      </c>
      <c r="B12899" s="1"/>
      <c r="C12899">
        <v>2</v>
      </c>
      <c r="D12899" t="s">
        <v>29525</v>
      </c>
      <c r="E12899" t="s">
        <v>34622</v>
      </c>
      <c r="F12899">
        <v>4</v>
      </c>
      <c r="G12899" t="s">
        <v>1</v>
      </c>
      <c r="H12899" t="s">
        <v>29526</v>
      </c>
      <c r="I12899" t="s">
        <v>30540</v>
      </c>
    </row>
    <row r="12900" spans="1:9">
      <c r="A12900" s="1">
        <v>0.67580600305029148</v>
      </c>
      <c r="B12900" s="1"/>
      <c r="C12900">
        <v>13</v>
      </c>
      <c r="D12900" t="s">
        <v>29533</v>
      </c>
      <c r="E12900" t="s">
        <v>34622</v>
      </c>
      <c r="F12900">
        <v>4</v>
      </c>
      <c r="G12900" t="s">
        <v>0</v>
      </c>
      <c r="H12900" t="s">
        <v>29534</v>
      </c>
      <c r="I12900" t="s">
        <v>30540</v>
      </c>
    </row>
    <row r="12901" spans="1:9">
      <c r="A12901" s="1">
        <v>0.48938944834516029</v>
      </c>
      <c r="B12901" s="1"/>
      <c r="C12901">
        <v>3</v>
      </c>
      <c r="D12901" t="s">
        <v>29527</v>
      </c>
      <c r="E12901" t="s">
        <v>34622</v>
      </c>
      <c r="F12901">
        <v>4</v>
      </c>
      <c r="G12901" t="s">
        <v>0</v>
      </c>
      <c r="H12901" t="s">
        <v>29528</v>
      </c>
      <c r="I12901" t="s">
        <v>30540</v>
      </c>
    </row>
    <row r="12902" spans="1:9">
      <c r="A12902" s="1">
        <v>0.74432344981943466</v>
      </c>
      <c r="B12902" s="1"/>
      <c r="C12902">
        <v>17</v>
      </c>
      <c r="D12902" t="s">
        <v>29537</v>
      </c>
      <c r="E12902" t="s">
        <v>34622</v>
      </c>
      <c r="F12902">
        <v>4</v>
      </c>
      <c r="G12902" t="s">
        <v>0</v>
      </c>
      <c r="H12902" t="s">
        <v>29538</v>
      </c>
      <c r="I12902" t="s">
        <v>30540</v>
      </c>
    </row>
    <row r="12903" spans="1:9">
      <c r="A12903" s="1">
        <v>0.26191186714999415</v>
      </c>
      <c r="B12903" s="1"/>
      <c r="C12903">
        <v>3</v>
      </c>
      <c r="D12903" t="s">
        <v>29515</v>
      </c>
      <c r="E12903" t="s">
        <v>34623</v>
      </c>
      <c r="F12903">
        <v>5</v>
      </c>
      <c r="G12903" t="s">
        <v>0</v>
      </c>
      <c r="H12903" t="s">
        <v>29516</v>
      </c>
      <c r="I12903" t="s">
        <v>30540</v>
      </c>
    </row>
    <row r="12904" spans="1:9">
      <c r="A12904" s="1">
        <v>0.34517272892540718</v>
      </c>
      <c r="B12904" s="1"/>
      <c r="C12904">
        <v>19</v>
      </c>
      <c r="D12904" t="s">
        <v>29523</v>
      </c>
      <c r="E12904" t="s">
        <v>34623</v>
      </c>
      <c r="F12904">
        <v>4</v>
      </c>
      <c r="G12904" t="s">
        <v>14</v>
      </c>
      <c r="H12904" t="s">
        <v>29524</v>
      </c>
      <c r="I12904" t="s">
        <v>30540</v>
      </c>
    </row>
    <row r="12905" spans="1:9">
      <c r="A12905" s="1">
        <v>0.50281088159206833</v>
      </c>
      <c r="B12905" s="1"/>
      <c r="C12905">
        <v>8</v>
      </c>
      <c r="D12905" t="s">
        <v>29517</v>
      </c>
      <c r="E12905" t="s">
        <v>34623</v>
      </c>
      <c r="F12905">
        <v>4</v>
      </c>
      <c r="G12905" t="s">
        <v>14</v>
      </c>
      <c r="H12905" t="s">
        <v>29518</v>
      </c>
      <c r="I12905" t="s">
        <v>30540</v>
      </c>
    </row>
    <row r="12906" spans="1:9">
      <c r="A12906" s="1">
        <v>0.59412941019342713</v>
      </c>
      <c r="B12906" s="1"/>
      <c r="C12906">
        <v>17</v>
      </c>
      <c r="D12906" t="s">
        <v>29521</v>
      </c>
      <c r="E12906" t="s">
        <v>34623</v>
      </c>
      <c r="F12906">
        <v>4</v>
      </c>
      <c r="G12906" t="s">
        <v>0</v>
      </c>
      <c r="H12906" t="s">
        <v>29522</v>
      </c>
      <c r="I12906" t="s">
        <v>30540</v>
      </c>
    </row>
    <row r="12907" spans="1:9">
      <c r="A12907" s="1">
        <v>0.55428781505377223</v>
      </c>
      <c r="B12907" s="1"/>
      <c r="C12907">
        <v>12</v>
      </c>
      <c r="D12907" t="s">
        <v>29519</v>
      </c>
      <c r="E12907" t="s">
        <v>34623</v>
      </c>
      <c r="F12907">
        <v>3</v>
      </c>
      <c r="G12907" t="s">
        <v>9</v>
      </c>
      <c r="H12907" t="s">
        <v>29520</v>
      </c>
      <c r="I12907" t="s">
        <v>30540</v>
      </c>
    </row>
    <row r="12908" spans="1:9">
      <c r="A12908" s="1">
        <v>0.93938500838799865</v>
      </c>
      <c r="B12908" s="1"/>
      <c r="C12908">
        <v>10</v>
      </c>
      <c r="D12908" t="s">
        <v>29509</v>
      </c>
      <c r="E12908" t="s">
        <v>34624</v>
      </c>
      <c r="F12908">
        <v>4</v>
      </c>
      <c r="G12908" t="s">
        <v>0</v>
      </c>
      <c r="H12908" t="s">
        <v>29510</v>
      </c>
      <c r="I12908" t="s">
        <v>30540</v>
      </c>
    </row>
    <row r="12909" spans="1:9">
      <c r="A12909" s="1">
        <v>0.48421520877486435</v>
      </c>
      <c r="B12909" s="1"/>
      <c r="C12909">
        <v>18</v>
      </c>
      <c r="D12909" t="s">
        <v>29513</v>
      </c>
      <c r="E12909" t="s">
        <v>34624</v>
      </c>
      <c r="F12909">
        <v>4</v>
      </c>
      <c r="G12909" t="s">
        <v>0</v>
      </c>
      <c r="H12909" t="s">
        <v>29514</v>
      </c>
      <c r="I12909" t="s">
        <v>30540</v>
      </c>
    </row>
    <row r="12910" spans="1:9">
      <c r="A12910" s="1">
        <v>0.40145872206179345</v>
      </c>
      <c r="B12910" s="1"/>
      <c r="C12910">
        <v>14</v>
      </c>
      <c r="D12910" t="s">
        <v>29511</v>
      </c>
      <c r="E12910" t="s">
        <v>34624</v>
      </c>
      <c r="F12910">
        <v>3</v>
      </c>
      <c r="G12910" t="s">
        <v>0</v>
      </c>
      <c r="H12910" t="s">
        <v>29512</v>
      </c>
      <c r="I12910" t="s">
        <v>30540</v>
      </c>
    </row>
    <row r="12911" spans="1:9">
      <c r="A12911" s="1">
        <v>0.9543130474301601</v>
      </c>
      <c r="B12911" s="1"/>
      <c r="C12911">
        <v>12</v>
      </c>
      <c r="D12911" t="s">
        <v>29505</v>
      </c>
      <c r="E12911" t="s">
        <v>34625</v>
      </c>
      <c r="F12911">
        <v>4</v>
      </c>
      <c r="G12911" t="s">
        <v>0</v>
      </c>
      <c r="H12911" t="s">
        <v>29506</v>
      </c>
      <c r="I12911" t="s">
        <v>30540</v>
      </c>
    </row>
    <row r="12912" spans="1:9">
      <c r="A12912" s="1">
        <v>0.10500153907866361</v>
      </c>
      <c r="B12912" s="1"/>
      <c r="C12912">
        <v>13</v>
      </c>
      <c r="D12912" t="s">
        <v>29507</v>
      </c>
      <c r="E12912" t="s">
        <v>34625</v>
      </c>
      <c r="F12912">
        <v>4</v>
      </c>
      <c r="G12912" t="s">
        <v>0</v>
      </c>
      <c r="H12912" t="s">
        <v>29508</v>
      </c>
      <c r="I12912" t="s">
        <v>30540</v>
      </c>
    </row>
    <row r="12913" spans="1:9">
      <c r="A12913" s="1">
        <v>0.35445918817968591</v>
      </c>
      <c r="B12913" s="1"/>
      <c r="C12913">
        <v>9</v>
      </c>
      <c r="D12913" t="s">
        <v>29493</v>
      </c>
      <c r="E12913" t="s">
        <v>34626</v>
      </c>
      <c r="F12913">
        <v>5</v>
      </c>
      <c r="G12913" t="s">
        <v>15</v>
      </c>
      <c r="H12913" t="s">
        <v>29494</v>
      </c>
      <c r="I12913" t="s">
        <v>30540</v>
      </c>
    </row>
    <row r="12914" spans="1:9">
      <c r="A12914" s="1">
        <v>0.84214511705176942</v>
      </c>
      <c r="B12914" s="1"/>
      <c r="C12914">
        <v>6</v>
      </c>
      <c r="D12914" t="s">
        <v>29491</v>
      </c>
      <c r="E12914" t="s">
        <v>34626</v>
      </c>
      <c r="F12914">
        <v>5</v>
      </c>
      <c r="G12914" t="s">
        <v>0</v>
      </c>
      <c r="H12914" t="s">
        <v>29492</v>
      </c>
      <c r="I12914" t="s">
        <v>30540</v>
      </c>
    </row>
    <row r="12915" spans="1:9">
      <c r="A12915" s="1">
        <v>0.9736468469235926</v>
      </c>
      <c r="B12915" s="1"/>
      <c r="C12915">
        <v>12</v>
      </c>
      <c r="D12915" t="s">
        <v>29495</v>
      </c>
      <c r="E12915" t="s">
        <v>34626</v>
      </c>
      <c r="F12915">
        <v>5</v>
      </c>
      <c r="G12915" t="s">
        <v>0</v>
      </c>
      <c r="H12915" t="s">
        <v>29496</v>
      </c>
      <c r="I12915" t="s">
        <v>30540</v>
      </c>
    </row>
    <row r="12916" spans="1:9">
      <c r="A12916" s="1">
        <v>0.70217750417393554</v>
      </c>
      <c r="B12916" s="1"/>
      <c r="C12916">
        <v>16</v>
      </c>
      <c r="D12916" t="s">
        <v>29501</v>
      </c>
      <c r="E12916" t="s">
        <v>34626</v>
      </c>
      <c r="F12916">
        <v>4</v>
      </c>
      <c r="G12916" t="s">
        <v>10</v>
      </c>
      <c r="H12916" t="s">
        <v>29502</v>
      </c>
      <c r="I12916" t="s">
        <v>30540</v>
      </c>
    </row>
    <row r="12917" spans="1:9">
      <c r="A12917" s="1">
        <v>0.79560626524390143</v>
      </c>
      <c r="B12917" s="1"/>
      <c r="C12917">
        <v>13</v>
      </c>
      <c r="D12917" t="s">
        <v>29497</v>
      </c>
      <c r="E12917" t="s">
        <v>34626</v>
      </c>
      <c r="F12917">
        <v>4</v>
      </c>
      <c r="G12917" t="s">
        <v>0</v>
      </c>
      <c r="H12917" t="s">
        <v>29498</v>
      </c>
      <c r="I12917" t="s">
        <v>30540</v>
      </c>
    </row>
    <row r="12918" spans="1:9">
      <c r="A12918" s="1">
        <v>1.0846105168879183E-2</v>
      </c>
      <c r="B12918" s="1"/>
      <c r="C12918">
        <v>18</v>
      </c>
      <c r="D12918" t="s">
        <v>29503</v>
      </c>
      <c r="E12918" t="s">
        <v>34626</v>
      </c>
      <c r="F12918">
        <v>4</v>
      </c>
      <c r="G12918" t="s">
        <v>0</v>
      </c>
      <c r="H12918" t="s">
        <v>29504</v>
      </c>
      <c r="I12918" t="s">
        <v>30540</v>
      </c>
    </row>
    <row r="12919" spans="1:9">
      <c r="A12919" s="1">
        <v>0.73352372707290037</v>
      </c>
      <c r="B12919" s="1"/>
      <c r="C12919">
        <v>15</v>
      </c>
      <c r="D12919" t="s">
        <v>29499</v>
      </c>
      <c r="E12919" t="s">
        <v>34626</v>
      </c>
      <c r="F12919">
        <v>4</v>
      </c>
      <c r="G12919" t="s">
        <v>0</v>
      </c>
      <c r="H12919" t="s">
        <v>29500</v>
      </c>
      <c r="I12919" t="s">
        <v>30540</v>
      </c>
    </row>
    <row r="12920" spans="1:9">
      <c r="A12920" s="1">
        <v>0.78374492868841539</v>
      </c>
      <c r="B12920" s="1"/>
      <c r="C12920">
        <v>18</v>
      </c>
      <c r="D12920" t="s">
        <v>29487</v>
      </c>
      <c r="E12920" t="s">
        <v>34627</v>
      </c>
      <c r="F12920">
        <v>5</v>
      </c>
      <c r="G12920" t="s">
        <v>0</v>
      </c>
      <c r="H12920" t="s">
        <v>29488</v>
      </c>
      <c r="I12920" t="s">
        <v>30540</v>
      </c>
    </row>
    <row r="12921" spans="1:9">
      <c r="A12921" s="1">
        <v>0.74006083951423696</v>
      </c>
      <c r="B12921" s="1"/>
      <c r="C12921">
        <v>9</v>
      </c>
      <c r="D12921" t="s">
        <v>29479</v>
      </c>
      <c r="E12921" t="s">
        <v>34627</v>
      </c>
      <c r="F12921">
        <v>5</v>
      </c>
      <c r="G12921" t="s">
        <v>9</v>
      </c>
      <c r="H12921" t="s">
        <v>29480</v>
      </c>
      <c r="I12921" t="s">
        <v>30540</v>
      </c>
    </row>
    <row r="12922" spans="1:9">
      <c r="A12922" s="1">
        <v>0.35237982736766527</v>
      </c>
      <c r="B12922" s="1"/>
      <c r="C12922">
        <v>20</v>
      </c>
      <c r="D12922" t="s">
        <v>29489</v>
      </c>
      <c r="E12922" t="s">
        <v>34627</v>
      </c>
      <c r="F12922">
        <v>5</v>
      </c>
      <c r="G12922" t="s">
        <v>0</v>
      </c>
      <c r="H12922" t="s">
        <v>29490</v>
      </c>
      <c r="I12922" t="s">
        <v>30540</v>
      </c>
    </row>
    <row r="12923" spans="1:9">
      <c r="A12923" s="1">
        <v>0.29598750327656242</v>
      </c>
      <c r="B12923" s="1"/>
      <c r="C12923">
        <v>4</v>
      </c>
      <c r="D12923" t="s">
        <v>29477</v>
      </c>
      <c r="E12923" t="s">
        <v>34627</v>
      </c>
      <c r="F12923">
        <v>5</v>
      </c>
      <c r="G12923" t="s">
        <v>0</v>
      </c>
      <c r="H12923" t="s">
        <v>29478</v>
      </c>
      <c r="I12923" t="s">
        <v>30540</v>
      </c>
    </row>
    <row r="12924" spans="1:9">
      <c r="A12924" s="1">
        <v>0.98060076023416232</v>
      </c>
      <c r="B12924" s="1"/>
      <c r="C12924">
        <v>15</v>
      </c>
      <c r="D12924" t="s">
        <v>29483</v>
      </c>
      <c r="E12924" t="s">
        <v>34627</v>
      </c>
      <c r="F12924">
        <v>4</v>
      </c>
      <c r="G12924" t="s">
        <v>13</v>
      </c>
      <c r="H12924" t="s">
        <v>29484</v>
      </c>
      <c r="I12924" t="s">
        <v>30540</v>
      </c>
    </row>
    <row r="12925" spans="1:9">
      <c r="A12925" s="1">
        <v>0.21166570945545871</v>
      </c>
      <c r="B12925" s="1"/>
      <c r="C12925">
        <v>1</v>
      </c>
      <c r="D12925" t="s">
        <v>29475</v>
      </c>
      <c r="E12925" t="s">
        <v>34627</v>
      </c>
      <c r="F12925">
        <v>4</v>
      </c>
      <c r="G12925" t="s">
        <v>15</v>
      </c>
      <c r="H12925" t="s">
        <v>29476</v>
      </c>
      <c r="I12925" t="s">
        <v>30540</v>
      </c>
    </row>
    <row r="12926" spans="1:9">
      <c r="A12926" s="1">
        <v>0.9676881230719887</v>
      </c>
      <c r="B12926" s="1"/>
      <c r="C12926">
        <v>16</v>
      </c>
      <c r="D12926" t="s">
        <v>29485</v>
      </c>
      <c r="E12926" t="s">
        <v>34627</v>
      </c>
      <c r="F12926">
        <v>4</v>
      </c>
      <c r="G12926" t="s">
        <v>0</v>
      </c>
      <c r="H12926" t="s">
        <v>29486</v>
      </c>
      <c r="I12926" t="s">
        <v>30540</v>
      </c>
    </row>
    <row r="12927" spans="1:9">
      <c r="A12927" s="1">
        <v>0.65703931144479522</v>
      </c>
      <c r="B12927" s="1"/>
      <c r="C12927">
        <v>12</v>
      </c>
      <c r="D12927" t="s">
        <v>29481</v>
      </c>
      <c r="E12927" t="s">
        <v>34627</v>
      </c>
      <c r="F12927">
        <v>3</v>
      </c>
      <c r="G12927" t="s">
        <v>0</v>
      </c>
      <c r="H12927" t="s">
        <v>29482</v>
      </c>
      <c r="I12927" t="s">
        <v>30540</v>
      </c>
    </row>
    <row r="12928" spans="1:9">
      <c r="A12928" s="1">
        <v>0.68169317185763489</v>
      </c>
      <c r="B12928" s="1"/>
      <c r="C12928">
        <v>10</v>
      </c>
      <c r="D12928" t="s">
        <v>29467</v>
      </c>
      <c r="E12928" t="s">
        <v>34628</v>
      </c>
      <c r="F12928">
        <v>5</v>
      </c>
      <c r="G12928" t="s">
        <v>1</v>
      </c>
      <c r="H12928" t="s">
        <v>29468</v>
      </c>
      <c r="I12928" t="s">
        <v>30540</v>
      </c>
    </row>
    <row r="12929" spans="1:9">
      <c r="A12929" s="1">
        <v>0.73581330363776254</v>
      </c>
      <c r="B12929" s="1"/>
      <c r="C12929">
        <v>11</v>
      </c>
      <c r="D12929" t="s">
        <v>29469</v>
      </c>
      <c r="E12929" t="s">
        <v>34628</v>
      </c>
      <c r="F12929">
        <v>5</v>
      </c>
      <c r="G12929" t="s">
        <v>0</v>
      </c>
      <c r="H12929" t="s">
        <v>29470</v>
      </c>
      <c r="I12929" t="s">
        <v>30540</v>
      </c>
    </row>
    <row r="12930" spans="1:9">
      <c r="A12930" s="1">
        <v>0.50161612135213507</v>
      </c>
      <c r="B12930" s="1"/>
      <c r="C12930">
        <v>17</v>
      </c>
      <c r="D12930" t="s">
        <v>29473</v>
      </c>
      <c r="E12930" t="s">
        <v>34628</v>
      </c>
      <c r="F12930">
        <v>4</v>
      </c>
      <c r="G12930" t="s">
        <v>0</v>
      </c>
      <c r="H12930" t="s">
        <v>29474</v>
      </c>
      <c r="I12930" t="s">
        <v>30540</v>
      </c>
    </row>
    <row r="12931" spans="1:9">
      <c r="A12931" s="1">
        <v>0.65900239998692745</v>
      </c>
      <c r="B12931" s="1"/>
      <c r="C12931">
        <v>13</v>
      </c>
      <c r="D12931" t="s">
        <v>29471</v>
      </c>
      <c r="E12931" t="s">
        <v>34628</v>
      </c>
      <c r="F12931">
        <v>4</v>
      </c>
      <c r="G12931" t="s">
        <v>0</v>
      </c>
      <c r="H12931" t="s">
        <v>29472</v>
      </c>
      <c r="I12931" t="s">
        <v>30540</v>
      </c>
    </row>
    <row r="12932" spans="1:9">
      <c r="A12932" s="1">
        <v>0.13445218750714716</v>
      </c>
      <c r="B12932" s="1"/>
      <c r="C12932">
        <v>9</v>
      </c>
      <c r="D12932" t="s">
        <v>29465</v>
      </c>
      <c r="E12932" t="s">
        <v>34628</v>
      </c>
      <c r="F12932">
        <v>4</v>
      </c>
      <c r="G12932" t="s">
        <v>0</v>
      </c>
      <c r="H12932" t="s">
        <v>29466</v>
      </c>
      <c r="I12932" t="s">
        <v>30540</v>
      </c>
    </row>
    <row r="12933" spans="1:9">
      <c r="A12933" s="1">
        <v>0.70173608546630883</v>
      </c>
      <c r="B12933" s="1"/>
      <c r="C12933">
        <v>9</v>
      </c>
      <c r="D12933" t="s">
        <v>29457</v>
      </c>
      <c r="E12933" t="s">
        <v>34629</v>
      </c>
      <c r="F12933">
        <v>5</v>
      </c>
      <c r="G12933" t="s">
        <v>0</v>
      </c>
      <c r="H12933" t="s">
        <v>29458</v>
      </c>
      <c r="I12933" t="s">
        <v>30540</v>
      </c>
    </row>
    <row r="12934" spans="1:9">
      <c r="A12934" s="1">
        <v>0.35379939374661251</v>
      </c>
      <c r="B12934" s="1"/>
      <c r="C12934">
        <v>14</v>
      </c>
      <c r="D12934" t="s">
        <v>29461</v>
      </c>
      <c r="E12934" t="s">
        <v>34629</v>
      </c>
      <c r="F12934">
        <v>4</v>
      </c>
      <c r="G12934" t="s">
        <v>0</v>
      </c>
      <c r="H12934" t="s">
        <v>29462</v>
      </c>
      <c r="I12934" t="s">
        <v>30540</v>
      </c>
    </row>
    <row r="12935" spans="1:9">
      <c r="A12935" s="1">
        <v>0.6161408095283718</v>
      </c>
      <c r="B12935" s="1"/>
      <c r="C12935">
        <v>12</v>
      </c>
      <c r="D12935" t="s">
        <v>29459</v>
      </c>
      <c r="E12935" t="s">
        <v>34629</v>
      </c>
      <c r="F12935">
        <v>4</v>
      </c>
      <c r="G12935" t="s">
        <v>0</v>
      </c>
      <c r="H12935" t="s">
        <v>29460</v>
      </c>
      <c r="I12935" t="s">
        <v>30540</v>
      </c>
    </row>
    <row r="12936" spans="1:9">
      <c r="A12936" s="1">
        <v>3.5669469515139718E-2</v>
      </c>
      <c r="B12936" s="1"/>
      <c r="C12936">
        <v>17</v>
      </c>
      <c r="D12936" t="s">
        <v>29455</v>
      </c>
      <c r="E12936" t="s">
        <v>34630</v>
      </c>
      <c r="F12936">
        <v>5</v>
      </c>
      <c r="G12936" t="s">
        <v>14</v>
      </c>
      <c r="H12936" t="s">
        <v>29456</v>
      </c>
      <c r="I12936" t="s">
        <v>30540</v>
      </c>
    </row>
    <row r="12937" spans="1:9">
      <c r="A12937" s="1">
        <v>0.51479890035428788</v>
      </c>
      <c r="B12937" s="1"/>
      <c r="C12937">
        <v>2</v>
      </c>
      <c r="D12937" t="s">
        <v>29443</v>
      </c>
      <c r="E12937" t="s">
        <v>34630</v>
      </c>
      <c r="F12937">
        <v>4</v>
      </c>
      <c r="G12937" t="s">
        <v>0</v>
      </c>
      <c r="H12937" t="s">
        <v>29444</v>
      </c>
      <c r="I12937" t="s">
        <v>30540</v>
      </c>
    </row>
    <row r="12938" spans="1:9">
      <c r="A12938" s="1">
        <v>0.69198260220548669</v>
      </c>
      <c r="B12938" s="1"/>
      <c r="C12938">
        <v>3</v>
      </c>
      <c r="D12938" t="s">
        <v>29445</v>
      </c>
      <c r="E12938" t="s">
        <v>34630</v>
      </c>
      <c r="F12938">
        <v>4</v>
      </c>
      <c r="G12938" t="s">
        <v>0</v>
      </c>
      <c r="H12938" t="s">
        <v>29446</v>
      </c>
      <c r="I12938" t="s">
        <v>30540</v>
      </c>
    </row>
    <row r="12939" spans="1:9">
      <c r="A12939" s="1">
        <v>0.84192964556491146</v>
      </c>
      <c r="B12939" s="1"/>
      <c r="C12939">
        <v>10</v>
      </c>
      <c r="D12939" t="s">
        <v>29451</v>
      </c>
      <c r="E12939" t="s">
        <v>34630</v>
      </c>
      <c r="F12939">
        <v>4</v>
      </c>
      <c r="G12939" t="s">
        <v>1</v>
      </c>
      <c r="H12939" t="s">
        <v>29452</v>
      </c>
      <c r="I12939" t="s">
        <v>30540</v>
      </c>
    </row>
    <row r="12940" spans="1:9">
      <c r="A12940" s="1">
        <v>0.70608014007401931</v>
      </c>
      <c r="B12940" s="1"/>
      <c r="C12940">
        <v>5</v>
      </c>
      <c r="D12940" t="s">
        <v>29447</v>
      </c>
      <c r="E12940" t="s">
        <v>34630</v>
      </c>
      <c r="F12940">
        <v>4</v>
      </c>
      <c r="G12940" t="s">
        <v>14</v>
      </c>
      <c r="H12940" t="s">
        <v>29448</v>
      </c>
      <c r="I12940" t="s">
        <v>30540</v>
      </c>
    </row>
    <row r="12941" spans="1:9">
      <c r="A12941" s="1">
        <v>0.64393690143205273</v>
      </c>
      <c r="B12941" s="1"/>
      <c r="C12941">
        <v>9</v>
      </c>
      <c r="D12941" t="s">
        <v>29449</v>
      </c>
      <c r="E12941" t="s">
        <v>34630</v>
      </c>
      <c r="F12941">
        <v>4</v>
      </c>
      <c r="G12941" t="s">
        <v>0</v>
      </c>
      <c r="H12941" t="s">
        <v>29450</v>
      </c>
      <c r="I12941" t="s">
        <v>30540</v>
      </c>
    </row>
    <row r="12942" spans="1:9">
      <c r="A12942" s="1">
        <v>0.13125044102464711</v>
      </c>
      <c r="B12942" s="1"/>
      <c r="C12942">
        <v>16</v>
      </c>
      <c r="D12942" t="s">
        <v>29453</v>
      </c>
      <c r="E12942" t="s">
        <v>34630</v>
      </c>
      <c r="F12942">
        <v>3</v>
      </c>
      <c r="G12942" t="s">
        <v>0</v>
      </c>
      <c r="H12942" t="s">
        <v>29454</v>
      </c>
      <c r="I12942" t="s">
        <v>30540</v>
      </c>
    </row>
    <row r="12943" spans="1:9">
      <c r="A12943" s="1">
        <v>0.67578546131372919</v>
      </c>
      <c r="B12943" s="1"/>
      <c r="C12943">
        <v>2</v>
      </c>
      <c r="D12943" t="s">
        <v>29431</v>
      </c>
      <c r="E12943" t="s">
        <v>34631</v>
      </c>
      <c r="F12943">
        <v>5</v>
      </c>
      <c r="G12943" t="s">
        <v>10</v>
      </c>
      <c r="H12943" t="s">
        <v>29432</v>
      </c>
      <c r="I12943" t="s">
        <v>30540</v>
      </c>
    </row>
    <row r="12944" spans="1:9">
      <c r="A12944" s="1">
        <v>0.7024432087201804</v>
      </c>
      <c r="B12944" s="1"/>
      <c r="C12944">
        <v>15</v>
      </c>
      <c r="D12944" t="s">
        <v>29439</v>
      </c>
      <c r="E12944" t="s">
        <v>34631</v>
      </c>
      <c r="F12944">
        <v>4</v>
      </c>
      <c r="G12944" t="s">
        <v>14</v>
      </c>
      <c r="H12944" t="s">
        <v>29440</v>
      </c>
      <c r="I12944" t="s">
        <v>30540</v>
      </c>
    </row>
    <row r="12945" spans="1:9">
      <c r="A12945" s="1">
        <v>5.1845569516421608E-2</v>
      </c>
      <c r="B12945" s="1"/>
      <c r="C12945">
        <v>13</v>
      </c>
      <c r="D12945" t="s">
        <v>29437</v>
      </c>
      <c r="E12945" t="s">
        <v>34631</v>
      </c>
      <c r="F12945">
        <v>4</v>
      </c>
      <c r="G12945" t="s">
        <v>0</v>
      </c>
      <c r="H12945" t="s">
        <v>29438</v>
      </c>
      <c r="I12945" t="s">
        <v>30540</v>
      </c>
    </row>
    <row r="12946" spans="1:9">
      <c r="A12946" s="1">
        <v>0.57095263194491219</v>
      </c>
      <c r="B12946" s="1"/>
      <c r="C12946">
        <v>8</v>
      </c>
      <c r="D12946" t="s">
        <v>29435</v>
      </c>
      <c r="E12946" t="s">
        <v>34631</v>
      </c>
      <c r="F12946">
        <v>4</v>
      </c>
      <c r="G12946" t="s">
        <v>14</v>
      </c>
      <c r="H12946" t="s">
        <v>29436</v>
      </c>
      <c r="I12946" t="s">
        <v>30540</v>
      </c>
    </row>
    <row r="12947" spans="1:9">
      <c r="A12947" s="1">
        <v>0.26071111595938357</v>
      </c>
      <c r="B12947" s="1"/>
      <c r="C12947">
        <v>3</v>
      </c>
      <c r="D12947" t="s">
        <v>29433</v>
      </c>
      <c r="E12947" t="s">
        <v>34631</v>
      </c>
      <c r="F12947">
        <v>3</v>
      </c>
      <c r="G12947" t="s">
        <v>0</v>
      </c>
      <c r="H12947" t="s">
        <v>29434</v>
      </c>
      <c r="I12947" t="s">
        <v>30540</v>
      </c>
    </row>
    <row r="12948" spans="1:9">
      <c r="A12948" s="1">
        <v>0.89558835836246853</v>
      </c>
      <c r="B12948" s="1"/>
      <c r="C12948">
        <v>18</v>
      </c>
      <c r="D12948" t="s">
        <v>29441</v>
      </c>
      <c r="E12948" t="s">
        <v>34631</v>
      </c>
      <c r="F12948">
        <v>3</v>
      </c>
      <c r="G12948" t="s">
        <v>0</v>
      </c>
      <c r="H12948" t="s">
        <v>29442</v>
      </c>
      <c r="I12948" t="s">
        <v>30540</v>
      </c>
    </row>
    <row r="12949" spans="1:9">
      <c r="A12949" s="1">
        <v>0.46510957166278544</v>
      </c>
      <c r="B12949" s="1"/>
      <c r="C12949">
        <v>13</v>
      </c>
      <c r="D12949" t="s">
        <v>29429</v>
      </c>
      <c r="E12949" t="s">
        <v>34632</v>
      </c>
      <c r="F12949">
        <v>4</v>
      </c>
      <c r="G12949" t="s">
        <v>13</v>
      </c>
      <c r="H12949" t="s">
        <v>29430</v>
      </c>
      <c r="I12949" t="s">
        <v>30540</v>
      </c>
    </row>
    <row r="12950" spans="1:9">
      <c r="A12950" s="1">
        <v>0.77756311220015928</v>
      </c>
      <c r="B12950" s="1"/>
      <c r="C12950">
        <v>9</v>
      </c>
      <c r="D12950" t="s">
        <v>29425</v>
      </c>
      <c r="E12950" t="s">
        <v>34632</v>
      </c>
      <c r="F12950">
        <v>4</v>
      </c>
      <c r="G12950" t="s">
        <v>2</v>
      </c>
      <c r="H12950" t="s">
        <v>29426</v>
      </c>
      <c r="I12950" t="s">
        <v>30540</v>
      </c>
    </row>
    <row r="12951" spans="1:9">
      <c r="A12951" s="1">
        <v>0.81673587090603605</v>
      </c>
      <c r="B12951" s="1"/>
      <c r="C12951">
        <v>12</v>
      </c>
      <c r="D12951" t="s">
        <v>29427</v>
      </c>
      <c r="E12951" t="s">
        <v>34632</v>
      </c>
      <c r="F12951">
        <v>4</v>
      </c>
      <c r="G12951" t="s">
        <v>13</v>
      </c>
      <c r="H12951" t="s">
        <v>29428</v>
      </c>
      <c r="I12951" t="s">
        <v>30540</v>
      </c>
    </row>
    <row r="12952" spans="1:9">
      <c r="A12952" s="1">
        <v>0.78763735626104037</v>
      </c>
      <c r="B12952" s="1"/>
      <c r="C12952">
        <v>12</v>
      </c>
      <c r="D12952" t="s">
        <v>29421</v>
      </c>
      <c r="E12952" t="s">
        <v>34633</v>
      </c>
      <c r="F12952">
        <v>5</v>
      </c>
      <c r="G12952" t="s">
        <v>1</v>
      </c>
      <c r="H12952" t="s">
        <v>29422</v>
      </c>
      <c r="I12952" t="s">
        <v>30540</v>
      </c>
    </row>
    <row r="12953" spans="1:9">
      <c r="A12953" s="1">
        <v>0.17118186297274407</v>
      </c>
      <c r="B12953" s="1"/>
      <c r="C12953">
        <v>6</v>
      </c>
      <c r="D12953" t="s">
        <v>29419</v>
      </c>
      <c r="E12953" t="s">
        <v>34633</v>
      </c>
      <c r="F12953">
        <v>5</v>
      </c>
      <c r="G12953" t="s">
        <v>0</v>
      </c>
      <c r="H12953" t="s">
        <v>29420</v>
      </c>
      <c r="I12953" t="s">
        <v>30540</v>
      </c>
    </row>
    <row r="12954" spans="1:9">
      <c r="A12954" s="1">
        <v>0.85228717199963011</v>
      </c>
      <c r="B12954" s="1"/>
      <c r="C12954">
        <v>16</v>
      </c>
      <c r="D12954" t="s">
        <v>29423</v>
      </c>
      <c r="E12954" t="s">
        <v>34633</v>
      </c>
      <c r="F12954">
        <v>4</v>
      </c>
      <c r="G12954" t="s">
        <v>0</v>
      </c>
      <c r="H12954" t="s">
        <v>29424</v>
      </c>
      <c r="I12954" t="s">
        <v>30540</v>
      </c>
    </row>
    <row r="12955" spans="1:9">
      <c r="A12955" s="1">
        <v>0.93522647814592141</v>
      </c>
      <c r="B12955" s="1"/>
      <c r="C12955">
        <v>7</v>
      </c>
      <c r="D12955" t="s">
        <v>29411</v>
      </c>
      <c r="E12955" t="s">
        <v>34634</v>
      </c>
      <c r="F12955">
        <v>4</v>
      </c>
      <c r="G12955" t="s">
        <v>0</v>
      </c>
      <c r="H12955" t="s">
        <v>29412</v>
      </c>
      <c r="I12955" t="s">
        <v>30540</v>
      </c>
    </row>
    <row r="12956" spans="1:9">
      <c r="A12956" s="1">
        <v>0.48187183938454614</v>
      </c>
      <c r="B12956" s="1"/>
      <c r="C12956">
        <v>10</v>
      </c>
      <c r="D12956" t="s">
        <v>29415</v>
      </c>
      <c r="E12956" t="s">
        <v>34634</v>
      </c>
      <c r="F12956">
        <v>3</v>
      </c>
      <c r="G12956" t="s">
        <v>0</v>
      </c>
      <c r="H12956" t="s">
        <v>29416</v>
      </c>
      <c r="I12956" t="s">
        <v>30540</v>
      </c>
    </row>
    <row r="12957" spans="1:9">
      <c r="A12957" s="1">
        <v>0.41379530175798807</v>
      </c>
      <c r="B12957" s="1"/>
      <c r="C12957">
        <v>16</v>
      </c>
      <c r="D12957" t="s">
        <v>29409</v>
      </c>
      <c r="E12957" t="s">
        <v>34635</v>
      </c>
      <c r="F12957">
        <v>4</v>
      </c>
      <c r="G12957" t="s">
        <v>0</v>
      </c>
      <c r="H12957" t="s">
        <v>29410</v>
      </c>
      <c r="I12957" t="s">
        <v>30540</v>
      </c>
    </row>
    <row r="12958" spans="1:9">
      <c r="A12958" s="1">
        <v>0.31357390806215535</v>
      </c>
      <c r="B12958" s="1"/>
      <c r="C12958">
        <v>3</v>
      </c>
      <c r="D12958" t="s">
        <v>29401</v>
      </c>
      <c r="E12958" t="s">
        <v>34635</v>
      </c>
      <c r="F12958">
        <v>4</v>
      </c>
      <c r="G12958" t="s">
        <v>0</v>
      </c>
      <c r="H12958" t="s">
        <v>29402</v>
      </c>
      <c r="I12958" t="s">
        <v>30540</v>
      </c>
    </row>
    <row r="12959" spans="1:9">
      <c r="A12959" s="1">
        <v>0.55625202782327987</v>
      </c>
      <c r="B12959" s="1"/>
      <c r="C12959">
        <v>12</v>
      </c>
      <c r="D12959" t="s">
        <v>29405</v>
      </c>
      <c r="E12959" t="s">
        <v>34635</v>
      </c>
      <c r="F12959">
        <v>4</v>
      </c>
      <c r="G12959" t="s">
        <v>0</v>
      </c>
      <c r="H12959" t="s">
        <v>29406</v>
      </c>
      <c r="I12959" t="s">
        <v>30540</v>
      </c>
    </row>
    <row r="12960" spans="1:9">
      <c r="A12960" s="1">
        <v>0.49401720799861659</v>
      </c>
      <c r="B12960" s="1"/>
      <c r="C12960">
        <v>15</v>
      </c>
      <c r="D12960" t="s">
        <v>29407</v>
      </c>
      <c r="E12960" t="s">
        <v>34635</v>
      </c>
      <c r="F12960">
        <v>4</v>
      </c>
      <c r="G12960" t="s">
        <v>0</v>
      </c>
      <c r="H12960" t="s">
        <v>29408</v>
      </c>
      <c r="I12960" t="s">
        <v>30540</v>
      </c>
    </row>
    <row r="12961" spans="1:9">
      <c r="A12961" s="1">
        <v>0.13236585038484361</v>
      </c>
      <c r="B12961" s="1"/>
      <c r="C12961">
        <v>3</v>
      </c>
      <c r="D12961" t="s">
        <v>29393</v>
      </c>
      <c r="E12961" t="s">
        <v>34636</v>
      </c>
      <c r="F12961">
        <v>4</v>
      </c>
      <c r="G12961" t="s">
        <v>0</v>
      </c>
      <c r="H12961" t="s">
        <v>29394</v>
      </c>
      <c r="I12961" t="s">
        <v>30540</v>
      </c>
    </row>
    <row r="12962" spans="1:9">
      <c r="A12962" s="1">
        <v>0.34999741911287818</v>
      </c>
      <c r="B12962" s="1"/>
      <c r="C12962">
        <v>1</v>
      </c>
      <c r="D12962" t="s">
        <v>29391</v>
      </c>
      <c r="E12962" t="s">
        <v>34636</v>
      </c>
      <c r="F12962">
        <v>4</v>
      </c>
      <c r="G12962" t="s">
        <v>2</v>
      </c>
      <c r="H12962" t="s">
        <v>29392</v>
      </c>
      <c r="I12962" t="s">
        <v>30540</v>
      </c>
    </row>
    <row r="12963" spans="1:9">
      <c r="A12963" s="1">
        <v>0.89776105214822421</v>
      </c>
      <c r="B12963" s="1"/>
      <c r="C12963">
        <v>17</v>
      </c>
      <c r="D12963" t="s">
        <v>29397</v>
      </c>
      <c r="E12963" t="s">
        <v>34636</v>
      </c>
      <c r="F12963">
        <v>4</v>
      </c>
      <c r="G12963" t="s">
        <v>0</v>
      </c>
      <c r="H12963" t="s">
        <v>29398</v>
      </c>
      <c r="I12963" t="s">
        <v>30540</v>
      </c>
    </row>
    <row r="12964" spans="1:9">
      <c r="A12964" s="1">
        <v>0.3186568106022607</v>
      </c>
      <c r="B12964" s="1"/>
      <c r="C12964">
        <v>14</v>
      </c>
      <c r="D12964" t="s">
        <v>29395</v>
      </c>
      <c r="E12964" t="s">
        <v>34636</v>
      </c>
      <c r="F12964">
        <v>4</v>
      </c>
      <c r="G12964" t="s">
        <v>0</v>
      </c>
      <c r="H12964" t="s">
        <v>29396</v>
      </c>
      <c r="I12964" t="s">
        <v>30540</v>
      </c>
    </row>
    <row r="12965" spans="1:9">
      <c r="A12965" s="1">
        <v>0.95683444452872624</v>
      </c>
      <c r="B12965" s="1"/>
      <c r="C12965">
        <v>1</v>
      </c>
      <c r="D12965" t="s">
        <v>29381</v>
      </c>
      <c r="E12965" t="s">
        <v>34637</v>
      </c>
      <c r="F12965">
        <v>5</v>
      </c>
      <c r="G12965" t="s">
        <v>1</v>
      </c>
      <c r="H12965" t="s">
        <v>29382</v>
      </c>
      <c r="I12965" t="s">
        <v>30540</v>
      </c>
    </row>
    <row r="12966" spans="1:9">
      <c r="A12966" s="1">
        <v>0.86828027671551922</v>
      </c>
      <c r="B12966" s="1"/>
      <c r="C12966">
        <v>7</v>
      </c>
      <c r="D12966" t="s">
        <v>29383</v>
      </c>
      <c r="E12966" t="s">
        <v>34637</v>
      </c>
      <c r="F12966">
        <v>5</v>
      </c>
      <c r="G12966" t="s">
        <v>13</v>
      </c>
      <c r="H12966" t="s">
        <v>29384</v>
      </c>
      <c r="I12966" t="s">
        <v>30540</v>
      </c>
    </row>
    <row r="12967" spans="1:9">
      <c r="A12967" s="1">
        <v>0.91202642383274213</v>
      </c>
      <c r="B12967" s="1"/>
      <c r="C12967">
        <v>14</v>
      </c>
      <c r="D12967" t="s">
        <v>29387</v>
      </c>
      <c r="E12967" t="s">
        <v>34637</v>
      </c>
      <c r="F12967">
        <v>4</v>
      </c>
      <c r="G12967" t="s">
        <v>0</v>
      </c>
      <c r="H12967" t="s">
        <v>29388</v>
      </c>
      <c r="I12967" t="s">
        <v>30540</v>
      </c>
    </row>
    <row r="12968" spans="1:9">
      <c r="A12968" s="1">
        <v>0.92585279147365918</v>
      </c>
      <c r="B12968" s="1"/>
      <c r="C12968">
        <v>16</v>
      </c>
      <c r="D12968" t="s">
        <v>29389</v>
      </c>
      <c r="E12968" t="s">
        <v>34637</v>
      </c>
      <c r="F12968">
        <v>4</v>
      </c>
      <c r="G12968" t="s">
        <v>0</v>
      </c>
      <c r="H12968" t="s">
        <v>29390</v>
      </c>
      <c r="I12968" t="s">
        <v>30540</v>
      </c>
    </row>
    <row r="12969" spans="1:9">
      <c r="A12969" s="1">
        <v>0.65923758098185747</v>
      </c>
      <c r="B12969" s="1"/>
      <c r="C12969">
        <v>4</v>
      </c>
      <c r="D12969" t="s">
        <v>29373</v>
      </c>
      <c r="E12969" t="s">
        <v>34638</v>
      </c>
      <c r="F12969">
        <v>5</v>
      </c>
      <c r="G12969" t="s">
        <v>0</v>
      </c>
      <c r="H12969" t="s">
        <v>29374</v>
      </c>
      <c r="I12969" t="s">
        <v>30540</v>
      </c>
    </row>
    <row r="12970" spans="1:9">
      <c r="A12970" s="1">
        <v>0.68481990196340758</v>
      </c>
      <c r="B12970" s="1"/>
      <c r="C12970">
        <v>2</v>
      </c>
      <c r="D12970" t="s">
        <v>29371</v>
      </c>
      <c r="E12970" t="s">
        <v>34638</v>
      </c>
      <c r="F12970">
        <v>5</v>
      </c>
      <c r="G12970" t="s">
        <v>10</v>
      </c>
      <c r="H12970" t="s">
        <v>29372</v>
      </c>
      <c r="I12970" t="s">
        <v>30540</v>
      </c>
    </row>
    <row r="12971" spans="1:9">
      <c r="A12971" s="1">
        <v>0.67737677915342198</v>
      </c>
      <c r="B12971" s="1"/>
      <c r="C12971">
        <v>6</v>
      </c>
      <c r="D12971" t="s">
        <v>29375</v>
      </c>
      <c r="E12971" t="s">
        <v>34638</v>
      </c>
      <c r="F12971">
        <v>4</v>
      </c>
      <c r="G12971" t="s">
        <v>2</v>
      </c>
      <c r="H12971" t="s">
        <v>29376</v>
      </c>
      <c r="I12971" t="s">
        <v>30540</v>
      </c>
    </row>
    <row r="12972" spans="1:9">
      <c r="A12972" s="1">
        <v>0.11848999728480125</v>
      </c>
      <c r="B12972" s="1"/>
      <c r="C12972">
        <v>1</v>
      </c>
      <c r="D12972" t="s">
        <v>29357</v>
      </c>
      <c r="E12972" t="s">
        <v>34640</v>
      </c>
      <c r="F12972">
        <v>5</v>
      </c>
      <c r="G12972" t="s">
        <v>1</v>
      </c>
      <c r="H12972" t="s">
        <v>29358</v>
      </c>
      <c r="I12972" t="s">
        <v>30540</v>
      </c>
    </row>
    <row r="12973" spans="1:9">
      <c r="A12973" s="1">
        <v>0.3405628511234946</v>
      </c>
      <c r="B12973" s="1"/>
      <c r="C12973">
        <v>4</v>
      </c>
      <c r="D12973" t="s">
        <v>29361</v>
      </c>
      <c r="E12973" t="s">
        <v>34640</v>
      </c>
      <c r="F12973">
        <v>5</v>
      </c>
      <c r="G12973" t="s">
        <v>13</v>
      </c>
      <c r="H12973" t="s">
        <v>29362</v>
      </c>
      <c r="I12973" t="s">
        <v>30540</v>
      </c>
    </row>
    <row r="12974" spans="1:9">
      <c r="A12974" s="1">
        <v>0.5202024580934459</v>
      </c>
      <c r="B12974" s="1"/>
      <c r="C12974">
        <v>11</v>
      </c>
      <c r="D12974" t="s">
        <v>29367</v>
      </c>
      <c r="E12974" t="s">
        <v>34640</v>
      </c>
      <c r="F12974">
        <v>5</v>
      </c>
      <c r="G12974" t="s">
        <v>0</v>
      </c>
      <c r="H12974" t="s">
        <v>29368</v>
      </c>
      <c r="I12974" t="s">
        <v>30540</v>
      </c>
    </row>
    <row r="12975" spans="1:9">
      <c r="A12975" s="1">
        <v>0.67177910092048942</v>
      </c>
      <c r="B12975" s="1"/>
      <c r="C12975">
        <v>7</v>
      </c>
      <c r="D12975" t="s">
        <v>29363</v>
      </c>
      <c r="E12975" t="s">
        <v>34640</v>
      </c>
      <c r="F12975">
        <v>4</v>
      </c>
      <c r="G12975" t="s">
        <v>2</v>
      </c>
      <c r="H12975" t="s">
        <v>29364</v>
      </c>
      <c r="I12975" t="s">
        <v>30540</v>
      </c>
    </row>
    <row r="12976" spans="1:9">
      <c r="A12976" s="1">
        <v>0.18798652048507758</v>
      </c>
      <c r="B12976" s="1"/>
      <c r="C12976">
        <v>8</v>
      </c>
      <c r="D12976" t="s">
        <v>29365</v>
      </c>
      <c r="E12976" t="s">
        <v>34640</v>
      </c>
      <c r="F12976">
        <v>4</v>
      </c>
      <c r="G12976" t="s">
        <v>0</v>
      </c>
      <c r="H12976" t="s">
        <v>29366</v>
      </c>
      <c r="I12976" t="s">
        <v>30540</v>
      </c>
    </row>
    <row r="12977" spans="1:9">
      <c r="A12977" s="1">
        <v>0.17907905210378683</v>
      </c>
      <c r="B12977" s="1"/>
      <c r="C12977">
        <v>3</v>
      </c>
      <c r="D12977" t="s">
        <v>29359</v>
      </c>
      <c r="E12977" t="s">
        <v>34640</v>
      </c>
      <c r="F12977">
        <v>3</v>
      </c>
      <c r="G12977" t="s">
        <v>2</v>
      </c>
      <c r="H12977" t="s">
        <v>29360</v>
      </c>
      <c r="I12977" t="s">
        <v>30540</v>
      </c>
    </row>
    <row r="12978" spans="1:9">
      <c r="A12978" s="1">
        <v>0.78573162386089435</v>
      </c>
      <c r="B12978" s="1"/>
      <c r="C12978">
        <v>12</v>
      </c>
      <c r="D12978" t="s">
        <v>29351</v>
      </c>
      <c r="E12978" t="s">
        <v>34641</v>
      </c>
      <c r="F12978">
        <v>5</v>
      </c>
      <c r="G12978" t="s">
        <v>1</v>
      </c>
      <c r="H12978" t="s">
        <v>29352</v>
      </c>
      <c r="I12978" t="s">
        <v>30540</v>
      </c>
    </row>
    <row r="12979" spans="1:9">
      <c r="A12979" s="1">
        <v>0.19088399562496416</v>
      </c>
      <c r="B12979" s="1"/>
      <c r="C12979">
        <v>9</v>
      </c>
      <c r="D12979" t="s">
        <v>29347</v>
      </c>
      <c r="E12979" t="s">
        <v>34641</v>
      </c>
      <c r="F12979">
        <v>5</v>
      </c>
      <c r="G12979" t="s">
        <v>1</v>
      </c>
      <c r="H12979" t="s">
        <v>29348</v>
      </c>
      <c r="I12979" t="s">
        <v>30540</v>
      </c>
    </row>
    <row r="12980" spans="1:9">
      <c r="A12980" s="1">
        <v>0.64969183797706509</v>
      </c>
      <c r="B12980" s="1"/>
      <c r="C12980">
        <v>13</v>
      </c>
      <c r="D12980" t="s">
        <v>29353</v>
      </c>
      <c r="E12980" t="s">
        <v>34641</v>
      </c>
      <c r="F12980">
        <v>4</v>
      </c>
      <c r="G12980" t="s">
        <v>0</v>
      </c>
      <c r="H12980" t="s">
        <v>29354</v>
      </c>
      <c r="I12980" t="s">
        <v>30540</v>
      </c>
    </row>
    <row r="12981" spans="1:9">
      <c r="A12981" s="1">
        <v>0.79863207317703622</v>
      </c>
      <c r="B12981" s="1"/>
      <c r="C12981">
        <v>2</v>
      </c>
      <c r="D12981" t="s">
        <v>29345</v>
      </c>
      <c r="E12981" t="s">
        <v>34641</v>
      </c>
      <c r="F12981">
        <v>4</v>
      </c>
      <c r="G12981" t="s">
        <v>10</v>
      </c>
      <c r="H12981" t="s">
        <v>29346</v>
      </c>
      <c r="I12981" t="s">
        <v>30540</v>
      </c>
    </row>
    <row r="12982" spans="1:9">
      <c r="A12982" s="1">
        <v>0.6398632134776413</v>
      </c>
      <c r="B12982" s="1"/>
      <c r="C12982">
        <v>11</v>
      </c>
      <c r="D12982" t="s">
        <v>29349</v>
      </c>
      <c r="E12982" t="s">
        <v>34641</v>
      </c>
      <c r="F12982">
        <v>4</v>
      </c>
      <c r="G12982" t="s">
        <v>13</v>
      </c>
      <c r="H12982" t="s">
        <v>29350</v>
      </c>
      <c r="I12982" t="s">
        <v>30540</v>
      </c>
    </row>
    <row r="12983" spans="1:9">
      <c r="A12983" s="1">
        <v>0.22021246958212559</v>
      </c>
      <c r="B12983" s="1"/>
      <c r="C12983">
        <v>14</v>
      </c>
      <c r="D12983" t="s">
        <v>29355</v>
      </c>
      <c r="E12983" t="s">
        <v>34641</v>
      </c>
      <c r="F12983">
        <v>4</v>
      </c>
      <c r="G12983" t="s">
        <v>0</v>
      </c>
      <c r="H12983" t="s">
        <v>29356</v>
      </c>
      <c r="I12983" t="s">
        <v>30540</v>
      </c>
    </row>
    <row r="12984" spans="1:9">
      <c r="A12984" s="1">
        <v>0.29651086345368627</v>
      </c>
      <c r="B12984" s="1"/>
      <c r="C12984">
        <v>12</v>
      </c>
      <c r="D12984" t="s">
        <v>29337</v>
      </c>
      <c r="E12984" t="s">
        <v>34642</v>
      </c>
      <c r="F12984">
        <v>5</v>
      </c>
      <c r="G12984" t="s">
        <v>0</v>
      </c>
      <c r="H12984" t="s">
        <v>29338</v>
      </c>
      <c r="I12984" t="s">
        <v>30540</v>
      </c>
    </row>
    <row r="12985" spans="1:9">
      <c r="A12985" s="1">
        <v>5.1458423611801973E-2</v>
      </c>
      <c r="B12985" s="1"/>
      <c r="C12985">
        <v>13</v>
      </c>
      <c r="D12985" t="s">
        <v>29339</v>
      </c>
      <c r="E12985" t="s">
        <v>34642</v>
      </c>
      <c r="F12985">
        <v>5</v>
      </c>
      <c r="G12985" t="s">
        <v>13</v>
      </c>
      <c r="H12985" t="s">
        <v>29340</v>
      </c>
      <c r="I12985" t="s">
        <v>30540</v>
      </c>
    </row>
    <row r="12986" spans="1:9">
      <c r="A12986" s="1">
        <v>9.5466561896009328E-2</v>
      </c>
      <c r="B12986" s="1"/>
      <c r="C12986">
        <v>10</v>
      </c>
      <c r="D12986" t="s">
        <v>29335</v>
      </c>
      <c r="E12986" t="s">
        <v>34642</v>
      </c>
      <c r="F12986">
        <v>5</v>
      </c>
      <c r="G12986" t="s">
        <v>14</v>
      </c>
      <c r="H12986" t="s">
        <v>29336</v>
      </c>
      <c r="I12986" t="s">
        <v>30540</v>
      </c>
    </row>
    <row r="12987" spans="1:9">
      <c r="A12987" s="1">
        <v>0.74391080932106946</v>
      </c>
      <c r="B12987" s="1"/>
      <c r="C12987">
        <v>17</v>
      </c>
      <c r="D12987" t="s">
        <v>29341</v>
      </c>
      <c r="E12987" t="s">
        <v>34642</v>
      </c>
      <c r="F12987">
        <v>5</v>
      </c>
      <c r="G12987" t="s">
        <v>0</v>
      </c>
      <c r="H12987" t="s">
        <v>29342</v>
      </c>
      <c r="I12987" t="s">
        <v>30540</v>
      </c>
    </row>
    <row r="12988" spans="1:9">
      <c r="A12988" s="1">
        <v>0.77767208381978659</v>
      </c>
      <c r="B12988" s="1"/>
      <c r="C12988">
        <v>7</v>
      </c>
      <c r="D12988" t="s">
        <v>29331</v>
      </c>
      <c r="E12988" t="s">
        <v>34642</v>
      </c>
      <c r="F12988">
        <v>4</v>
      </c>
      <c r="G12988" t="s">
        <v>0</v>
      </c>
      <c r="H12988" t="s">
        <v>29332</v>
      </c>
      <c r="I12988" t="s">
        <v>30540</v>
      </c>
    </row>
    <row r="12989" spans="1:9">
      <c r="A12989" s="1">
        <v>0.50103849954210544</v>
      </c>
      <c r="B12989" s="1"/>
      <c r="C12989">
        <v>20</v>
      </c>
      <c r="D12989" t="s">
        <v>29343</v>
      </c>
      <c r="E12989" t="s">
        <v>34642</v>
      </c>
      <c r="F12989">
        <v>4</v>
      </c>
      <c r="G12989" t="s">
        <v>0</v>
      </c>
      <c r="H12989" t="s">
        <v>29344</v>
      </c>
      <c r="I12989" t="s">
        <v>30540</v>
      </c>
    </row>
    <row r="12990" spans="1:9">
      <c r="A12990" s="1">
        <v>0.60843471001194005</v>
      </c>
      <c r="B12990" s="1"/>
      <c r="C12990">
        <v>5</v>
      </c>
      <c r="D12990" t="s">
        <v>29329</v>
      </c>
      <c r="E12990" t="s">
        <v>34642</v>
      </c>
      <c r="F12990">
        <v>4</v>
      </c>
      <c r="G12990" t="s">
        <v>2</v>
      </c>
      <c r="H12990" t="s">
        <v>29330</v>
      </c>
      <c r="I12990" t="s">
        <v>30540</v>
      </c>
    </row>
    <row r="12991" spans="1:9">
      <c r="A12991" s="1">
        <v>4.0602482921205607E-2</v>
      </c>
      <c r="B12991" s="1"/>
      <c r="C12991">
        <v>8</v>
      </c>
      <c r="D12991" t="s">
        <v>29333</v>
      </c>
      <c r="E12991" t="s">
        <v>34642</v>
      </c>
      <c r="F12991">
        <v>4</v>
      </c>
      <c r="G12991" t="s">
        <v>0</v>
      </c>
      <c r="H12991" t="s">
        <v>29334</v>
      </c>
      <c r="I12991" t="s">
        <v>30540</v>
      </c>
    </row>
    <row r="12992" spans="1:9">
      <c r="A12992" s="1">
        <v>0.38660341160887557</v>
      </c>
      <c r="B12992" s="1"/>
      <c r="C12992">
        <v>3</v>
      </c>
      <c r="D12992" t="s">
        <v>29321</v>
      </c>
      <c r="E12992" t="s">
        <v>34643</v>
      </c>
      <c r="F12992">
        <v>4</v>
      </c>
      <c r="G12992" t="s">
        <v>0</v>
      </c>
      <c r="H12992" t="s">
        <v>29322</v>
      </c>
      <c r="I12992" t="s">
        <v>30540</v>
      </c>
    </row>
    <row r="12993" spans="1:9">
      <c r="A12993" s="1">
        <v>0.44244845822273315</v>
      </c>
      <c r="B12993" s="1"/>
      <c r="C12993">
        <v>4</v>
      </c>
      <c r="D12993" t="s">
        <v>29323</v>
      </c>
      <c r="E12993" t="s">
        <v>34643</v>
      </c>
      <c r="F12993">
        <v>4</v>
      </c>
      <c r="G12993" t="s">
        <v>1</v>
      </c>
      <c r="H12993" t="s">
        <v>29324</v>
      </c>
      <c r="I12993" t="s">
        <v>30540</v>
      </c>
    </row>
    <row r="12994" spans="1:9">
      <c r="A12994" s="1">
        <v>0.66919732017987921</v>
      </c>
      <c r="B12994" s="1"/>
      <c r="C12994">
        <v>19</v>
      </c>
      <c r="D12994" t="s">
        <v>29327</v>
      </c>
      <c r="E12994" t="s">
        <v>34643</v>
      </c>
      <c r="F12994">
        <v>4</v>
      </c>
      <c r="G12994" t="s">
        <v>10</v>
      </c>
      <c r="H12994" t="s">
        <v>29328</v>
      </c>
      <c r="I12994" t="s">
        <v>30540</v>
      </c>
    </row>
    <row r="12995" spans="1:9">
      <c r="A12995" s="1">
        <v>0.46530816884258086</v>
      </c>
      <c r="B12995" s="1"/>
      <c r="C12995">
        <v>14</v>
      </c>
      <c r="D12995" t="s">
        <v>29325</v>
      </c>
      <c r="E12995" t="s">
        <v>34643</v>
      </c>
      <c r="F12995">
        <v>4</v>
      </c>
      <c r="G12995" t="s">
        <v>0</v>
      </c>
      <c r="H12995" t="s">
        <v>29326</v>
      </c>
      <c r="I12995" t="s">
        <v>30540</v>
      </c>
    </row>
    <row r="12996" spans="1:9">
      <c r="A12996" s="1">
        <v>0.40969125407143825</v>
      </c>
      <c r="B12996" s="1"/>
      <c r="C12996">
        <v>17</v>
      </c>
      <c r="D12996" t="s">
        <v>29319</v>
      </c>
      <c r="E12996" t="s">
        <v>34644</v>
      </c>
      <c r="F12996">
        <v>4</v>
      </c>
      <c r="G12996" t="s">
        <v>0</v>
      </c>
      <c r="H12996" t="s">
        <v>29320</v>
      </c>
      <c r="I12996" t="s">
        <v>30540</v>
      </c>
    </row>
    <row r="12997" spans="1:9">
      <c r="A12997" s="1">
        <v>0.10257126517842796</v>
      </c>
      <c r="B12997" s="1"/>
      <c r="C12997">
        <v>12</v>
      </c>
      <c r="D12997" t="s">
        <v>29317</v>
      </c>
      <c r="E12997" t="s">
        <v>34644</v>
      </c>
      <c r="F12997">
        <v>4</v>
      </c>
      <c r="G12997" t="s">
        <v>0</v>
      </c>
      <c r="H12997" t="s">
        <v>29318</v>
      </c>
      <c r="I12997" t="s">
        <v>30540</v>
      </c>
    </row>
    <row r="12998" spans="1:9">
      <c r="A12998" s="1">
        <v>0.42834484704820031</v>
      </c>
      <c r="B12998" s="1"/>
      <c r="C12998">
        <v>1</v>
      </c>
      <c r="D12998" t="s">
        <v>29313</v>
      </c>
      <c r="E12998" t="s">
        <v>34644</v>
      </c>
      <c r="F12998">
        <v>4</v>
      </c>
      <c r="G12998" t="s">
        <v>2</v>
      </c>
      <c r="H12998" t="s">
        <v>29314</v>
      </c>
      <c r="I12998" t="s">
        <v>30540</v>
      </c>
    </row>
    <row r="12999" spans="1:9">
      <c r="A12999" s="1">
        <v>0.45258926045483716</v>
      </c>
      <c r="B12999" s="1"/>
      <c r="C12999">
        <v>1</v>
      </c>
      <c r="D12999" t="s">
        <v>29303</v>
      </c>
      <c r="E12999" t="s">
        <v>34645</v>
      </c>
      <c r="F12999">
        <v>5</v>
      </c>
      <c r="G12999" t="s">
        <v>0</v>
      </c>
      <c r="H12999" t="s">
        <v>29304</v>
      </c>
      <c r="I12999" t="s">
        <v>30540</v>
      </c>
    </row>
    <row r="13000" spans="1:9">
      <c r="A13000" s="1">
        <v>0.79882031377714802</v>
      </c>
      <c r="B13000" s="1"/>
      <c r="C13000">
        <v>13</v>
      </c>
      <c r="D13000" t="s">
        <v>29307</v>
      </c>
      <c r="E13000" t="s">
        <v>34645</v>
      </c>
      <c r="F13000">
        <v>4</v>
      </c>
      <c r="G13000" t="s">
        <v>0</v>
      </c>
      <c r="H13000" t="s">
        <v>29308</v>
      </c>
      <c r="I13000" t="s">
        <v>30540</v>
      </c>
    </row>
    <row r="13001" spans="1:9">
      <c r="A13001" s="1">
        <v>5.1853113222634084E-2</v>
      </c>
      <c r="B13001" s="1"/>
      <c r="C13001">
        <v>16</v>
      </c>
      <c r="D13001" t="s">
        <v>29311</v>
      </c>
      <c r="E13001" t="s">
        <v>34645</v>
      </c>
      <c r="F13001">
        <v>4</v>
      </c>
      <c r="G13001" t="s">
        <v>0</v>
      </c>
      <c r="H13001" t="s">
        <v>29312</v>
      </c>
      <c r="I13001" t="s">
        <v>30540</v>
      </c>
    </row>
    <row r="13002" spans="1:9">
      <c r="A13002" s="1">
        <v>9.5111416724104281E-2</v>
      </c>
      <c r="B13002" s="1"/>
      <c r="C13002">
        <v>14</v>
      </c>
      <c r="D13002" t="s">
        <v>29309</v>
      </c>
      <c r="E13002" t="s">
        <v>34645</v>
      </c>
      <c r="F13002">
        <v>4</v>
      </c>
      <c r="G13002" t="s">
        <v>0</v>
      </c>
      <c r="H13002" t="s">
        <v>29310</v>
      </c>
      <c r="I13002" t="s">
        <v>30540</v>
      </c>
    </row>
    <row r="13003" spans="1:9">
      <c r="A13003" s="1">
        <v>0.25672639006271403</v>
      </c>
      <c r="B13003" s="1"/>
      <c r="C13003">
        <v>15</v>
      </c>
      <c r="D13003" t="s">
        <v>29299</v>
      </c>
      <c r="E13003" t="s">
        <v>34646</v>
      </c>
      <c r="F13003">
        <v>5</v>
      </c>
      <c r="G13003" t="s">
        <v>0</v>
      </c>
      <c r="H13003" t="s">
        <v>29300</v>
      </c>
      <c r="I13003" t="s">
        <v>30540</v>
      </c>
    </row>
    <row r="13004" spans="1:9">
      <c r="A13004" s="1">
        <v>0.66988474074629001</v>
      </c>
      <c r="B13004" s="1"/>
      <c r="C13004">
        <v>10</v>
      </c>
      <c r="D13004" t="s">
        <v>29293</v>
      </c>
      <c r="E13004" t="s">
        <v>34646</v>
      </c>
      <c r="F13004">
        <v>5</v>
      </c>
      <c r="G13004" t="s">
        <v>0</v>
      </c>
      <c r="H13004" t="s">
        <v>29294</v>
      </c>
      <c r="I13004" t="s">
        <v>30540</v>
      </c>
    </row>
    <row r="13005" spans="1:9">
      <c r="A13005" s="1">
        <v>0.82586698234069</v>
      </c>
      <c r="B13005" s="1"/>
      <c r="C13005">
        <v>12</v>
      </c>
      <c r="D13005" t="s">
        <v>29295</v>
      </c>
      <c r="E13005" t="s">
        <v>34646</v>
      </c>
      <c r="F13005">
        <v>4</v>
      </c>
      <c r="G13005" t="s">
        <v>10</v>
      </c>
      <c r="H13005" t="s">
        <v>29296</v>
      </c>
      <c r="I13005" t="s">
        <v>30540</v>
      </c>
    </row>
    <row r="13006" spans="1:9">
      <c r="A13006" s="1">
        <v>0.84393719415131396</v>
      </c>
      <c r="B13006" s="1"/>
      <c r="C13006">
        <v>18</v>
      </c>
      <c r="D13006" t="s">
        <v>29301</v>
      </c>
      <c r="E13006" t="s">
        <v>34646</v>
      </c>
      <c r="F13006">
        <v>4</v>
      </c>
      <c r="G13006" t="s">
        <v>14</v>
      </c>
      <c r="H13006" t="s">
        <v>29302</v>
      </c>
      <c r="I13006" t="s">
        <v>30540</v>
      </c>
    </row>
    <row r="13007" spans="1:9">
      <c r="A13007" s="1">
        <v>0.95937431951584096</v>
      </c>
      <c r="B13007" s="1"/>
      <c r="C13007">
        <v>13</v>
      </c>
      <c r="D13007" t="s">
        <v>29297</v>
      </c>
      <c r="E13007" t="s">
        <v>34646</v>
      </c>
      <c r="F13007">
        <v>4</v>
      </c>
      <c r="G13007" t="s">
        <v>0</v>
      </c>
      <c r="H13007" t="s">
        <v>29298</v>
      </c>
      <c r="I13007" t="s">
        <v>30540</v>
      </c>
    </row>
    <row r="13008" spans="1:9">
      <c r="A13008" s="1">
        <v>0.68012143751372489</v>
      </c>
      <c r="B13008" s="1"/>
      <c r="C13008">
        <v>8</v>
      </c>
      <c r="D13008" t="s">
        <v>29291</v>
      </c>
      <c r="E13008" t="s">
        <v>34646</v>
      </c>
      <c r="F13008">
        <v>4</v>
      </c>
      <c r="G13008" t="s">
        <v>2</v>
      </c>
      <c r="H13008" t="s">
        <v>29292</v>
      </c>
      <c r="I13008" t="s">
        <v>30540</v>
      </c>
    </row>
    <row r="13009" spans="1:9">
      <c r="A13009" s="1">
        <v>0.19766307059581212</v>
      </c>
      <c r="B13009" s="1"/>
      <c r="C13009">
        <v>11</v>
      </c>
      <c r="D13009" t="s">
        <v>29287</v>
      </c>
      <c r="E13009" t="s">
        <v>34647</v>
      </c>
      <c r="F13009">
        <v>5</v>
      </c>
      <c r="G13009" t="s">
        <v>0</v>
      </c>
      <c r="H13009" t="s">
        <v>29288</v>
      </c>
      <c r="I13009" t="s">
        <v>30540</v>
      </c>
    </row>
    <row r="13010" spans="1:9">
      <c r="A13010" s="1">
        <v>0.39475846065135545</v>
      </c>
      <c r="B13010" s="1"/>
      <c r="C13010">
        <v>17</v>
      </c>
      <c r="D13010" t="s">
        <v>29289</v>
      </c>
      <c r="E13010" t="s">
        <v>34647</v>
      </c>
      <c r="F13010">
        <v>4</v>
      </c>
      <c r="G13010" t="s">
        <v>15</v>
      </c>
      <c r="H13010" t="s">
        <v>29290</v>
      </c>
      <c r="I13010" t="s">
        <v>30540</v>
      </c>
    </row>
    <row r="13011" spans="1:9">
      <c r="A13011" s="1">
        <v>0.2614077380979124</v>
      </c>
      <c r="B13011" s="1"/>
      <c r="C13011">
        <v>9</v>
      </c>
      <c r="D13011" t="s">
        <v>29285</v>
      </c>
      <c r="E13011" t="s">
        <v>34647</v>
      </c>
      <c r="F13011">
        <v>4</v>
      </c>
      <c r="G13011" t="s">
        <v>0</v>
      </c>
      <c r="H13011" t="s">
        <v>29286</v>
      </c>
      <c r="I13011" t="s">
        <v>30540</v>
      </c>
    </row>
    <row r="13012" spans="1:9">
      <c r="A13012" s="1">
        <v>0.36275679333498079</v>
      </c>
      <c r="B13012" s="1"/>
      <c r="C13012">
        <v>13</v>
      </c>
      <c r="D13012" t="s">
        <v>29277</v>
      </c>
      <c r="E13012" t="s">
        <v>34648</v>
      </c>
      <c r="F13012">
        <v>4</v>
      </c>
      <c r="G13012" t="s">
        <v>10</v>
      </c>
      <c r="H13012" t="s">
        <v>29278</v>
      </c>
      <c r="I13012" t="s">
        <v>30540</v>
      </c>
    </row>
    <row r="13013" spans="1:9">
      <c r="A13013" s="1">
        <v>0.22277776638471036</v>
      </c>
      <c r="B13013" s="1"/>
      <c r="C13013">
        <v>12</v>
      </c>
      <c r="D13013" t="s">
        <v>29275</v>
      </c>
      <c r="E13013" t="s">
        <v>34648</v>
      </c>
      <c r="F13013">
        <v>4</v>
      </c>
      <c r="G13013" t="s">
        <v>0</v>
      </c>
      <c r="H13013" t="s">
        <v>29276</v>
      </c>
      <c r="I13013" t="s">
        <v>30540</v>
      </c>
    </row>
    <row r="13014" spans="1:9">
      <c r="A13014" s="1">
        <v>0.42734922410342269</v>
      </c>
      <c r="B13014" s="1"/>
      <c r="C13014">
        <v>18</v>
      </c>
      <c r="D13014" t="s">
        <v>29279</v>
      </c>
      <c r="E13014" t="s">
        <v>34648</v>
      </c>
      <c r="F13014">
        <v>3</v>
      </c>
      <c r="G13014" t="s">
        <v>2</v>
      </c>
      <c r="H13014" t="s">
        <v>29280</v>
      </c>
      <c r="I13014" t="s">
        <v>30540</v>
      </c>
    </row>
    <row r="13015" spans="1:9">
      <c r="A13015" s="1">
        <v>0.7569661214631076</v>
      </c>
      <c r="B13015" s="1"/>
      <c r="C13015">
        <v>10</v>
      </c>
      <c r="D13015" t="s">
        <v>29265</v>
      </c>
      <c r="E13015" t="s">
        <v>34649</v>
      </c>
      <c r="F13015">
        <v>5</v>
      </c>
      <c r="G13015" t="s">
        <v>0</v>
      </c>
      <c r="H13015" t="s">
        <v>29266</v>
      </c>
      <c r="I13015" t="s">
        <v>30540</v>
      </c>
    </row>
    <row r="13016" spans="1:9">
      <c r="A13016" s="1">
        <v>0.28061418426329632</v>
      </c>
      <c r="B13016" s="1"/>
      <c r="C13016">
        <v>13</v>
      </c>
      <c r="D13016" t="s">
        <v>29267</v>
      </c>
      <c r="E13016" t="s">
        <v>34649</v>
      </c>
      <c r="F13016">
        <v>4</v>
      </c>
      <c r="G13016" t="s">
        <v>0</v>
      </c>
      <c r="H13016" t="s">
        <v>29268</v>
      </c>
      <c r="I13016" t="s">
        <v>30540</v>
      </c>
    </row>
    <row r="13017" spans="1:9">
      <c r="A13017" s="1">
        <v>0.10405205203151446</v>
      </c>
      <c r="B13017" s="1"/>
      <c r="C13017">
        <v>18</v>
      </c>
      <c r="D13017" t="s">
        <v>29271</v>
      </c>
      <c r="E13017" t="s">
        <v>34649</v>
      </c>
      <c r="F13017">
        <v>4</v>
      </c>
      <c r="G13017" t="s">
        <v>0</v>
      </c>
      <c r="H13017" t="s">
        <v>29272</v>
      </c>
      <c r="I13017" t="s">
        <v>30540</v>
      </c>
    </row>
    <row r="13018" spans="1:9">
      <c r="A13018" s="1">
        <v>0.63621065732024384</v>
      </c>
      <c r="B13018" s="1"/>
      <c r="C13018">
        <v>3</v>
      </c>
      <c r="D13018" t="s">
        <v>29263</v>
      </c>
      <c r="E13018" t="s">
        <v>34649</v>
      </c>
      <c r="F13018">
        <v>3</v>
      </c>
      <c r="G13018" t="s">
        <v>10</v>
      </c>
      <c r="H13018" t="s">
        <v>29264</v>
      </c>
      <c r="I13018" t="s">
        <v>30540</v>
      </c>
    </row>
    <row r="13019" spans="1:9">
      <c r="A13019" s="1">
        <v>0.91811278571090005</v>
      </c>
      <c r="B13019" s="1"/>
      <c r="C13019">
        <v>10</v>
      </c>
      <c r="D13019" t="s">
        <v>29261</v>
      </c>
      <c r="E13019" t="s">
        <v>34650</v>
      </c>
      <c r="F13019">
        <v>5</v>
      </c>
      <c r="G13019" t="s">
        <v>1</v>
      </c>
      <c r="H13019" t="s">
        <v>29262</v>
      </c>
      <c r="I13019" t="s">
        <v>30540</v>
      </c>
    </row>
    <row r="13020" spans="1:9">
      <c r="A13020" s="1">
        <v>0.93629417191436093</v>
      </c>
      <c r="B13020" s="1"/>
      <c r="C13020">
        <v>6</v>
      </c>
      <c r="D13020" t="s">
        <v>29259</v>
      </c>
      <c r="E13020" t="s">
        <v>34650</v>
      </c>
      <c r="F13020">
        <v>5</v>
      </c>
      <c r="G13020" t="s">
        <v>0</v>
      </c>
      <c r="H13020" t="s">
        <v>29260</v>
      </c>
      <c r="I13020" t="s">
        <v>30540</v>
      </c>
    </row>
    <row r="13021" spans="1:9">
      <c r="A13021" s="1">
        <v>0.1718215114534053</v>
      </c>
      <c r="B13021" s="1"/>
      <c r="C13021">
        <v>7</v>
      </c>
      <c r="D13021" t="s">
        <v>29253</v>
      </c>
      <c r="E13021" t="s">
        <v>34651</v>
      </c>
      <c r="F13021">
        <v>5</v>
      </c>
      <c r="G13021" t="s">
        <v>14</v>
      </c>
      <c r="H13021" t="s">
        <v>29254</v>
      </c>
      <c r="I13021" t="s">
        <v>30540</v>
      </c>
    </row>
    <row r="13022" spans="1:9">
      <c r="A13022" s="1">
        <v>0.29100733767772746</v>
      </c>
      <c r="B13022" s="1"/>
      <c r="C13022">
        <v>10</v>
      </c>
      <c r="D13022" t="s">
        <v>29255</v>
      </c>
      <c r="E13022" t="s">
        <v>34651</v>
      </c>
      <c r="F13022">
        <v>5</v>
      </c>
      <c r="G13022" t="s">
        <v>1</v>
      </c>
      <c r="H13022" t="s">
        <v>29256</v>
      </c>
      <c r="I13022" t="s">
        <v>30540</v>
      </c>
    </row>
    <row r="13023" spans="1:9">
      <c r="A13023" s="1">
        <v>8.4327840272636068E-2</v>
      </c>
      <c r="B13023" s="1"/>
      <c r="C13023">
        <v>2</v>
      </c>
      <c r="D13023" t="s">
        <v>29249</v>
      </c>
      <c r="E13023" t="s">
        <v>34651</v>
      </c>
      <c r="F13023">
        <v>4</v>
      </c>
      <c r="G13023" t="s">
        <v>0</v>
      </c>
      <c r="H13023" t="s">
        <v>29250</v>
      </c>
      <c r="I13023" t="s">
        <v>30540</v>
      </c>
    </row>
    <row r="13024" spans="1:9">
      <c r="A13024" s="1">
        <v>0.87746420702128103</v>
      </c>
      <c r="B13024" s="1"/>
      <c r="C13024">
        <v>9</v>
      </c>
      <c r="D13024" t="s">
        <v>29241</v>
      </c>
      <c r="E13024" t="s">
        <v>34652</v>
      </c>
      <c r="F13024">
        <v>5</v>
      </c>
      <c r="G13024" t="s">
        <v>0</v>
      </c>
      <c r="H13024" t="s">
        <v>29242</v>
      </c>
      <c r="I13024" t="s">
        <v>30540</v>
      </c>
    </row>
    <row r="13025" spans="1:9">
      <c r="A13025" s="1">
        <v>0.55398719614059844</v>
      </c>
      <c r="B13025" s="1"/>
      <c r="C13025">
        <v>6</v>
      </c>
      <c r="D13025" t="s">
        <v>29239</v>
      </c>
      <c r="E13025" t="s">
        <v>34652</v>
      </c>
      <c r="F13025">
        <v>4</v>
      </c>
      <c r="G13025" t="s">
        <v>14</v>
      </c>
      <c r="H13025" t="s">
        <v>29240</v>
      </c>
      <c r="I13025" t="s">
        <v>30540</v>
      </c>
    </row>
    <row r="13026" spans="1:9">
      <c r="A13026" s="1">
        <v>0.85359489937416111</v>
      </c>
      <c r="B13026" s="1"/>
      <c r="C13026">
        <v>14</v>
      </c>
      <c r="D13026" t="s">
        <v>29243</v>
      </c>
      <c r="E13026" t="s">
        <v>34652</v>
      </c>
      <c r="F13026">
        <v>4</v>
      </c>
      <c r="G13026" t="s">
        <v>0</v>
      </c>
      <c r="H13026" t="s">
        <v>29244</v>
      </c>
      <c r="I13026" t="s">
        <v>30540</v>
      </c>
    </row>
    <row r="13027" spans="1:9">
      <c r="A13027" s="1">
        <v>0.76250431946727359</v>
      </c>
      <c r="B13027" s="1"/>
      <c r="C13027">
        <v>18</v>
      </c>
      <c r="D13027" t="s">
        <v>29247</v>
      </c>
      <c r="E13027" t="s">
        <v>34652</v>
      </c>
      <c r="F13027">
        <v>4</v>
      </c>
      <c r="G13027" t="s">
        <v>13</v>
      </c>
      <c r="H13027" t="s">
        <v>29248</v>
      </c>
      <c r="I13027" t="s">
        <v>30540</v>
      </c>
    </row>
    <row r="13028" spans="1:9">
      <c r="A13028" s="1">
        <v>4.4344395810593018E-2</v>
      </c>
      <c r="B13028" s="1"/>
      <c r="C13028">
        <v>16</v>
      </c>
      <c r="D13028" t="s">
        <v>29245</v>
      </c>
      <c r="E13028" t="s">
        <v>34652</v>
      </c>
      <c r="F13028">
        <v>4</v>
      </c>
      <c r="G13028" t="s">
        <v>0</v>
      </c>
      <c r="H13028" t="s">
        <v>29246</v>
      </c>
      <c r="I13028" t="s">
        <v>30540</v>
      </c>
    </row>
    <row r="13029" spans="1:9">
      <c r="A13029" s="1">
        <v>0.55421152338571633</v>
      </c>
      <c r="B13029" s="1"/>
      <c r="C13029">
        <v>11</v>
      </c>
      <c r="D13029" t="s">
        <v>29235</v>
      </c>
      <c r="E13029" t="s">
        <v>34653</v>
      </c>
      <c r="F13029">
        <v>5</v>
      </c>
      <c r="G13029" t="s">
        <v>15</v>
      </c>
      <c r="H13029" t="s">
        <v>29236</v>
      </c>
      <c r="I13029" t="s">
        <v>30540</v>
      </c>
    </row>
    <row r="13030" spans="1:9">
      <c r="A13030" s="1">
        <v>0.96756382460264834</v>
      </c>
      <c r="B13030" s="1"/>
      <c r="C13030">
        <v>4</v>
      </c>
      <c r="D13030" t="s">
        <v>29227</v>
      </c>
      <c r="E13030" t="s">
        <v>34653</v>
      </c>
      <c r="F13030">
        <v>4</v>
      </c>
      <c r="G13030" t="s">
        <v>1</v>
      </c>
      <c r="H13030" t="s">
        <v>29228</v>
      </c>
      <c r="I13030" t="s">
        <v>30540</v>
      </c>
    </row>
    <row r="13031" spans="1:9">
      <c r="A13031" s="1">
        <v>0.48975184426898022</v>
      </c>
      <c r="B13031" s="1"/>
      <c r="C13031">
        <v>10</v>
      </c>
      <c r="D13031" t="s">
        <v>29233</v>
      </c>
      <c r="E13031" t="s">
        <v>34653</v>
      </c>
      <c r="F13031">
        <v>4</v>
      </c>
      <c r="G13031" t="s">
        <v>14</v>
      </c>
      <c r="H13031" t="s">
        <v>29234</v>
      </c>
      <c r="I13031" t="s">
        <v>30540</v>
      </c>
    </row>
    <row r="13032" spans="1:9">
      <c r="A13032" s="1">
        <v>0.55280591219271835</v>
      </c>
      <c r="B13032" s="1"/>
      <c r="C13032">
        <v>13</v>
      </c>
      <c r="D13032" t="s">
        <v>29237</v>
      </c>
      <c r="E13032" t="s">
        <v>34653</v>
      </c>
      <c r="F13032">
        <v>4</v>
      </c>
      <c r="G13032" t="s">
        <v>0</v>
      </c>
      <c r="H13032" t="s">
        <v>29238</v>
      </c>
      <c r="I13032" t="s">
        <v>30540</v>
      </c>
    </row>
    <row r="13033" spans="1:9">
      <c r="A13033" s="1">
        <v>0.874312855757993</v>
      </c>
      <c r="B13033" s="1"/>
      <c r="C13033">
        <v>6</v>
      </c>
      <c r="D13033" t="s">
        <v>29229</v>
      </c>
      <c r="E13033" t="s">
        <v>34653</v>
      </c>
      <c r="F13033">
        <v>4</v>
      </c>
      <c r="G13033" t="s">
        <v>9</v>
      </c>
      <c r="H13033" t="s">
        <v>29230</v>
      </c>
      <c r="I13033" t="s">
        <v>30540</v>
      </c>
    </row>
    <row r="13034" spans="1:9">
      <c r="A13034" s="1">
        <v>0.36565777006193367</v>
      </c>
      <c r="B13034" s="1"/>
      <c r="C13034">
        <v>11</v>
      </c>
      <c r="D13034" t="s">
        <v>29223</v>
      </c>
      <c r="E13034" t="s">
        <v>34654</v>
      </c>
      <c r="F13034">
        <v>5</v>
      </c>
      <c r="G13034" t="s">
        <v>0</v>
      </c>
      <c r="H13034" t="s">
        <v>29224</v>
      </c>
      <c r="I13034" t="s">
        <v>30540</v>
      </c>
    </row>
    <row r="13035" spans="1:9">
      <c r="A13035" s="1">
        <v>5.4741890632599377E-2</v>
      </c>
      <c r="B13035" s="1"/>
      <c r="C13035">
        <v>8</v>
      </c>
      <c r="D13035" t="s">
        <v>29219</v>
      </c>
      <c r="E13035" t="s">
        <v>34654</v>
      </c>
      <c r="F13035">
        <v>5</v>
      </c>
      <c r="G13035" t="s">
        <v>0</v>
      </c>
      <c r="H13035" t="s">
        <v>29220</v>
      </c>
      <c r="I13035" t="s">
        <v>30540</v>
      </c>
    </row>
    <row r="13036" spans="1:9">
      <c r="A13036" s="1">
        <v>0.81332878461675895</v>
      </c>
      <c r="B13036" s="1"/>
      <c r="C13036">
        <v>10</v>
      </c>
      <c r="D13036" t="s">
        <v>29221</v>
      </c>
      <c r="E13036" t="s">
        <v>34654</v>
      </c>
      <c r="F13036">
        <v>4</v>
      </c>
      <c r="G13036" t="s">
        <v>0</v>
      </c>
      <c r="H13036" t="s">
        <v>29222</v>
      </c>
      <c r="I13036" t="s">
        <v>30540</v>
      </c>
    </row>
    <row r="13037" spans="1:9">
      <c r="A13037" s="1">
        <v>0.11043985154264035</v>
      </c>
      <c r="B13037" s="1"/>
      <c r="C13037">
        <v>6</v>
      </c>
      <c r="D13037" t="s">
        <v>29217</v>
      </c>
      <c r="E13037" t="s">
        <v>34654</v>
      </c>
      <c r="F13037">
        <v>4</v>
      </c>
      <c r="G13037" t="s">
        <v>9</v>
      </c>
      <c r="H13037" t="s">
        <v>29218</v>
      </c>
      <c r="I13037" t="s">
        <v>30540</v>
      </c>
    </row>
    <row r="13038" spans="1:9">
      <c r="A13038" s="1">
        <v>0.71396085265546982</v>
      </c>
      <c r="B13038" s="1"/>
      <c r="C13038">
        <v>14</v>
      </c>
      <c r="D13038" t="s">
        <v>29215</v>
      </c>
      <c r="E13038" t="s">
        <v>34655</v>
      </c>
      <c r="F13038">
        <v>5</v>
      </c>
      <c r="G13038" t="s">
        <v>0</v>
      </c>
      <c r="H13038" t="s">
        <v>29216</v>
      </c>
      <c r="I13038" t="s">
        <v>30540</v>
      </c>
    </row>
    <row r="13039" spans="1:9">
      <c r="A13039" s="1">
        <v>0.61630012852396976</v>
      </c>
      <c r="B13039" s="1"/>
      <c r="C13039">
        <v>2</v>
      </c>
      <c r="D13039" t="s">
        <v>29211</v>
      </c>
      <c r="E13039" t="s">
        <v>34655</v>
      </c>
      <c r="F13039">
        <v>4</v>
      </c>
      <c r="G13039" t="s">
        <v>2</v>
      </c>
      <c r="H13039" t="s">
        <v>29212</v>
      </c>
      <c r="I13039" t="s">
        <v>30540</v>
      </c>
    </row>
    <row r="13040" spans="1:9">
      <c r="A13040" s="1">
        <v>0.33162778238532631</v>
      </c>
      <c r="B13040" s="1"/>
      <c r="C13040">
        <v>3</v>
      </c>
      <c r="D13040" t="s">
        <v>29213</v>
      </c>
      <c r="E13040" t="s">
        <v>34655</v>
      </c>
      <c r="F13040">
        <v>4</v>
      </c>
      <c r="G13040" t="s">
        <v>0</v>
      </c>
      <c r="H13040" t="s">
        <v>29214</v>
      </c>
      <c r="I13040" t="s">
        <v>30540</v>
      </c>
    </row>
    <row r="13041" spans="1:9">
      <c r="A13041" s="1">
        <v>0.68124765558253153</v>
      </c>
      <c r="B13041" s="1"/>
      <c r="C13041">
        <v>13</v>
      </c>
      <c r="D13041" t="s">
        <v>29205</v>
      </c>
      <c r="E13041" t="s">
        <v>34656</v>
      </c>
      <c r="F13041">
        <v>5</v>
      </c>
      <c r="G13041" t="s">
        <v>1</v>
      </c>
      <c r="H13041" t="s">
        <v>29206</v>
      </c>
      <c r="I13041" t="s">
        <v>30540</v>
      </c>
    </row>
    <row r="13042" spans="1:9">
      <c r="A13042" s="1">
        <v>0.34799664272820008</v>
      </c>
      <c r="B13042" s="1"/>
      <c r="C13042">
        <v>15</v>
      </c>
      <c r="D13042" t="s">
        <v>29209</v>
      </c>
      <c r="E13042" t="s">
        <v>34656</v>
      </c>
      <c r="F13042">
        <v>4</v>
      </c>
      <c r="G13042" t="s">
        <v>13</v>
      </c>
      <c r="H13042" t="s">
        <v>29210</v>
      </c>
      <c r="I13042" t="s">
        <v>30540</v>
      </c>
    </row>
    <row r="13043" spans="1:9">
      <c r="A13043" s="1">
        <v>0.70559120320050506</v>
      </c>
      <c r="B13043" s="1"/>
      <c r="C13043">
        <v>11</v>
      </c>
      <c r="D13043" t="s">
        <v>29203</v>
      </c>
      <c r="E13043" t="s">
        <v>34656</v>
      </c>
      <c r="F13043">
        <v>3</v>
      </c>
      <c r="G13043" t="s">
        <v>1</v>
      </c>
      <c r="H13043" t="s">
        <v>29204</v>
      </c>
      <c r="I13043" t="s">
        <v>30540</v>
      </c>
    </row>
    <row r="13044" spans="1:9">
      <c r="A13044" s="1">
        <v>0.68344929926528242</v>
      </c>
      <c r="B13044" s="1"/>
      <c r="C13044">
        <v>5</v>
      </c>
      <c r="D13044" t="s">
        <v>29191</v>
      </c>
      <c r="E13044" t="s">
        <v>34657</v>
      </c>
      <c r="F13044">
        <v>5</v>
      </c>
      <c r="G13044" t="s">
        <v>0</v>
      </c>
      <c r="H13044" t="s">
        <v>29192</v>
      </c>
      <c r="I13044" t="s">
        <v>30540</v>
      </c>
    </row>
    <row r="13045" spans="1:9">
      <c r="A13045" s="1">
        <v>0.66486435342065953</v>
      </c>
      <c r="B13045" s="1"/>
      <c r="C13045">
        <v>16</v>
      </c>
      <c r="D13045" t="s">
        <v>29199</v>
      </c>
      <c r="E13045" t="s">
        <v>34657</v>
      </c>
      <c r="F13045">
        <v>4</v>
      </c>
      <c r="G13045" t="s">
        <v>0</v>
      </c>
      <c r="H13045" t="s">
        <v>29200</v>
      </c>
      <c r="I13045" t="s">
        <v>30540</v>
      </c>
    </row>
    <row r="13046" spans="1:9">
      <c r="A13046" s="1">
        <v>2.3145831163490227E-3</v>
      </c>
      <c r="B13046" s="1"/>
      <c r="C13046">
        <v>12</v>
      </c>
      <c r="D13046" t="s">
        <v>29195</v>
      </c>
      <c r="E13046" t="s">
        <v>34657</v>
      </c>
      <c r="F13046">
        <v>4</v>
      </c>
      <c r="G13046" t="s">
        <v>10</v>
      </c>
      <c r="H13046" t="s">
        <v>29196</v>
      </c>
      <c r="I13046" t="s">
        <v>30540</v>
      </c>
    </row>
    <row r="13047" spans="1:9">
      <c r="A13047" s="1">
        <v>0.20554914471586427</v>
      </c>
      <c r="B13047" s="1"/>
      <c r="C13047">
        <v>17</v>
      </c>
      <c r="D13047" t="s">
        <v>29201</v>
      </c>
      <c r="E13047" t="s">
        <v>34657</v>
      </c>
      <c r="F13047">
        <v>4</v>
      </c>
      <c r="G13047" t="s">
        <v>0</v>
      </c>
      <c r="H13047" t="s">
        <v>29202</v>
      </c>
      <c r="I13047" t="s">
        <v>30540</v>
      </c>
    </row>
    <row r="13048" spans="1:9">
      <c r="A13048" s="1">
        <v>0.70649450460113694</v>
      </c>
      <c r="B13048" s="1"/>
      <c r="C13048">
        <v>10</v>
      </c>
      <c r="D13048" t="s">
        <v>29185</v>
      </c>
      <c r="E13048" t="s">
        <v>34658</v>
      </c>
      <c r="F13048">
        <v>4</v>
      </c>
      <c r="G13048" t="s">
        <v>0</v>
      </c>
      <c r="H13048" t="s">
        <v>29186</v>
      </c>
      <c r="I13048" t="s">
        <v>30540</v>
      </c>
    </row>
    <row r="13049" spans="1:9">
      <c r="A13049" s="1">
        <v>0.83520023743938765</v>
      </c>
      <c r="B13049" s="1"/>
      <c r="C13049">
        <v>16</v>
      </c>
      <c r="D13049" t="s">
        <v>29189</v>
      </c>
      <c r="E13049" t="s">
        <v>34658</v>
      </c>
      <c r="F13049">
        <v>3</v>
      </c>
      <c r="G13049" t="s">
        <v>0</v>
      </c>
      <c r="H13049" t="s">
        <v>29190</v>
      </c>
      <c r="I13049" t="s">
        <v>30540</v>
      </c>
    </row>
    <row r="13050" spans="1:9">
      <c r="A13050" s="1">
        <v>0.50799595177420442</v>
      </c>
      <c r="B13050" s="1"/>
      <c r="C13050">
        <v>9</v>
      </c>
      <c r="D13050" t="s">
        <v>29183</v>
      </c>
      <c r="E13050" t="s">
        <v>34658</v>
      </c>
      <c r="F13050">
        <v>3</v>
      </c>
      <c r="G13050" t="s">
        <v>0</v>
      </c>
      <c r="H13050" t="s">
        <v>29184</v>
      </c>
      <c r="I13050" t="s">
        <v>30540</v>
      </c>
    </row>
    <row r="13051" spans="1:9">
      <c r="A13051" s="1">
        <v>0.59266464810045472</v>
      </c>
      <c r="B13051" s="1"/>
      <c r="C13051">
        <v>3</v>
      </c>
      <c r="D13051" t="s">
        <v>29179</v>
      </c>
      <c r="E13051" t="s">
        <v>34659</v>
      </c>
      <c r="F13051">
        <v>4</v>
      </c>
      <c r="G13051" t="s">
        <v>0</v>
      </c>
      <c r="H13051" t="s">
        <v>29180</v>
      </c>
      <c r="I13051" t="s">
        <v>30540</v>
      </c>
    </row>
    <row r="13052" spans="1:9">
      <c r="A13052" s="1">
        <v>0.39556187958772959</v>
      </c>
      <c r="B13052" s="1"/>
      <c r="C13052">
        <v>6</v>
      </c>
      <c r="D13052" t="s">
        <v>29181</v>
      </c>
      <c r="E13052" t="s">
        <v>34659</v>
      </c>
      <c r="F13052">
        <v>3</v>
      </c>
      <c r="G13052" t="s">
        <v>0</v>
      </c>
      <c r="H13052" t="s">
        <v>29182</v>
      </c>
      <c r="I13052" t="s">
        <v>30540</v>
      </c>
    </row>
    <row r="13053" spans="1:9">
      <c r="A13053" s="1">
        <v>0.50618466925747374</v>
      </c>
      <c r="B13053" s="1"/>
      <c r="C13053">
        <v>7</v>
      </c>
      <c r="D13053" t="s">
        <v>29171</v>
      </c>
      <c r="E13053" t="s">
        <v>34660</v>
      </c>
      <c r="F13053">
        <v>5</v>
      </c>
      <c r="G13053" t="s">
        <v>0</v>
      </c>
      <c r="H13053" t="s">
        <v>29172</v>
      </c>
      <c r="I13053" t="s">
        <v>30540</v>
      </c>
    </row>
    <row r="13054" spans="1:9">
      <c r="A13054" s="1">
        <v>0.12064397650508163</v>
      </c>
      <c r="B13054" s="1"/>
      <c r="C13054">
        <v>12</v>
      </c>
      <c r="D13054" t="s">
        <v>29175</v>
      </c>
      <c r="E13054" t="s">
        <v>34660</v>
      </c>
      <c r="F13054">
        <v>4</v>
      </c>
      <c r="G13054" t="s">
        <v>0</v>
      </c>
      <c r="H13054" t="s">
        <v>29176</v>
      </c>
      <c r="I13054" t="s">
        <v>30540</v>
      </c>
    </row>
    <row r="13055" spans="1:9">
      <c r="A13055" s="1">
        <v>0.45841226858782369</v>
      </c>
      <c r="B13055" s="1"/>
      <c r="C13055">
        <v>14</v>
      </c>
      <c r="D13055" t="s">
        <v>29177</v>
      </c>
      <c r="E13055" t="s">
        <v>34660</v>
      </c>
      <c r="F13055">
        <v>3</v>
      </c>
      <c r="G13055" t="s">
        <v>14</v>
      </c>
      <c r="H13055" t="s">
        <v>29178</v>
      </c>
      <c r="I13055" t="s">
        <v>30540</v>
      </c>
    </row>
    <row r="13056" spans="1:9">
      <c r="A13056" s="1">
        <v>0.76488417648660023</v>
      </c>
      <c r="B13056" s="1"/>
      <c r="C13056">
        <v>8</v>
      </c>
      <c r="D13056" t="s">
        <v>29173</v>
      </c>
      <c r="E13056" t="s">
        <v>34660</v>
      </c>
      <c r="F13056">
        <v>3</v>
      </c>
      <c r="G13056" t="s">
        <v>9</v>
      </c>
      <c r="H13056" t="s">
        <v>29174</v>
      </c>
      <c r="I13056" t="s">
        <v>30540</v>
      </c>
    </row>
    <row r="13057" spans="1:9">
      <c r="A13057" s="1">
        <v>1.3690933354600698E-2</v>
      </c>
      <c r="B13057" s="1"/>
      <c r="C13057">
        <v>7</v>
      </c>
      <c r="D13057" t="s">
        <v>29167</v>
      </c>
      <c r="E13057" t="s">
        <v>34661</v>
      </c>
      <c r="F13057">
        <v>5</v>
      </c>
      <c r="G13057" t="s">
        <v>0</v>
      </c>
      <c r="H13057" t="s">
        <v>29168</v>
      </c>
      <c r="I13057" t="s">
        <v>30540</v>
      </c>
    </row>
    <row r="13058" spans="1:9">
      <c r="A13058" s="1">
        <v>0.88335826487034574</v>
      </c>
      <c r="B13058" s="1"/>
      <c r="C13058">
        <v>1</v>
      </c>
      <c r="D13058" t="s">
        <v>29165</v>
      </c>
      <c r="E13058" t="s">
        <v>34661</v>
      </c>
      <c r="F13058">
        <v>4</v>
      </c>
      <c r="G13058" t="s">
        <v>0</v>
      </c>
      <c r="H13058" t="s">
        <v>29166</v>
      </c>
      <c r="I13058" t="s">
        <v>30540</v>
      </c>
    </row>
    <row r="13059" spans="1:9">
      <c r="A13059" s="1">
        <v>0.38269831928047737</v>
      </c>
      <c r="B13059" s="1"/>
      <c r="C13059">
        <v>17</v>
      </c>
      <c r="D13059" t="s">
        <v>29169</v>
      </c>
      <c r="E13059" t="s">
        <v>34661</v>
      </c>
      <c r="F13059">
        <v>4</v>
      </c>
      <c r="G13059" t="s">
        <v>0</v>
      </c>
      <c r="H13059" t="s">
        <v>29170</v>
      </c>
      <c r="I13059" t="s">
        <v>30540</v>
      </c>
    </row>
    <row r="13060" spans="1:9">
      <c r="A13060" s="1">
        <v>0.15221637476837746</v>
      </c>
      <c r="B13060" s="1"/>
      <c r="C13060">
        <v>2</v>
      </c>
      <c r="D13060" t="s">
        <v>29163</v>
      </c>
      <c r="E13060" t="s">
        <v>34662</v>
      </c>
      <c r="F13060">
        <v>4</v>
      </c>
      <c r="G13060" t="s">
        <v>0</v>
      </c>
      <c r="H13060" t="s">
        <v>29164</v>
      </c>
      <c r="I13060" t="s">
        <v>30540</v>
      </c>
    </row>
    <row r="13061" spans="1:9">
      <c r="A13061" s="1">
        <v>0.49954502685242341</v>
      </c>
      <c r="B13061" s="1"/>
      <c r="C13061">
        <v>19</v>
      </c>
      <c r="D13061" t="s">
        <v>29159</v>
      </c>
      <c r="E13061" t="s">
        <v>34663</v>
      </c>
      <c r="F13061">
        <v>4</v>
      </c>
      <c r="G13061" t="s">
        <v>0</v>
      </c>
      <c r="H13061" t="s">
        <v>29160</v>
      </c>
      <c r="I13061" t="s">
        <v>30540</v>
      </c>
    </row>
    <row r="13062" spans="1:9">
      <c r="A13062" s="1">
        <v>0.80844232110288727</v>
      </c>
      <c r="B13062" s="1"/>
      <c r="C13062">
        <v>20</v>
      </c>
      <c r="D13062" t="s">
        <v>29161</v>
      </c>
      <c r="E13062" t="s">
        <v>34663</v>
      </c>
      <c r="F13062">
        <v>4</v>
      </c>
      <c r="G13062" t="s">
        <v>0</v>
      </c>
      <c r="H13062" t="s">
        <v>29162</v>
      </c>
      <c r="I13062" t="s">
        <v>30540</v>
      </c>
    </row>
    <row r="13063" spans="1:9">
      <c r="A13063" s="1">
        <v>9.5373266812283641E-2</v>
      </c>
      <c r="B13063" s="1"/>
      <c r="C13063">
        <v>6</v>
      </c>
      <c r="D13063" t="s">
        <v>29151</v>
      </c>
      <c r="E13063" t="s">
        <v>34664</v>
      </c>
      <c r="F13063">
        <v>4</v>
      </c>
      <c r="G13063" t="s">
        <v>0</v>
      </c>
      <c r="H13063" t="s">
        <v>29152</v>
      </c>
      <c r="I13063" t="s">
        <v>30540</v>
      </c>
    </row>
    <row r="13064" spans="1:9">
      <c r="A13064" s="1">
        <v>0.63762869166710345</v>
      </c>
      <c r="B13064" s="1"/>
      <c r="C13064">
        <v>8</v>
      </c>
      <c r="D13064" t="s">
        <v>29153</v>
      </c>
      <c r="E13064" t="s">
        <v>34664</v>
      </c>
      <c r="F13064">
        <v>4</v>
      </c>
      <c r="G13064" t="s">
        <v>0</v>
      </c>
      <c r="H13064" t="s">
        <v>29154</v>
      </c>
      <c r="I13064" t="s">
        <v>30540</v>
      </c>
    </row>
    <row r="13065" spans="1:9">
      <c r="A13065" s="1">
        <v>0.91880076885028161</v>
      </c>
      <c r="B13065" s="1"/>
      <c r="C13065">
        <v>17</v>
      </c>
      <c r="D13065" t="s">
        <v>29157</v>
      </c>
      <c r="E13065" t="s">
        <v>34664</v>
      </c>
      <c r="F13065">
        <v>4</v>
      </c>
      <c r="G13065" t="s">
        <v>0</v>
      </c>
      <c r="H13065" t="s">
        <v>29158</v>
      </c>
      <c r="I13065" t="s">
        <v>30540</v>
      </c>
    </row>
    <row r="13066" spans="1:9">
      <c r="A13066" s="1">
        <v>0.7994051547331934</v>
      </c>
      <c r="B13066" s="1"/>
      <c r="C13066">
        <v>13</v>
      </c>
      <c r="D13066" t="s">
        <v>29155</v>
      </c>
      <c r="E13066" t="s">
        <v>34664</v>
      </c>
      <c r="F13066">
        <v>4</v>
      </c>
      <c r="G13066" t="s">
        <v>1</v>
      </c>
      <c r="H13066" t="s">
        <v>29156</v>
      </c>
      <c r="I13066" t="s">
        <v>30540</v>
      </c>
    </row>
    <row r="13067" spans="1:9">
      <c r="A13067" s="1">
        <v>0.13746485563757116</v>
      </c>
      <c r="B13067" s="1"/>
      <c r="C13067">
        <v>9</v>
      </c>
      <c r="D13067" t="s">
        <v>29147</v>
      </c>
      <c r="E13067" t="s">
        <v>34665</v>
      </c>
      <c r="F13067">
        <v>5</v>
      </c>
      <c r="G13067" t="s">
        <v>0</v>
      </c>
      <c r="H13067" t="s">
        <v>29148</v>
      </c>
      <c r="I13067" t="s">
        <v>30540</v>
      </c>
    </row>
    <row r="13068" spans="1:9">
      <c r="A13068" s="1">
        <v>0.9126243701126785</v>
      </c>
      <c r="B13068" s="1"/>
      <c r="C13068">
        <v>11</v>
      </c>
      <c r="D13068" t="s">
        <v>29149</v>
      </c>
      <c r="E13068" t="s">
        <v>34665</v>
      </c>
      <c r="F13068">
        <v>4</v>
      </c>
      <c r="G13068" t="s">
        <v>0</v>
      </c>
      <c r="H13068" t="s">
        <v>29150</v>
      </c>
      <c r="I13068" t="s">
        <v>30540</v>
      </c>
    </row>
    <row r="13069" spans="1:9">
      <c r="A13069" s="1">
        <v>0.66198094066071544</v>
      </c>
      <c r="B13069" s="1"/>
      <c r="C13069">
        <v>3</v>
      </c>
      <c r="D13069" t="s">
        <v>29145</v>
      </c>
      <c r="E13069" t="s">
        <v>34665</v>
      </c>
      <c r="F13069">
        <v>4</v>
      </c>
      <c r="G13069" t="s">
        <v>0</v>
      </c>
      <c r="H13069" t="s">
        <v>29146</v>
      </c>
      <c r="I13069" t="s">
        <v>30540</v>
      </c>
    </row>
    <row r="13070" spans="1:9">
      <c r="A13070" s="1">
        <v>0.2830455079338825</v>
      </c>
      <c r="B13070" s="1"/>
      <c r="C13070">
        <v>13</v>
      </c>
      <c r="D13070" t="s">
        <v>29139</v>
      </c>
      <c r="E13070" t="s">
        <v>34666</v>
      </c>
      <c r="F13070">
        <v>5</v>
      </c>
      <c r="G13070" t="s">
        <v>0</v>
      </c>
      <c r="H13070" t="s">
        <v>29140</v>
      </c>
      <c r="I13070" t="s">
        <v>30540</v>
      </c>
    </row>
    <row r="13071" spans="1:9">
      <c r="A13071" s="1">
        <v>0.19438945412624198</v>
      </c>
      <c r="B13071" s="1"/>
      <c r="C13071">
        <v>20</v>
      </c>
      <c r="D13071" t="s">
        <v>29143</v>
      </c>
      <c r="E13071" t="s">
        <v>34666</v>
      </c>
      <c r="F13071">
        <v>5</v>
      </c>
      <c r="G13071" t="s">
        <v>13</v>
      </c>
      <c r="H13071" t="s">
        <v>29144</v>
      </c>
      <c r="I13071" t="s">
        <v>30540</v>
      </c>
    </row>
    <row r="13072" spans="1:9">
      <c r="A13072" s="1">
        <v>0.52725501271691133</v>
      </c>
      <c r="B13072" s="1"/>
      <c r="C13072">
        <v>7</v>
      </c>
      <c r="D13072" t="s">
        <v>29133</v>
      </c>
      <c r="E13072" t="s">
        <v>34666</v>
      </c>
      <c r="F13072">
        <v>5</v>
      </c>
      <c r="G13072" t="s">
        <v>1</v>
      </c>
      <c r="H13072" t="s">
        <v>29134</v>
      </c>
      <c r="I13072" t="s">
        <v>30540</v>
      </c>
    </row>
    <row r="13073" spans="1:9">
      <c r="A13073" s="1">
        <v>1.884340006427887E-2</v>
      </c>
      <c r="B13073" s="1"/>
      <c r="C13073">
        <v>15</v>
      </c>
      <c r="D13073" t="s">
        <v>29141</v>
      </c>
      <c r="E13073" t="s">
        <v>34666</v>
      </c>
      <c r="F13073">
        <v>4</v>
      </c>
      <c r="G13073" t="s">
        <v>0</v>
      </c>
      <c r="H13073" t="s">
        <v>29142</v>
      </c>
      <c r="I13073" t="s">
        <v>30540</v>
      </c>
    </row>
    <row r="13074" spans="1:9">
      <c r="A13074" s="1">
        <v>0.32781557581522802</v>
      </c>
      <c r="B13074" s="1"/>
      <c r="C13074">
        <v>9</v>
      </c>
      <c r="D13074" t="s">
        <v>29137</v>
      </c>
      <c r="E13074" t="s">
        <v>34666</v>
      </c>
      <c r="F13074">
        <v>4</v>
      </c>
      <c r="G13074" t="s">
        <v>0</v>
      </c>
      <c r="H13074" t="s">
        <v>29138</v>
      </c>
      <c r="I13074" t="s">
        <v>30540</v>
      </c>
    </row>
    <row r="13075" spans="1:9">
      <c r="A13075" s="1">
        <v>0.15635949510827607</v>
      </c>
      <c r="B13075" s="1"/>
      <c r="C13075">
        <v>8</v>
      </c>
      <c r="D13075" t="s">
        <v>29135</v>
      </c>
      <c r="E13075" t="s">
        <v>34666</v>
      </c>
      <c r="F13075">
        <v>4</v>
      </c>
      <c r="G13075" t="s">
        <v>2</v>
      </c>
      <c r="H13075" t="s">
        <v>29136</v>
      </c>
      <c r="I13075" t="s">
        <v>30540</v>
      </c>
    </row>
    <row r="13076" spans="1:9">
      <c r="A13076" s="1">
        <v>0.77696636768682881</v>
      </c>
      <c r="B13076" s="1"/>
      <c r="C13076">
        <v>20</v>
      </c>
      <c r="D13076" t="s">
        <v>29131</v>
      </c>
      <c r="E13076" t="s">
        <v>34667</v>
      </c>
      <c r="F13076">
        <v>4</v>
      </c>
      <c r="G13076" t="s">
        <v>10</v>
      </c>
      <c r="H13076" t="s">
        <v>29132</v>
      </c>
      <c r="I13076" t="s">
        <v>30540</v>
      </c>
    </row>
    <row r="13077" spans="1:9">
      <c r="A13077" s="1">
        <v>0.66655980632762146</v>
      </c>
      <c r="B13077" s="1"/>
      <c r="C13077">
        <v>13</v>
      </c>
      <c r="D13077" t="s">
        <v>29129</v>
      </c>
      <c r="E13077" t="s">
        <v>34667</v>
      </c>
      <c r="F13077">
        <v>4</v>
      </c>
      <c r="G13077" t="s">
        <v>0</v>
      </c>
      <c r="H13077" t="s">
        <v>29130</v>
      </c>
      <c r="I13077" t="s">
        <v>30540</v>
      </c>
    </row>
    <row r="13078" spans="1:9">
      <c r="A13078" s="1">
        <v>4.7616148366078082E-2</v>
      </c>
      <c r="B13078" s="1"/>
      <c r="C13078">
        <v>10</v>
      </c>
      <c r="D13078" t="s">
        <v>29125</v>
      </c>
      <c r="E13078" t="s">
        <v>34668</v>
      </c>
      <c r="F13078">
        <v>5</v>
      </c>
      <c r="G13078" t="s">
        <v>0</v>
      </c>
      <c r="H13078" t="s">
        <v>29126</v>
      </c>
      <c r="I13078" t="s">
        <v>30540</v>
      </c>
    </row>
    <row r="13079" spans="1:9">
      <c r="A13079" s="1">
        <v>0.19007558321531259</v>
      </c>
      <c r="B13079" s="1"/>
      <c r="C13079">
        <v>15</v>
      </c>
      <c r="D13079" t="s">
        <v>29127</v>
      </c>
      <c r="E13079" t="s">
        <v>34668</v>
      </c>
      <c r="F13079">
        <v>4</v>
      </c>
      <c r="G13079" t="s">
        <v>0</v>
      </c>
      <c r="H13079" t="s">
        <v>29128</v>
      </c>
      <c r="I13079" t="s">
        <v>30540</v>
      </c>
    </row>
    <row r="13080" spans="1:9">
      <c r="A13080" s="1">
        <v>0.45230456845803513</v>
      </c>
      <c r="B13080" s="1"/>
      <c r="C13080">
        <v>9</v>
      </c>
      <c r="D13080" t="s">
        <v>29121</v>
      </c>
      <c r="E13080" t="s">
        <v>34669</v>
      </c>
      <c r="F13080">
        <v>4</v>
      </c>
      <c r="G13080" t="s">
        <v>0</v>
      </c>
      <c r="H13080" t="s">
        <v>29122</v>
      </c>
      <c r="I13080" t="s">
        <v>30540</v>
      </c>
    </row>
    <row r="13081" spans="1:9">
      <c r="A13081" s="1">
        <v>0.79294084274282317</v>
      </c>
      <c r="B13081" s="1"/>
      <c r="C13081">
        <v>12</v>
      </c>
      <c r="D13081" t="s">
        <v>29123</v>
      </c>
      <c r="E13081" t="s">
        <v>34669</v>
      </c>
      <c r="F13081">
        <v>4</v>
      </c>
      <c r="G13081" t="s">
        <v>0</v>
      </c>
      <c r="H13081" t="s">
        <v>29124</v>
      </c>
      <c r="I13081" t="s">
        <v>30540</v>
      </c>
    </row>
    <row r="13082" spans="1:9">
      <c r="A13082" s="1">
        <v>0.69615650964726983</v>
      </c>
      <c r="B13082" s="1"/>
      <c r="C13082">
        <v>3</v>
      </c>
      <c r="D13082" t="s">
        <v>29119</v>
      </c>
      <c r="E13082" t="s">
        <v>34669</v>
      </c>
      <c r="F13082">
        <v>4</v>
      </c>
      <c r="G13082" t="s">
        <v>0</v>
      </c>
      <c r="H13082" t="s">
        <v>29120</v>
      </c>
      <c r="I13082" t="s">
        <v>30540</v>
      </c>
    </row>
    <row r="13083" spans="1:9">
      <c r="A13083" s="1">
        <v>0.42143056861422468</v>
      </c>
      <c r="B13083" s="1"/>
      <c r="C13083">
        <v>6</v>
      </c>
      <c r="D13083" t="s">
        <v>29115</v>
      </c>
      <c r="E13083" t="s">
        <v>34670</v>
      </c>
      <c r="F13083">
        <v>4</v>
      </c>
      <c r="G13083" t="s">
        <v>14</v>
      </c>
      <c r="H13083" t="s">
        <v>29116</v>
      </c>
      <c r="I13083" t="s">
        <v>30540</v>
      </c>
    </row>
    <row r="13084" spans="1:9">
      <c r="A13084" s="1">
        <v>0.46742073041802801</v>
      </c>
      <c r="B13084" s="1"/>
      <c r="C13084">
        <v>13</v>
      </c>
      <c r="D13084" t="s">
        <v>29117</v>
      </c>
      <c r="E13084" t="s">
        <v>34670</v>
      </c>
      <c r="F13084">
        <v>4</v>
      </c>
      <c r="G13084" t="s">
        <v>0</v>
      </c>
      <c r="H13084" t="s">
        <v>29118</v>
      </c>
      <c r="I13084" t="s">
        <v>30540</v>
      </c>
    </row>
    <row r="13085" spans="1:9">
      <c r="A13085" s="1">
        <v>0.90754211434247956</v>
      </c>
      <c r="B13085" s="1"/>
      <c r="C13085">
        <v>2</v>
      </c>
      <c r="D13085" t="s">
        <v>29113</v>
      </c>
      <c r="E13085" t="s">
        <v>34670</v>
      </c>
      <c r="F13085">
        <v>4</v>
      </c>
      <c r="G13085" t="s">
        <v>0</v>
      </c>
      <c r="H13085" t="s">
        <v>29114</v>
      </c>
      <c r="I13085" t="s">
        <v>30540</v>
      </c>
    </row>
    <row r="13086" spans="1:9">
      <c r="A13086" s="1">
        <v>5.340569566045672E-3</v>
      </c>
      <c r="B13086" s="1"/>
      <c r="C13086">
        <v>13</v>
      </c>
      <c r="D13086" t="s">
        <v>29109</v>
      </c>
      <c r="E13086" t="s">
        <v>34671</v>
      </c>
      <c r="F13086">
        <v>5</v>
      </c>
      <c r="G13086" t="s">
        <v>0</v>
      </c>
      <c r="H13086" t="s">
        <v>29110</v>
      </c>
      <c r="I13086" t="s">
        <v>30540</v>
      </c>
    </row>
    <row r="13087" spans="1:9">
      <c r="A13087" s="1">
        <v>0.48586238134226467</v>
      </c>
      <c r="B13087" s="1"/>
      <c r="C13087">
        <v>9</v>
      </c>
      <c r="D13087" t="s">
        <v>29105</v>
      </c>
      <c r="E13087" t="s">
        <v>34671</v>
      </c>
      <c r="F13087">
        <v>5</v>
      </c>
      <c r="G13087" t="s">
        <v>0</v>
      </c>
      <c r="H13087" t="s">
        <v>29106</v>
      </c>
      <c r="I13087" t="s">
        <v>30540</v>
      </c>
    </row>
    <row r="13088" spans="1:9">
      <c r="A13088" s="1">
        <v>3.4500973209460439E-2</v>
      </c>
      <c r="B13088" s="1"/>
      <c r="C13088">
        <v>14</v>
      </c>
      <c r="D13088" t="s">
        <v>29111</v>
      </c>
      <c r="E13088" t="s">
        <v>34671</v>
      </c>
      <c r="F13088">
        <v>4</v>
      </c>
      <c r="G13088" t="s">
        <v>0</v>
      </c>
      <c r="H13088" t="s">
        <v>29112</v>
      </c>
      <c r="I13088" t="s">
        <v>30540</v>
      </c>
    </row>
    <row r="13089" spans="1:9">
      <c r="A13089" s="1">
        <v>4.2118626540701865E-2</v>
      </c>
      <c r="B13089" s="1"/>
      <c r="C13089">
        <v>12</v>
      </c>
      <c r="D13089" t="s">
        <v>29107</v>
      </c>
      <c r="E13089" t="s">
        <v>34671</v>
      </c>
      <c r="F13089">
        <v>4</v>
      </c>
      <c r="G13089" t="s">
        <v>0</v>
      </c>
      <c r="H13089" t="s">
        <v>29108</v>
      </c>
      <c r="I13089" t="s">
        <v>30540</v>
      </c>
    </row>
    <row r="13090" spans="1:9">
      <c r="A13090" s="1">
        <v>0.81657066567546277</v>
      </c>
      <c r="B13090" s="1"/>
      <c r="C13090">
        <v>6</v>
      </c>
      <c r="D13090" t="s">
        <v>29103</v>
      </c>
      <c r="E13090" t="s">
        <v>34671</v>
      </c>
      <c r="F13090">
        <v>4</v>
      </c>
      <c r="G13090" t="s">
        <v>9</v>
      </c>
      <c r="H13090" t="s">
        <v>29104</v>
      </c>
      <c r="I13090" t="s">
        <v>30540</v>
      </c>
    </row>
    <row r="13091" spans="1:9">
      <c r="A13091" s="1">
        <v>0.18206353214735638</v>
      </c>
      <c r="B13091" s="1"/>
      <c r="C13091">
        <v>20</v>
      </c>
      <c r="D13091" t="s">
        <v>29101</v>
      </c>
      <c r="E13091" t="s">
        <v>34672</v>
      </c>
      <c r="F13091">
        <v>4</v>
      </c>
      <c r="G13091" t="s">
        <v>0</v>
      </c>
      <c r="H13091" t="s">
        <v>29102</v>
      </c>
      <c r="I13091" t="s">
        <v>30540</v>
      </c>
    </row>
    <row r="13092" spans="1:9">
      <c r="A13092" s="1">
        <v>0.66585651593645501</v>
      </c>
      <c r="B13092" s="1"/>
      <c r="C13092">
        <v>14</v>
      </c>
      <c r="D13092" t="s">
        <v>29099</v>
      </c>
      <c r="E13092" t="s">
        <v>34673</v>
      </c>
      <c r="F13092">
        <v>4</v>
      </c>
      <c r="G13092" t="s">
        <v>1</v>
      </c>
      <c r="H13092" t="s">
        <v>29100</v>
      </c>
      <c r="I13092" t="s">
        <v>30540</v>
      </c>
    </row>
    <row r="13093" spans="1:9">
      <c r="A13093" s="1">
        <v>0.909001792841311</v>
      </c>
      <c r="B13093" s="1"/>
      <c r="C13093">
        <v>12</v>
      </c>
      <c r="D13093" t="s">
        <v>29097</v>
      </c>
      <c r="E13093" t="s">
        <v>34673</v>
      </c>
      <c r="F13093">
        <v>4</v>
      </c>
      <c r="G13093" t="s">
        <v>0</v>
      </c>
      <c r="H13093" t="s">
        <v>29098</v>
      </c>
      <c r="I13093" t="s">
        <v>30540</v>
      </c>
    </row>
    <row r="13094" spans="1:9">
      <c r="A13094" s="1">
        <v>0.73510340302971788</v>
      </c>
      <c r="B13094" s="1"/>
      <c r="C13094">
        <v>2</v>
      </c>
      <c r="D13094" t="s">
        <v>29093</v>
      </c>
      <c r="E13094" t="s">
        <v>34673</v>
      </c>
      <c r="F13094">
        <v>3</v>
      </c>
      <c r="G13094" t="s">
        <v>2</v>
      </c>
      <c r="H13094" t="s">
        <v>29094</v>
      </c>
      <c r="I13094" t="s">
        <v>30540</v>
      </c>
    </row>
    <row r="13095" spans="1:9">
      <c r="A13095" s="1">
        <v>0.14254686090537882</v>
      </c>
      <c r="B13095" s="1"/>
      <c r="C13095">
        <v>1</v>
      </c>
      <c r="D13095" t="s">
        <v>29083</v>
      </c>
      <c r="E13095" t="s">
        <v>34674</v>
      </c>
      <c r="F13095">
        <v>5</v>
      </c>
      <c r="G13095" t="s">
        <v>1</v>
      </c>
      <c r="H13095" t="s">
        <v>29084</v>
      </c>
      <c r="I13095" t="s">
        <v>30540</v>
      </c>
    </row>
    <row r="13096" spans="1:9">
      <c r="A13096" s="1">
        <v>0.87925034159079385</v>
      </c>
      <c r="B13096" s="1"/>
      <c r="C13096">
        <v>14</v>
      </c>
      <c r="D13096" t="s">
        <v>29087</v>
      </c>
      <c r="E13096" t="s">
        <v>34674</v>
      </c>
      <c r="F13096">
        <v>5</v>
      </c>
      <c r="G13096" t="s">
        <v>0</v>
      </c>
      <c r="H13096" t="s">
        <v>29088</v>
      </c>
      <c r="I13096" t="s">
        <v>30540</v>
      </c>
    </row>
    <row r="13097" spans="1:9">
      <c r="A13097" s="1">
        <v>0.53125951952078998</v>
      </c>
      <c r="B13097" s="1"/>
      <c r="C13097">
        <v>8</v>
      </c>
      <c r="D13097" t="s">
        <v>29085</v>
      </c>
      <c r="E13097" t="s">
        <v>34674</v>
      </c>
      <c r="F13097">
        <v>4</v>
      </c>
      <c r="G13097" t="s">
        <v>0</v>
      </c>
      <c r="H13097" t="s">
        <v>29086</v>
      </c>
      <c r="I13097" t="s">
        <v>30540</v>
      </c>
    </row>
    <row r="13098" spans="1:9">
      <c r="A13098" s="1">
        <v>0.47768749894566431</v>
      </c>
      <c r="B13098" s="1"/>
      <c r="C13098">
        <v>16</v>
      </c>
      <c r="D13098" t="s">
        <v>29091</v>
      </c>
      <c r="E13098" t="s">
        <v>34674</v>
      </c>
      <c r="F13098">
        <v>4</v>
      </c>
      <c r="G13098" t="s">
        <v>9</v>
      </c>
      <c r="H13098" t="s">
        <v>29092</v>
      </c>
      <c r="I13098" t="s">
        <v>30540</v>
      </c>
    </row>
    <row r="13099" spans="1:9">
      <c r="A13099" s="1">
        <v>0.70357352666113171</v>
      </c>
      <c r="B13099" s="1"/>
      <c r="C13099">
        <v>17</v>
      </c>
      <c r="D13099" t="s">
        <v>29077</v>
      </c>
      <c r="E13099" t="s">
        <v>34675</v>
      </c>
      <c r="F13099">
        <v>4</v>
      </c>
      <c r="G13099" t="s">
        <v>14</v>
      </c>
      <c r="H13099" t="s">
        <v>29078</v>
      </c>
      <c r="I13099" t="s">
        <v>30540</v>
      </c>
    </row>
    <row r="13100" spans="1:9">
      <c r="A13100" s="1">
        <v>0.1818771613761021</v>
      </c>
      <c r="B13100" s="1"/>
      <c r="C13100">
        <v>19</v>
      </c>
      <c r="D13100" t="s">
        <v>29081</v>
      </c>
      <c r="E13100" t="s">
        <v>34675</v>
      </c>
      <c r="F13100">
        <v>4</v>
      </c>
      <c r="G13100" t="s">
        <v>0</v>
      </c>
      <c r="H13100" t="s">
        <v>29082</v>
      </c>
      <c r="I13100" t="s">
        <v>30540</v>
      </c>
    </row>
    <row r="13101" spans="1:9">
      <c r="A13101" s="1">
        <v>0.14294999728695379</v>
      </c>
      <c r="B13101" s="1"/>
      <c r="C13101">
        <v>5</v>
      </c>
      <c r="D13101" t="s">
        <v>29075</v>
      </c>
      <c r="E13101" t="s">
        <v>34675</v>
      </c>
      <c r="F13101">
        <v>4</v>
      </c>
      <c r="G13101" t="s">
        <v>10</v>
      </c>
      <c r="H13101" t="s">
        <v>29076</v>
      </c>
      <c r="I13101" t="s">
        <v>30540</v>
      </c>
    </row>
    <row r="13102" spans="1:9">
      <c r="A13102" s="1">
        <v>0.55272348659714354</v>
      </c>
      <c r="B13102" s="1"/>
      <c r="C13102">
        <v>18</v>
      </c>
      <c r="D13102" t="s">
        <v>29079</v>
      </c>
      <c r="E13102" t="s">
        <v>34675</v>
      </c>
      <c r="F13102">
        <v>3</v>
      </c>
      <c r="G13102" t="s">
        <v>1</v>
      </c>
      <c r="H13102" t="s">
        <v>29080</v>
      </c>
      <c r="I13102" t="s">
        <v>30540</v>
      </c>
    </row>
    <row r="13103" spans="1:9">
      <c r="A13103" s="1">
        <v>0.85775778509373468</v>
      </c>
      <c r="B13103" s="1"/>
      <c r="C13103">
        <v>4</v>
      </c>
      <c r="D13103" t="s">
        <v>29073</v>
      </c>
      <c r="E13103" t="s">
        <v>34675</v>
      </c>
      <c r="F13103">
        <v>3</v>
      </c>
      <c r="G13103" t="s">
        <v>0</v>
      </c>
      <c r="H13103" t="s">
        <v>29074</v>
      </c>
      <c r="I13103" t="s">
        <v>30540</v>
      </c>
    </row>
    <row r="13104" spans="1:9">
      <c r="A13104" s="1">
        <v>0.81576919578317864</v>
      </c>
      <c r="B13104" s="1"/>
      <c r="C13104">
        <v>10</v>
      </c>
      <c r="D13104" t="s">
        <v>29067</v>
      </c>
      <c r="E13104" t="s">
        <v>34676</v>
      </c>
      <c r="F13104">
        <v>5</v>
      </c>
      <c r="G13104" t="s">
        <v>0</v>
      </c>
      <c r="H13104" t="s">
        <v>29068</v>
      </c>
      <c r="I13104" t="s">
        <v>30540</v>
      </c>
    </row>
    <row r="13105" spans="1:9">
      <c r="A13105" s="1">
        <v>0.51444134931548691</v>
      </c>
      <c r="B13105" s="1"/>
      <c r="C13105">
        <v>14</v>
      </c>
      <c r="D13105" t="s">
        <v>29069</v>
      </c>
      <c r="E13105" t="s">
        <v>34676</v>
      </c>
      <c r="F13105">
        <v>5</v>
      </c>
      <c r="G13105" t="s">
        <v>0</v>
      </c>
      <c r="H13105" t="s">
        <v>29070</v>
      </c>
      <c r="I13105" t="s">
        <v>30540</v>
      </c>
    </row>
    <row r="13106" spans="1:9">
      <c r="A13106" s="1">
        <v>0.58477754200677912</v>
      </c>
      <c r="B13106" s="1"/>
      <c r="C13106">
        <v>15</v>
      </c>
      <c r="D13106" t="s">
        <v>29071</v>
      </c>
      <c r="E13106" t="s">
        <v>34676</v>
      </c>
      <c r="F13106">
        <v>5</v>
      </c>
      <c r="G13106" t="s">
        <v>0</v>
      </c>
      <c r="H13106" t="s">
        <v>29072</v>
      </c>
      <c r="I13106" t="s">
        <v>30540</v>
      </c>
    </row>
    <row r="13107" spans="1:9">
      <c r="A13107" s="1">
        <v>0.15471173823896289</v>
      </c>
      <c r="B13107" s="1"/>
      <c r="C13107">
        <v>8</v>
      </c>
      <c r="D13107" t="s">
        <v>29065</v>
      </c>
      <c r="E13107" t="s">
        <v>34676</v>
      </c>
      <c r="F13107">
        <v>5</v>
      </c>
      <c r="G13107" t="s">
        <v>1</v>
      </c>
      <c r="H13107" t="s">
        <v>29066</v>
      </c>
      <c r="I13107" t="s">
        <v>30540</v>
      </c>
    </row>
    <row r="13108" spans="1:9">
      <c r="A13108" s="1">
        <v>0.52879562802360092</v>
      </c>
      <c r="B13108" s="1"/>
      <c r="C13108">
        <v>5</v>
      </c>
      <c r="D13108" t="s">
        <v>29053</v>
      </c>
      <c r="E13108" t="s">
        <v>34677</v>
      </c>
      <c r="F13108">
        <v>5</v>
      </c>
      <c r="G13108" t="s">
        <v>13</v>
      </c>
      <c r="H13108" t="s">
        <v>29054</v>
      </c>
      <c r="I13108" t="s">
        <v>30540</v>
      </c>
    </row>
    <row r="13109" spans="1:9">
      <c r="A13109" s="1">
        <v>0.31273111646504737</v>
      </c>
      <c r="B13109" s="1"/>
      <c r="C13109">
        <v>17</v>
      </c>
      <c r="D13109" t="s">
        <v>29063</v>
      </c>
      <c r="E13109" t="s">
        <v>34677</v>
      </c>
      <c r="F13109">
        <v>5</v>
      </c>
      <c r="G13109" t="s">
        <v>13</v>
      </c>
      <c r="H13109" t="s">
        <v>29064</v>
      </c>
      <c r="I13109" t="s">
        <v>30540</v>
      </c>
    </row>
    <row r="13110" spans="1:9">
      <c r="A13110" s="1">
        <v>0.36340749000361294</v>
      </c>
      <c r="B13110" s="1"/>
      <c r="C13110">
        <v>3</v>
      </c>
      <c r="D13110" t="s">
        <v>29051</v>
      </c>
      <c r="E13110" t="s">
        <v>34677</v>
      </c>
      <c r="F13110">
        <v>5</v>
      </c>
      <c r="G13110" t="s">
        <v>1</v>
      </c>
      <c r="H13110" t="s">
        <v>29052</v>
      </c>
      <c r="I13110" t="s">
        <v>30540</v>
      </c>
    </row>
    <row r="13111" spans="1:9">
      <c r="A13111" s="1">
        <v>0.56712483184273299</v>
      </c>
      <c r="B13111" s="1"/>
      <c r="C13111">
        <v>11</v>
      </c>
      <c r="D13111" t="s">
        <v>29055</v>
      </c>
      <c r="E13111" t="s">
        <v>34677</v>
      </c>
      <c r="F13111">
        <v>4</v>
      </c>
      <c r="G13111" t="s">
        <v>15</v>
      </c>
      <c r="H13111" t="s">
        <v>29056</v>
      </c>
      <c r="I13111" t="s">
        <v>30540</v>
      </c>
    </row>
    <row r="13112" spans="1:9">
      <c r="A13112" s="1">
        <v>0.52274240643536352</v>
      </c>
      <c r="B13112" s="1"/>
      <c r="C13112">
        <v>12</v>
      </c>
      <c r="D13112" t="s">
        <v>29057</v>
      </c>
      <c r="E13112" t="s">
        <v>34677</v>
      </c>
      <c r="F13112">
        <v>4</v>
      </c>
      <c r="G13112" t="s">
        <v>15</v>
      </c>
      <c r="H13112" t="s">
        <v>29058</v>
      </c>
      <c r="I13112" t="s">
        <v>30540</v>
      </c>
    </row>
    <row r="13113" spans="1:9">
      <c r="A13113" s="1">
        <v>0.67598996435147585</v>
      </c>
      <c r="B13113" s="1"/>
      <c r="C13113">
        <v>16</v>
      </c>
      <c r="D13113" t="s">
        <v>29061</v>
      </c>
      <c r="E13113" t="s">
        <v>34677</v>
      </c>
      <c r="F13113">
        <v>4</v>
      </c>
      <c r="G13113" t="s">
        <v>14</v>
      </c>
      <c r="H13113" t="s">
        <v>29062</v>
      </c>
      <c r="I13113" t="s">
        <v>30540</v>
      </c>
    </row>
    <row r="13114" spans="1:9">
      <c r="A13114" s="1">
        <v>0.45558785233087074</v>
      </c>
      <c r="B13114" s="1"/>
      <c r="C13114">
        <v>2</v>
      </c>
      <c r="D13114" t="s">
        <v>29049</v>
      </c>
      <c r="E13114" t="s">
        <v>34677</v>
      </c>
      <c r="F13114">
        <v>4</v>
      </c>
      <c r="G13114" t="s">
        <v>10</v>
      </c>
      <c r="H13114" t="s">
        <v>29050</v>
      </c>
      <c r="I13114" t="s">
        <v>30540</v>
      </c>
    </row>
    <row r="13115" spans="1:9">
      <c r="A13115" s="1">
        <v>8.9481650688998382E-3</v>
      </c>
      <c r="B13115" s="1"/>
      <c r="C13115">
        <v>17</v>
      </c>
      <c r="D13115" t="s">
        <v>29047</v>
      </c>
      <c r="E13115" t="s">
        <v>34678</v>
      </c>
      <c r="F13115">
        <v>4</v>
      </c>
      <c r="G13115" t="s">
        <v>13</v>
      </c>
      <c r="H13115" t="s">
        <v>29048</v>
      </c>
      <c r="I13115" t="s">
        <v>30540</v>
      </c>
    </row>
    <row r="13116" spans="1:9">
      <c r="A13116" s="1">
        <v>0.56152950112646383</v>
      </c>
      <c r="B13116" s="1"/>
      <c r="C13116">
        <v>14</v>
      </c>
      <c r="D13116" t="s">
        <v>29045</v>
      </c>
      <c r="E13116" t="s">
        <v>34678</v>
      </c>
      <c r="F13116">
        <v>4</v>
      </c>
      <c r="G13116" t="s">
        <v>0</v>
      </c>
      <c r="H13116" t="s">
        <v>29046</v>
      </c>
      <c r="I13116" t="s">
        <v>30540</v>
      </c>
    </row>
    <row r="13117" spans="1:9">
      <c r="A13117" s="1">
        <v>5.9180096086674405E-2</v>
      </c>
      <c r="B13117" s="1"/>
      <c r="C13117">
        <v>11</v>
      </c>
      <c r="D13117" t="s">
        <v>29043</v>
      </c>
      <c r="E13117" t="s">
        <v>34678</v>
      </c>
      <c r="F13117">
        <v>4</v>
      </c>
      <c r="G13117" t="s">
        <v>13</v>
      </c>
      <c r="H13117" t="s">
        <v>29044</v>
      </c>
      <c r="I13117" t="s">
        <v>30540</v>
      </c>
    </row>
    <row r="13118" spans="1:9">
      <c r="A13118" s="1">
        <v>0.43979368190351775</v>
      </c>
      <c r="B13118" s="1"/>
      <c r="C13118">
        <v>13</v>
      </c>
      <c r="D13118" t="s">
        <v>29041</v>
      </c>
      <c r="E13118" t="s">
        <v>34679</v>
      </c>
      <c r="F13118">
        <v>4</v>
      </c>
      <c r="G13118" t="s">
        <v>0</v>
      </c>
      <c r="H13118" t="s">
        <v>29042</v>
      </c>
      <c r="I13118" t="s">
        <v>30540</v>
      </c>
    </row>
    <row r="13119" spans="1:9">
      <c r="A13119" s="1">
        <v>0.29157859644099748</v>
      </c>
      <c r="B13119" s="1"/>
      <c r="C13119">
        <v>8</v>
      </c>
      <c r="D13119" t="s">
        <v>29039</v>
      </c>
      <c r="E13119" t="s">
        <v>34679</v>
      </c>
      <c r="F13119">
        <v>4</v>
      </c>
      <c r="G13119" t="s">
        <v>0</v>
      </c>
      <c r="H13119" t="s">
        <v>29040</v>
      </c>
      <c r="I13119" t="s">
        <v>30540</v>
      </c>
    </row>
    <row r="13120" spans="1:9">
      <c r="A13120" s="1">
        <v>0.47161980384348468</v>
      </c>
      <c r="B13120" s="1"/>
      <c r="C13120">
        <v>1</v>
      </c>
      <c r="D13120" t="s">
        <v>29029</v>
      </c>
      <c r="E13120" t="s">
        <v>34680</v>
      </c>
      <c r="F13120">
        <v>5</v>
      </c>
      <c r="G13120" t="s">
        <v>0</v>
      </c>
      <c r="H13120" t="s">
        <v>29030</v>
      </c>
      <c r="I13120" t="s">
        <v>30540</v>
      </c>
    </row>
    <row r="13121" spans="1:9">
      <c r="A13121" s="1">
        <v>0.70946473975486302</v>
      </c>
      <c r="B13121" s="1"/>
      <c r="C13121">
        <v>3</v>
      </c>
      <c r="D13121" t="s">
        <v>29031</v>
      </c>
      <c r="E13121" t="s">
        <v>34680</v>
      </c>
      <c r="F13121">
        <v>4</v>
      </c>
      <c r="G13121" t="s">
        <v>15</v>
      </c>
      <c r="H13121" t="s">
        <v>29032</v>
      </c>
      <c r="I13121" t="s">
        <v>30540</v>
      </c>
    </row>
    <row r="13122" spans="1:9">
      <c r="A13122" s="1">
        <v>0.76568545736811322</v>
      </c>
      <c r="B13122" s="1"/>
      <c r="C13122">
        <v>4</v>
      </c>
      <c r="D13122" t="s">
        <v>29033</v>
      </c>
      <c r="E13122" t="s">
        <v>34680</v>
      </c>
      <c r="F13122">
        <v>4</v>
      </c>
      <c r="G13122" t="s">
        <v>2</v>
      </c>
      <c r="H13122" t="s">
        <v>29034</v>
      </c>
      <c r="I13122" t="s">
        <v>30540</v>
      </c>
    </row>
    <row r="13123" spans="1:9">
      <c r="A13123" s="1">
        <v>0.37628256783416392</v>
      </c>
      <c r="B13123" s="1"/>
      <c r="C13123">
        <v>17</v>
      </c>
      <c r="D13123" t="s">
        <v>29025</v>
      </c>
      <c r="E13123" t="s">
        <v>34681</v>
      </c>
      <c r="F13123">
        <v>5</v>
      </c>
      <c r="G13123" t="s">
        <v>0</v>
      </c>
      <c r="H13123" t="s">
        <v>29026</v>
      </c>
      <c r="I13123" t="s">
        <v>30540</v>
      </c>
    </row>
    <row r="13124" spans="1:9">
      <c r="A13124" s="1">
        <v>0.7398478803621078</v>
      </c>
      <c r="B13124" s="1"/>
      <c r="C13124">
        <v>6</v>
      </c>
      <c r="D13124" t="s">
        <v>29019</v>
      </c>
      <c r="E13124" t="s">
        <v>34681</v>
      </c>
      <c r="F13124">
        <v>4</v>
      </c>
      <c r="G13124" t="s">
        <v>10</v>
      </c>
      <c r="H13124" t="s">
        <v>29020</v>
      </c>
      <c r="I13124" t="s">
        <v>30540</v>
      </c>
    </row>
    <row r="13125" spans="1:9">
      <c r="A13125" s="1">
        <v>0.50359536702712282</v>
      </c>
      <c r="B13125" s="1"/>
      <c r="C13125">
        <v>10</v>
      </c>
      <c r="D13125" t="s">
        <v>29023</v>
      </c>
      <c r="E13125" t="s">
        <v>34681</v>
      </c>
      <c r="F13125">
        <v>4</v>
      </c>
      <c r="G13125" t="s">
        <v>0</v>
      </c>
      <c r="H13125" t="s">
        <v>29024</v>
      </c>
      <c r="I13125" t="s">
        <v>30540</v>
      </c>
    </row>
    <row r="13126" spans="1:9">
      <c r="A13126" s="1">
        <v>0.19984182601016176</v>
      </c>
      <c r="B13126" s="1"/>
      <c r="C13126">
        <v>18</v>
      </c>
      <c r="D13126" t="s">
        <v>29027</v>
      </c>
      <c r="E13126" t="s">
        <v>34681</v>
      </c>
      <c r="F13126">
        <v>4</v>
      </c>
      <c r="G13126" t="s">
        <v>0</v>
      </c>
      <c r="H13126" t="s">
        <v>29028</v>
      </c>
      <c r="I13126" t="s">
        <v>30540</v>
      </c>
    </row>
    <row r="13127" spans="1:9">
      <c r="A13127" s="1">
        <v>0.19507165235750057</v>
      </c>
      <c r="B13127" s="1"/>
      <c r="C13127">
        <v>15</v>
      </c>
      <c r="D13127" t="s">
        <v>29017</v>
      </c>
      <c r="E13127" t="s">
        <v>34682</v>
      </c>
      <c r="F13127">
        <v>3</v>
      </c>
      <c r="G13127" t="s">
        <v>0</v>
      </c>
      <c r="H13127" t="s">
        <v>29018</v>
      </c>
      <c r="I13127" t="s">
        <v>30540</v>
      </c>
    </row>
    <row r="13128" spans="1:9">
      <c r="A13128" s="1">
        <v>0.48164830888955501</v>
      </c>
      <c r="B13128" s="1"/>
      <c r="C13128">
        <v>10</v>
      </c>
      <c r="D13128" t="s">
        <v>29001</v>
      </c>
      <c r="E13128" t="s">
        <v>34683</v>
      </c>
      <c r="F13128">
        <v>4</v>
      </c>
      <c r="G13128" t="s">
        <v>0</v>
      </c>
      <c r="H13128" t="s">
        <v>29002</v>
      </c>
      <c r="I13128" t="s">
        <v>30540</v>
      </c>
    </row>
    <row r="13129" spans="1:9">
      <c r="A13129" s="1">
        <v>0.70429362472673507</v>
      </c>
      <c r="B13129" s="1"/>
      <c r="C13129">
        <v>18</v>
      </c>
      <c r="D13129" t="s">
        <v>29007</v>
      </c>
      <c r="E13129" t="s">
        <v>34683</v>
      </c>
      <c r="F13129">
        <v>4</v>
      </c>
      <c r="G13129" t="s">
        <v>0</v>
      </c>
      <c r="H13129" t="s">
        <v>29008</v>
      </c>
      <c r="I13129" t="s">
        <v>30540</v>
      </c>
    </row>
    <row r="13130" spans="1:9">
      <c r="A13130" s="1">
        <v>4.8896876574633263E-2</v>
      </c>
      <c r="B13130" s="1"/>
      <c r="C13130">
        <v>15</v>
      </c>
      <c r="D13130" t="s">
        <v>29005</v>
      </c>
      <c r="E13130" t="s">
        <v>34683</v>
      </c>
      <c r="F13130">
        <v>3</v>
      </c>
      <c r="G13130" t="s">
        <v>0</v>
      </c>
      <c r="H13130" t="s">
        <v>29006</v>
      </c>
      <c r="I13130" t="s">
        <v>30540</v>
      </c>
    </row>
    <row r="13131" spans="1:9">
      <c r="A13131" s="1">
        <v>0.17615839490434382</v>
      </c>
      <c r="B13131" s="1"/>
      <c r="C13131">
        <v>6</v>
      </c>
      <c r="D13131" t="s">
        <v>28997</v>
      </c>
      <c r="E13131" t="s">
        <v>34684</v>
      </c>
      <c r="F13131">
        <v>3</v>
      </c>
      <c r="G13131" t="s">
        <v>0</v>
      </c>
      <c r="H13131" t="s">
        <v>28998</v>
      </c>
      <c r="I13131" t="s">
        <v>30540</v>
      </c>
    </row>
    <row r="13132" spans="1:9">
      <c r="A13132" s="1">
        <v>0.5139236680983168</v>
      </c>
      <c r="B13132" s="1"/>
      <c r="C13132">
        <v>16</v>
      </c>
      <c r="D13132" t="s">
        <v>28991</v>
      </c>
      <c r="E13132" t="s">
        <v>34685</v>
      </c>
      <c r="F13132">
        <v>5</v>
      </c>
      <c r="G13132" t="s">
        <v>0</v>
      </c>
      <c r="H13132" t="s">
        <v>28992</v>
      </c>
      <c r="I13132" t="s">
        <v>30540</v>
      </c>
    </row>
    <row r="13133" spans="1:9">
      <c r="A13133" s="1">
        <v>0.14540490098524428</v>
      </c>
      <c r="B13133" s="1"/>
      <c r="C13133">
        <v>2</v>
      </c>
      <c r="D13133" t="s">
        <v>28985</v>
      </c>
      <c r="E13133" t="s">
        <v>34685</v>
      </c>
      <c r="F13133">
        <v>5</v>
      </c>
      <c r="G13133" t="s">
        <v>10</v>
      </c>
      <c r="H13133" t="s">
        <v>28986</v>
      </c>
      <c r="I13133" t="s">
        <v>30540</v>
      </c>
    </row>
    <row r="13134" spans="1:9">
      <c r="A13134" s="1">
        <v>3.9171106977973214E-3</v>
      </c>
      <c r="B13134" s="1"/>
      <c r="C13134">
        <v>9</v>
      </c>
      <c r="D13134" t="s">
        <v>28987</v>
      </c>
      <c r="E13134" t="s">
        <v>34685</v>
      </c>
      <c r="F13134">
        <v>4</v>
      </c>
      <c r="G13134" t="s">
        <v>0</v>
      </c>
      <c r="H13134" t="s">
        <v>28988</v>
      </c>
      <c r="I13134" t="s">
        <v>30540</v>
      </c>
    </row>
    <row r="13135" spans="1:9">
      <c r="A13135" s="1">
        <v>0.32156086667127515</v>
      </c>
      <c r="B13135" s="1"/>
      <c r="C13135">
        <v>20</v>
      </c>
      <c r="D13135" t="s">
        <v>28995</v>
      </c>
      <c r="E13135" t="s">
        <v>34685</v>
      </c>
      <c r="F13135">
        <v>4</v>
      </c>
      <c r="G13135" t="s">
        <v>0</v>
      </c>
      <c r="H13135" t="s">
        <v>28996</v>
      </c>
      <c r="I13135" t="s">
        <v>30540</v>
      </c>
    </row>
    <row r="13136" spans="1:9">
      <c r="A13136" s="1">
        <v>0.12055288402038089</v>
      </c>
      <c r="B13136" s="1"/>
      <c r="C13136">
        <v>17</v>
      </c>
      <c r="D13136" t="s">
        <v>28993</v>
      </c>
      <c r="E13136" t="s">
        <v>34685</v>
      </c>
      <c r="F13136">
        <v>4</v>
      </c>
      <c r="G13136" t="s">
        <v>14</v>
      </c>
      <c r="H13136" t="s">
        <v>28994</v>
      </c>
      <c r="I13136" t="s">
        <v>30540</v>
      </c>
    </row>
    <row r="13137" spans="1:9">
      <c r="A13137" s="1">
        <v>0.38172478399551979</v>
      </c>
      <c r="B13137" s="1"/>
      <c r="C13137">
        <v>10</v>
      </c>
      <c r="D13137" t="s">
        <v>28989</v>
      </c>
      <c r="E13137" t="s">
        <v>34685</v>
      </c>
      <c r="F13137">
        <v>4</v>
      </c>
      <c r="G13137" t="s">
        <v>15</v>
      </c>
      <c r="H13137" t="s">
        <v>28990</v>
      </c>
      <c r="I13137" t="s">
        <v>30540</v>
      </c>
    </row>
    <row r="13138" spans="1:9">
      <c r="A13138" s="1">
        <v>0.77556757972197221</v>
      </c>
      <c r="B13138" s="1"/>
      <c r="C13138">
        <v>1</v>
      </c>
      <c r="D13138" t="s">
        <v>28981</v>
      </c>
      <c r="E13138" t="s">
        <v>34686</v>
      </c>
      <c r="F13138">
        <v>5</v>
      </c>
      <c r="G13138" t="s">
        <v>15</v>
      </c>
      <c r="H13138" t="s">
        <v>28982</v>
      </c>
      <c r="I13138" t="s">
        <v>30540</v>
      </c>
    </row>
    <row r="13139" spans="1:9">
      <c r="A13139" s="1">
        <v>0.40262364864394662</v>
      </c>
      <c r="B13139" s="1"/>
      <c r="C13139">
        <v>9</v>
      </c>
      <c r="D13139" t="s">
        <v>28977</v>
      </c>
      <c r="E13139" t="s">
        <v>34687</v>
      </c>
      <c r="F13139">
        <v>5</v>
      </c>
      <c r="G13139" t="s">
        <v>0</v>
      </c>
      <c r="H13139" t="s">
        <v>28978</v>
      </c>
      <c r="I13139" t="s">
        <v>30540</v>
      </c>
    </row>
    <row r="13140" spans="1:9">
      <c r="A13140" s="1">
        <v>0.69466174111086576</v>
      </c>
      <c r="B13140" s="1"/>
      <c r="C13140">
        <v>4</v>
      </c>
      <c r="D13140" t="s">
        <v>28975</v>
      </c>
      <c r="E13140" t="s">
        <v>34687</v>
      </c>
      <c r="F13140">
        <v>4</v>
      </c>
      <c r="G13140" t="s">
        <v>0</v>
      </c>
      <c r="H13140" t="s">
        <v>28976</v>
      </c>
      <c r="I13140" t="s">
        <v>30540</v>
      </c>
    </row>
    <row r="13141" spans="1:9">
      <c r="A13141" s="1">
        <v>9.337824225049618E-2</v>
      </c>
      <c r="B13141" s="1"/>
      <c r="C13141">
        <v>19</v>
      </c>
      <c r="D13141" t="s">
        <v>28979</v>
      </c>
      <c r="E13141" t="s">
        <v>34687</v>
      </c>
      <c r="F13141">
        <v>3</v>
      </c>
      <c r="G13141" t="s">
        <v>0</v>
      </c>
      <c r="H13141" t="s">
        <v>28980</v>
      </c>
      <c r="I13141" t="s">
        <v>30540</v>
      </c>
    </row>
    <row r="13142" spans="1:9">
      <c r="A13142" s="1">
        <v>0.49590990978866012</v>
      </c>
      <c r="B13142" s="1"/>
      <c r="C13142">
        <v>1</v>
      </c>
      <c r="D13142" t="s">
        <v>28971</v>
      </c>
      <c r="E13142" t="s">
        <v>34688</v>
      </c>
      <c r="F13142">
        <v>5</v>
      </c>
      <c r="G13142" t="s">
        <v>9</v>
      </c>
      <c r="H13142" t="s">
        <v>28972</v>
      </c>
      <c r="I13142" t="s">
        <v>30540</v>
      </c>
    </row>
    <row r="13143" spans="1:9">
      <c r="A13143" s="1">
        <v>0.80256096597733406</v>
      </c>
      <c r="B13143" s="1"/>
      <c r="C13143">
        <v>18</v>
      </c>
      <c r="D13143" t="s">
        <v>28973</v>
      </c>
      <c r="E13143" t="s">
        <v>34688</v>
      </c>
      <c r="F13143">
        <v>4</v>
      </c>
      <c r="G13143" t="s">
        <v>0</v>
      </c>
      <c r="H13143" t="s">
        <v>28974</v>
      </c>
      <c r="I13143" t="s">
        <v>30540</v>
      </c>
    </row>
    <row r="13144" spans="1:9">
      <c r="A13144" s="1">
        <v>4.5241630204004735E-2</v>
      </c>
      <c r="B13144" s="1"/>
      <c r="C13144">
        <v>10</v>
      </c>
      <c r="D13144" t="s">
        <v>28969</v>
      </c>
      <c r="E13144" t="s">
        <v>34689</v>
      </c>
      <c r="F13144">
        <v>4</v>
      </c>
      <c r="G13144" t="s">
        <v>9</v>
      </c>
      <c r="H13144" t="s">
        <v>28970</v>
      </c>
      <c r="I13144" t="s">
        <v>30540</v>
      </c>
    </row>
    <row r="13145" spans="1:9">
      <c r="A13145" s="1">
        <v>0.91127397963619816</v>
      </c>
      <c r="B13145" s="1"/>
      <c r="C13145">
        <v>3</v>
      </c>
      <c r="D13145" t="s">
        <v>28967</v>
      </c>
      <c r="E13145" t="s">
        <v>34689</v>
      </c>
      <c r="F13145">
        <v>4</v>
      </c>
      <c r="G13145" t="s">
        <v>10</v>
      </c>
      <c r="H13145" t="s">
        <v>28968</v>
      </c>
      <c r="I13145" t="s">
        <v>30540</v>
      </c>
    </row>
    <row r="13146" spans="1:9">
      <c r="A13146" s="1">
        <v>0.83314017188206324</v>
      </c>
      <c r="B13146" s="1"/>
      <c r="C13146">
        <v>7</v>
      </c>
      <c r="D13146" t="s">
        <v>28963</v>
      </c>
      <c r="E13146" t="s">
        <v>34690</v>
      </c>
      <c r="F13146">
        <v>5</v>
      </c>
      <c r="G13146" t="s">
        <v>0</v>
      </c>
      <c r="H13146" t="s">
        <v>28964</v>
      </c>
      <c r="I13146" t="s">
        <v>30540</v>
      </c>
    </row>
    <row r="13147" spans="1:9">
      <c r="A13147" s="1">
        <v>0.97536420528718215</v>
      </c>
      <c r="B13147" s="1"/>
      <c r="C13147">
        <v>12</v>
      </c>
      <c r="D13147" t="s">
        <v>28965</v>
      </c>
      <c r="E13147" t="s">
        <v>34690</v>
      </c>
      <c r="F13147">
        <v>4</v>
      </c>
      <c r="G13147" t="s">
        <v>0</v>
      </c>
      <c r="H13147" t="s">
        <v>28966</v>
      </c>
      <c r="I13147" t="s">
        <v>30540</v>
      </c>
    </row>
    <row r="13148" spans="1:9">
      <c r="A13148" s="1">
        <v>0.3063815511465402</v>
      </c>
      <c r="B13148" s="1"/>
      <c r="C13148">
        <v>2</v>
      </c>
      <c r="D13148" t="s">
        <v>28961</v>
      </c>
      <c r="E13148" t="s">
        <v>34690</v>
      </c>
      <c r="F13148">
        <v>4</v>
      </c>
      <c r="G13148" t="s">
        <v>14</v>
      </c>
      <c r="H13148" t="s">
        <v>28962</v>
      </c>
      <c r="I13148" t="s">
        <v>30540</v>
      </c>
    </row>
    <row r="13149" spans="1:9">
      <c r="A13149" s="1">
        <v>0.95145614540456647</v>
      </c>
      <c r="B13149" s="1"/>
      <c r="C13149">
        <v>10</v>
      </c>
      <c r="D13149" t="s">
        <v>28955</v>
      </c>
      <c r="E13149" t="s">
        <v>34691</v>
      </c>
      <c r="F13149">
        <v>5</v>
      </c>
      <c r="G13149" t="s">
        <v>0</v>
      </c>
      <c r="H13149" t="s">
        <v>28956</v>
      </c>
      <c r="I13149" t="s">
        <v>30540</v>
      </c>
    </row>
    <row r="13150" spans="1:9">
      <c r="A13150" s="1">
        <v>0.18305394624873195</v>
      </c>
      <c r="B13150" s="1"/>
      <c r="C13150">
        <v>14</v>
      </c>
      <c r="D13150" t="s">
        <v>28957</v>
      </c>
      <c r="E13150" t="s">
        <v>34691</v>
      </c>
      <c r="F13150">
        <v>4</v>
      </c>
      <c r="G13150" t="s">
        <v>0</v>
      </c>
      <c r="H13150" t="s">
        <v>28958</v>
      </c>
      <c r="I13150" t="s">
        <v>30540</v>
      </c>
    </row>
    <row r="13151" spans="1:9">
      <c r="A13151" s="1">
        <v>0.93617942189957337</v>
      </c>
      <c r="B13151" s="1"/>
      <c r="C13151">
        <v>20</v>
      </c>
      <c r="D13151" t="s">
        <v>28959</v>
      </c>
      <c r="E13151" t="s">
        <v>34691</v>
      </c>
      <c r="F13151">
        <v>4</v>
      </c>
      <c r="G13151" t="s">
        <v>0</v>
      </c>
      <c r="H13151" t="s">
        <v>28960</v>
      </c>
      <c r="I13151" t="s">
        <v>30540</v>
      </c>
    </row>
    <row r="13152" spans="1:9">
      <c r="A13152" s="1">
        <v>0.94010817998574236</v>
      </c>
      <c r="B13152" s="1"/>
      <c r="C13152">
        <v>6</v>
      </c>
      <c r="D13152" t="s">
        <v>28949</v>
      </c>
      <c r="E13152" t="s">
        <v>34692</v>
      </c>
      <c r="F13152">
        <v>5</v>
      </c>
      <c r="G13152" t="s">
        <v>0</v>
      </c>
      <c r="H13152" t="s">
        <v>28950</v>
      </c>
      <c r="I13152" t="s">
        <v>30540</v>
      </c>
    </row>
    <row r="13153" spans="1:9">
      <c r="A13153" s="1">
        <v>0.77410437083326311</v>
      </c>
      <c r="B13153" s="1"/>
      <c r="C13153">
        <v>12</v>
      </c>
      <c r="D13153" t="s">
        <v>28953</v>
      </c>
      <c r="E13153" t="s">
        <v>34692</v>
      </c>
      <c r="F13153">
        <v>4</v>
      </c>
      <c r="G13153" t="s">
        <v>10</v>
      </c>
      <c r="H13153" t="s">
        <v>28954</v>
      </c>
      <c r="I13153" t="s">
        <v>30540</v>
      </c>
    </row>
    <row r="13154" spans="1:9">
      <c r="A13154" s="1">
        <v>0.25981734490975994</v>
      </c>
      <c r="B13154" s="1"/>
      <c r="C13154">
        <v>5</v>
      </c>
      <c r="D13154" t="s">
        <v>28947</v>
      </c>
      <c r="E13154" t="s">
        <v>34692</v>
      </c>
      <c r="F13154">
        <v>3</v>
      </c>
      <c r="G13154" t="s">
        <v>0</v>
      </c>
      <c r="H13154" t="s">
        <v>28948</v>
      </c>
      <c r="I13154" t="s">
        <v>30540</v>
      </c>
    </row>
    <row r="13155" spans="1:9">
      <c r="A13155" s="1">
        <v>0.71564568336030276</v>
      </c>
      <c r="B13155" s="1"/>
      <c r="C13155">
        <v>8</v>
      </c>
      <c r="D13155" t="s">
        <v>28941</v>
      </c>
      <c r="E13155" t="s">
        <v>34693</v>
      </c>
      <c r="F13155">
        <v>4</v>
      </c>
      <c r="G13155" t="s">
        <v>0</v>
      </c>
      <c r="H13155" t="s">
        <v>28942</v>
      </c>
      <c r="I13155" t="s">
        <v>30540</v>
      </c>
    </row>
    <row r="13156" spans="1:9">
      <c r="A13156" s="1">
        <v>0.51802079890247932</v>
      </c>
      <c r="B13156" s="1"/>
      <c r="C13156">
        <v>3</v>
      </c>
      <c r="D13156" t="s">
        <v>28939</v>
      </c>
      <c r="E13156" t="s">
        <v>34693</v>
      </c>
      <c r="F13156">
        <v>4</v>
      </c>
      <c r="G13156" t="s">
        <v>0</v>
      </c>
      <c r="H13156" t="s">
        <v>28940</v>
      </c>
      <c r="I13156" t="s">
        <v>30540</v>
      </c>
    </row>
    <row r="13157" spans="1:9">
      <c r="A13157" s="1">
        <v>0.27165612006136364</v>
      </c>
      <c r="B13157" s="1"/>
      <c r="C13157">
        <v>17</v>
      </c>
      <c r="D13157" t="s">
        <v>28933</v>
      </c>
      <c r="E13157" t="s">
        <v>34694</v>
      </c>
      <c r="F13157">
        <v>5</v>
      </c>
      <c r="G13157" t="s">
        <v>0</v>
      </c>
      <c r="H13157" t="s">
        <v>28934</v>
      </c>
      <c r="I13157" t="s">
        <v>30540</v>
      </c>
    </row>
    <row r="13158" spans="1:9">
      <c r="A13158" s="1">
        <v>0.15364671751153669</v>
      </c>
      <c r="B13158" s="1"/>
      <c r="C13158">
        <v>19</v>
      </c>
      <c r="D13158" t="s">
        <v>28937</v>
      </c>
      <c r="E13158" t="s">
        <v>34694</v>
      </c>
      <c r="F13158">
        <v>5</v>
      </c>
      <c r="G13158" t="s">
        <v>0</v>
      </c>
      <c r="H13158" t="s">
        <v>28938</v>
      </c>
      <c r="I13158" t="s">
        <v>30540</v>
      </c>
    </row>
    <row r="13159" spans="1:9">
      <c r="A13159" s="1">
        <v>0.20592099733168123</v>
      </c>
      <c r="B13159" s="1"/>
      <c r="C13159">
        <v>18</v>
      </c>
      <c r="D13159" t="s">
        <v>28935</v>
      </c>
      <c r="E13159" t="s">
        <v>34694</v>
      </c>
      <c r="F13159">
        <v>4</v>
      </c>
      <c r="G13159" t="s">
        <v>9</v>
      </c>
      <c r="H13159" t="s">
        <v>28936</v>
      </c>
      <c r="I13159" t="s">
        <v>30540</v>
      </c>
    </row>
    <row r="13160" spans="1:9">
      <c r="A13160" s="1">
        <v>0.17922283553980378</v>
      </c>
      <c r="B13160" s="1"/>
      <c r="C13160">
        <v>12</v>
      </c>
      <c r="D13160" t="s">
        <v>28931</v>
      </c>
      <c r="E13160" t="s">
        <v>34694</v>
      </c>
      <c r="F13160">
        <v>4</v>
      </c>
      <c r="G13160" t="s">
        <v>0</v>
      </c>
      <c r="H13160" t="s">
        <v>28932</v>
      </c>
      <c r="I13160" t="s">
        <v>30540</v>
      </c>
    </row>
    <row r="13161" spans="1:9">
      <c r="A13161" s="1">
        <v>0.52388263032355498</v>
      </c>
      <c r="B13161" s="1"/>
      <c r="C13161">
        <v>10</v>
      </c>
      <c r="D13161" t="s">
        <v>28929</v>
      </c>
      <c r="E13161" t="s">
        <v>34694</v>
      </c>
      <c r="F13161">
        <v>4</v>
      </c>
      <c r="G13161" t="s">
        <v>0</v>
      </c>
      <c r="H13161" t="s">
        <v>28930</v>
      </c>
      <c r="I13161" t="s">
        <v>30540</v>
      </c>
    </row>
    <row r="13162" spans="1:9">
      <c r="A13162" s="1">
        <v>1.7543586115101872E-2</v>
      </c>
      <c r="B13162" s="1"/>
      <c r="C13162">
        <v>13</v>
      </c>
      <c r="D13162" t="s">
        <v>28919</v>
      </c>
      <c r="E13162" t="s">
        <v>34695</v>
      </c>
      <c r="F13162">
        <v>5</v>
      </c>
      <c r="G13162" t="s">
        <v>0</v>
      </c>
      <c r="H13162" t="s">
        <v>28920</v>
      </c>
      <c r="I13162" t="s">
        <v>30540</v>
      </c>
    </row>
    <row r="13163" spans="1:9">
      <c r="A13163" s="1">
        <v>0.35624544320286533</v>
      </c>
      <c r="B13163" s="1"/>
      <c r="C13163">
        <v>16</v>
      </c>
      <c r="D13163" t="s">
        <v>28925</v>
      </c>
      <c r="E13163" t="s">
        <v>34695</v>
      </c>
      <c r="F13163">
        <v>4</v>
      </c>
      <c r="G13163" t="s">
        <v>0</v>
      </c>
      <c r="H13163" t="s">
        <v>28926</v>
      </c>
      <c r="I13163" t="s">
        <v>30540</v>
      </c>
    </row>
    <row r="13164" spans="1:9">
      <c r="A13164" s="1">
        <v>0.38124126100846645</v>
      </c>
      <c r="B13164" s="1"/>
      <c r="C13164">
        <v>15</v>
      </c>
      <c r="D13164" t="s">
        <v>28923</v>
      </c>
      <c r="E13164" t="s">
        <v>34695</v>
      </c>
      <c r="F13164">
        <v>4</v>
      </c>
      <c r="G13164" t="s">
        <v>14</v>
      </c>
      <c r="H13164" t="s">
        <v>28924</v>
      </c>
      <c r="I13164" t="s">
        <v>30540</v>
      </c>
    </row>
    <row r="13165" spans="1:9">
      <c r="A13165" s="1">
        <v>0.76244586836909711</v>
      </c>
      <c r="B13165" s="1"/>
      <c r="C13165">
        <v>14</v>
      </c>
      <c r="D13165" t="s">
        <v>28921</v>
      </c>
      <c r="E13165" t="s">
        <v>34695</v>
      </c>
      <c r="F13165">
        <v>4</v>
      </c>
      <c r="G13165" t="s">
        <v>1</v>
      </c>
      <c r="H13165" t="s">
        <v>28922</v>
      </c>
      <c r="I13165" t="s">
        <v>30540</v>
      </c>
    </row>
    <row r="13166" spans="1:9">
      <c r="A13166" s="1">
        <v>0.6200295308212399</v>
      </c>
      <c r="B13166" s="1"/>
      <c r="C13166">
        <v>19</v>
      </c>
      <c r="D13166" t="s">
        <v>28927</v>
      </c>
      <c r="E13166" t="s">
        <v>34695</v>
      </c>
      <c r="F13166">
        <v>4</v>
      </c>
      <c r="G13166" t="s">
        <v>0</v>
      </c>
      <c r="H13166" t="s">
        <v>28928</v>
      </c>
      <c r="I13166" t="s">
        <v>30540</v>
      </c>
    </row>
    <row r="13167" spans="1:9">
      <c r="A13167" s="1">
        <v>0.23108777111585976</v>
      </c>
      <c r="B13167" s="1"/>
      <c r="C13167">
        <v>11</v>
      </c>
      <c r="D13167" t="s">
        <v>28913</v>
      </c>
      <c r="E13167" t="s">
        <v>34696</v>
      </c>
      <c r="F13167">
        <v>4</v>
      </c>
      <c r="G13167" t="s">
        <v>0</v>
      </c>
      <c r="H13167" t="s">
        <v>28914</v>
      </c>
      <c r="I13167" t="s">
        <v>30540</v>
      </c>
    </row>
    <row r="13168" spans="1:9">
      <c r="A13168" s="1">
        <v>0.82301711831260338</v>
      </c>
      <c r="B13168" s="1"/>
      <c r="C13168">
        <v>16</v>
      </c>
      <c r="D13168" t="s">
        <v>28915</v>
      </c>
      <c r="E13168" t="s">
        <v>34696</v>
      </c>
      <c r="F13168">
        <v>4</v>
      </c>
      <c r="G13168" t="s">
        <v>0</v>
      </c>
      <c r="H13168" t="s">
        <v>28916</v>
      </c>
      <c r="I13168" t="s">
        <v>30540</v>
      </c>
    </row>
    <row r="13169" spans="1:9">
      <c r="A13169" s="1">
        <v>0.29074169633065849</v>
      </c>
      <c r="B13169" s="1"/>
      <c r="C13169">
        <v>17</v>
      </c>
      <c r="D13169" t="s">
        <v>28917</v>
      </c>
      <c r="E13169" t="s">
        <v>34696</v>
      </c>
      <c r="F13169">
        <v>4</v>
      </c>
      <c r="G13169" t="s">
        <v>0</v>
      </c>
      <c r="H13169" t="s">
        <v>28918</v>
      </c>
      <c r="I13169" t="s">
        <v>30540</v>
      </c>
    </row>
    <row r="13170" spans="1:9">
      <c r="A13170" s="1">
        <v>0.99513703111657525</v>
      </c>
      <c r="B13170" s="1"/>
      <c r="C13170">
        <v>15</v>
      </c>
      <c r="D13170" t="s">
        <v>28909</v>
      </c>
      <c r="E13170" t="s">
        <v>34697</v>
      </c>
      <c r="F13170">
        <v>5</v>
      </c>
      <c r="G13170" t="s">
        <v>0</v>
      </c>
      <c r="H13170" t="s">
        <v>28910</v>
      </c>
      <c r="I13170" t="s">
        <v>30540</v>
      </c>
    </row>
    <row r="13171" spans="1:9">
      <c r="A13171" s="1">
        <v>0.56583922267609477</v>
      </c>
      <c r="B13171" s="1"/>
      <c r="C13171">
        <v>17</v>
      </c>
      <c r="D13171" t="s">
        <v>28911</v>
      </c>
      <c r="E13171" t="s">
        <v>34697</v>
      </c>
      <c r="F13171">
        <v>5</v>
      </c>
      <c r="G13171" t="s">
        <v>0</v>
      </c>
      <c r="H13171" t="s">
        <v>28912</v>
      </c>
      <c r="I13171" t="s">
        <v>30540</v>
      </c>
    </row>
    <row r="13172" spans="1:9">
      <c r="A13172" s="1">
        <v>0.2866527768897994</v>
      </c>
      <c r="B13172" s="1"/>
      <c r="C13172">
        <v>3</v>
      </c>
      <c r="D13172" t="s">
        <v>28903</v>
      </c>
      <c r="E13172" t="s">
        <v>34697</v>
      </c>
      <c r="F13172">
        <v>4</v>
      </c>
      <c r="G13172" t="s">
        <v>0</v>
      </c>
      <c r="H13172" t="s">
        <v>28904</v>
      </c>
      <c r="I13172" t="s">
        <v>30540</v>
      </c>
    </row>
    <row r="13173" spans="1:9">
      <c r="A13173" s="1">
        <v>0.5059538268679129</v>
      </c>
      <c r="B13173" s="1"/>
      <c r="C13173">
        <v>11</v>
      </c>
      <c r="D13173" t="s">
        <v>28907</v>
      </c>
      <c r="E13173" t="s">
        <v>34697</v>
      </c>
      <c r="F13173">
        <v>4</v>
      </c>
      <c r="G13173" t="s">
        <v>2</v>
      </c>
      <c r="H13173" t="s">
        <v>28908</v>
      </c>
      <c r="I13173" t="s">
        <v>30540</v>
      </c>
    </row>
    <row r="13174" spans="1:9">
      <c r="A13174" s="1">
        <v>3.7457965326717635E-2</v>
      </c>
      <c r="B13174" s="1"/>
      <c r="C13174">
        <v>9</v>
      </c>
      <c r="D13174" t="s">
        <v>28905</v>
      </c>
      <c r="E13174" t="s">
        <v>34697</v>
      </c>
      <c r="F13174">
        <v>3</v>
      </c>
      <c r="G13174" t="s">
        <v>0</v>
      </c>
      <c r="H13174" t="s">
        <v>28906</v>
      </c>
      <c r="I13174" t="s">
        <v>30540</v>
      </c>
    </row>
    <row r="13175" spans="1:9">
      <c r="A13175" s="1">
        <v>0.69002229906683765</v>
      </c>
      <c r="B13175" s="1"/>
      <c r="C13175">
        <v>14</v>
      </c>
      <c r="D13175" t="s">
        <v>28897</v>
      </c>
      <c r="E13175" t="s">
        <v>34698</v>
      </c>
      <c r="F13175">
        <v>4</v>
      </c>
      <c r="G13175" t="s">
        <v>15</v>
      </c>
      <c r="H13175" t="s">
        <v>28898</v>
      </c>
      <c r="I13175" t="s">
        <v>30540</v>
      </c>
    </row>
    <row r="13176" spans="1:9">
      <c r="A13176" s="1">
        <v>0.13380708619156911</v>
      </c>
      <c r="B13176" s="1"/>
      <c r="C13176">
        <v>13</v>
      </c>
      <c r="D13176" t="s">
        <v>28895</v>
      </c>
      <c r="E13176" t="s">
        <v>34698</v>
      </c>
      <c r="F13176">
        <v>4</v>
      </c>
      <c r="G13176" t="s">
        <v>0</v>
      </c>
      <c r="H13176" t="s">
        <v>28896</v>
      </c>
      <c r="I13176" t="s">
        <v>30540</v>
      </c>
    </row>
    <row r="13177" spans="1:9">
      <c r="A13177" s="1">
        <v>0.90801668818290837</v>
      </c>
      <c r="B13177" s="1"/>
      <c r="C13177">
        <v>6</v>
      </c>
      <c r="D13177" t="s">
        <v>28891</v>
      </c>
      <c r="E13177" t="s">
        <v>34698</v>
      </c>
      <c r="F13177">
        <v>4</v>
      </c>
      <c r="G13177" t="s">
        <v>15</v>
      </c>
      <c r="H13177" t="s">
        <v>28892</v>
      </c>
      <c r="I13177" t="s">
        <v>30540</v>
      </c>
    </row>
    <row r="13178" spans="1:9">
      <c r="A13178" s="1">
        <v>0.37099544474838775</v>
      </c>
      <c r="B13178" s="1"/>
      <c r="C13178">
        <v>18</v>
      </c>
      <c r="D13178" t="s">
        <v>28901</v>
      </c>
      <c r="E13178" t="s">
        <v>34698</v>
      </c>
      <c r="F13178">
        <v>3</v>
      </c>
      <c r="G13178" t="s">
        <v>0</v>
      </c>
      <c r="H13178" t="s">
        <v>28902</v>
      </c>
      <c r="I13178" t="s">
        <v>30540</v>
      </c>
    </row>
    <row r="13179" spans="1:9">
      <c r="A13179" s="1">
        <v>0.26506570059106582</v>
      </c>
      <c r="B13179" s="1"/>
      <c r="C13179">
        <v>16</v>
      </c>
      <c r="D13179" t="s">
        <v>28899</v>
      </c>
      <c r="E13179" t="s">
        <v>34698</v>
      </c>
      <c r="F13179">
        <v>3</v>
      </c>
      <c r="G13179" t="s">
        <v>0</v>
      </c>
      <c r="H13179" t="s">
        <v>28900</v>
      </c>
      <c r="I13179" t="s">
        <v>30540</v>
      </c>
    </row>
    <row r="13180" spans="1:9">
      <c r="A13180" s="1">
        <v>0.22914645635659037</v>
      </c>
      <c r="B13180" s="1"/>
      <c r="C13180">
        <v>1</v>
      </c>
      <c r="D13180" t="s">
        <v>28889</v>
      </c>
      <c r="E13180" t="s">
        <v>34698</v>
      </c>
      <c r="F13180">
        <v>3</v>
      </c>
      <c r="G13180" t="s">
        <v>1</v>
      </c>
      <c r="H13180" t="s">
        <v>28890</v>
      </c>
      <c r="I13180" t="s">
        <v>30540</v>
      </c>
    </row>
    <row r="13181" spans="1:9">
      <c r="A13181" s="1">
        <v>4.7894718205701015E-3</v>
      </c>
      <c r="B13181" s="1"/>
      <c r="C13181">
        <v>13</v>
      </c>
      <c r="D13181" t="s">
        <v>28883</v>
      </c>
      <c r="E13181" t="s">
        <v>34699</v>
      </c>
      <c r="F13181">
        <v>4</v>
      </c>
      <c r="G13181" t="s">
        <v>0</v>
      </c>
      <c r="H13181" t="s">
        <v>28884</v>
      </c>
      <c r="I13181" t="s">
        <v>30540</v>
      </c>
    </row>
    <row r="13182" spans="1:9">
      <c r="A13182" s="1">
        <v>0.12030018849411817</v>
      </c>
      <c r="B13182" s="1"/>
      <c r="C13182">
        <v>4</v>
      </c>
      <c r="D13182" t="s">
        <v>28879</v>
      </c>
      <c r="E13182" t="s">
        <v>34699</v>
      </c>
      <c r="F13182">
        <v>4</v>
      </c>
      <c r="G13182" t="s">
        <v>0</v>
      </c>
      <c r="H13182" t="s">
        <v>28880</v>
      </c>
      <c r="I13182" t="s">
        <v>30540</v>
      </c>
    </row>
    <row r="13183" spans="1:9">
      <c r="A13183" s="1">
        <v>0.89353179132718363</v>
      </c>
      <c r="B13183" s="1"/>
      <c r="C13183">
        <v>9</v>
      </c>
      <c r="D13183" t="s">
        <v>28873</v>
      </c>
      <c r="E13183" t="s">
        <v>34700</v>
      </c>
      <c r="F13183">
        <v>5</v>
      </c>
      <c r="G13183" t="s">
        <v>0</v>
      </c>
      <c r="H13183" t="s">
        <v>28874</v>
      </c>
      <c r="I13183" t="s">
        <v>30540</v>
      </c>
    </row>
    <row r="13184" spans="1:9">
      <c r="A13184" s="1">
        <v>8.7899872547625546E-2</v>
      </c>
      <c r="B13184" s="1"/>
      <c r="C13184">
        <v>15</v>
      </c>
      <c r="D13184" t="s">
        <v>28875</v>
      </c>
      <c r="E13184" t="s">
        <v>34700</v>
      </c>
      <c r="F13184">
        <v>4</v>
      </c>
      <c r="G13184" t="s">
        <v>0</v>
      </c>
      <c r="H13184" t="s">
        <v>28876</v>
      </c>
      <c r="I13184" t="s">
        <v>30540</v>
      </c>
    </row>
    <row r="13185" spans="1:9">
      <c r="A13185" s="1">
        <v>0.15272814980728988</v>
      </c>
      <c r="B13185" s="1"/>
      <c r="C13185">
        <v>8</v>
      </c>
      <c r="D13185" t="s">
        <v>28871</v>
      </c>
      <c r="E13185" t="s">
        <v>34700</v>
      </c>
      <c r="F13185">
        <v>4</v>
      </c>
      <c r="G13185" t="s">
        <v>0</v>
      </c>
      <c r="H13185" t="s">
        <v>28872</v>
      </c>
      <c r="I13185" t="s">
        <v>30540</v>
      </c>
    </row>
    <row r="13186" spans="1:9">
      <c r="A13186" s="1">
        <v>0.61273634366043439</v>
      </c>
      <c r="B13186" s="1"/>
      <c r="C13186">
        <v>19</v>
      </c>
      <c r="D13186" t="s">
        <v>28877</v>
      </c>
      <c r="E13186" t="s">
        <v>34700</v>
      </c>
      <c r="F13186">
        <v>3</v>
      </c>
      <c r="G13186" t="s">
        <v>0</v>
      </c>
      <c r="H13186" t="s">
        <v>28878</v>
      </c>
      <c r="I13186" t="s">
        <v>30540</v>
      </c>
    </row>
    <row r="13187" spans="1:9">
      <c r="A13187" s="1">
        <v>0.27038083761403997</v>
      </c>
      <c r="B13187" s="1"/>
      <c r="C13187">
        <v>11</v>
      </c>
      <c r="D13187" t="s">
        <v>28863</v>
      </c>
      <c r="E13187" t="s">
        <v>34701</v>
      </c>
      <c r="F13187">
        <v>5</v>
      </c>
      <c r="G13187" t="s">
        <v>0</v>
      </c>
      <c r="H13187" t="s">
        <v>28864</v>
      </c>
      <c r="I13187" t="s">
        <v>30540</v>
      </c>
    </row>
    <row r="13188" spans="1:9">
      <c r="A13188" s="1">
        <v>0.24757002979860088</v>
      </c>
      <c r="B13188" s="1"/>
      <c r="C13188">
        <v>14</v>
      </c>
      <c r="D13188" t="s">
        <v>28865</v>
      </c>
      <c r="E13188" t="s">
        <v>34701</v>
      </c>
      <c r="F13188">
        <v>5</v>
      </c>
      <c r="G13188" t="s">
        <v>13</v>
      </c>
      <c r="H13188" t="s">
        <v>28866</v>
      </c>
      <c r="I13188" t="s">
        <v>30540</v>
      </c>
    </row>
    <row r="13189" spans="1:9">
      <c r="A13189" s="1">
        <v>0.60181212575681675</v>
      </c>
      <c r="B13189" s="1"/>
      <c r="C13189">
        <v>5</v>
      </c>
      <c r="D13189" t="s">
        <v>28859</v>
      </c>
      <c r="E13189" t="s">
        <v>34701</v>
      </c>
      <c r="F13189">
        <v>5</v>
      </c>
      <c r="G13189" t="s">
        <v>0</v>
      </c>
      <c r="H13189" t="s">
        <v>28860</v>
      </c>
      <c r="I13189" t="s">
        <v>30540</v>
      </c>
    </row>
    <row r="13190" spans="1:9">
      <c r="A13190" s="1">
        <v>0.66586112131493846</v>
      </c>
      <c r="B13190" s="1"/>
      <c r="C13190">
        <v>15</v>
      </c>
      <c r="D13190" t="s">
        <v>28867</v>
      </c>
      <c r="E13190" t="s">
        <v>34701</v>
      </c>
      <c r="F13190">
        <v>4</v>
      </c>
      <c r="G13190" t="s">
        <v>0</v>
      </c>
      <c r="H13190" t="s">
        <v>28868</v>
      </c>
      <c r="I13190" t="s">
        <v>30540</v>
      </c>
    </row>
    <row r="13191" spans="1:9">
      <c r="A13191" s="1">
        <v>0.58530727374246327</v>
      </c>
      <c r="B13191" s="1"/>
      <c r="C13191">
        <v>19</v>
      </c>
      <c r="D13191" t="s">
        <v>28869</v>
      </c>
      <c r="E13191" t="s">
        <v>34701</v>
      </c>
      <c r="F13191">
        <v>4</v>
      </c>
      <c r="G13191" t="s">
        <v>0</v>
      </c>
      <c r="H13191" t="s">
        <v>28870</v>
      </c>
      <c r="I13191" t="s">
        <v>30540</v>
      </c>
    </row>
    <row r="13192" spans="1:9">
      <c r="A13192" s="1">
        <v>0.42181420410734638</v>
      </c>
      <c r="B13192" s="1"/>
      <c r="C13192">
        <v>9</v>
      </c>
      <c r="D13192" t="s">
        <v>28861</v>
      </c>
      <c r="E13192" t="s">
        <v>34701</v>
      </c>
      <c r="F13192">
        <v>4</v>
      </c>
      <c r="G13192" t="s">
        <v>1</v>
      </c>
      <c r="H13192" t="s">
        <v>28862</v>
      </c>
      <c r="I13192" t="s">
        <v>30540</v>
      </c>
    </row>
    <row r="13193" spans="1:9">
      <c r="A13193" s="1">
        <v>0.9067513199601096</v>
      </c>
      <c r="B13193" s="1"/>
      <c r="C13193">
        <v>10</v>
      </c>
      <c r="D13193" t="s">
        <v>28855</v>
      </c>
      <c r="E13193" t="s">
        <v>34702</v>
      </c>
      <c r="F13193">
        <v>5</v>
      </c>
      <c r="G13193" t="s">
        <v>0</v>
      </c>
      <c r="H13193" t="s">
        <v>28856</v>
      </c>
      <c r="I13193" t="s">
        <v>30540</v>
      </c>
    </row>
    <row r="13194" spans="1:9">
      <c r="A13194" s="1">
        <v>0.63871596237309813</v>
      </c>
      <c r="B13194" s="1"/>
      <c r="C13194">
        <v>11</v>
      </c>
      <c r="D13194" t="s">
        <v>28857</v>
      </c>
      <c r="E13194" t="s">
        <v>34702</v>
      </c>
      <c r="F13194">
        <v>4</v>
      </c>
      <c r="G13194" t="s">
        <v>0</v>
      </c>
      <c r="H13194" t="s">
        <v>28858</v>
      </c>
      <c r="I13194" t="s">
        <v>30540</v>
      </c>
    </row>
    <row r="13195" spans="1:9">
      <c r="A13195" s="1">
        <v>0.81467938150907171</v>
      </c>
      <c r="B13195" s="1"/>
      <c r="C13195">
        <v>17</v>
      </c>
      <c r="D13195" t="s">
        <v>28853</v>
      </c>
      <c r="E13195" t="s">
        <v>34703</v>
      </c>
      <c r="F13195">
        <v>5</v>
      </c>
      <c r="G13195" t="s">
        <v>0</v>
      </c>
      <c r="H13195" t="s">
        <v>28854</v>
      </c>
      <c r="I13195" t="s">
        <v>30540</v>
      </c>
    </row>
    <row r="13196" spans="1:9">
      <c r="A13196" s="1">
        <v>0.5275106472634099</v>
      </c>
      <c r="B13196" s="1"/>
      <c r="C13196">
        <v>9</v>
      </c>
      <c r="D13196" t="s">
        <v>28847</v>
      </c>
      <c r="E13196" t="s">
        <v>34703</v>
      </c>
      <c r="F13196">
        <v>5</v>
      </c>
      <c r="G13196" t="s">
        <v>15</v>
      </c>
      <c r="H13196" t="s">
        <v>28848</v>
      </c>
      <c r="I13196" t="s">
        <v>30540</v>
      </c>
    </row>
    <row r="13197" spans="1:9">
      <c r="A13197" s="1">
        <v>0.81385737477165809</v>
      </c>
      <c r="B13197" s="1"/>
      <c r="C13197">
        <v>12</v>
      </c>
      <c r="D13197" t="s">
        <v>28849</v>
      </c>
      <c r="E13197" t="s">
        <v>34703</v>
      </c>
      <c r="F13197">
        <v>4</v>
      </c>
      <c r="G13197" t="s">
        <v>15</v>
      </c>
      <c r="H13197" t="s">
        <v>28850</v>
      </c>
      <c r="I13197" t="s">
        <v>30540</v>
      </c>
    </row>
    <row r="13198" spans="1:9">
      <c r="A13198" s="1">
        <v>0.48188751052918888</v>
      </c>
      <c r="B13198" s="1"/>
      <c r="C13198">
        <v>6</v>
      </c>
      <c r="D13198" t="s">
        <v>28845</v>
      </c>
      <c r="E13198" t="s">
        <v>34703</v>
      </c>
      <c r="F13198">
        <v>4</v>
      </c>
      <c r="G13198" t="s">
        <v>0</v>
      </c>
      <c r="H13198" t="s">
        <v>28846</v>
      </c>
      <c r="I13198" t="s">
        <v>30540</v>
      </c>
    </row>
    <row r="13199" spans="1:9">
      <c r="A13199" s="1">
        <v>0.37990133582836139</v>
      </c>
      <c r="B13199" s="1"/>
      <c r="C13199">
        <v>16</v>
      </c>
      <c r="D13199" t="s">
        <v>28851</v>
      </c>
      <c r="E13199" t="s">
        <v>34703</v>
      </c>
      <c r="F13199">
        <v>4</v>
      </c>
      <c r="G13199" t="s">
        <v>0</v>
      </c>
      <c r="H13199" t="s">
        <v>28852</v>
      </c>
      <c r="I13199" t="s">
        <v>30540</v>
      </c>
    </row>
    <row r="13200" spans="1:9">
      <c r="A13200" s="1">
        <v>0.33797777736510481</v>
      </c>
      <c r="B13200" s="1"/>
      <c r="C13200">
        <v>5</v>
      </c>
      <c r="D13200" t="s">
        <v>28839</v>
      </c>
      <c r="E13200" t="s">
        <v>34704</v>
      </c>
      <c r="F13200">
        <v>5</v>
      </c>
      <c r="G13200" t="s">
        <v>0</v>
      </c>
      <c r="H13200" t="s">
        <v>28840</v>
      </c>
      <c r="I13200" t="s">
        <v>30540</v>
      </c>
    </row>
    <row r="13201" spans="1:9">
      <c r="A13201" s="1">
        <v>0.77224624534664099</v>
      </c>
      <c r="B13201" s="1"/>
      <c r="C13201">
        <v>11</v>
      </c>
      <c r="D13201" t="s">
        <v>28841</v>
      </c>
      <c r="E13201" t="s">
        <v>34704</v>
      </c>
      <c r="F13201">
        <v>5</v>
      </c>
      <c r="G13201" t="s">
        <v>0</v>
      </c>
      <c r="H13201" t="s">
        <v>28842</v>
      </c>
      <c r="I13201" t="s">
        <v>30540</v>
      </c>
    </row>
    <row r="13202" spans="1:9">
      <c r="A13202" s="1">
        <v>0.6558009136870423</v>
      </c>
      <c r="B13202" s="1"/>
      <c r="C13202">
        <v>2</v>
      </c>
      <c r="D13202" t="s">
        <v>28827</v>
      </c>
      <c r="E13202" t="s">
        <v>34705</v>
      </c>
      <c r="F13202">
        <v>4</v>
      </c>
      <c r="G13202" t="s">
        <v>2</v>
      </c>
      <c r="H13202" t="s">
        <v>28828</v>
      </c>
      <c r="I13202" t="s">
        <v>30540</v>
      </c>
    </row>
    <row r="13203" spans="1:9">
      <c r="A13203" s="1">
        <v>0.32215840950945385</v>
      </c>
      <c r="B13203" s="1"/>
      <c r="C13203">
        <v>10</v>
      </c>
      <c r="D13203" t="s">
        <v>28831</v>
      </c>
      <c r="E13203" t="s">
        <v>34705</v>
      </c>
      <c r="F13203">
        <v>4</v>
      </c>
      <c r="G13203" t="s">
        <v>9</v>
      </c>
      <c r="H13203" t="s">
        <v>28832</v>
      </c>
      <c r="I13203" t="s">
        <v>30540</v>
      </c>
    </row>
    <row r="13204" spans="1:9">
      <c r="A13204" s="1">
        <v>0.84628553997892764</v>
      </c>
      <c r="B13204" s="1"/>
      <c r="C13204">
        <v>12</v>
      </c>
      <c r="D13204" t="s">
        <v>28833</v>
      </c>
      <c r="E13204" t="s">
        <v>34705</v>
      </c>
      <c r="F13204">
        <v>4</v>
      </c>
      <c r="G13204" t="s">
        <v>0</v>
      </c>
      <c r="H13204" t="s">
        <v>28834</v>
      </c>
      <c r="I13204" t="s">
        <v>30540</v>
      </c>
    </row>
    <row r="13205" spans="1:9">
      <c r="A13205" s="1">
        <v>0.30246024582390041</v>
      </c>
      <c r="B13205" s="1"/>
      <c r="C13205">
        <v>17</v>
      </c>
      <c r="D13205" t="s">
        <v>28835</v>
      </c>
      <c r="E13205" t="s">
        <v>34705</v>
      </c>
      <c r="F13205">
        <v>4</v>
      </c>
      <c r="G13205" t="s">
        <v>10</v>
      </c>
      <c r="H13205" t="s">
        <v>28836</v>
      </c>
      <c r="I13205" t="s">
        <v>30540</v>
      </c>
    </row>
    <row r="13206" spans="1:9">
      <c r="A13206" s="1">
        <v>0.26914699854048285</v>
      </c>
      <c r="B13206" s="1"/>
      <c r="C13206">
        <v>4</v>
      </c>
      <c r="D13206" t="s">
        <v>28823</v>
      </c>
      <c r="E13206" t="s">
        <v>34706</v>
      </c>
      <c r="F13206">
        <v>4</v>
      </c>
      <c r="G13206" t="s">
        <v>0</v>
      </c>
      <c r="H13206" t="s">
        <v>28824</v>
      </c>
      <c r="I13206" t="s">
        <v>30540</v>
      </c>
    </row>
    <row r="13207" spans="1:9">
      <c r="A13207" s="1">
        <v>0.74710616641997862</v>
      </c>
      <c r="B13207" s="1"/>
      <c r="C13207">
        <v>14</v>
      </c>
      <c r="D13207" t="s">
        <v>28825</v>
      </c>
      <c r="E13207" t="s">
        <v>34706</v>
      </c>
      <c r="F13207">
        <v>3</v>
      </c>
      <c r="G13207" t="s">
        <v>0</v>
      </c>
      <c r="H13207" t="s">
        <v>28826</v>
      </c>
      <c r="I13207" t="s">
        <v>30540</v>
      </c>
    </row>
    <row r="13208" spans="1:9">
      <c r="A13208" s="1">
        <v>0.78178108234872767</v>
      </c>
      <c r="B13208" s="1"/>
      <c r="C13208">
        <v>9</v>
      </c>
      <c r="D13208" t="s">
        <v>28819</v>
      </c>
      <c r="E13208" t="s">
        <v>34707</v>
      </c>
      <c r="F13208">
        <v>4</v>
      </c>
      <c r="G13208" t="s">
        <v>0</v>
      </c>
      <c r="H13208" t="s">
        <v>28820</v>
      </c>
      <c r="I13208" t="s">
        <v>30540</v>
      </c>
    </row>
    <row r="13209" spans="1:9">
      <c r="A13209" s="1">
        <v>0.95544881723943231</v>
      </c>
      <c r="B13209" s="1"/>
      <c r="C13209">
        <v>8</v>
      </c>
      <c r="D13209" t="s">
        <v>28817</v>
      </c>
      <c r="E13209" t="s">
        <v>34707</v>
      </c>
      <c r="F13209">
        <v>4</v>
      </c>
      <c r="G13209" t="s">
        <v>2</v>
      </c>
      <c r="H13209" t="s">
        <v>28818</v>
      </c>
      <c r="I13209" t="s">
        <v>30540</v>
      </c>
    </row>
    <row r="13210" spans="1:9">
      <c r="A13210" s="1">
        <v>0.9622519090603272</v>
      </c>
      <c r="B13210" s="1"/>
      <c r="C13210">
        <v>12</v>
      </c>
      <c r="D13210" t="s">
        <v>28821</v>
      </c>
      <c r="E13210" t="s">
        <v>34707</v>
      </c>
      <c r="F13210">
        <v>4</v>
      </c>
      <c r="G13210" t="s">
        <v>0</v>
      </c>
      <c r="H13210" t="s">
        <v>28822</v>
      </c>
      <c r="I13210" t="s">
        <v>30540</v>
      </c>
    </row>
    <row r="13211" spans="1:9">
      <c r="A13211" s="1">
        <v>0.67056426174388695</v>
      </c>
      <c r="B13211" s="1"/>
      <c r="C13211">
        <v>2</v>
      </c>
      <c r="D13211" t="s">
        <v>28811</v>
      </c>
      <c r="E13211" t="s">
        <v>34708</v>
      </c>
      <c r="F13211">
        <v>5</v>
      </c>
      <c r="G13211" t="s">
        <v>10</v>
      </c>
      <c r="H13211" t="s">
        <v>28812</v>
      </c>
      <c r="I13211" t="s">
        <v>30540</v>
      </c>
    </row>
    <row r="13212" spans="1:9">
      <c r="A13212" s="1">
        <v>0.41618612437302738</v>
      </c>
      <c r="B13212" s="1"/>
      <c r="C13212">
        <v>7</v>
      </c>
      <c r="D13212" t="s">
        <v>28815</v>
      </c>
      <c r="E13212" t="s">
        <v>34708</v>
      </c>
      <c r="F13212">
        <v>4</v>
      </c>
      <c r="G13212" t="s">
        <v>0</v>
      </c>
      <c r="H13212" t="s">
        <v>28816</v>
      </c>
      <c r="I13212" t="s">
        <v>30540</v>
      </c>
    </row>
    <row r="13213" spans="1:9">
      <c r="A13213" s="1">
        <v>0.1322030569796403</v>
      </c>
      <c r="B13213" s="1"/>
      <c r="C13213">
        <v>1</v>
      </c>
      <c r="D13213" t="s">
        <v>28809</v>
      </c>
      <c r="E13213" t="s">
        <v>34708</v>
      </c>
      <c r="F13213">
        <v>4</v>
      </c>
      <c r="G13213" t="s">
        <v>0</v>
      </c>
      <c r="H13213" t="s">
        <v>28810</v>
      </c>
      <c r="I13213" t="s">
        <v>30540</v>
      </c>
    </row>
    <row r="13214" spans="1:9">
      <c r="A13214" s="1">
        <v>0.94353098323480533</v>
      </c>
      <c r="B13214" s="1"/>
      <c r="C13214">
        <v>3</v>
      </c>
      <c r="D13214" t="s">
        <v>28813</v>
      </c>
      <c r="E13214" t="s">
        <v>34708</v>
      </c>
      <c r="F13214">
        <v>3</v>
      </c>
      <c r="G13214" t="s">
        <v>2</v>
      </c>
      <c r="H13214" t="s">
        <v>28814</v>
      </c>
      <c r="I13214" t="s">
        <v>30540</v>
      </c>
    </row>
    <row r="13215" spans="1:9">
      <c r="A13215" s="1">
        <v>0.66694373213128788</v>
      </c>
      <c r="B13215" s="1"/>
      <c r="C13215">
        <v>3</v>
      </c>
      <c r="D13215" t="s">
        <v>28799</v>
      </c>
      <c r="E13215" t="s">
        <v>34709</v>
      </c>
      <c r="F13215">
        <v>4</v>
      </c>
      <c r="G13215" t="s">
        <v>9</v>
      </c>
      <c r="H13215" t="s">
        <v>28800</v>
      </c>
      <c r="I13215" t="s">
        <v>30540</v>
      </c>
    </row>
    <row r="13216" spans="1:9">
      <c r="A13216" s="1">
        <v>0.79796321049410857</v>
      </c>
      <c r="B13216" s="1"/>
      <c r="C13216">
        <v>11</v>
      </c>
      <c r="D13216" t="s">
        <v>28805</v>
      </c>
      <c r="E13216" t="s">
        <v>34709</v>
      </c>
      <c r="F13216">
        <v>4</v>
      </c>
      <c r="G13216" t="s">
        <v>0</v>
      </c>
      <c r="H13216" t="s">
        <v>28806</v>
      </c>
      <c r="I13216" t="s">
        <v>30540</v>
      </c>
    </row>
    <row r="13217" spans="1:9">
      <c r="A13217" s="1">
        <v>0.60613024899324341</v>
      </c>
      <c r="B13217" s="1"/>
      <c r="C13217">
        <v>10</v>
      </c>
      <c r="D13217" t="s">
        <v>28803</v>
      </c>
      <c r="E13217" t="s">
        <v>34709</v>
      </c>
      <c r="F13217">
        <v>4</v>
      </c>
      <c r="G13217" t="s">
        <v>13</v>
      </c>
      <c r="H13217" t="s">
        <v>28804</v>
      </c>
      <c r="I13217" t="s">
        <v>30540</v>
      </c>
    </row>
    <row r="13218" spans="1:9">
      <c r="A13218" s="1">
        <v>0.67076425106281123</v>
      </c>
      <c r="B13218" s="1"/>
      <c r="C13218">
        <v>5</v>
      </c>
      <c r="D13218" t="s">
        <v>28801</v>
      </c>
      <c r="E13218" t="s">
        <v>34709</v>
      </c>
      <c r="F13218">
        <v>3</v>
      </c>
      <c r="G13218" t="s">
        <v>0</v>
      </c>
      <c r="H13218" t="s">
        <v>28802</v>
      </c>
      <c r="I13218" t="s">
        <v>30540</v>
      </c>
    </row>
    <row r="13219" spans="1:9">
      <c r="A13219" s="1">
        <v>0.21583582823573766</v>
      </c>
      <c r="B13219" s="1"/>
      <c r="C13219">
        <v>20</v>
      </c>
      <c r="D13219" t="s">
        <v>28797</v>
      </c>
      <c r="E13219" t="s">
        <v>34710</v>
      </c>
      <c r="F13219">
        <v>4</v>
      </c>
      <c r="G13219" t="s">
        <v>2</v>
      </c>
      <c r="H13219" t="s">
        <v>28798</v>
      </c>
      <c r="I13219" t="s">
        <v>30540</v>
      </c>
    </row>
    <row r="13220" spans="1:9">
      <c r="A13220" s="1">
        <v>0.46628038365799318</v>
      </c>
      <c r="B13220" s="1"/>
      <c r="C13220">
        <v>1</v>
      </c>
      <c r="D13220" t="s">
        <v>28793</v>
      </c>
      <c r="E13220" t="s">
        <v>34710</v>
      </c>
      <c r="F13220">
        <v>4</v>
      </c>
      <c r="G13220" t="s">
        <v>9</v>
      </c>
      <c r="H13220" t="s">
        <v>28794</v>
      </c>
      <c r="I13220" t="s">
        <v>30540</v>
      </c>
    </row>
    <row r="13221" spans="1:9">
      <c r="A13221" s="1">
        <v>0.17296574401166709</v>
      </c>
      <c r="B13221" s="1"/>
      <c r="C13221">
        <v>6</v>
      </c>
      <c r="D13221" t="s">
        <v>28795</v>
      </c>
      <c r="E13221" t="s">
        <v>34710</v>
      </c>
      <c r="F13221">
        <v>4</v>
      </c>
      <c r="G13221" t="s">
        <v>10</v>
      </c>
      <c r="H13221" t="s">
        <v>28796</v>
      </c>
      <c r="I13221" t="s">
        <v>30540</v>
      </c>
    </row>
    <row r="13222" spans="1:9">
      <c r="A13222" s="1">
        <v>0.9104325579113961</v>
      </c>
      <c r="B13222" s="1"/>
      <c r="C13222">
        <v>1</v>
      </c>
      <c r="D13222" t="s">
        <v>28783</v>
      </c>
      <c r="E13222" t="s">
        <v>34711</v>
      </c>
      <c r="F13222">
        <v>4</v>
      </c>
      <c r="G13222" t="s">
        <v>10</v>
      </c>
      <c r="H13222" t="s">
        <v>28784</v>
      </c>
      <c r="I13222" t="s">
        <v>30540</v>
      </c>
    </row>
    <row r="13223" spans="1:9">
      <c r="A13223" s="1">
        <v>0.82641349307093737</v>
      </c>
      <c r="B13223" s="1"/>
      <c r="C13223">
        <v>14</v>
      </c>
      <c r="D13223" t="s">
        <v>28791</v>
      </c>
      <c r="E13223" t="s">
        <v>34711</v>
      </c>
      <c r="F13223">
        <v>4</v>
      </c>
      <c r="G13223" t="s">
        <v>13</v>
      </c>
      <c r="H13223" t="s">
        <v>28792</v>
      </c>
      <c r="I13223" t="s">
        <v>30540</v>
      </c>
    </row>
    <row r="13224" spans="1:9">
      <c r="A13224" s="1">
        <v>0.13008856311394967</v>
      </c>
      <c r="B13224" s="1"/>
      <c r="C13224">
        <v>4</v>
      </c>
      <c r="D13224" t="s">
        <v>28785</v>
      </c>
      <c r="E13224" t="s">
        <v>34711</v>
      </c>
      <c r="F13224">
        <v>4</v>
      </c>
      <c r="G13224" t="s">
        <v>0</v>
      </c>
      <c r="H13224" t="s">
        <v>28786</v>
      </c>
      <c r="I13224" t="s">
        <v>30540</v>
      </c>
    </row>
    <row r="13225" spans="1:9">
      <c r="A13225" s="1">
        <v>0.74441868418451718</v>
      </c>
      <c r="B13225" s="1"/>
      <c r="C13225">
        <v>6</v>
      </c>
      <c r="D13225" t="s">
        <v>28781</v>
      </c>
      <c r="E13225" t="s">
        <v>34712</v>
      </c>
      <c r="F13225">
        <v>4</v>
      </c>
      <c r="G13225" t="s">
        <v>0</v>
      </c>
      <c r="H13225" t="s">
        <v>28782</v>
      </c>
      <c r="I13225" t="s">
        <v>30540</v>
      </c>
    </row>
    <row r="13226" spans="1:9">
      <c r="A13226" s="1">
        <v>0.94837528561950313</v>
      </c>
      <c r="B13226" s="1"/>
      <c r="C13226">
        <v>14</v>
      </c>
      <c r="D13226" t="s">
        <v>28777</v>
      </c>
      <c r="E13226" t="s">
        <v>34713</v>
      </c>
      <c r="F13226">
        <v>5</v>
      </c>
      <c r="G13226" t="s">
        <v>0</v>
      </c>
      <c r="H13226" t="s">
        <v>28778</v>
      </c>
      <c r="I13226" t="s">
        <v>30540</v>
      </c>
    </row>
    <row r="13227" spans="1:9">
      <c r="A13227" s="1">
        <v>0.74845031349669333</v>
      </c>
      <c r="B13227" s="1"/>
      <c r="C13227">
        <v>15</v>
      </c>
      <c r="D13227" t="s">
        <v>28779</v>
      </c>
      <c r="E13227" t="s">
        <v>34713</v>
      </c>
      <c r="F13227">
        <v>5</v>
      </c>
      <c r="G13227" t="s">
        <v>0</v>
      </c>
      <c r="H13227" t="s">
        <v>28780</v>
      </c>
      <c r="I13227" t="s">
        <v>30540</v>
      </c>
    </row>
    <row r="13228" spans="1:9">
      <c r="A13228" s="1">
        <v>0.93154383200926716</v>
      </c>
      <c r="B13228" s="1"/>
      <c r="C13228">
        <v>4</v>
      </c>
      <c r="D13228" t="s">
        <v>28773</v>
      </c>
      <c r="E13228" t="s">
        <v>34713</v>
      </c>
      <c r="F13228">
        <v>4</v>
      </c>
      <c r="G13228" t="s">
        <v>0</v>
      </c>
      <c r="H13228" t="s">
        <v>28774</v>
      </c>
      <c r="I13228" t="s">
        <v>30540</v>
      </c>
    </row>
    <row r="13229" spans="1:9">
      <c r="A13229" s="1">
        <v>0.56696428909189933</v>
      </c>
      <c r="B13229" s="1"/>
      <c r="C13229">
        <v>6</v>
      </c>
      <c r="D13229" t="s">
        <v>28775</v>
      </c>
      <c r="E13229" t="s">
        <v>34713</v>
      </c>
      <c r="F13229">
        <v>3</v>
      </c>
      <c r="G13229" t="s">
        <v>9</v>
      </c>
      <c r="H13229" t="s">
        <v>28776</v>
      </c>
      <c r="I13229" t="s">
        <v>30540</v>
      </c>
    </row>
    <row r="13230" spans="1:9">
      <c r="A13230" s="1">
        <v>8.424510917089556E-2</v>
      </c>
      <c r="B13230" s="1"/>
      <c r="C13230">
        <v>1</v>
      </c>
      <c r="D13230" t="s">
        <v>28771</v>
      </c>
      <c r="E13230" t="s">
        <v>34713</v>
      </c>
      <c r="F13230">
        <v>3</v>
      </c>
      <c r="G13230" t="s">
        <v>15</v>
      </c>
      <c r="H13230" t="s">
        <v>28772</v>
      </c>
      <c r="I13230" t="s">
        <v>30540</v>
      </c>
    </row>
    <row r="13231" spans="1:9">
      <c r="A13231" s="1">
        <v>0.4230801303698416</v>
      </c>
      <c r="B13231" s="1"/>
      <c r="C13231">
        <v>8</v>
      </c>
      <c r="D13231" t="s">
        <v>28769</v>
      </c>
      <c r="E13231" t="s">
        <v>34714</v>
      </c>
      <c r="F13231">
        <v>4</v>
      </c>
      <c r="G13231" t="s">
        <v>0</v>
      </c>
      <c r="H13231" t="s">
        <v>28770</v>
      </c>
      <c r="I13231" t="s">
        <v>30540</v>
      </c>
    </row>
    <row r="13232" spans="1:9">
      <c r="A13232" s="1">
        <v>0.23861574978537503</v>
      </c>
      <c r="B13232" s="1"/>
      <c r="C13232">
        <v>13</v>
      </c>
      <c r="D13232" t="s">
        <v>28765</v>
      </c>
      <c r="E13232" t="s">
        <v>34716</v>
      </c>
      <c r="F13232">
        <v>4</v>
      </c>
      <c r="G13232" t="s">
        <v>15</v>
      </c>
      <c r="H13232" t="s">
        <v>28766</v>
      </c>
      <c r="I13232" t="s">
        <v>30540</v>
      </c>
    </row>
    <row r="13233" spans="1:9">
      <c r="A13233" s="1">
        <v>0.30698161657276968</v>
      </c>
      <c r="B13233" s="1"/>
      <c r="C13233">
        <v>4</v>
      </c>
      <c r="D13233" t="s">
        <v>28759</v>
      </c>
      <c r="E13233" t="s">
        <v>34717</v>
      </c>
      <c r="F13233">
        <v>5</v>
      </c>
      <c r="G13233" t="s">
        <v>0</v>
      </c>
      <c r="H13233" t="s">
        <v>28760</v>
      </c>
      <c r="I13233" t="s">
        <v>30540</v>
      </c>
    </row>
    <row r="13234" spans="1:9">
      <c r="A13234" s="1">
        <v>0.55917105633584174</v>
      </c>
      <c r="B13234" s="1"/>
      <c r="C13234">
        <v>2</v>
      </c>
      <c r="D13234" t="s">
        <v>28757</v>
      </c>
      <c r="E13234" t="s">
        <v>34717</v>
      </c>
      <c r="F13234">
        <v>4</v>
      </c>
      <c r="G13234" t="s">
        <v>0</v>
      </c>
      <c r="H13234" t="s">
        <v>28758</v>
      </c>
      <c r="I13234" t="s">
        <v>30540</v>
      </c>
    </row>
    <row r="13235" spans="1:9">
      <c r="A13235" s="1">
        <v>0.41271721535142025</v>
      </c>
      <c r="B13235" s="1"/>
      <c r="C13235">
        <v>1</v>
      </c>
      <c r="D13235" t="s">
        <v>28755</v>
      </c>
      <c r="E13235" t="s">
        <v>34717</v>
      </c>
      <c r="F13235">
        <v>4</v>
      </c>
      <c r="G13235" t="s">
        <v>0</v>
      </c>
      <c r="H13235" t="s">
        <v>28756</v>
      </c>
      <c r="I13235" t="s">
        <v>30540</v>
      </c>
    </row>
    <row r="13236" spans="1:9">
      <c r="A13236" s="1">
        <v>0.28250387939979482</v>
      </c>
      <c r="B13236" s="1"/>
      <c r="C13236">
        <v>12</v>
      </c>
      <c r="D13236" t="s">
        <v>28753</v>
      </c>
      <c r="E13236" t="s">
        <v>34718</v>
      </c>
      <c r="F13236">
        <v>5</v>
      </c>
      <c r="G13236" t="s">
        <v>10</v>
      </c>
      <c r="H13236" t="s">
        <v>28754</v>
      </c>
      <c r="I13236" t="s">
        <v>30540</v>
      </c>
    </row>
    <row r="13237" spans="1:9">
      <c r="A13237" s="1">
        <v>0.77176980647689397</v>
      </c>
      <c r="B13237" s="1"/>
      <c r="C13237">
        <v>3</v>
      </c>
      <c r="D13237" t="s">
        <v>28749</v>
      </c>
      <c r="E13237" t="s">
        <v>34718</v>
      </c>
      <c r="F13237">
        <v>4</v>
      </c>
      <c r="G13237" t="s">
        <v>0</v>
      </c>
      <c r="H13237" t="s">
        <v>28750</v>
      </c>
      <c r="I13237" t="s">
        <v>30540</v>
      </c>
    </row>
    <row r="13238" spans="1:9">
      <c r="A13238" s="1">
        <v>0.6387934663565854</v>
      </c>
      <c r="B13238" s="1"/>
      <c r="C13238">
        <v>8</v>
      </c>
      <c r="D13238" t="s">
        <v>28751</v>
      </c>
      <c r="E13238" t="s">
        <v>34718</v>
      </c>
      <c r="F13238">
        <v>4</v>
      </c>
      <c r="G13238" t="s">
        <v>0</v>
      </c>
      <c r="H13238" t="s">
        <v>28752</v>
      </c>
      <c r="I13238" t="s">
        <v>30540</v>
      </c>
    </row>
    <row r="13239" spans="1:9">
      <c r="A13239" s="1">
        <v>0.92059723859856235</v>
      </c>
      <c r="B13239" s="1"/>
      <c r="C13239">
        <v>5</v>
      </c>
      <c r="D13239" t="s">
        <v>28741</v>
      </c>
      <c r="E13239" t="s">
        <v>34719</v>
      </c>
      <c r="F13239">
        <v>4</v>
      </c>
      <c r="G13239" t="s">
        <v>0</v>
      </c>
      <c r="H13239" t="s">
        <v>28742</v>
      </c>
      <c r="I13239" t="s">
        <v>30540</v>
      </c>
    </row>
    <row r="13240" spans="1:9">
      <c r="A13240" s="1">
        <v>6.3248975523579554E-2</v>
      </c>
      <c r="B13240" s="1"/>
      <c r="C13240">
        <v>12</v>
      </c>
      <c r="D13240" t="s">
        <v>28745</v>
      </c>
      <c r="E13240" t="s">
        <v>34719</v>
      </c>
      <c r="F13240">
        <v>4</v>
      </c>
      <c r="G13240" t="s">
        <v>0</v>
      </c>
      <c r="H13240" t="s">
        <v>28746</v>
      </c>
      <c r="I13240" t="s">
        <v>30540</v>
      </c>
    </row>
    <row r="13241" spans="1:9">
      <c r="A13241" s="1">
        <v>0.47171593547562973</v>
      </c>
      <c r="B13241" s="1"/>
      <c r="C13241">
        <v>8</v>
      </c>
      <c r="D13241" t="s">
        <v>28743</v>
      </c>
      <c r="E13241" t="s">
        <v>34719</v>
      </c>
      <c r="F13241">
        <v>4</v>
      </c>
      <c r="G13241" t="s">
        <v>0</v>
      </c>
      <c r="H13241" t="s">
        <v>28744</v>
      </c>
      <c r="I13241" t="s">
        <v>30540</v>
      </c>
    </row>
    <row r="13242" spans="1:9">
      <c r="A13242" s="1">
        <v>0.49366234090144845</v>
      </c>
      <c r="B13242" s="1"/>
      <c r="C13242">
        <v>13</v>
      </c>
      <c r="D13242" t="s">
        <v>28747</v>
      </c>
      <c r="E13242" t="s">
        <v>34719</v>
      </c>
      <c r="F13242">
        <v>4</v>
      </c>
      <c r="G13242" t="s">
        <v>9</v>
      </c>
      <c r="H13242" t="s">
        <v>28748</v>
      </c>
      <c r="I13242" t="s">
        <v>30540</v>
      </c>
    </row>
    <row r="13243" spans="1:9">
      <c r="A13243" s="1">
        <v>0.69331071595439497</v>
      </c>
      <c r="B13243" s="1"/>
      <c r="C13243">
        <v>5</v>
      </c>
      <c r="D13243" t="s">
        <v>28733</v>
      </c>
      <c r="E13243" t="s">
        <v>34720</v>
      </c>
      <c r="F13243">
        <v>5</v>
      </c>
      <c r="G13243" t="s">
        <v>0</v>
      </c>
      <c r="H13243" t="s">
        <v>28734</v>
      </c>
      <c r="I13243" t="s">
        <v>30540</v>
      </c>
    </row>
    <row r="13244" spans="1:9">
      <c r="A13244" s="1">
        <v>0.88379053244696049</v>
      </c>
      <c r="B13244" s="1"/>
      <c r="C13244">
        <v>3</v>
      </c>
      <c r="D13244" t="s">
        <v>28729</v>
      </c>
      <c r="E13244" t="s">
        <v>34720</v>
      </c>
      <c r="F13244">
        <v>5</v>
      </c>
      <c r="G13244" t="s">
        <v>0</v>
      </c>
      <c r="H13244" t="s">
        <v>28730</v>
      </c>
      <c r="I13244" t="s">
        <v>30540</v>
      </c>
    </row>
    <row r="13245" spans="1:9">
      <c r="A13245" s="1">
        <v>0.35759779122506641</v>
      </c>
      <c r="B13245" s="1"/>
      <c r="C13245">
        <v>19</v>
      </c>
      <c r="D13245" t="s">
        <v>28739</v>
      </c>
      <c r="E13245" t="s">
        <v>34720</v>
      </c>
      <c r="F13245">
        <v>4</v>
      </c>
      <c r="G13245" t="s">
        <v>0</v>
      </c>
      <c r="H13245" t="s">
        <v>28740</v>
      </c>
      <c r="I13245" t="s">
        <v>30540</v>
      </c>
    </row>
    <row r="13246" spans="1:9">
      <c r="A13246" s="1">
        <v>0.93166901473782193</v>
      </c>
      <c r="B13246" s="1"/>
      <c r="C13246">
        <v>11</v>
      </c>
      <c r="D13246" t="s">
        <v>28735</v>
      </c>
      <c r="E13246" t="s">
        <v>34720</v>
      </c>
      <c r="F13246">
        <v>4</v>
      </c>
      <c r="G13246" t="s">
        <v>0</v>
      </c>
      <c r="H13246" t="s">
        <v>28736</v>
      </c>
      <c r="I13246" t="s">
        <v>30540</v>
      </c>
    </row>
    <row r="13247" spans="1:9">
      <c r="A13247" s="1">
        <v>0.72261214319209832</v>
      </c>
      <c r="B13247" s="1"/>
      <c r="C13247">
        <v>4</v>
      </c>
      <c r="D13247" t="s">
        <v>28731</v>
      </c>
      <c r="E13247" t="s">
        <v>34720</v>
      </c>
      <c r="F13247">
        <v>4</v>
      </c>
      <c r="G13247" t="s">
        <v>0</v>
      </c>
      <c r="H13247" t="s">
        <v>28732</v>
      </c>
      <c r="I13247" t="s">
        <v>30540</v>
      </c>
    </row>
    <row r="13248" spans="1:9">
      <c r="A13248" s="1">
        <v>0.81634858361949914</v>
      </c>
      <c r="B13248" s="1"/>
      <c r="C13248">
        <v>13</v>
      </c>
      <c r="D13248" t="s">
        <v>28737</v>
      </c>
      <c r="E13248" t="s">
        <v>34720</v>
      </c>
      <c r="F13248">
        <v>4</v>
      </c>
      <c r="G13248" t="s">
        <v>15</v>
      </c>
      <c r="H13248" t="s">
        <v>28738</v>
      </c>
      <c r="I13248" t="s">
        <v>30540</v>
      </c>
    </row>
    <row r="13249" spans="1:9">
      <c r="A13249" s="1">
        <v>0.32509134421127173</v>
      </c>
      <c r="B13249" s="1"/>
      <c r="C13249">
        <v>13</v>
      </c>
      <c r="D13249" t="s">
        <v>28727</v>
      </c>
      <c r="E13249" t="s">
        <v>34721</v>
      </c>
      <c r="F13249">
        <v>5</v>
      </c>
      <c r="G13249" t="s">
        <v>0</v>
      </c>
      <c r="H13249" t="s">
        <v>28728</v>
      </c>
      <c r="I13249" t="s">
        <v>30540</v>
      </c>
    </row>
    <row r="13250" spans="1:9">
      <c r="A13250" s="1">
        <v>9.8786995881202655E-2</v>
      </c>
      <c r="B13250" s="1"/>
      <c r="C13250">
        <v>3</v>
      </c>
      <c r="D13250" t="s">
        <v>28725</v>
      </c>
      <c r="E13250" t="s">
        <v>34721</v>
      </c>
      <c r="F13250">
        <v>4</v>
      </c>
      <c r="G13250" t="s">
        <v>0</v>
      </c>
      <c r="H13250" t="s">
        <v>28726</v>
      </c>
      <c r="I13250" t="s">
        <v>30540</v>
      </c>
    </row>
    <row r="13251" spans="1:9">
      <c r="A13251" s="1">
        <v>0.59546355334456225</v>
      </c>
      <c r="B13251" s="1"/>
      <c r="C13251">
        <v>8</v>
      </c>
      <c r="D13251" t="s">
        <v>28721</v>
      </c>
      <c r="E13251" t="s">
        <v>34722</v>
      </c>
      <c r="F13251">
        <v>3</v>
      </c>
      <c r="G13251" t="s">
        <v>0</v>
      </c>
      <c r="H13251" t="s">
        <v>28722</v>
      </c>
      <c r="I13251" t="s">
        <v>30540</v>
      </c>
    </row>
    <row r="13252" spans="1:9">
      <c r="A13252" s="1">
        <v>0.51181228439412163</v>
      </c>
      <c r="B13252" s="1"/>
      <c r="C13252">
        <v>9</v>
      </c>
      <c r="D13252" t="s">
        <v>28723</v>
      </c>
      <c r="E13252" t="s">
        <v>34722</v>
      </c>
      <c r="F13252">
        <v>3</v>
      </c>
      <c r="G13252" t="s">
        <v>0</v>
      </c>
      <c r="H13252" t="s">
        <v>28724</v>
      </c>
      <c r="I13252" t="s">
        <v>30540</v>
      </c>
    </row>
    <row r="13253" spans="1:9">
      <c r="A13253" s="1">
        <v>0.21111829671767302</v>
      </c>
      <c r="B13253" s="1"/>
      <c r="C13253">
        <v>2</v>
      </c>
      <c r="D13253" t="s">
        <v>28715</v>
      </c>
      <c r="E13253" t="s">
        <v>34723</v>
      </c>
      <c r="F13253">
        <v>4</v>
      </c>
      <c r="G13253" t="s">
        <v>0</v>
      </c>
      <c r="H13253" t="s">
        <v>28716</v>
      </c>
      <c r="I13253" t="s">
        <v>30540</v>
      </c>
    </row>
    <row r="13254" spans="1:9">
      <c r="A13254" s="1">
        <v>0.15272074867686181</v>
      </c>
      <c r="B13254" s="1"/>
      <c r="C13254">
        <v>1</v>
      </c>
      <c r="D13254" t="s">
        <v>28709</v>
      </c>
      <c r="E13254" t="s">
        <v>34724</v>
      </c>
      <c r="F13254">
        <v>4</v>
      </c>
      <c r="G13254" t="s">
        <v>0</v>
      </c>
      <c r="H13254" t="s">
        <v>28710</v>
      </c>
      <c r="I13254" t="s">
        <v>30540</v>
      </c>
    </row>
    <row r="13255" spans="1:9">
      <c r="A13255" s="1">
        <v>8.6923692453272361E-2</v>
      </c>
      <c r="B13255" s="1"/>
      <c r="C13255">
        <v>11</v>
      </c>
      <c r="D13255" t="s">
        <v>28713</v>
      </c>
      <c r="E13255" t="s">
        <v>34724</v>
      </c>
      <c r="F13255">
        <v>4</v>
      </c>
      <c r="G13255" t="s">
        <v>0</v>
      </c>
      <c r="H13255" t="s">
        <v>28714</v>
      </c>
      <c r="I13255" t="s">
        <v>30540</v>
      </c>
    </row>
    <row r="13256" spans="1:9">
      <c r="A13256" s="1">
        <v>0.73626775261697919</v>
      </c>
      <c r="B13256" s="1"/>
      <c r="C13256">
        <v>4</v>
      </c>
      <c r="D13256" t="s">
        <v>28711</v>
      </c>
      <c r="E13256" t="s">
        <v>34724</v>
      </c>
      <c r="F13256">
        <v>4</v>
      </c>
      <c r="G13256" t="s">
        <v>0</v>
      </c>
      <c r="H13256" t="s">
        <v>28712</v>
      </c>
      <c r="I13256" t="s">
        <v>30540</v>
      </c>
    </row>
    <row r="13257" spans="1:9">
      <c r="A13257" s="1">
        <v>0.27134768793863961</v>
      </c>
      <c r="B13257" s="1"/>
      <c r="C13257">
        <v>5</v>
      </c>
      <c r="D13257" t="s">
        <v>28695</v>
      </c>
      <c r="E13257" t="s">
        <v>34725</v>
      </c>
      <c r="F13257">
        <v>5</v>
      </c>
      <c r="G13257" t="s">
        <v>0</v>
      </c>
      <c r="H13257" t="s">
        <v>28696</v>
      </c>
      <c r="I13257" t="s">
        <v>30540</v>
      </c>
    </row>
    <row r="13258" spans="1:9">
      <c r="A13258" s="1">
        <v>0.15629677214589999</v>
      </c>
      <c r="B13258" s="1"/>
      <c r="C13258">
        <v>9</v>
      </c>
      <c r="D13258" t="s">
        <v>28699</v>
      </c>
      <c r="E13258" t="s">
        <v>34725</v>
      </c>
      <c r="F13258">
        <v>4</v>
      </c>
      <c r="G13258" t="s">
        <v>10</v>
      </c>
      <c r="H13258" t="s">
        <v>28700</v>
      </c>
      <c r="I13258" t="s">
        <v>30540</v>
      </c>
    </row>
    <row r="13259" spans="1:9">
      <c r="A13259" s="1">
        <v>0.40328733284588003</v>
      </c>
      <c r="B13259" s="1"/>
      <c r="C13259">
        <v>18</v>
      </c>
      <c r="D13259" t="s">
        <v>28705</v>
      </c>
      <c r="E13259" t="s">
        <v>34725</v>
      </c>
      <c r="F13259">
        <v>4</v>
      </c>
      <c r="G13259" t="s">
        <v>0</v>
      </c>
      <c r="H13259" t="s">
        <v>28706</v>
      </c>
      <c r="I13259" t="s">
        <v>30540</v>
      </c>
    </row>
    <row r="13260" spans="1:9">
      <c r="A13260" s="1">
        <v>8.4909133475270515E-2</v>
      </c>
      <c r="B13260" s="1"/>
      <c r="C13260">
        <v>15</v>
      </c>
      <c r="D13260" t="s">
        <v>28703</v>
      </c>
      <c r="E13260" t="s">
        <v>34725</v>
      </c>
      <c r="F13260">
        <v>4</v>
      </c>
      <c r="G13260" t="s">
        <v>14</v>
      </c>
      <c r="H13260" t="s">
        <v>28704</v>
      </c>
      <c r="I13260" t="s">
        <v>30540</v>
      </c>
    </row>
    <row r="13261" spans="1:9">
      <c r="A13261" s="1">
        <v>0.85965349842910677</v>
      </c>
      <c r="B13261" s="1"/>
      <c r="C13261">
        <v>10</v>
      </c>
      <c r="D13261" t="s">
        <v>28701</v>
      </c>
      <c r="E13261" t="s">
        <v>34725</v>
      </c>
      <c r="F13261">
        <v>4</v>
      </c>
      <c r="G13261" t="s">
        <v>15</v>
      </c>
      <c r="H13261" t="s">
        <v>28702</v>
      </c>
      <c r="I13261" t="s">
        <v>30540</v>
      </c>
    </row>
    <row r="13262" spans="1:9">
      <c r="A13262" s="1">
        <v>0.53155776086349649</v>
      </c>
      <c r="B13262" s="1"/>
      <c r="C13262">
        <v>8</v>
      </c>
      <c r="D13262" t="s">
        <v>28697</v>
      </c>
      <c r="E13262" t="s">
        <v>34725</v>
      </c>
      <c r="F13262">
        <v>4</v>
      </c>
      <c r="G13262" t="s">
        <v>0</v>
      </c>
      <c r="H13262" t="s">
        <v>28698</v>
      </c>
      <c r="I13262" t="s">
        <v>30540</v>
      </c>
    </row>
    <row r="13263" spans="1:9">
      <c r="A13263" s="1">
        <v>0.78937447507852299</v>
      </c>
      <c r="B13263" s="1"/>
      <c r="C13263">
        <v>1</v>
      </c>
      <c r="D13263" t="s">
        <v>28693</v>
      </c>
      <c r="E13263" t="s">
        <v>34725</v>
      </c>
      <c r="F13263">
        <v>3</v>
      </c>
      <c r="G13263" t="s">
        <v>0</v>
      </c>
      <c r="H13263" t="s">
        <v>28694</v>
      </c>
      <c r="I13263" t="s">
        <v>30540</v>
      </c>
    </row>
    <row r="13264" spans="1:9">
      <c r="A13264" s="1">
        <v>0.12197287054134753</v>
      </c>
      <c r="B13264" s="1"/>
      <c r="C13264">
        <v>9</v>
      </c>
      <c r="D13264" t="s">
        <v>28691</v>
      </c>
      <c r="E13264" t="s">
        <v>34726</v>
      </c>
      <c r="F13264">
        <v>3</v>
      </c>
      <c r="G13264" t="s">
        <v>0</v>
      </c>
      <c r="H13264" t="s">
        <v>28692</v>
      </c>
      <c r="I13264" t="s">
        <v>30540</v>
      </c>
    </row>
    <row r="13265" spans="1:9">
      <c r="A13265" s="1">
        <v>0.59568793852899804</v>
      </c>
      <c r="B13265" s="1"/>
      <c r="C13265">
        <v>4</v>
      </c>
      <c r="D13265" t="s">
        <v>28685</v>
      </c>
      <c r="E13265" t="s">
        <v>34727</v>
      </c>
      <c r="F13265">
        <v>5</v>
      </c>
      <c r="G13265" t="s">
        <v>0</v>
      </c>
      <c r="H13265" t="s">
        <v>28686</v>
      </c>
      <c r="I13265" t="s">
        <v>30540</v>
      </c>
    </row>
    <row r="13266" spans="1:9">
      <c r="A13266" s="1">
        <v>0.6214475582431368</v>
      </c>
      <c r="B13266" s="1"/>
      <c r="C13266">
        <v>8</v>
      </c>
      <c r="D13266" t="s">
        <v>28681</v>
      </c>
      <c r="E13266" t="s">
        <v>34728</v>
      </c>
      <c r="F13266">
        <v>5</v>
      </c>
      <c r="G13266" t="s">
        <v>0</v>
      </c>
      <c r="H13266" t="s">
        <v>28682</v>
      </c>
      <c r="I13266" t="s">
        <v>30540</v>
      </c>
    </row>
    <row r="13267" spans="1:9">
      <c r="A13267" s="1">
        <v>8.7495641106015931E-2</v>
      </c>
      <c r="B13267" s="1"/>
      <c r="C13267">
        <v>1</v>
      </c>
      <c r="D13267" t="s">
        <v>28679</v>
      </c>
      <c r="E13267" t="s">
        <v>34728</v>
      </c>
      <c r="F13267">
        <v>4</v>
      </c>
      <c r="G13267" t="s">
        <v>0</v>
      </c>
      <c r="H13267" t="s">
        <v>28680</v>
      </c>
      <c r="I13267" t="s">
        <v>30540</v>
      </c>
    </row>
    <row r="13268" spans="1:9">
      <c r="A13268" s="1">
        <v>0.58134232569294508</v>
      </c>
      <c r="B13268" s="1"/>
      <c r="C13268">
        <v>20</v>
      </c>
      <c r="D13268" t="s">
        <v>28683</v>
      </c>
      <c r="E13268" t="s">
        <v>34728</v>
      </c>
      <c r="F13268">
        <v>3</v>
      </c>
      <c r="G13268" t="s">
        <v>1</v>
      </c>
      <c r="H13268" t="s">
        <v>28684</v>
      </c>
      <c r="I13268" t="s">
        <v>30540</v>
      </c>
    </row>
    <row r="13269" spans="1:9">
      <c r="A13269" s="1">
        <v>0.77331270709094468</v>
      </c>
      <c r="B13269" s="1"/>
      <c r="C13269">
        <v>12</v>
      </c>
      <c r="D13269" t="s">
        <v>28673</v>
      </c>
      <c r="E13269" t="s">
        <v>34729</v>
      </c>
      <c r="F13269">
        <v>4</v>
      </c>
      <c r="G13269" t="s">
        <v>0</v>
      </c>
      <c r="H13269" t="s">
        <v>28674</v>
      </c>
      <c r="I13269" t="s">
        <v>30540</v>
      </c>
    </row>
    <row r="13270" spans="1:9">
      <c r="A13270" s="1">
        <v>0.17519863216915432</v>
      </c>
      <c r="B13270" s="1"/>
      <c r="C13270">
        <v>18</v>
      </c>
      <c r="D13270" t="s">
        <v>28677</v>
      </c>
      <c r="E13270" t="s">
        <v>34729</v>
      </c>
      <c r="F13270">
        <v>4</v>
      </c>
      <c r="G13270" t="s">
        <v>9</v>
      </c>
      <c r="H13270" t="s">
        <v>28678</v>
      </c>
      <c r="I13270" t="s">
        <v>30540</v>
      </c>
    </row>
    <row r="13271" spans="1:9">
      <c r="A13271" s="1">
        <v>0.59266596390063431</v>
      </c>
      <c r="B13271" s="1"/>
      <c r="C13271">
        <v>13</v>
      </c>
      <c r="D13271" t="s">
        <v>28675</v>
      </c>
      <c r="E13271" t="s">
        <v>34729</v>
      </c>
      <c r="F13271">
        <v>4</v>
      </c>
      <c r="G13271" t="s">
        <v>0</v>
      </c>
      <c r="H13271" t="s">
        <v>28676</v>
      </c>
      <c r="I13271" t="s">
        <v>30540</v>
      </c>
    </row>
    <row r="13272" spans="1:9">
      <c r="A13272" s="1">
        <v>0.52674382047741708</v>
      </c>
      <c r="B13272" s="1"/>
      <c r="C13272">
        <v>10</v>
      </c>
      <c r="D13272" t="s">
        <v>28671</v>
      </c>
      <c r="E13272" t="s">
        <v>34729</v>
      </c>
      <c r="F13272">
        <v>4</v>
      </c>
      <c r="G13272" t="s">
        <v>0</v>
      </c>
      <c r="H13272" t="s">
        <v>28672</v>
      </c>
      <c r="I13272" t="s">
        <v>30540</v>
      </c>
    </row>
    <row r="13273" spans="1:9">
      <c r="A13273" s="1">
        <v>0.94968686021730009</v>
      </c>
      <c r="B13273" s="1"/>
      <c r="C13273">
        <v>1</v>
      </c>
      <c r="D13273" t="s">
        <v>28661</v>
      </c>
      <c r="E13273" t="s">
        <v>34730</v>
      </c>
      <c r="F13273">
        <v>5</v>
      </c>
      <c r="G13273" t="s">
        <v>0</v>
      </c>
      <c r="H13273" t="s">
        <v>28662</v>
      </c>
      <c r="I13273" t="s">
        <v>30540</v>
      </c>
    </row>
    <row r="13274" spans="1:9">
      <c r="A13274" s="1">
        <v>0.45765812792655935</v>
      </c>
      <c r="B13274" s="1"/>
      <c r="C13274">
        <v>9</v>
      </c>
      <c r="D13274" t="s">
        <v>28665</v>
      </c>
      <c r="E13274" t="s">
        <v>34730</v>
      </c>
      <c r="F13274">
        <v>5</v>
      </c>
      <c r="G13274" t="s">
        <v>0</v>
      </c>
      <c r="H13274" t="s">
        <v>28666</v>
      </c>
      <c r="I13274" t="s">
        <v>30540</v>
      </c>
    </row>
    <row r="13275" spans="1:9">
      <c r="A13275" s="1">
        <v>0.85447361044201953</v>
      </c>
      <c r="B13275" s="1"/>
      <c r="C13275">
        <v>19</v>
      </c>
      <c r="D13275" t="s">
        <v>28669</v>
      </c>
      <c r="E13275" t="s">
        <v>34730</v>
      </c>
      <c r="F13275">
        <v>4</v>
      </c>
      <c r="G13275" t="s">
        <v>0</v>
      </c>
      <c r="H13275" t="s">
        <v>28670</v>
      </c>
      <c r="I13275" t="s">
        <v>30540</v>
      </c>
    </row>
    <row r="13276" spans="1:9">
      <c r="A13276" s="1">
        <v>0.82018010894989746</v>
      </c>
      <c r="B13276" s="1"/>
      <c r="C13276">
        <v>10</v>
      </c>
      <c r="D13276" t="s">
        <v>28667</v>
      </c>
      <c r="E13276" t="s">
        <v>34730</v>
      </c>
      <c r="F13276">
        <v>4</v>
      </c>
      <c r="G13276" t="s">
        <v>10</v>
      </c>
      <c r="H13276" t="s">
        <v>28668</v>
      </c>
      <c r="I13276" t="s">
        <v>30540</v>
      </c>
    </row>
    <row r="13277" spans="1:9">
      <c r="A13277" s="1">
        <v>0.9932333926390885</v>
      </c>
      <c r="B13277" s="1"/>
      <c r="C13277">
        <v>8</v>
      </c>
      <c r="D13277" t="s">
        <v>28663</v>
      </c>
      <c r="E13277" t="s">
        <v>34730</v>
      </c>
      <c r="F13277">
        <v>4</v>
      </c>
      <c r="G13277" t="s">
        <v>0</v>
      </c>
      <c r="H13277" t="s">
        <v>28664</v>
      </c>
      <c r="I13277" t="s">
        <v>30540</v>
      </c>
    </row>
    <row r="13278" spans="1:9">
      <c r="A13278" s="1">
        <v>0.82097552264706652</v>
      </c>
      <c r="B13278" s="1"/>
      <c r="C13278">
        <v>4</v>
      </c>
      <c r="D13278" t="s">
        <v>28651</v>
      </c>
      <c r="E13278" t="s">
        <v>34731</v>
      </c>
      <c r="F13278">
        <v>5</v>
      </c>
      <c r="G13278" t="s">
        <v>9</v>
      </c>
      <c r="H13278" t="s">
        <v>28652</v>
      </c>
      <c r="I13278" t="s">
        <v>30540</v>
      </c>
    </row>
    <row r="13279" spans="1:9">
      <c r="A13279" s="1">
        <v>3.3463755001127971E-2</v>
      </c>
      <c r="B13279" s="1"/>
      <c r="C13279">
        <v>1</v>
      </c>
      <c r="D13279" t="s">
        <v>28647</v>
      </c>
      <c r="E13279" t="s">
        <v>34731</v>
      </c>
      <c r="F13279">
        <v>4</v>
      </c>
      <c r="G13279" t="s">
        <v>14</v>
      </c>
      <c r="H13279" t="s">
        <v>28648</v>
      </c>
      <c r="I13279" t="s">
        <v>30540</v>
      </c>
    </row>
    <row r="13280" spans="1:9">
      <c r="A13280" s="1">
        <v>0.60648181305317728</v>
      </c>
      <c r="B13280" s="1"/>
      <c r="C13280">
        <v>3</v>
      </c>
      <c r="D13280" t="s">
        <v>28649</v>
      </c>
      <c r="E13280" t="s">
        <v>34731</v>
      </c>
      <c r="F13280">
        <v>4</v>
      </c>
      <c r="G13280" t="s">
        <v>0</v>
      </c>
      <c r="H13280" t="s">
        <v>28650</v>
      </c>
      <c r="I13280" t="s">
        <v>30540</v>
      </c>
    </row>
    <row r="13281" spans="1:9">
      <c r="A13281" s="1">
        <v>0.89340764588623434</v>
      </c>
      <c r="B13281" s="1"/>
      <c r="C13281">
        <v>7</v>
      </c>
      <c r="D13281" t="s">
        <v>28657</v>
      </c>
      <c r="E13281" t="s">
        <v>34731</v>
      </c>
      <c r="F13281">
        <v>3</v>
      </c>
      <c r="G13281" t="s">
        <v>0</v>
      </c>
      <c r="H13281" t="s">
        <v>28658</v>
      </c>
      <c r="I13281" t="s">
        <v>30540</v>
      </c>
    </row>
    <row r="13282" spans="1:9">
      <c r="A13282" s="1">
        <v>0.90104005064975745</v>
      </c>
      <c r="B13282" s="1"/>
      <c r="C13282">
        <v>12</v>
      </c>
      <c r="D13282" t="s">
        <v>28659</v>
      </c>
      <c r="E13282" t="s">
        <v>34731</v>
      </c>
      <c r="F13282">
        <v>3</v>
      </c>
      <c r="G13282" t="s">
        <v>1</v>
      </c>
      <c r="H13282" t="s">
        <v>28660</v>
      </c>
      <c r="I13282" t="s">
        <v>30540</v>
      </c>
    </row>
    <row r="13283" spans="1:9">
      <c r="A13283" s="1">
        <v>0.6459038758479132</v>
      </c>
      <c r="B13283" s="1"/>
      <c r="C13283">
        <v>6</v>
      </c>
      <c r="D13283" t="s">
        <v>28643</v>
      </c>
      <c r="E13283" t="s">
        <v>34732</v>
      </c>
      <c r="F13283">
        <v>5</v>
      </c>
      <c r="G13283" t="s">
        <v>0</v>
      </c>
      <c r="H13283" t="s">
        <v>28644</v>
      </c>
      <c r="I13283" t="s">
        <v>30540</v>
      </c>
    </row>
    <row r="13284" spans="1:9">
      <c r="A13284" s="1">
        <v>0.40941336564842223</v>
      </c>
      <c r="B13284" s="1"/>
      <c r="C13284">
        <v>14</v>
      </c>
      <c r="D13284" t="s">
        <v>28645</v>
      </c>
      <c r="E13284" t="s">
        <v>34732</v>
      </c>
      <c r="F13284">
        <v>5</v>
      </c>
      <c r="G13284" t="s">
        <v>0</v>
      </c>
      <c r="H13284" t="s">
        <v>28646</v>
      </c>
      <c r="I13284" t="s">
        <v>30540</v>
      </c>
    </row>
    <row r="13285" spans="1:9">
      <c r="A13285" s="1">
        <v>0.21947179255298843</v>
      </c>
      <c r="B13285" s="1"/>
      <c r="C13285">
        <v>1</v>
      </c>
      <c r="D13285" t="s">
        <v>28635</v>
      </c>
      <c r="E13285" t="s">
        <v>34733</v>
      </c>
      <c r="F13285">
        <v>5</v>
      </c>
      <c r="G13285" t="s">
        <v>0</v>
      </c>
      <c r="H13285" t="s">
        <v>28636</v>
      </c>
      <c r="I13285" t="s">
        <v>30540</v>
      </c>
    </row>
    <row r="13286" spans="1:9">
      <c r="A13286" s="1">
        <v>0.26449396228599331</v>
      </c>
      <c r="B13286" s="1"/>
      <c r="C13286">
        <v>2</v>
      </c>
      <c r="D13286" t="s">
        <v>28637</v>
      </c>
      <c r="E13286" t="s">
        <v>34733</v>
      </c>
      <c r="F13286">
        <v>5</v>
      </c>
      <c r="G13286" t="s">
        <v>0</v>
      </c>
      <c r="H13286" t="s">
        <v>28638</v>
      </c>
      <c r="I13286" t="s">
        <v>30540</v>
      </c>
    </row>
    <row r="13287" spans="1:9">
      <c r="A13287" s="1">
        <v>6.9916077570595037E-2</v>
      </c>
      <c r="B13287" s="1"/>
      <c r="C13287">
        <v>12</v>
      </c>
      <c r="D13287" t="s">
        <v>28641</v>
      </c>
      <c r="E13287" t="s">
        <v>34733</v>
      </c>
      <c r="F13287">
        <v>4</v>
      </c>
      <c r="G13287" t="s">
        <v>1</v>
      </c>
      <c r="H13287" t="s">
        <v>28642</v>
      </c>
      <c r="I13287" t="s">
        <v>30540</v>
      </c>
    </row>
    <row r="13288" spans="1:9">
      <c r="A13288" s="1">
        <v>0.31778827394307241</v>
      </c>
      <c r="B13288" s="1"/>
      <c r="C13288">
        <v>4</v>
      </c>
      <c r="D13288" t="s">
        <v>28639</v>
      </c>
      <c r="E13288" t="s">
        <v>34733</v>
      </c>
      <c r="F13288">
        <v>4</v>
      </c>
      <c r="G13288" t="s">
        <v>0</v>
      </c>
      <c r="H13288" t="s">
        <v>28640</v>
      </c>
      <c r="I13288" t="s">
        <v>30540</v>
      </c>
    </row>
    <row r="13289" spans="1:9">
      <c r="A13289" s="1">
        <v>0.79384953907821809</v>
      </c>
      <c r="B13289" s="1"/>
      <c r="C13289">
        <v>20</v>
      </c>
      <c r="D13289" t="s">
        <v>28633</v>
      </c>
      <c r="E13289" t="s">
        <v>34734</v>
      </c>
      <c r="F13289">
        <v>5</v>
      </c>
      <c r="G13289" t="s">
        <v>0</v>
      </c>
      <c r="H13289" t="s">
        <v>28634</v>
      </c>
      <c r="I13289" t="s">
        <v>30540</v>
      </c>
    </row>
    <row r="13290" spans="1:9">
      <c r="A13290" s="1">
        <v>0.57119065660474022</v>
      </c>
      <c r="B13290" s="1"/>
      <c r="C13290">
        <v>19</v>
      </c>
      <c r="D13290" t="s">
        <v>28631</v>
      </c>
      <c r="E13290" t="s">
        <v>34734</v>
      </c>
      <c r="F13290">
        <v>4</v>
      </c>
      <c r="G13290" t="s">
        <v>0</v>
      </c>
      <c r="H13290" t="s">
        <v>28632</v>
      </c>
      <c r="I13290" t="s">
        <v>30540</v>
      </c>
    </row>
    <row r="13291" spans="1:9">
      <c r="A13291" s="1">
        <v>0.48129997288834236</v>
      </c>
      <c r="B13291" s="1"/>
      <c r="C13291">
        <v>3</v>
      </c>
      <c r="D13291" t="s">
        <v>28627</v>
      </c>
      <c r="E13291" t="s">
        <v>34734</v>
      </c>
      <c r="F13291">
        <v>4</v>
      </c>
      <c r="G13291" t="s">
        <v>0</v>
      </c>
      <c r="H13291" t="s">
        <v>28628</v>
      </c>
      <c r="I13291" t="s">
        <v>30540</v>
      </c>
    </row>
    <row r="13292" spans="1:9">
      <c r="A13292" s="1">
        <v>0.95986224996387781</v>
      </c>
      <c r="B13292" s="1"/>
      <c r="C13292">
        <v>18</v>
      </c>
      <c r="D13292" t="s">
        <v>28629</v>
      </c>
      <c r="E13292" t="s">
        <v>34734</v>
      </c>
      <c r="F13292">
        <v>4</v>
      </c>
      <c r="G13292" t="s">
        <v>0</v>
      </c>
      <c r="H13292" t="s">
        <v>28630</v>
      </c>
      <c r="I13292" t="s">
        <v>30540</v>
      </c>
    </row>
    <row r="13293" spans="1:9">
      <c r="A13293" s="1">
        <v>0.10626457972634418</v>
      </c>
      <c r="B13293" s="1"/>
      <c r="C13293">
        <v>13</v>
      </c>
      <c r="D13293" t="s">
        <v>28623</v>
      </c>
      <c r="E13293" t="s">
        <v>34735</v>
      </c>
      <c r="F13293">
        <v>5</v>
      </c>
      <c r="G13293" t="s">
        <v>0</v>
      </c>
      <c r="H13293" t="s">
        <v>28624</v>
      </c>
      <c r="I13293" t="s">
        <v>30540</v>
      </c>
    </row>
    <row r="13294" spans="1:9">
      <c r="A13294" s="1">
        <v>0.20673226198297934</v>
      </c>
      <c r="B13294" s="1"/>
      <c r="C13294">
        <v>9</v>
      </c>
      <c r="D13294" t="s">
        <v>28621</v>
      </c>
      <c r="E13294" t="s">
        <v>34735</v>
      </c>
      <c r="F13294">
        <v>5</v>
      </c>
      <c r="G13294" t="s">
        <v>0</v>
      </c>
      <c r="H13294" t="s">
        <v>28622</v>
      </c>
      <c r="I13294" t="s">
        <v>30540</v>
      </c>
    </row>
    <row r="13295" spans="1:9">
      <c r="A13295" s="1">
        <v>0.32565860220601095</v>
      </c>
      <c r="B13295" s="1"/>
      <c r="C13295">
        <v>5</v>
      </c>
      <c r="D13295" t="s">
        <v>28619</v>
      </c>
      <c r="E13295" t="s">
        <v>34735</v>
      </c>
      <c r="F13295">
        <v>3</v>
      </c>
      <c r="G13295" t="s">
        <v>2</v>
      </c>
      <c r="H13295" t="s">
        <v>28620</v>
      </c>
      <c r="I13295" t="s">
        <v>30540</v>
      </c>
    </row>
    <row r="13296" spans="1:9">
      <c r="A13296" s="1">
        <v>0.74600329716639369</v>
      </c>
      <c r="B13296" s="1"/>
      <c r="C13296">
        <v>15</v>
      </c>
      <c r="D13296" t="s">
        <v>28617</v>
      </c>
      <c r="E13296" t="s">
        <v>34736</v>
      </c>
      <c r="F13296">
        <v>4</v>
      </c>
      <c r="G13296" t="s">
        <v>0</v>
      </c>
      <c r="H13296" t="s">
        <v>28618</v>
      </c>
      <c r="I13296" t="s">
        <v>30540</v>
      </c>
    </row>
    <row r="13297" spans="1:9">
      <c r="A13297" s="1">
        <v>0.80461279921964335</v>
      </c>
      <c r="B13297" s="1"/>
      <c r="C13297">
        <v>1</v>
      </c>
      <c r="D13297" t="s">
        <v>28613</v>
      </c>
      <c r="E13297" t="s">
        <v>34736</v>
      </c>
      <c r="F13297">
        <v>4</v>
      </c>
      <c r="G13297" t="s">
        <v>0</v>
      </c>
      <c r="H13297" t="s">
        <v>28614</v>
      </c>
      <c r="I13297" t="s">
        <v>30540</v>
      </c>
    </row>
    <row r="13298" spans="1:9">
      <c r="A13298" s="1">
        <v>0.35125581560464147</v>
      </c>
      <c r="B13298" s="1"/>
      <c r="C13298">
        <v>3</v>
      </c>
      <c r="D13298" t="s">
        <v>28615</v>
      </c>
      <c r="E13298" t="s">
        <v>34736</v>
      </c>
      <c r="F13298">
        <v>4</v>
      </c>
      <c r="G13298" t="s">
        <v>0</v>
      </c>
      <c r="H13298" t="s">
        <v>28616</v>
      </c>
      <c r="I13298" t="s">
        <v>30540</v>
      </c>
    </row>
    <row r="13299" spans="1:9">
      <c r="A13299" s="1">
        <v>0.22041043270281646</v>
      </c>
      <c r="B13299" s="1"/>
      <c r="C13299">
        <v>13</v>
      </c>
      <c r="D13299" t="s">
        <v>28611</v>
      </c>
      <c r="E13299" t="s">
        <v>34737</v>
      </c>
      <c r="F13299">
        <v>5</v>
      </c>
      <c r="G13299" t="s">
        <v>0</v>
      </c>
      <c r="H13299" t="s">
        <v>28612</v>
      </c>
      <c r="I13299" t="s">
        <v>30540</v>
      </c>
    </row>
    <row r="13300" spans="1:9">
      <c r="A13300" s="1">
        <v>0.46998216828377792</v>
      </c>
      <c r="B13300" s="1"/>
      <c r="C13300">
        <v>2</v>
      </c>
      <c r="D13300" t="s">
        <v>28607</v>
      </c>
      <c r="E13300" t="s">
        <v>34737</v>
      </c>
      <c r="F13300">
        <v>4</v>
      </c>
      <c r="G13300" t="s">
        <v>0</v>
      </c>
      <c r="H13300" t="s">
        <v>28608</v>
      </c>
      <c r="I13300" t="s">
        <v>30540</v>
      </c>
    </row>
    <row r="13301" spans="1:9">
      <c r="A13301" s="1">
        <v>0.9640663421993898</v>
      </c>
      <c r="B13301" s="1"/>
      <c r="C13301">
        <v>12</v>
      </c>
      <c r="D13301" t="s">
        <v>28609</v>
      </c>
      <c r="E13301" t="s">
        <v>34737</v>
      </c>
      <c r="F13301">
        <v>4</v>
      </c>
      <c r="G13301" t="s">
        <v>0</v>
      </c>
      <c r="H13301" t="s">
        <v>28610</v>
      </c>
      <c r="I13301" t="s">
        <v>30540</v>
      </c>
    </row>
    <row r="13302" spans="1:9">
      <c r="A13302" s="1">
        <v>0.47806276904369438</v>
      </c>
      <c r="B13302" s="1"/>
      <c r="C13302">
        <v>2</v>
      </c>
      <c r="D13302" t="s">
        <v>28597</v>
      </c>
      <c r="E13302" t="s">
        <v>34738</v>
      </c>
      <c r="F13302">
        <v>4</v>
      </c>
      <c r="G13302" t="s">
        <v>0</v>
      </c>
      <c r="H13302" t="s">
        <v>28598</v>
      </c>
      <c r="I13302" t="s">
        <v>30540</v>
      </c>
    </row>
    <row r="13303" spans="1:9">
      <c r="A13303" s="1">
        <v>0.15893186822924366</v>
      </c>
      <c r="B13303" s="1"/>
      <c r="C13303">
        <v>5</v>
      </c>
      <c r="D13303" t="s">
        <v>28601</v>
      </c>
      <c r="E13303" t="s">
        <v>34738</v>
      </c>
      <c r="F13303">
        <v>4</v>
      </c>
      <c r="G13303" t="s">
        <v>0</v>
      </c>
      <c r="H13303" t="s">
        <v>28602</v>
      </c>
      <c r="I13303" t="s">
        <v>30540</v>
      </c>
    </row>
    <row r="13304" spans="1:9">
      <c r="A13304" s="1">
        <v>0.32119246338872298</v>
      </c>
      <c r="B13304" s="1"/>
      <c r="C13304">
        <v>7</v>
      </c>
      <c r="D13304" t="s">
        <v>28603</v>
      </c>
      <c r="E13304" t="s">
        <v>34738</v>
      </c>
      <c r="F13304">
        <v>4</v>
      </c>
      <c r="G13304" t="s">
        <v>14</v>
      </c>
      <c r="H13304" t="s">
        <v>28604</v>
      </c>
      <c r="I13304" t="s">
        <v>30540</v>
      </c>
    </row>
    <row r="13305" spans="1:9">
      <c r="A13305" s="1">
        <v>0.65185316647414593</v>
      </c>
      <c r="B13305" s="1"/>
      <c r="C13305">
        <v>4</v>
      </c>
      <c r="D13305" t="s">
        <v>28599</v>
      </c>
      <c r="E13305" t="s">
        <v>34738</v>
      </c>
      <c r="F13305">
        <v>3</v>
      </c>
      <c r="G13305" t="s">
        <v>1</v>
      </c>
      <c r="H13305" t="s">
        <v>28600</v>
      </c>
      <c r="I13305" t="s">
        <v>30540</v>
      </c>
    </row>
    <row r="13306" spans="1:9">
      <c r="A13306" s="1">
        <v>0.95744928576208255</v>
      </c>
      <c r="B13306" s="1"/>
      <c r="C13306">
        <v>9</v>
      </c>
      <c r="D13306" t="s">
        <v>28595</v>
      </c>
      <c r="E13306" t="s">
        <v>34739</v>
      </c>
      <c r="F13306">
        <v>4</v>
      </c>
      <c r="G13306" t="s">
        <v>14</v>
      </c>
      <c r="H13306" t="s">
        <v>28596</v>
      </c>
      <c r="I13306" t="s">
        <v>30540</v>
      </c>
    </row>
    <row r="13307" spans="1:9">
      <c r="A13307" s="1">
        <v>0.11459591258184398</v>
      </c>
      <c r="B13307" s="1"/>
      <c r="C13307">
        <v>15</v>
      </c>
      <c r="D13307" t="s">
        <v>28593</v>
      </c>
      <c r="E13307" t="s">
        <v>34740</v>
      </c>
      <c r="F13307">
        <v>5</v>
      </c>
      <c r="G13307" t="s">
        <v>0</v>
      </c>
      <c r="H13307" t="s">
        <v>28594</v>
      </c>
      <c r="I13307" t="s">
        <v>30540</v>
      </c>
    </row>
    <row r="13308" spans="1:9">
      <c r="A13308" s="1">
        <v>0.90752311740032687</v>
      </c>
      <c r="B13308" s="1"/>
      <c r="C13308">
        <v>6</v>
      </c>
      <c r="D13308" t="s">
        <v>28591</v>
      </c>
      <c r="E13308" t="s">
        <v>34740</v>
      </c>
      <c r="F13308">
        <v>4</v>
      </c>
      <c r="G13308" t="s">
        <v>0</v>
      </c>
      <c r="H13308" t="s">
        <v>28592</v>
      </c>
      <c r="I13308" t="s">
        <v>30540</v>
      </c>
    </row>
    <row r="13309" spans="1:9">
      <c r="A13309" s="1">
        <v>0.39462914270569549</v>
      </c>
      <c r="B13309" s="1"/>
      <c r="C13309">
        <v>4</v>
      </c>
      <c r="D13309" t="s">
        <v>28585</v>
      </c>
      <c r="E13309" t="s">
        <v>34741</v>
      </c>
      <c r="F13309">
        <v>5</v>
      </c>
      <c r="G13309" t="s">
        <v>0</v>
      </c>
      <c r="H13309" t="s">
        <v>28586</v>
      </c>
      <c r="I13309" t="s">
        <v>30540</v>
      </c>
    </row>
    <row r="13310" spans="1:9">
      <c r="A13310" s="1">
        <v>0.97468098660941904</v>
      </c>
      <c r="B13310" s="1"/>
      <c r="C13310">
        <v>15</v>
      </c>
      <c r="D13310" t="s">
        <v>28587</v>
      </c>
      <c r="E13310" t="s">
        <v>34741</v>
      </c>
      <c r="F13310">
        <v>4</v>
      </c>
      <c r="G13310" t="s">
        <v>0</v>
      </c>
      <c r="H13310" t="s">
        <v>28588</v>
      </c>
      <c r="I13310" t="s">
        <v>30540</v>
      </c>
    </row>
    <row r="13311" spans="1:9">
      <c r="A13311" s="1">
        <v>0.33670963128667608</v>
      </c>
      <c r="B13311" s="1"/>
      <c r="C13311">
        <v>4</v>
      </c>
      <c r="D13311" t="s">
        <v>28577</v>
      </c>
      <c r="E13311" t="s">
        <v>34742</v>
      </c>
      <c r="F13311">
        <v>5</v>
      </c>
      <c r="G13311" t="s">
        <v>0</v>
      </c>
      <c r="H13311" t="s">
        <v>28578</v>
      </c>
      <c r="I13311" t="s">
        <v>30540</v>
      </c>
    </row>
    <row r="13312" spans="1:9">
      <c r="A13312" s="1">
        <v>0.19097935327364524</v>
      </c>
      <c r="B13312" s="1"/>
      <c r="C13312">
        <v>5</v>
      </c>
      <c r="D13312" t="s">
        <v>28579</v>
      </c>
      <c r="E13312" t="s">
        <v>34742</v>
      </c>
      <c r="F13312">
        <v>4</v>
      </c>
      <c r="G13312" t="s">
        <v>0</v>
      </c>
      <c r="H13312" t="s">
        <v>28580</v>
      </c>
      <c r="I13312" t="s">
        <v>30540</v>
      </c>
    </row>
    <row r="13313" spans="1:9">
      <c r="A13313" s="1">
        <v>0.31387189053829767</v>
      </c>
      <c r="B13313" s="1"/>
      <c r="C13313">
        <v>1</v>
      </c>
      <c r="D13313" t="s">
        <v>28575</v>
      </c>
      <c r="E13313" t="s">
        <v>34742</v>
      </c>
      <c r="F13313">
        <v>4</v>
      </c>
      <c r="G13313" t="s">
        <v>0</v>
      </c>
      <c r="H13313" t="s">
        <v>28576</v>
      </c>
      <c r="I13313" t="s">
        <v>30540</v>
      </c>
    </row>
    <row r="13314" spans="1:9">
      <c r="A13314" s="1">
        <v>0.26898595596808983</v>
      </c>
      <c r="B13314" s="1"/>
      <c r="C13314">
        <v>18</v>
      </c>
      <c r="D13314" t="s">
        <v>28581</v>
      </c>
      <c r="E13314" t="s">
        <v>34742</v>
      </c>
      <c r="F13314">
        <v>4</v>
      </c>
      <c r="G13314" t="s">
        <v>0</v>
      </c>
      <c r="H13314" t="s">
        <v>28582</v>
      </c>
      <c r="I13314" t="s">
        <v>30540</v>
      </c>
    </row>
    <row r="13315" spans="1:9">
      <c r="A13315" s="1">
        <v>0.47676266842352455</v>
      </c>
      <c r="B13315" s="1"/>
      <c r="C13315">
        <v>14</v>
      </c>
      <c r="D13315" t="s">
        <v>28569</v>
      </c>
      <c r="E13315" t="s">
        <v>34743</v>
      </c>
      <c r="F13315">
        <v>4</v>
      </c>
      <c r="G13315" t="s">
        <v>9</v>
      </c>
      <c r="H13315" t="s">
        <v>28570</v>
      </c>
      <c r="I13315" t="s">
        <v>30540</v>
      </c>
    </row>
    <row r="13316" spans="1:9">
      <c r="A13316" s="1">
        <v>0.7903275385559797</v>
      </c>
      <c r="B13316" s="1"/>
      <c r="C13316">
        <v>15</v>
      </c>
      <c r="D13316" t="s">
        <v>28571</v>
      </c>
      <c r="E13316" t="s">
        <v>34743</v>
      </c>
      <c r="F13316">
        <v>4</v>
      </c>
      <c r="G13316" t="s">
        <v>13</v>
      </c>
      <c r="H13316" t="s">
        <v>28572</v>
      </c>
      <c r="I13316" t="s">
        <v>30540</v>
      </c>
    </row>
    <row r="13317" spans="1:9">
      <c r="A13317" s="1">
        <v>0.43281597419277185</v>
      </c>
      <c r="B13317" s="1"/>
      <c r="C13317">
        <v>7</v>
      </c>
      <c r="D13317" t="s">
        <v>28567</v>
      </c>
      <c r="E13317" t="s">
        <v>34743</v>
      </c>
      <c r="F13317">
        <v>4</v>
      </c>
      <c r="G13317" t="s">
        <v>0</v>
      </c>
      <c r="H13317" t="s">
        <v>28568</v>
      </c>
      <c r="I13317" t="s">
        <v>30540</v>
      </c>
    </row>
    <row r="13318" spans="1:9">
      <c r="A13318" s="1">
        <v>0.41998532124241561</v>
      </c>
      <c r="B13318" s="1"/>
      <c r="C13318">
        <v>20</v>
      </c>
      <c r="D13318" t="s">
        <v>28573</v>
      </c>
      <c r="E13318" t="s">
        <v>34743</v>
      </c>
      <c r="F13318">
        <v>3</v>
      </c>
      <c r="G13318" t="s">
        <v>0</v>
      </c>
      <c r="H13318" t="s">
        <v>28574</v>
      </c>
      <c r="I13318" t="s">
        <v>30540</v>
      </c>
    </row>
    <row r="13319" spans="1:9">
      <c r="A13319" s="1">
        <v>0.93818977264480585</v>
      </c>
      <c r="B13319" s="1"/>
      <c r="C13319">
        <v>4</v>
      </c>
      <c r="D13319" t="s">
        <v>28563</v>
      </c>
      <c r="E13319" t="s">
        <v>34743</v>
      </c>
      <c r="F13319">
        <v>3</v>
      </c>
      <c r="G13319" t="s">
        <v>0</v>
      </c>
      <c r="H13319" t="s">
        <v>28564</v>
      </c>
      <c r="I13319" t="s">
        <v>30540</v>
      </c>
    </row>
    <row r="13320" spans="1:9">
      <c r="A13320" s="1">
        <v>0.45110175021193832</v>
      </c>
      <c r="B13320" s="1"/>
      <c r="C13320">
        <v>11</v>
      </c>
      <c r="D13320" t="s">
        <v>28559</v>
      </c>
      <c r="E13320" t="s">
        <v>34744</v>
      </c>
      <c r="F13320">
        <v>4</v>
      </c>
      <c r="G13320" t="s">
        <v>0</v>
      </c>
      <c r="H13320" t="s">
        <v>28560</v>
      </c>
      <c r="I13320" t="s">
        <v>30540</v>
      </c>
    </row>
    <row r="13321" spans="1:9">
      <c r="A13321" s="1">
        <v>7.9428469987435912E-3</v>
      </c>
      <c r="B13321" s="1"/>
      <c r="C13321">
        <v>7</v>
      </c>
      <c r="D13321" t="s">
        <v>28557</v>
      </c>
      <c r="E13321" t="s">
        <v>34744</v>
      </c>
      <c r="F13321">
        <v>4</v>
      </c>
      <c r="G13321" t="s">
        <v>0</v>
      </c>
      <c r="H13321" t="s">
        <v>28558</v>
      </c>
      <c r="I13321" t="s">
        <v>30540</v>
      </c>
    </row>
    <row r="13322" spans="1:9">
      <c r="A13322" s="1">
        <v>0.98001068747844333</v>
      </c>
      <c r="B13322" s="1"/>
      <c r="C13322">
        <v>1</v>
      </c>
      <c r="D13322" t="s">
        <v>28555</v>
      </c>
      <c r="E13322" t="s">
        <v>34744</v>
      </c>
      <c r="F13322">
        <v>4</v>
      </c>
      <c r="G13322" t="s">
        <v>0</v>
      </c>
      <c r="H13322" t="s">
        <v>28556</v>
      </c>
      <c r="I13322" t="s">
        <v>30540</v>
      </c>
    </row>
    <row r="13323" spans="1:9">
      <c r="A13323" s="1">
        <v>0.12835055823549013</v>
      </c>
      <c r="B13323" s="1"/>
      <c r="C13323">
        <v>16</v>
      </c>
      <c r="D13323" t="s">
        <v>28561</v>
      </c>
      <c r="E13323" t="s">
        <v>34744</v>
      </c>
      <c r="F13323">
        <v>3</v>
      </c>
      <c r="G13323" t="s">
        <v>0</v>
      </c>
      <c r="H13323" t="s">
        <v>28562</v>
      </c>
      <c r="I13323" t="s">
        <v>30540</v>
      </c>
    </row>
    <row r="13324" spans="1:9">
      <c r="A13324" s="1">
        <v>0.10976601467995151</v>
      </c>
      <c r="B13324" s="1"/>
      <c r="C13324">
        <v>10</v>
      </c>
      <c r="D13324" t="s">
        <v>28549</v>
      </c>
      <c r="E13324" t="s">
        <v>34745</v>
      </c>
      <c r="F13324">
        <v>5</v>
      </c>
      <c r="G13324" t="s">
        <v>0</v>
      </c>
      <c r="H13324" t="s">
        <v>28550</v>
      </c>
      <c r="I13324" t="s">
        <v>30540</v>
      </c>
    </row>
    <row r="13325" spans="1:9">
      <c r="A13325" s="1">
        <v>0.6554382730794166</v>
      </c>
      <c r="B13325" s="1"/>
      <c r="C13325">
        <v>8</v>
      </c>
      <c r="D13325" t="s">
        <v>28547</v>
      </c>
      <c r="E13325" t="s">
        <v>34745</v>
      </c>
      <c r="F13325">
        <v>4</v>
      </c>
      <c r="G13325" t="s">
        <v>2</v>
      </c>
      <c r="H13325" t="s">
        <v>28548</v>
      </c>
      <c r="I13325" t="s">
        <v>30540</v>
      </c>
    </row>
    <row r="13326" spans="1:9">
      <c r="A13326" s="1">
        <v>0.8501498576054316</v>
      </c>
      <c r="B13326" s="1"/>
      <c r="C13326">
        <v>20</v>
      </c>
      <c r="D13326" t="s">
        <v>28553</v>
      </c>
      <c r="E13326" t="s">
        <v>34745</v>
      </c>
      <c r="F13326">
        <v>4</v>
      </c>
      <c r="G13326" t="s">
        <v>0</v>
      </c>
      <c r="H13326" t="s">
        <v>28554</v>
      </c>
      <c r="I13326" t="s">
        <v>30540</v>
      </c>
    </row>
    <row r="13327" spans="1:9">
      <c r="A13327" s="1">
        <v>0.3029666015364656</v>
      </c>
      <c r="B13327" s="1"/>
      <c r="C13327">
        <v>1</v>
      </c>
      <c r="D13327" t="s">
        <v>28545</v>
      </c>
      <c r="E13327" t="s">
        <v>34745</v>
      </c>
      <c r="F13327">
        <v>4</v>
      </c>
      <c r="G13327" t="s">
        <v>0</v>
      </c>
      <c r="H13327" t="s">
        <v>28546</v>
      </c>
      <c r="I13327" t="s">
        <v>30540</v>
      </c>
    </row>
    <row r="13328" spans="1:9">
      <c r="A13328" s="1">
        <v>0.55467338589964854</v>
      </c>
      <c r="B13328" s="1"/>
      <c r="C13328">
        <v>16</v>
      </c>
      <c r="D13328" t="s">
        <v>28543</v>
      </c>
      <c r="E13328" t="s">
        <v>34746</v>
      </c>
      <c r="F13328">
        <v>4</v>
      </c>
      <c r="G13328" t="s">
        <v>0</v>
      </c>
      <c r="H13328" t="s">
        <v>28544</v>
      </c>
      <c r="I13328" t="s">
        <v>30540</v>
      </c>
    </row>
    <row r="13329" spans="1:9">
      <c r="A13329" s="1">
        <v>0.88382962420338884</v>
      </c>
      <c r="B13329" s="1"/>
      <c r="C13329">
        <v>15</v>
      </c>
      <c r="D13329" t="s">
        <v>28541</v>
      </c>
      <c r="E13329" t="s">
        <v>34746</v>
      </c>
      <c r="F13329">
        <v>4</v>
      </c>
      <c r="G13329" t="s">
        <v>0</v>
      </c>
      <c r="H13329" t="s">
        <v>28542</v>
      </c>
      <c r="I13329" t="s">
        <v>30540</v>
      </c>
    </row>
    <row r="13330" spans="1:9">
      <c r="A13330" s="1">
        <v>0.20306312971582463</v>
      </c>
      <c r="B13330" s="1"/>
      <c r="C13330">
        <v>5</v>
      </c>
      <c r="D13330" t="s">
        <v>28537</v>
      </c>
      <c r="E13330" t="s">
        <v>34747</v>
      </c>
      <c r="F13330">
        <v>5</v>
      </c>
      <c r="G13330" t="s">
        <v>0</v>
      </c>
      <c r="H13330" t="s">
        <v>28538</v>
      </c>
      <c r="I13330" t="s">
        <v>30540</v>
      </c>
    </row>
    <row r="13331" spans="1:9">
      <c r="A13331" s="1">
        <v>0.96210650899254246</v>
      </c>
      <c r="B13331" s="1"/>
      <c r="C13331">
        <v>4</v>
      </c>
      <c r="D13331" t="s">
        <v>28535</v>
      </c>
      <c r="E13331" t="s">
        <v>34747</v>
      </c>
      <c r="F13331">
        <v>4</v>
      </c>
      <c r="G13331" t="s">
        <v>0</v>
      </c>
      <c r="H13331" t="s">
        <v>28536</v>
      </c>
      <c r="I13331" t="s">
        <v>30540</v>
      </c>
    </row>
    <row r="13332" spans="1:9">
      <c r="A13332" s="1">
        <v>0.25431302736874772</v>
      </c>
      <c r="B13332" s="1"/>
      <c r="C13332">
        <v>16</v>
      </c>
      <c r="D13332" t="s">
        <v>28539</v>
      </c>
      <c r="E13332" t="s">
        <v>34747</v>
      </c>
      <c r="F13332">
        <v>4</v>
      </c>
      <c r="G13332" t="s">
        <v>13</v>
      </c>
      <c r="H13332" t="s">
        <v>28540</v>
      </c>
      <c r="I13332" t="s">
        <v>30540</v>
      </c>
    </row>
    <row r="13333" spans="1:9">
      <c r="A13333" s="1">
        <v>0.32761776008925647</v>
      </c>
      <c r="B13333" s="1"/>
      <c r="C13333">
        <v>17</v>
      </c>
      <c r="D13333" t="s">
        <v>28531</v>
      </c>
      <c r="E13333" t="s">
        <v>34748</v>
      </c>
      <c r="F13333">
        <v>4</v>
      </c>
      <c r="G13333" t="s">
        <v>0</v>
      </c>
      <c r="H13333" t="s">
        <v>28532</v>
      </c>
      <c r="I13333" t="s">
        <v>30540</v>
      </c>
    </row>
    <row r="13334" spans="1:9">
      <c r="A13334" s="1">
        <v>4.5320491035695243E-2</v>
      </c>
      <c r="B13334" s="1"/>
      <c r="C13334">
        <v>3</v>
      </c>
      <c r="D13334" t="s">
        <v>28529</v>
      </c>
      <c r="E13334" t="s">
        <v>34748</v>
      </c>
      <c r="F13334">
        <v>4</v>
      </c>
      <c r="G13334" t="s">
        <v>0</v>
      </c>
      <c r="H13334" t="s">
        <v>28530</v>
      </c>
      <c r="I13334" t="s">
        <v>30540</v>
      </c>
    </row>
    <row r="13335" spans="1:9">
      <c r="A13335" s="1">
        <v>0.47970816593671528</v>
      </c>
      <c r="B13335" s="1"/>
      <c r="C13335">
        <v>20</v>
      </c>
      <c r="D13335" t="s">
        <v>28533</v>
      </c>
      <c r="E13335" t="s">
        <v>34748</v>
      </c>
      <c r="F13335">
        <v>4</v>
      </c>
      <c r="G13335" t="s">
        <v>0</v>
      </c>
      <c r="H13335" t="s">
        <v>28534</v>
      </c>
      <c r="I13335" t="s">
        <v>30540</v>
      </c>
    </row>
    <row r="13336" spans="1:9">
      <c r="A13336" s="1">
        <v>0.54116610139120191</v>
      </c>
      <c r="B13336" s="1"/>
      <c r="C13336">
        <v>12</v>
      </c>
      <c r="D13336" t="s">
        <v>28527</v>
      </c>
      <c r="E13336" t="s">
        <v>34749</v>
      </c>
      <c r="F13336">
        <v>5</v>
      </c>
      <c r="G13336" t="s">
        <v>0</v>
      </c>
      <c r="H13336" t="s">
        <v>28528</v>
      </c>
      <c r="I13336" t="s">
        <v>30540</v>
      </c>
    </row>
    <row r="13337" spans="1:9">
      <c r="A13337" s="1">
        <v>0.73580944909061419</v>
      </c>
      <c r="B13337" s="1"/>
      <c r="C13337">
        <v>11</v>
      </c>
      <c r="D13337" t="s">
        <v>28525</v>
      </c>
      <c r="E13337" t="s">
        <v>34749</v>
      </c>
      <c r="F13337">
        <v>4</v>
      </c>
      <c r="G13337" t="s">
        <v>0</v>
      </c>
      <c r="H13337" t="s">
        <v>28526</v>
      </c>
      <c r="I13337" t="s">
        <v>30540</v>
      </c>
    </row>
    <row r="13338" spans="1:9">
      <c r="A13338" s="1">
        <v>0.84482058462978027</v>
      </c>
      <c r="B13338" s="1"/>
      <c r="C13338">
        <v>2</v>
      </c>
      <c r="D13338" t="s">
        <v>28523</v>
      </c>
      <c r="E13338" t="s">
        <v>34749</v>
      </c>
      <c r="F13338">
        <v>4</v>
      </c>
      <c r="G13338" t="s">
        <v>0</v>
      </c>
      <c r="H13338" t="s">
        <v>28524</v>
      </c>
      <c r="I13338" t="s">
        <v>30540</v>
      </c>
    </row>
    <row r="13339" spans="1:9">
      <c r="A13339" s="1">
        <v>0.67720007326353648</v>
      </c>
      <c r="B13339" s="1"/>
      <c r="C13339">
        <v>1</v>
      </c>
      <c r="D13339" t="s">
        <v>28521</v>
      </c>
      <c r="E13339" t="s">
        <v>34749</v>
      </c>
      <c r="F13339">
        <v>4</v>
      </c>
      <c r="G13339" t="s">
        <v>2</v>
      </c>
      <c r="H13339" t="s">
        <v>28522</v>
      </c>
      <c r="I13339" t="s">
        <v>30540</v>
      </c>
    </row>
    <row r="13340" spans="1:9">
      <c r="A13340" s="1">
        <v>0.96812727756782868</v>
      </c>
      <c r="B13340" s="1"/>
      <c r="C13340">
        <v>19</v>
      </c>
      <c r="D13340" t="s">
        <v>28517</v>
      </c>
      <c r="E13340" t="s">
        <v>34750</v>
      </c>
      <c r="F13340">
        <v>4</v>
      </c>
      <c r="G13340" t="s">
        <v>0</v>
      </c>
      <c r="H13340" t="s">
        <v>28518</v>
      </c>
      <c r="I13340" t="s">
        <v>30540</v>
      </c>
    </row>
    <row r="13341" spans="1:9">
      <c r="A13341" s="1">
        <v>1.2385696666529444E-2</v>
      </c>
      <c r="B13341" s="1"/>
      <c r="C13341">
        <v>13</v>
      </c>
      <c r="D13341" t="s">
        <v>28515</v>
      </c>
      <c r="E13341" t="s">
        <v>34750</v>
      </c>
      <c r="F13341">
        <v>4</v>
      </c>
      <c r="G13341" t="s">
        <v>0</v>
      </c>
      <c r="H13341" t="s">
        <v>28516</v>
      </c>
      <c r="I13341" t="s">
        <v>30540</v>
      </c>
    </row>
    <row r="13342" spans="1:9">
      <c r="A13342" s="1">
        <v>7.5523430774779632E-2</v>
      </c>
      <c r="B13342" s="1"/>
      <c r="C13342">
        <v>20</v>
      </c>
      <c r="D13342" t="s">
        <v>28519</v>
      </c>
      <c r="E13342" t="s">
        <v>34750</v>
      </c>
      <c r="F13342">
        <v>4</v>
      </c>
      <c r="G13342" t="s">
        <v>2</v>
      </c>
      <c r="H13342" t="s">
        <v>28520</v>
      </c>
      <c r="I13342" t="s">
        <v>30540</v>
      </c>
    </row>
    <row r="13343" spans="1:9">
      <c r="A13343" s="1">
        <v>0.4196585071669755</v>
      </c>
      <c r="B13343" s="1"/>
      <c r="C13343">
        <v>15</v>
      </c>
      <c r="D13343" t="s">
        <v>30531</v>
      </c>
      <c r="E13343" t="s">
        <v>34751</v>
      </c>
      <c r="F13343">
        <v>5</v>
      </c>
      <c r="G13343" t="s">
        <v>0</v>
      </c>
      <c r="H13343" t="s">
        <v>30532</v>
      </c>
      <c r="I13343" t="s">
        <v>30540</v>
      </c>
    </row>
    <row r="13344" spans="1:9">
      <c r="A13344" s="1">
        <v>0.9453717255934373</v>
      </c>
      <c r="B13344" s="1"/>
      <c r="C13344">
        <v>8</v>
      </c>
      <c r="D13344" t="s">
        <v>30529</v>
      </c>
      <c r="E13344" t="s">
        <v>34752</v>
      </c>
      <c r="F13344">
        <v>4</v>
      </c>
      <c r="G13344" t="s">
        <v>0</v>
      </c>
      <c r="H13344" t="s">
        <v>30530</v>
      </c>
      <c r="I13344" t="s">
        <v>30540</v>
      </c>
    </row>
    <row r="13345" spans="1:9">
      <c r="A13345" s="1">
        <v>0.60426009407651426</v>
      </c>
      <c r="B13345" s="1"/>
      <c r="C13345">
        <v>2</v>
      </c>
      <c r="D13345" t="s">
        <v>30525</v>
      </c>
      <c r="E13345" t="s">
        <v>34753</v>
      </c>
      <c r="F13345">
        <v>5</v>
      </c>
      <c r="G13345" t="s">
        <v>0</v>
      </c>
      <c r="H13345" t="s">
        <v>30526</v>
      </c>
      <c r="I13345" t="s">
        <v>30540</v>
      </c>
    </row>
    <row r="13346" spans="1:9">
      <c r="A13346" s="1">
        <v>9.8875211658059015E-2</v>
      </c>
      <c r="B13346" s="1"/>
      <c r="C13346">
        <v>13</v>
      </c>
      <c r="D13346" t="s">
        <v>30527</v>
      </c>
      <c r="E13346" t="s">
        <v>34753</v>
      </c>
      <c r="F13346">
        <v>4</v>
      </c>
      <c r="G13346" t="s">
        <v>0</v>
      </c>
      <c r="H13346" t="s">
        <v>30528</v>
      </c>
      <c r="I13346" t="s">
        <v>30540</v>
      </c>
    </row>
    <row r="13347" spans="1:9">
      <c r="A13347" s="1">
        <v>0.26548695252706822</v>
      </c>
      <c r="B13347" s="1"/>
      <c r="C13347">
        <v>6</v>
      </c>
      <c r="D13347" t="s">
        <v>30523</v>
      </c>
      <c r="E13347" t="s">
        <v>34754</v>
      </c>
      <c r="F13347">
        <v>4</v>
      </c>
      <c r="G13347" t="s">
        <v>0</v>
      </c>
      <c r="H13347" t="s">
        <v>30524</v>
      </c>
      <c r="I13347" t="s">
        <v>30540</v>
      </c>
    </row>
    <row r="13348" spans="1:9">
      <c r="A13348" s="1">
        <v>0.41100321463542455</v>
      </c>
      <c r="B13348" s="1"/>
      <c r="C13348">
        <v>17</v>
      </c>
      <c r="D13348" t="s">
        <v>30521</v>
      </c>
      <c r="E13348" t="s">
        <v>34755</v>
      </c>
      <c r="F13348">
        <v>5</v>
      </c>
      <c r="G13348" t="s">
        <v>0</v>
      </c>
      <c r="H13348" t="s">
        <v>30522</v>
      </c>
      <c r="I13348" t="s">
        <v>30540</v>
      </c>
    </row>
    <row r="13349" spans="1:9">
      <c r="A13349" s="1">
        <v>0.55796465179593335</v>
      </c>
      <c r="B13349" s="1"/>
      <c r="C13349">
        <v>5</v>
      </c>
      <c r="D13349" t="s">
        <v>30519</v>
      </c>
      <c r="E13349" t="s">
        <v>34755</v>
      </c>
      <c r="F13349">
        <v>4</v>
      </c>
      <c r="G13349" t="s">
        <v>0</v>
      </c>
      <c r="H13349" t="s">
        <v>30520</v>
      </c>
      <c r="I13349" t="s">
        <v>30540</v>
      </c>
    </row>
    <row r="13350" spans="1:9">
      <c r="A13350" s="1">
        <v>0.94000765314594603</v>
      </c>
      <c r="B13350" s="1"/>
      <c r="C13350">
        <v>10</v>
      </c>
      <c r="D13350" t="s">
        <v>30513</v>
      </c>
      <c r="E13350" t="s">
        <v>34756</v>
      </c>
      <c r="F13350">
        <v>4</v>
      </c>
      <c r="G13350" t="s">
        <v>0</v>
      </c>
      <c r="H13350" t="s">
        <v>30514</v>
      </c>
      <c r="I13350" t="s">
        <v>30540</v>
      </c>
    </row>
    <row r="13351" spans="1:9">
      <c r="A13351" s="1">
        <v>0.78351634270991433</v>
      </c>
      <c r="B13351" s="1"/>
      <c r="C13351">
        <v>11</v>
      </c>
      <c r="D13351" t="s">
        <v>30503</v>
      </c>
      <c r="E13351" t="s">
        <v>34757</v>
      </c>
      <c r="F13351">
        <v>5</v>
      </c>
      <c r="G13351" t="s">
        <v>0</v>
      </c>
      <c r="H13351" t="s">
        <v>30504</v>
      </c>
      <c r="I13351" t="s">
        <v>30540</v>
      </c>
    </row>
    <row r="13352" spans="1:9">
      <c r="A13352" s="1">
        <v>0.87776353448239552</v>
      </c>
      <c r="B13352" s="1"/>
      <c r="C13352">
        <v>6</v>
      </c>
      <c r="D13352" t="s">
        <v>30501</v>
      </c>
      <c r="E13352" t="s">
        <v>34757</v>
      </c>
      <c r="F13352">
        <v>5</v>
      </c>
      <c r="G13352" t="s">
        <v>0</v>
      </c>
      <c r="H13352" t="s">
        <v>30502</v>
      </c>
      <c r="I13352" t="s">
        <v>30540</v>
      </c>
    </row>
    <row r="13353" spans="1:9">
      <c r="A13353" s="1">
        <v>0.31274130045866166</v>
      </c>
      <c r="B13353" s="1"/>
      <c r="C13353">
        <v>14</v>
      </c>
      <c r="D13353" t="s">
        <v>30507</v>
      </c>
      <c r="E13353" t="s">
        <v>34757</v>
      </c>
      <c r="F13353">
        <v>4</v>
      </c>
      <c r="G13353" t="s">
        <v>15</v>
      </c>
      <c r="H13353" t="s">
        <v>30508</v>
      </c>
      <c r="I13353" t="s">
        <v>30540</v>
      </c>
    </row>
    <row r="13354" spans="1:9">
      <c r="A13354" s="1">
        <v>0.57254728224890084</v>
      </c>
      <c r="B13354" s="1"/>
      <c r="C13354">
        <v>16</v>
      </c>
      <c r="D13354" t="s">
        <v>30509</v>
      </c>
      <c r="E13354" t="s">
        <v>34757</v>
      </c>
      <c r="F13354">
        <v>4</v>
      </c>
      <c r="G13354" t="s">
        <v>0</v>
      </c>
      <c r="H13354" t="s">
        <v>30510</v>
      </c>
      <c r="I13354" t="s">
        <v>30540</v>
      </c>
    </row>
    <row r="13355" spans="1:9">
      <c r="A13355" s="1">
        <v>8.8209864449054654E-2</v>
      </c>
      <c r="B13355" s="1"/>
      <c r="C13355">
        <v>10</v>
      </c>
      <c r="D13355" t="s">
        <v>30497</v>
      </c>
      <c r="E13355" t="s">
        <v>34758</v>
      </c>
      <c r="F13355">
        <v>5</v>
      </c>
      <c r="G13355" t="s">
        <v>0</v>
      </c>
      <c r="H13355" t="s">
        <v>30498</v>
      </c>
      <c r="I13355" t="s">
        <v>30540</v>
      </c>
    </row>
    <row r="13356" spans="1:9">
      <c r="A13356" s="1">
        <v>0.34952751107087765</v>
      </c>
      <c r="B13356" s="1"/>
      <c r="C13356">
        <v>12</v>
      </c>
      <c r="D13356" t="s">
        <v>30499</v>
      </c>
      <c r="E13356" t="s">
        <v>34758</v>
      </c>
      <c r="F13356">
        <v>4</v>
      </c>
      <c r="G13356" t="s">
        <v>10</v>
      </c>
      <c r="H13356" t="s">
        <v>30500</v>
      </c>
      <c r="I13356" t="s">
        <v>30540</v>
      </c>
    </row>
    <row r="13357" spans="1:9">
      <c r="A13357" s="1">
        <v>0.62970449846760124</v>
      </c>
      <c r="B13357" s="1"/>
      <c r="C13357">
        <v>3</v>
      </c>
      <c r="D13357" t="s">
        <v>30491</v>
      </c>
      <c r="E13357" t="s">
        <v>34758</v>
      </c>
      <c r="F13357">
        <v>4</v>
      </c>
      <c r="G13357" t="s">
        <v>0</v>
      </c>
      <c r="H13357" t="s">
        <v>30492</v>
      </c>
      <c r="I13357" t="s">
        <v>30540</v>
      </c>
    </row>
    <row r="13358" spans="1:9">
      <c r="A13358" s="1">
        <v>0.71769869345625092</v>
      </c>
      <c r="B13358" s="1"/>
      <c r="C13358">
        <v>5</v>
      </c>
      <c r="D13358" t="s">
        <v>30495</v>
      </c>
      <c r="E13358" t="s">
        <v>34758</v>
      </c>
      <c r="F13358">
        <v>4</v>
      </c>
      <c r="G13358" t="s">
        <v>2</v>
      </c>
      <c r="H13358" t="s">
        <v>30496</v>
      </c>
      <c r="I13358" t="s">
        <v>30540</v>
      </c>
    </row>
    <row r="13359" spans="1:9">
      <c r="A13359" s="1">
        <v>0.49100946598777695</v>
      </c>
      <c r="B13359" s="1"/>
      <c r="C13359">
        <v>11</v>
      </c>
      <c r="D13359" t="s">
        <v>30487</v>
      </c>
      <c r="E13359" t="s">
        <v>34759</v>
      </c>
      <c r="F13359">
        <v>5</v>
      </c>
      <c r="G13359" t="s">
        <v>0</v>
      </c>
      <c r="H13359" t="s">
        <v>30488</v>
      </c>
      <c r="I13359" t="s">
        <v>30540</v>
      </c>
    </row>
    <row r="13360" spans="1:9">
      <c r="A13360" s="1">
        <v>0.39091658890260861</v>
      </c>
      <c r="B13360" s="1"/>
      <c r="C13360">
        <v>4</v>
      </c>
      <c r="D13360" t="s">
        <v>30485</v>
      </c>
      <c r="E13360" t="s">
        <v>34759</v>
      </c>
      <c r="F13360">
        <v>4</v>
      </c>
      <c r="G13360" t="s">
        <v>0</v>
      </c>
      <c r="H13360" t="s">
        <v>30486</v>
      </c>
      <c r="I13360" t="s">
        <v>30540</v>
      </c>
    </row>
    <row r="13361" spans="1:9">
      <c r="A13361" s="1">
        <v>0.68792017948017814</v>
      </c>
      <c r="B13361" s="1"/>
      <c r="C13361">
        <v>1</v>
      </c>
      <c r="D13361" t="s">
        <v>30483</v>
      </c>
      <c r="E13361" t="s">
        <v>34759</v>
      </c>
      <c r="F13361">
        <v>4</v>
      </c>
      <c r="G13361" t="s">
        <v>10</v>
      </c>
      <c r="H13361" t="s">
        <v>30484</v>
      </c>
      <c r="I13361" t="s">
        <v>30540</v>
      </c>
    </row>
    <row r="13362" spans="1:9">
      <c r="A13362" s="1">
        <v>0.82365689356920735</v>
      </c>
      <c r="B13362" s="1"/>
      <c r="C13362">
        <v>9</v>
      </c>
      <c r="D13362" t="s">
        <v>30479</v>
      </c>
      <c r="E13362" t="s">
        <v>34760</v>
      </c>
      <c r="F13362">
        <v>5</v>
      </c>
      <c r="G13362" t="s">
        <v>1</v>
      </c>
      <c r="H13362" t="s">
        <v>30480</v>
      </c>
      <c r="I13362" t="s">
        <v>30540</v>
      </c>
    </row>
    <row r="13363" spans="1:9">
      <c r="A13363" s="1">
        <v>0.69890533719686976</v>
      </c>
      <c r="B13363" s="1"/>
      <c r="C13363">
        <v>10</v>
      </c>
      <c r="D13363" t="s">
        <v>30481</v>
      </c>
      <c r="E13363" t="s">
        <v>34760</v>
      </c>
      <c r="F13363">
        <v>5</v>
      </c>
      <c r="G13363" t="s">
        <v>0</v>
      </c>
      <c r="H13363" t="s">
        <v>30482</v>
      </c>
      <c r="I13363" t="s">
        <v>30540</v>
      </c>
    </row>
    <row r="13364" spans="1:9">
      <c r="A13364" s="1">
        <v>0.793584420171496</v>
      </c>
      <c r="B13364" s="1"/>
      <c r="C13364">
        <v>13</v>
      </c>
      <c r="D13364" t="s">
        <v>30475</v>
      </c>
      <c r="E13364" t="s">
        <v>34761</v>
      </c>
      <c r="F13364">
        <v>4</v>
      </c>
      <c r="G13364" t="s">
        <v>0</v>
      </c>
      <c r="H13364" t="s">
        <v>30476</v>
      </c>
      <c r="I13364" t="s">
        <v>30540</v>
      </c>
    </row>
    <row r="13365" spans="1:9">
      <c r="A13365" s="1">
        <v>0.19905596744940901</v>
      </c>
      <c r="B13365" s="1"/>
      <c r="C13365">
        <v>11</v>
      </c>
      <c r="D13365" t="s">
        <v>30473</v>
      </c>
      <c r="E13365" t="s">
        <v>34761</v>
      </c>
      <c r="F13365">
        <v>4</v>
      </c>
      <c r="G13365" t="s">
        <v>0</v>
      </c>
      <c r="H13365" t="s">
        <v>30474</v>
      </c>
      <c r="I13365" t="s">
        <v>30540</v>
      </c>
    </row>
    <row r="13366" spans="1:9">
      <c r="A13366" s="1">
        <v>7.6258005030971354E-4</v>
      </c>
      <c r="B13366" s="1"/>
      <c r="C13366">
        <v>3</v>
      </c>
      <c r="D13366" t="s">
        <v>30471</v>
      </c>
      <c r="E13366" t="s">
        <v>34761</v>
      </c>
      <c r="F13366">
        <v>4</v>
      </c>
      <c r="G13366" t="s">
        <v>0</v>
      </c>
      <c r="H13366" t="s">
        <v>30472</v>
      </c>
      <c r="I13366" t="s">
        <v>30540</v>
      </c>
    </row>
    <row r="13367" spans="1:9">
      <c r="A13367" s="1">
        <v>0.17024239292621757</v>
      </c>
      <c r="B13367" s="1"/>
      <c r="C13367">
        <v>17</v>
      </c>
      <c r="D13367" t="s">
        <v>30477</v>
      </c>
      <c r="E13367" t="s">
        <v>34761</v>
      </c>
      <c r="F13367">
        <v>4</v>
      </c>
      <c r="G13367" t="s">
        <v>9</v>
      </c>
      <c r="H13367" t="s">
        <v>30478</v>
      </c>
      <c r="I13367" t="s">
        <v>30540</v>
      </c>
    </row>
    <row r="13368" spans="1:9">
      <c r="A13368" s="1">
        <v>0.11381147530112556</v>
      </c>
      <c r="B13368" s="1"/>
      <c r="C13368">
        <v>2</v>
      </c>
      <c r="D13368" t="s">
        <v>30469</v>
      </c>
      <c r="E13368" t="s">
        <v>34761</v>
      </c>
      <c r="F13368">
        <v>4</v>
      </c>
      <c r="G13368" t="s">
        <v>0</v>
      </c>
      <c r="H13368" t="s">
        <v>30470</v>
      </c>
      <c r="I13368" t="s">
        <v>30540</v>
      </c>
    </row>
    <row r="13369" spans="1:9">
      <c r="A13369" s="1">
        <v>0.95178537785107831</v>
      </c>
      <c r="B13369" s="1"/>
      <c r="C13369">
        <v>7</v>
      </c>
      <c r="D13369" t="s">
        <v>30463</v>
      </c>
      <c r="E13369" t="s">
        <v>34762</v>
      </c>
      <c r="F13369">
        <v>4</v>
      </c>
      <c r="G13369" t="s">
        <v>0</v>
      </c>
      <c r="H13369" t="s">
        <v>30464</v>
      </c>
      <c r="I13369" t="s">
        <v>30540</v>
      </c>
    </row>
    <row r="13370" spans="1:9">
      <c r="A13370" s="1">
        <v>0.7473986606343257</v>
      </c>
      <c r="B13370" s="1"/>
      <c r="C13370">
        <v>10</v>
      </c>
      <c r="D13370" t="s">
        <v>30465</v>
      </c>
      <c r="E13370" t="s">
        <v>34762</v>
      </c>
      <c r="F13370">
        <v>4</v>
      </c>
      <c r="G13370" t="s">
        <v>0</v>
      </c>
      <c r="H13370" t="s">
        <v>30466</v>
      </c>
      <c r="I13370" t="s">
        <v>30540</v>
      </c>
    </row>
    <row r="13371" spans="1:9">
      <c r="A13371" s="1">
        <v>0.21038350118227211</v>
      </c>
      <c r="B13371" s="1"/>
      <c r="C13371">
        <v>5</v>
      </c>
      <c r="D13371" t="s">
        <v>30461</v>
      </c>
      <c r="E13371" t="s">
        <v>34762</v>
      </c>
      <c r="F13371">
        <v>4</v>
      </c>
      <c r="G13371" t="s">
        <v>9</v>
      </c>
      <c r="H13371" t="s">
        <v>30462</v>
      </c>
      <c r="I13371" t="s">
        <v>30540</v>
      </c>
    </row>
    <row r="13372" spans="1:9">
      <c r="A13372" s="1">
        <v>0.19849294679924123</v>
      </c>
      <c r="B13372" s="1"/>
      <c r="C13372">
        <v>18</v>
      </c>
      <c r="D13372" t="s">
        <v>30467</v>
      </c>
      <c r="E13372" t="s">
        <v>34762</v>
      </c>
      <c r="F13372">
        <v>3</v>
      </c>
      <c r="G13372" t="s">
        <v>0</v>
      </c>
      <c r="H13372" t="s">
        <v>30468</v>
      </c>
      <c r="I13372" t="s">
        <v>30540</v>
      </c>
    </row>
    <row r="13373" spans="1:9">
      <c r="A13373" s="1">
        <v>0.6437875152650151</v>
      </c>
      <c r="B13373" s="1"/>
      <c r="C13373">
        <v>1</v>
      </c>
      <c r="D13373" t="s">
        <v>30449</v>
      </c>
      <c r="E13373" t="s">
        <v>34763</v>
      </c>
      <c r="F13373">
        <v>5</v>
      </c>
      <c r="G13373" t="s">
        <v>2</v>
      </c>
      <c r="H13373" t="s">
        <v>30450</v>
      </c>
      <c r="I13373" t="s">
        <v>30540</v>
      </c>
    </row>
    <row r="13374" spans="1:9">
      <c r="A13374" s="1">
        <v>0.66728281284141389</v>
      </c>
      <c r="B13374" s="1"/>
      <c r="C13374">
        <v>3</v>
      </c>
      <c r="D13374" t="s">
        <v>30451</v>
      </c>
      <c r="E13374" t="s">
        <v>34763</v>
      </c>
      <c r="F13374">
        <v>5</v>
      </c>
      <c r="G13374" t="s">
        <v>14</v>
      </c>
      <c r="H13374" t="s">
        <v>30452</v>
      </c>
      <c r="I13374" t="s">
        <v>30540</v>
      </c>
    </row>
    <row r="13375" spans="1:9">
      <c r="A13375" s="1">
        <v>0.29742656350587304</v>
      </c>
      <c r="B13375" s="1"/>
      <c r="C13375">
        <v>13</v>
      </c>
      <c r="D13375" t="s">
        <v>30459</v>
      </c>
      <c r="E13375" t="s">
        <v>34763</v>
      </c>
      <c r="F13375">
        <v>4</v>
      </c>
      <c r="G13375" t="s">
        <v>0</v>
      </c>
      <c r="H13375" t="s">
        <v>30460</v>
      </c>
      <c r="I13375" t="s">
        <v>30540</v>
      </c>
    </row>
    <row r="13376" spans="1:9">
      <c r="A13376" s="1">
        <v>0.60706718609262156</v>
      </c>
      <c r="B13376" s="1"/>
      <c r="C13376">
        <v>5</v>
      </c>
      <c r="D13376" t="s">
        <v>30453</v>
      </c>
      <c r="E13376" t="s">
        <v>34763</v>
      </c>
      <c r="F13376">
        <v>4</v>
      </c>
      <c r="G13376" t="s">
        <v>9</v>
      </c>
      <c r="H13376" t="s">
        <v>30454</v>
      </c>
      <c r="I13376" t="s">
        <v>30540</v>
      </c>
    </row>
    <row r="13377" spans="1:9">
      <c r="A13377" s="1">
        <v>0.75905870208406856</v>
      </c>
      <c r="B13377" s="1"/>
      <c r="C13377">
        <v>12</v>
      </c>
      <c r="D13377" t="s">
        <v>30457</v>
      </c>
      <c r="E13377" t="s">
        <v>34763</v>
      </c>
      <c r="F13377">
        <v>4</v>
      </c>
      <c r="G13377" t="s">
        <v>1</v>
      </c>
      <c r="H13377" t="s">
        <v>30458</v>
      </c>
      <c r="I13377" t="s">
        <v>30540</v>
      </c>
    </row>
    <row r="13378" spans="1:9">
      <c r="A13378" s="1">
        <v>0.44108203052467998</v>
      </c>
      <c r="B13378" s="1"/>
      <c r="C13378">
        <v>11</v>
      </c>
      <c r="D13378" t="s">
        <v>30443</v>
      </c>
      <c r="E13378" t="s">
        <v>34764</v>
      </c>
      <c r="F13378">
        <v>5</v>
      </c>
      <c r="G13378" t="s">
        <v>0</v>
      </c>
      <c r="H13378" t="s">
        <v>30444</v>
      </c>
      <c r="I13378" t="s">
        <v>30540</v>
      </c>
    </row>
    <row r="13379" spans="1:9">
      <c r="A13379" s="1">
        <v>0.70324511266893386</v>
      </c>
      <c r="B13379" s="1"/>
      <c r="C13379">
        <v>15</v>
      </c>
      <c r="D13379" t="s">
        <v>30447</v>
      </c>
      <c r="E13379" t="s">
        <v>34764</v>
      </c>
      <c r="F13379">
        <v>5</v>
      </c>
      <c r="G13379" t="s">
        <v>13</v>
      </c>
      <c r="H13379" t="s">
        <v>30448</v>
      </c>
      <c r="I13379" t="s">
        <v>30540</v>
      </c>
    </row>
    <row r="13380" spans="1:9">
      <c r="A13380" s="1">
        <v>0.29487530745024715</v>
      </c>
      <c r="B13380" s="1"/>
      <c r="C13380">
        <v>7</v>
      </c>
      <c r="D13380" t="s">
        <v>30441</v>
      </c>
      <c r="E13380" t="s">
        <v>34764</v>
      </c>
      <c r="F13380">
        <v>4</v>
      </c>
      <c r="G13380" t="s">
        <v>0</v>
      </c>
      <c r="H13380" t="s">
        <v>30442</v>
      </c>
      <c r="I13380" t="s">
        <v>30540</v>
      </c>
    </row>
    <row r="13381" spans="1:9">
      <c r="A13381" s="1">
        <v>0.36122884295571445</v>
      </c>
      <c r="B13381" s="1"/>
      <c r="C13381">
        <v>1</v>
      </c>
      <c r="D13381" t="s">
        <v>30437</v>
      </c>
      <c r="E13381" t="s">
        <v>34764</v>
      </c>
      <c r="F13381">
        <v>4</v>
      </c>
      <c r="G13381" t="s">
        <v>15</v>
      </c>
      <c r="H13381" t="s">
        <v>30438</v>
      </c>
      <c r="I13381" t="s">
        <v>30540</v>
      </c>
    </row>
    <row r="13382" spans="1:9">
      <c r="A13382" s="1">
        <v>0.67420767411977678</v>
      </c>
      <c r="B13382" s="1"/>
      <c r="C13382">
        <v>5</v>
      </c>
      <c r="D13382" t="s">
        <v>30439</v>
      </c>
      <c r="E13382" t="s">
        <v>34764</v>
      </c>
      <c r="F13382">
        <v>3</v>
      </c>
      <c r="G13382" t="s">
        <v>0</v>
      </c>
      <c r="H13382" t="s">
        <v>30440</v>
      </c>
      <c r="I13382" t="s">
        <v>30540</v>
      </c>
    </row>
    <row r="13383" spans="1:9">
      <c r="A13383" s="1">
        <v>0.10166342941351048</v>
      </c>
      <c r="B13383" s="1"/>
      <c r="C13383">
        <v>3</v>
      </c>
      <c r="D13383" t="s">
        <v>30427</v>
      </c>
      <c r="E13383" t="s">
        <v>34765</v>
      </c>
      <c r="F13383">
        <v>5</v>
      </c>
      <c r="G13383" t="s">
        <v>0</v>
      </c>
      <c r="H13383" t="s">
        <v>30428</v>
      </c>
      <c r="I13383" t="s">
        <v>30540</v>
      </c>
    </row>
    <row r="13384" spans="1:9">
      <c r="A13384" s="1">
        <v>0.23013486326467836</v>
      </c>
      <c r="B13384" s="1"/>
      <c r="C13384">
        <v>12</v>
      </c>
      <c r="D13384" t="s">
        <v>30429</v>
      </c>
      <c r="E13384" t="s">
        <v>34765</v>
      </c>
      <c r="F13384">
        <v>5</v>
      </c>
      <c r="G13384" t="s">
        <v>15</v>
      </c>
      <c r="H13384" t="s">
        <v>30430</v>
      </c>
      <c r="I13384" t="s">
        <v>30540</v>
      </c>
    </row>
    <row r="13385" spans="1:9">
      <c r="A13385" s="1">
        <v>0.75904294448497711</v>
      </c>
      <c r="B13385" s="1"/>
      <c r="C13385">
        <v>18</v>
      </c>
      <c r="D13385" t="s">
        <v>30435</v>
      </c>
      <c r="E13385" t="s">
        <v>34765</v>
      </c>
      <c r="F13385">
        <v>4</v>
      </c>
      <c r="G13385" t="s">
        <v>0</v>
      </c>
      <c r="H13385" t="s">
        <v>30436</v>
      </c>
      <c r="I13385" t="s">
        <v>30540</v>
      </c>
    </row>
    <row r="13386" spans="1:9">
      <c r="A13386" s="1">
        <v>0.66990989474014262</v>
      </c>
      <c r="B13386" s="1"/>
      <c r="C13386">
        <v>13</v>
      </c>
      <c r="D13386" t="s">
        <v>30431</v>
      </c>
      <c r="E13386" t="s">
        <v>34765</v>
      </c>
      <c r="F13386">
        <v>4</v>
      </c>
      <c r="G13386" t="s">
        <v>0</v>
      </c>
      <c r="H13386" t="s">
        <v>30432</v>
      </c>
      <c r="I13386" t="s">
        <v>30540</v>
      </c>
    </row>
    <row r="13387" spans="1:9">
      <c r="A13387" s="1">
        <v>0.30364332283241313</v>
      </c>
      <c r="B13387" s="1"/>
      <c r="C13387">
        <v>14</v>
      </c>
      <c r="D13387" t="s">
        <v>30433</v>
      </c>
      <c r="E13387" t="s">
        <v>34765</v>
      </c>
      <c r="F13387">
        <v>4</v>
      </c>
      <c r="G13387" t="s">
        <v>0</v>
      </c>
      <c r="H13387" t="s">
        <v>30434</v>
      </c>
      <c r="I13387" t="s">
        <v>30540</v>
      </c>
    </row>
    <row r="13388" spans="1:9">
      <c r="A13388" s="1">
        <v>0.53401844629641126</v>
      </c>
      <c r="B13388" s="1"/>
      <c r="C13388">
        <v>12</v>
      </c>
      <c r="D13388" t="s">
        <v>30419</v>
      </c>
      <c r="E13388" t="s">
        <v>34766</v>
      </c>
      <c r="F13388">
        <v>5</v>
      </c>
      <c r="G13388" t="s">
        <v>1</v>
      </c>
      <c r="H13388" t="s">
        <v>30420</v>
      </c>
      <c r="I13388" t="s">
        <v>30540</v>
      </c>
    </row>
    <row r="13389" spans="1:9">
      <c r="A13389" s="1">
        <v>0.709488199601505</v>
      </c>
      <c r="B13389" s="1"/>
      <c r="C13389">
        <v>16</v>
      </c>
      <c r="D13389" t="s">
        <v>30423</v>
      </c>
      <c r="E13389" t="s">
        <v>34766</v>
      </c>
      <c r="F13389">
        <v>4</v>
      </c>
      <c r="G13389" t="s">
        <v>13</v>
      </c>
      <c r="H13389" t="s">
        <v>30424</v>
      </c>
      <c r="I13389" t="s">
        <v>30540</v>
      </c>
    </row>
    <row r="13390" spans="1:9">
      <c r="A13390" s="1">
        <v>0.77268535289806162</v>
      </c>
      <c r="B13390" s="1"/>
      <c r="C13390">
        <v>14</v>
      </c>
      <c r="D13390" t="s">
        <v>30421</v>
      </c>
      <c r="E13390" t="s">
        <v>34766</v>
      </c>
      <c r="F13390">
        <v>4</v>
      </c>
      <c r="G13390" t="s">
        <v>0</v>
      </c>
      <c r="H13390" t="s">
        <v>30422</v>
      </c>
      <c r="I13390" t="s">
        <v>30540</v>
      </c>
    </row>
    <row r="13391" spans="1:9">
      <c r="A13391" s="1">
        <v>0.26900863105643169</v>
      </c>
      <c r="B13391" s="1"/>
      <c r="C13391">
        <v>4</v>
      </c>
      <c r="D13391" t="s">
        <v>30417</v>
      </c>
      <c r="E13391" t="s">
        <v>34766</v>
      </c>
      <c r="F13391">
        <v>3</v>
      </c>
      <c r="G13391" t="s">
        <v>0</v>
      </c>
      <c r="H13391" t="s">
        <v>30418</v>
      </c>
      <c r="I13391" t="s">
        <v>30540</v>
      </c>
    </row>
    <row r="13392" spans="1:9">
      <c r="A13392" s="1">
        <v>0.62875741450363887</v>
      </c>
      <c r="B13392" s="1"/>
      <c r="C13392">
        <v>17</v>
      </c>
      <c r="D13392" t="s">
        <v>30425</v>
      </c>
      <c r="E13392" t="s">
        <v>34766</v>
      </c>
      <c r="F13392">
        <v>3</v>
      </c>
      <c r="G13392" t="s">
        <v>0</v>
      </c>
      <c r="H13392" t="s">
        <v>30426</v>
      </c>
      <c r="I13392" t="s">
        <v>30540</v>
      </c>
    </row>
    <row r="13393" spans="1:9">
      <c r="A13393" s="1">
        <v>0.5900190338520388</v>
      </c>
      <c r="B13393" s="1"/>
      <c r="C13393">
        <v>15</v>
      </c>
      <c r="D13393" t="s">
        <v>30411</v>
      </c>
      <c r="E13393" t="s">
        <v>34767</v>
      </c>
      <c r="F13393">
        <v>5</v>
      </c>
      <c r="G13393" t="s">
        <v>0</v>
      </c>
      <c r="H13393" t="s">
        <v>30412</v>
      </c>
      <c r="I13393" t="s">
        <v>30540</v>
      </c>
    </row>
    <row r="13394" spans="1:9">
      <c r="A13394" s="1">
        <v>0.69969026175253657</v>
      </c>
      <c r="B13394" s="1"/>
      <c r="C13394">
        <v>20</v>
      </c>
      <c r="D13394" t="s">
        <v>30415</v>
      </c>
      <c r="E13394" t="s">
        <v>34767</v>
      </c>
      <c r="F13394">
        <v>4</v>
      </c>
      <c r="G13394" t="s">
        <v>0</v>
      </c>
      <c r="H13394" t="s">
        <v>30416</v>
      </c>
      <c r="I13394" t="s">
        <v>30540</v>
      </c>
    </row>
    <row r="13395" spans="1:9">
      <c r="A13395" s="1">
        <v>0.94635955485096179</v>
      </c>
      <c r="B13395" s="1"/>
      <c r="C13395">
        <v>10</v>
      </c>
      <c r="D13395" t="s">
        <v>30405</v>
      </c>
      <c r="E13395" t="s">
        <v>34768</v>
      </c>
      <c r="F13395">
        <v>5</v>
      </c>
      <c r="G13395" t="s">
        <v>0</v>
      </c>
      <c r="H13395" t="s">
        <v>30406</v>
      </c>
      <c r="I13395" t="s">
        <v>30540</v>
      </c>
    </row>
    <row r="13396" spans="1:9">
      <c r="A13396" s="1">
        <v>0.6862421355240087</v>
      </c>
      <c r="B13396" s="1"/>
      <c r="C13396">
        <v>17</v>
      </c>
      <c r="D13396" t="s">
        <v>30407</v>
      </c>
      <c r="E13396" t="s">
        <v>34768</v>
      </c>
      <c r="F13396">
        <v>4</v>
      </c>
      <c r="G13396" t="s">
        <v>0</v>
      </c>
      <c r="H13396" t="s">
        <v>30408</v>
      </c>
      <c r="I13396" t="s">
        <v>30540</v>
      </c>
    </row>
    <row r="13397" spans="1:9">
      <c r="A13397" s="1">
        <v>0.3544257534814359</v>
      </c>
      <c r="B13397" s="1"/>
      <c r="C13397">
        <v>8</v>
      </c>
      <c r="D13397" t="s">
        <v>30403</v>
      </c>
      <c r="E13397" t="s">
        <v>34768</v>
      </c>
      <c r="F13397">
        <v>3</v>
      </c>
      <c r="G13397" t="s">
        <v>0</v>
      </c>
      <c r="H13397" t="s">
        <v>30404</v>
      </c>
      <c r="I13397" t="s">
        <v>30540</v>
      </c>
    </row>
    <row r="13398" spans="1:9">
      <c r="A13398" s="1">
        <v>0.19434497032119791</v>
      </c>
      <c r="B13398" s="1"/>
      <c r="C13398">
        <v>2</v>
      </c>
      <c r="D13398" t="s">
        <v>30399</v>
      </c>
      <c r="E13398" t="s">
        <v>34769</v>
      </c>
      <c r="F13398">
        <v>4</v>
      </c>
      <c r="G13398" t="s">
        <v>15</v>
      </c>
      <c r="H13398" t="s">
        <v>30400</v>
      </c>
      <c r="I13398" t="s">
        <v>30540</v>
      </c>
    </row>
    <row r="13399" spans="1:9">
      <c r="A13399" s="1">
        <v>0.76977176409339343</v>
      </c>
      <c r="B13399" s="1"/>
      <c r="C13399">
        <v>10</v>
      </c>
      <c r="D13399" t="s">
        <v>30395</v>
      </c>
      <c r="E13399" t="s">
        <v>34770</v>
      </c>
      <c r="F13399">
        <v>4</v>
      </c>
      <c r="G13399" t="s">
        <v>0</v>
      </c>
      <c r="H13399" t="s">
        <v>30396</v>
      </c>
      <c r="I13399" t="s">
        <v>30540</v>
      </c>
    </row>
    <row r="13400" spans="1:9">
      <c r="A13400" s="1">
        <v>0.21672568522018543</v>
      </c>
      <c r="B13400" s="1"/>
      <c r="C13400">
        <v>13</v>
      </c>
      <c r="D13400" t="s">
        <v>30397</v>
      </c>
      <c r="E13400" t="s">
        <v>34770</v>
      </c>
      <c r="F13400">
        <v>4</v>
      </c>
      <c r="G13400" t="s">
        <v>0</v>
      </c>
      <c r="H13400" t="s">
        <v>30398</v>
      </c>
      <c r="I13400" t="s">
        <v>30540</v>
      </c>
    </row>
    <row r="13401" spans="1:9">
      <c r="A13401" s="1">
        <v>0.91961782134374537</v>
      </c>
      <c r="B13401" s="1"/>
      <c r="C13401">
        <v>9</v>
      </c>
      <c r="D13401" t="s">
        <v>30387</v>
      </c>
      <c r="E13401" t="s">
        <v>34771</v>
      </c>
      <c r="F13401">
        <v>5</v>
      </c>
      <c r="G13401" t="s">
        <v>9</v>
      </c>
      <c r="H13401" t="s">
        <v>30388</v>
      </c>
      <c r="I13401" t="s">
        <v>30540</v>
      </c>
    </row>
    <row r="13402" spans="1:9">
      <c r="A13402" s="1">
        <v>0.97676623489988657</v>
      </c>
      <c r="B13402" s="1"/>
      <c r="C13402">
        <v>12</v>
      </c>
      <c r="D13402" t="s">
        <v>30391</v>
      </c>
      <c r="E13402" t="s">
        <v>34771</v>
      </c>
      <c r="F13402">
        <v>5</v>
      </c>
      <c r="G13402" t="s">
        <v>0</v>
      </c>
      <c r="H13402" t="s">
        <v>30392</v>
      </c>
      <c r="I13402" t="s">
        <v>30540</v>
      </c>
    </row>
    <row r="13403" spans="1:9">
      <c r="A13403" s="1">
        <v>0.25487623599334852</v>
      </c>
      <c r="B13403" s="1"/>
      <c r="C13403">
        <v>4</v>
      </c>
      <c r="D13403" t="s">
        <v>30385</v>
      </c>
      <c r="E13403" t="s">
        <v>34771</v>
      </c>
      <c r="F13403">
        <v>3</v>
      </c>
      <c r="G13403" t="s">
        <v>0</v>
      </c>
      <c r="H13403" t="s">
        <v>30386</v>
      </c>
      <c r="I13403" t="s">
        <v>30540</v>
      </c>
    </row>
    <row r="13404" spans="1:9">
      <c r="A13404" s="1">
        <v>0.23684879167425466</v>
      </c>
      <c r="B13404" s="1"/>
      <c r="C13404">
        <v>11</v>
      </c>
      <c r="D13404" t="s">
        <v>30389</v>
      </c>
      <c r="E13404" t="s">
        <v>34771</v>
      </c>
      <c r="F13404">
        <v>3</v>
      </c>
      <c r="G13404" t="s">
        <v>0</v>
      </c>
      <c r="H13404" t="s">
        <v>30390</v>
      </c>
      <c r="I13404" t="s">
        <v>30540</v>
      </c>
    </row>
    <row r="13405" spans="1:9">
      <c r="A13405" s="1">
        <v>0.57311506432525738</v>
      </c>
      <c r="B13405" s="1"/>
      <c r="C13405">
        <v>18</v>
      </c>
      <c r="D13405" t="s">
        <v>30383</v>
      </c>
      <c r="E13405" t="s">
        <v>34772</v>
      </c>
      <c r="F13405">
        <v>4</v>
      </c>
      <c r="G13405" t="s">
        <v>0</v>
      </c>
      <c r="H13405" t="s">
        <v>30384</v>
      </c>
      <c r="I13405" t="s">
        <v>30540</v>
      </c>
    </row>
    <row r="13406" spans="1:9">
      <c r="A13406" s="1">
        <v>0.54884815182201452</v>
      </c>
      <c r="B13406" s="1"/>
      <c r="C13406">
        <v>16</v>
      </c>
      <c r="D13406" t="s">
        <v>30381</v>
      </c>
      <c r="E13406" t="s">
        <v>34772</v>
      </c>
      <c r="F13406">
        <v>4</v>
      </c>
      <c r="G13406" t="s">
        <v>2</v>
      </c>
      <c r="H13406" t="s">
        <v>30382</v>
      </c>
      <c r="I13406" t="s">
        <v>30540</v>
      </c>
    </row>
    <row r="13407" spans="1:9">
      <c r="A13407" s="1">
        <v>0.72733480475938839</v>
      </c>
      <c r="B13407" s="1"/>
      <c r="C13407">
        <v>14</v>
      </c>
      <c r="D13407" t="s">
        <v>30379</v>
      </c>
      <c r="E13407" t="s">
        <v>34772</v>
      </c>
      <c r="F13407">
        <v>3</v>
      </c>
      <c r="G13407" t="s">
        <v>0</v>
      </c>
      <c r="H13407" t="s">
        <v>30380</v>
      </c>
      <c r="I13407" t="s">
        <v>30540</v>
      </c>
    </row>
    <row r="13408" spans="1:9">
      <c r="A13408" s="1">
        <v>0.80863955116390118</v>
      </c>
      <c r="B13408" s="1"/>
    </row>
    <row r="13409" spans="1:2">
      <c r="A13409" s="1">
        <v>3.3887224042759345E-2</v>
      </c>
      <c r="B13409" s="1"/>
    </row>
    <row r="13410" spans="1:2">
      <c r="A13410" s="1">
        <v>0.78848072978714911</v>
      </c>
      <c r="B13410" s="1"/>
    </row>
    <row r="13411" spans="1:2">
      <c r="A13411" s="1">
        <v>0.59342747110204586</v>
      </c>
      <c r="B13411" s="1"/>
    </row>
    <row r="13412" spans="1:2">
      <c r="A13412" s="1">
        <v>0.68205680981376704</v>
      </c>
      <c r="B13412" s="1"/>
    </row>
    <row r="13413" spans="1:2">
      <c r="A13413" s="1">
        <v>0.32679932845939119</v>
      </c>
      <c r="B13413" s="1"/>
    </row>
    <row r="13414" spans="1:2">
      <c r="A13414" s="1">
        <v>0.14974237251644407</v>
      </c>
      <c r="B13414" s="1"/>
    </row>
    <row r="13415" spans="1:2">
      <c r="A13415" s="1">
        <v>0.67883455507203661</v>
      </c>
      <c r="B13415" s="1"/>
    </row>
  </sheetData>
  <sortState ref="A2:I13415">
    <sortCondition ref="E2:E13415"/>
  </sortState>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3</vt:i4>
      </vt:variant>
    </vt:vector>
  </HeadingPairs>
  <TitlesOfParts>
    <vt:vector size="3" baseType="lpstr">
      <vt:lpstr>Sheet2</vt:lpstr>
      <vt:lpstr>Neg</vt:lpstr>
      <vt:lpstr>Po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CHEN, Qian</cp:lastModifiedBy>
  <dcterms:created xsi:type="dcterms:W3CDTF">2019-03-13T13:30:10Z</dcterms:created>
  <dcterms:modified xsi:type="dcterms:W3CDTF">2019-04-15T12:40:30Z</dcterms:modified>
</cp:coreProperties>
</file>